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07412\Desktop\契約条項及び添付書類（R3.4.1）\工事請負\添付書類\"/>
    </mc:Choice>
  </mc:AlternateContent>
  <bookViews>
    <workbookView xWindow="0" yWindow="0" windowWidth="20490" windowHeight="6825"/>
  </bookViews>
  <sheets>
    <sheet name="工技 (R3.4.1以降)" sheetId="1" r:id="rId1"/>
  </sheets>
  <externalReferences>
    <externalReference r:id="rId2"/>
  </externalReferences>
  <definedNames>
    <definedName name="a">[1]A!$I$9:$KG$420</definedName>
    <definedName name="af">[1]A!$JD$3:$JN$4</definedName>
    <definedName name="aj">[1]定義!$C$2:$D$26</definedName>
    <definedName name="as">[1]A!$GD$1:$GE$4</definedName>
    <definedName name="b">[1]B!$B$5:$BD$3541</definedName>
    <definedName name="dd">[1]連!$S$4:$S$103</definedName>
    <definedName name="dddd">[1]B!$CR$5:$CY$1597</definedName>
    <definedName name="de">[1]連!$O$5:$P$553</definedName>
    <definedName name="df">[1]連!$R$4:$R$553</definedName>
    <definedName name="e">[1]A!$E$9:$E$420</definedName>
    <definedName name="ea">[1]A!$JD$9:$JD$420</definedName>
    <definedName name="eb">[1]A!$JE$9:$JE$420</definedName>
    <definedName name="ec">[1]A!$JF$9:$JF$420</definedName>
    <definedName name="ed">[1]A!$JG$9:$JG$420</definedName>
    <definedName name="ef">[1]A!$JH$9:$JH$420</definedName>
    <definedName name="eg">[1]A!$JI$9:$JI$420</definedName>
    <definedName name="eh">[1]A!$JJ$9:$JJ$420</definedName>
    <definedName name="ei">[1]A!$JK$9:$JK$420</definedName>
    <definedName name="ej">[1]A!$JL$9:$JL$420</definedName>
    <definedName name="ek">[1]A!$JM$9:$JM$420</definedName>
    <definedName name="el">[1]A!$JN$9:$JN$420</definedName>
    <definedName name="em">[1]A!$JO$9:$JO$420</definedName>
    <definedName name="en">[1]A!$JP$9:$JP$420</definedName>
    <definedName name="eo">[1]A!$JQ$9:$JQ$420</definedName>
    <definedName name="ep">[1]A!$JR$9:$JR$420</definedName>
    <definedName name="eq">[1]A!$JS$9:$JS$420</definedName>
    <definedName name="er">[1]A!$JT$9:$JT$420</definedName>
    <definedName name="es">[1]A!$JU$9:$JU$420</definedName>
    <definedName name="et">[1]A!$JV$9:$JV$420</definedName>
    <definedName name="eu">[1]A!$JW$9:$JW$420</definedName>
    <definedName name="ev">[1]A!$JX$9:$JX$420</definedName>
    <definedName name="ew">[1]A!$JY$9:$JY$420</definedName>
    <definedName name="f">[1]A!$D$9:$D$420</definedName>
    <definedName name="g">[1]A!$C$9:$C$420</definedName>
    <definedName name="go">[1]技!$A$3:$B$48</definedName>
    <definedName name="ｈ">[1]封!$B$2:$B$77</definedName>
    <definedName name="i">[1]封!$A$2:$C$77</definedName>
    <definedName name="ia">[1]一!$A$3:$D$122</definedName>
    <definedName name="id">[1]一!$F$3:$F$122</definedName>
    <definedName name="ie">[1]一!$I$3:$I$122</definedName>
    <definedName name="ih">[1]一!$G$3:$G$122</definedName>
    <definedName name="iii">[1]委!$A$38:$B$47</definedName>
    <definedName name="iis">[1]委!$A$14:$B$18</definedName>
    <definedName name="ik">[1]一!$E$3:$E$122</definedName>
    <definedName name="ika">[1]一!$H$3:$H$122</definedName>
    <definedName name="ike">[1]一!$U$3:$U$122</definedName>
    <definedName name="il">[1]一!$V$3:$V$122</definedName>
    <definedName name="is">[1]一!$L$3:$L$122</definedName>
    <definedName name="it">[1]一!$K$3:$K$122</definedName>
    <definedName name="iz">[1]一!$J$3:$J$122</definedName>
    <definedName name="j">[1]連!$A$4:$B$83</definedName>
    <definedName name="kei">[1]定義!$M$29:$T$44</definedName>
    <definedName name="keii">[1]定義!$M$46:$T$61</definedName>
    <definedName name="ｌ">[1]結!$I$6:$I$405</definedName>
    <definedName name="m">[1]結!$H$6:$H$405</definedName>
    <definedName name="n">[1]結!$K$6:$K$405</definedName>
    <definedName name="nit">[1]日!$C$1:$DO$47</definedName>
    <definedName name="p">[1]結!$L$6:$M$405</definedName>
    <definedName name="sj">[1]定義!$F$29:$I$38</definedName>
    <definedName name="stb">'[1]停test (2)'!$AA$6:$AE$75</definedName>
    <definedName name="stc">'[1]停test (2)'!$O$6:$S$75</definedName>
    <definedName name="stg">'[1]停test (2)'!$U$6:$Y$89</definedName>
    <definedName name="stt">'[1]停 (2)'!$E$5:$DM$503</definedName>
    <definedName name="syu">[1]定義!$C$28:$C$51</definedName>
    <definedName name="w">[1]A!$CH$9:$CH$420</definedName>
    <definedName name="wd">[1]A!$A$1:$B$8</definedName>
    <definedName name="wf">[1]技!$E$3:$E$402</definedName>
    <definedName name="wg">[1]技!$F$3:$F$402</definedName>
    <definedName name="wh">[1]技!$B$3:$D$402</definedName>
    <definedName name="X">[1]A!$A$10:$B$20</definedName>
    <definedName name="XX">[1]A!$A$21:$B$31</definedName>
    <definedName name="Y">[1]A!$FN$1:$FO$4</definedName>
    <definedName name="ya">[1]Y!$N$1:$T$91</definedName>
    <definedName name="z">[1]A!$FI$1:$FJ$5</definedName>
    <definedName name="Z_AB1057CC_B245_4FFF_8F4F_988B54F6460F_.wvu.PrintArea" localSheetId="0" hidden="1">'工技 (R3.4.1以降)'!$A$1:$J$77</definedName>
    <definedName name="Z_AB1057CC_B245_4FFF_8F4F_988B54F6460F_.wvu.Rows" localSheetId="0" hidden="1">'工技 (R3.4.1以降)'!$6:$6</definedName>
    <definedName name="zb">[1]封!$H$2:$H$41</definedName>
    <definedName name="zc">[1]封!$G$2:$H$41</definedName>
    <definedName name="zs">[1]封!$E$2:$E$41</definedName>
    <definedName name="zt">[1]封!$F$2:$F$4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0" uniqueCount="57">
  <si>
    <t>　　現場代理人及び主任技術者等選任（変更）通知書</t>
    <rPh sb="2" eb="4">
      <t>ゲンバ</t>
    </rPh>
    <rPh sb="4" eb="7">
      <t>ダイリニン</t>
    </rPh>
    <rPh sb="7" eb="8">
      <t>オヨ</t>
    </rPh>
    <rPh sb="9" eb="11">
      <t>シュニン</t>
    </rPh>
    <rPh sb="11" eb="14">
      <t>ギジュツシャ</t>
    </rPh>
    <rPh sb="14" eb="15">
      <t>トウ</t>
    </rPh>
    <rPh sb="15" eb="17">
      <t>センニン</t>
    </rPh>
    <rPh sb="18" eb="20">
      <t>ヘンコウ</t>
    </rPh>
    <rPh sb="21" eb="24">
      <t>ツウチショ</t>
    </rPh>
    <phoneticPr fontId="4"/>
  </si>
  <si>
    <t>伊 丹 市 長 様</t>
    <phoneticPr fontId="10"/>
  </si>
  <si>
    <t>住  所</t>
    <rPh sb="0" eb="1">
      <t>ジュウ</t>
    </rPh>
    <rPh sb="3" eb="4">
      <t>トコロ</t>
    </rPh>
    <phoneticPr fontId="4"/>
  </si>
  <si>
    <t>請負業者名</t>
    <rPh sb="0" eb="2">
      <t>ウケオイ</t>
    </rPh>
    <rPh sb="2" eb="3">
      <t>ギョウ</t>
    </rPh>
    <rPh sb="3" eb="4">
      <t>シャ</t>
    </rPh>
    <rPh sb="4" eb="5">
      <t>メイ</t>
    </rPh>
    <phoneticPr fontId="10"/>
  </si>
  <si>
    <t>代表者</t>
    <rPh sb="0" eb="3">
      <t>ダイヒョウシャ</t>
    </rPh>
    <phoneticPr fontId="4"/>
  </si>
  <si>
    <t>１．請負工事名</t>
    <rPh sb="2" eb="4">
      <t>ウケオイ</t>
    </rPh>
    <rPh sb="4" eb="6">
      <t>コウジ</t>
    </rPh>
    <rPh sb="6" eb="7">
      <t>メイ</t>
    </rPh>
    <phoneticPr fontId="4"/>
  </si>
  <si>
    <t>２．現場代理人</t>
    <rPh sb="2" eb="4">
      <t>ゲンバ</t>
    </rPh>
    <rPh sb="4" eb="7">
      <t>ダイリニン</t>
    </rPh>
    <phoneticPr fontId="4"/>
  </si>
  <si>
    <t>氏　名</t>
    <phoneticPr fontId="10"/>
  </si>
  <si>
    <t>現場代理人の委任除外権限</t>
    <rPh sb="0" eb="2">
      <t>ゲンバ</t>
    </rPh>
    <rPh sb="2" eb="5">
      <t>ダイリニン</t>
    </rPh>
    <rPh sb="6" eb="8">
      <t>イニン</t>
    </rPh>
    <rPh sb="8" eb="10">
      <t>ジョガイ</t>
    </rPh>
    <rPh sb="10" eb="12">
      <t>ケンゲン</t>
    </rPh>
    <phoneticPr fontId="4"/>
  </si>
  <si>
    <t>□現場代理人の兼任あり（下記に記載）　　□現時点における現場代理人の兼任なし</t>
    <rPh sb="1" eb="3">
      <t>ゲンバ</t>
    </rPh>
    <rPh sb="3" eb="6">
      <t>ダイリニン</t>
    </rPh>
    <rPh sb="7" eb="9">
      <t>ケンニン</t>
    </rPh>
    <rPh sb="12" eb="14">
      <t>カキ</t>
    </rPh>
    <rPh sb="15" eb="17">
      <t>キサイ</t>
    </rPh>
    <rPh sb="21" eb="24">
      <t>ゲンジテン</t>
    </rPh>
    <rPh sb="28" eb="33">
      <t>ゲンバダイリニン</t>
    </rPh>
    <rPh sb="34" eb="36">
      <t>ケンニン</t>
    </rPh>
    <phoneticPr fontId="10"/>
  </si>
  <si>
    <t>兼任することとなる</t>
    <rPh sb="0" eb="2">
      <t>ケンニン</t>
    </rPh>
    <phoneticPr fontId="10"/>
  </si>
  <si>
    <t>契約済みの工事件名</t>
    <rPh sb="0" eb="2">
      <t>ケイヤク</t>
    </rPh>
    <rPh sb="2" eb="3">
      <t>ズ</t>
    </rPh>
    <rPh sb="5" eb="7">
      <t>コウジ</t>
    </rPh>
    <rPh sb="7" eb="9">
      <t>ケンメイ</t>
    </rPh>
    <phoneticPr fontId="10"/>
  </si>
  <si>
    <t>工事場所</t>
    <rPh sb="0" eb="2">
      <t>コウジ</t>
    </rPh>
    <rPh sb="2" eb="4">
      <t>バショ</t>
    </rPh>
    <phoneticPr fontId="10"/>
  </si>
  <si>
    <t>伊丹市</t>
    <rPh sb="0" eb="3">
      <t>イタミシ</t>
    </rPh>
    <phoneticPr fontId="10"/>
  </si>
  <si>
    <t>工期</t>
    <rPh sb="0" eb="2">
      <t>コウキ</t>
    </rPh>
    <phoneticPr fontId="10"/>
  </si>
  <si>
    <t>　年　　　月　　　日　～　　　　年　　　月　　　日</t>
    <rPh sb="1" eb="2">
      <t>ネン</t>
    </rPh>
    <rPh sb="5" eb="6">
      <t>ガツ</t>
    </rPh>
    <rPh sb="9" eb="10">
      <t>ニチ</t>
    </rPh>
    <rPh sb="16" eb="17">
      <t>ネン</t>
    </rPh>
    <rPh sb="20" eb="21">
      <t>ガツ</t>
    </rPh>
    <rPh sb="24" eb="25">
      <t>ニチ</t>
    </rPh>
    <phoneticPr fontId="10"/>
  </si>
  <si>
    <r>
      <t xml:space="preserve">請負金額（税込）
</t>
    </r>
    <r>
      <rPr>
        <sz val="9"/>
        <rFont val="ＭＳ 明朝"/>
        <family val="1"/>
        <charset val="128"/>
      </rPr>
      <t>変更したものは変更後金額</t>
    </r>
    <rPh sb="0" eb="2">
      <t>ウケオイ</t>
    </rPh>
    <rPh sb="2" eb="4">
      <t>キンガク</t>
    </rPh>
    <rPh sb="5" eb="7">
      <t>ゼイコ</t>
    </rPh>
    <rPh sb="9" eb="11">
      <t>ヘンコウ</t>
    </rPh>
    <rPh sb="16" eb="18">
      <t>ヘンコウ</t>
    </rPh>
    <rPh sb="18" eb="19">
      <t>ゴ</t>
    </rPh>
    <rPh sb="19" eb="21">
      <t>キンガク</t>
    </rPh>
    <phoneticPr fontId="10"/>
  </si>
  <si>
    <t>円</t>
    <rPh sb="0" eb="1">
      <t>エン</t>
    </rPh>
    <phoneticPr fontId="10"/>
  </si>
  <si>
    <t>工事担当課</t>
    <rPh sb="0" eb="2">
      <t>コウジ</t>
    </rPh>
    <rPh sb="2" eb="4">
      <t>タントウ</t>
    </rPh>
    <rPh sb="4" eb="5">
      <t>カ</t>
    </rPh>
    <phoneticPr fontId="10"/>
  </si>
  <si>
    <t>３．主任技術者（監理技術者）</t>
    <rPh sb="2" eb="4">
      <t>シュニン</t>
    </rPh>
    <rPh sb="4" eb="7">
      <t>ギジュツシャ</t>
    </rPh>
    <rPh sb="8" eb="10">
      <t>カンリ</t>
    </rPh>
    <rPh sb="10" eb="13">
      <t>ギジュツシャ</t>
    </rPh>
    <phoneticPr fontId="4"/>
  </si>
  <si>
    <t>現場配置技術者の専任</t>
    <rPh sb="0" eb="2">
      <t>ゲンバ</t>
    </rPh>
    <rPh sb="2" eb="4">
      <t>ハイチ</t>
    </rPh>
    <rPh sb="4" eb="7">
      <t>ギジュツシャ</t>
    </rPh>
    <rPh sb="8" eb="10">
      <t>センニン</t>
    </rPh>
    <phoneticPr fontId="0"/>
  </si>
  <si>
    <r>
      <rPr>
        <sz val="9"/>
        <rFont val="ＭＳ 明朝"/>
        <family val="1"/>
        <charset val="128"/>
      </rPr>
      <t>※該当する場合はチェックしてください。</t>
    </r>
    <r>
      <rPr>
        <sz val="11"/>
        <rFont val="ＭＳ 明朝"/>
        <family val="1"/>
        <charset val="128"/>
      </rPr>
      <t xml:space="preserve">
</t>
    </r>
    <r>
      <rPr>
        <sz val="10"/>
        <rFont val="ＭＳ 明朝"/>
        <family val="1"/>
        <charset val="128"/>
      </rPr>
      <t>□　建設業法に従い、上記の者を「専任」として本工事に配置する。
□　建設業法に従い、監理技術者補佐を置いた上で上記のものを「兼務」させ
　　て配置する。</t>
    </r>
    <rPh sb="1" eb="3">
      <t>ガイトウ</t>
    </rPh>
    <rPh sb="5" eb="7">
      <t>バアイ</t>
    </rPh>
    <rPh sb="22" eb="25">
      <t>ケンセツギョウ</t>
    </rPh>
    <rPh sb="25" eb="26">
      <t>ホウ</t>
    </rPh>
    <rPh sb="27" eb="28">
      <t>シタガ</t>
    </rPh>
    <rPh sb="30" eb="32">
      <t>ジョウキ</t>
    </rPh>
    <rPh sb="33" eb="34">
      <t>モノ</t>
    </rPh>
    <rPh sb="36" eb="38">
      <t>センニン</t>
    </rPh>
    <rPh sb="46" eb="48">
      <t>ハイチ</t>
    </rPh>
    <rPh sb="54" eb="57">
      <t>ケンセツギョウ</t>
    </rPh>
    <rPh sb="57" eb="58">
      <t>ホウ</t>
    </rPh>
    <rPh sb="59" eb="60">
      <t>シタガ</t>
    </rPh>
    <rPh sb="62" eb="69">
      <t>カンリギジュツシャホサ</t>
    </rPh>
    <rPh sb="70" eb="71">
      <t>オ</t>
    </rPh>
    <rPh sb="73" eb="74">
      <t>ウエ</t>
    </rPh>
    <rPh sb="75" eb="77">
      <t>ジョウキ</t>
    </rPh>
    <rPh sb="82" eb="84">
      <t>ケンム</t>
    </rPh>
    <rPh sb="91" eb="93">
      <t>ハイチ</t>
    </rPh>
    <phoneticPr fontId="11"/>
  </si>
  <si>
    <t>□　主任技術者</t>
    <rPh sb="2" eb="4">
      <t>シュニン</t>
    </rPh>
    <rPh sb="4" eb="7">
      <t>ギジュツシャ</t>
    </rPh>
    <phoneticPr fontId="10"/>
  </si>
  <si>
    <t>□　資格による。　（資格名　　　　　　　　　　　　　　　　　　　　　）</t>
    <phoneticPr fontId="10"/>
  </si>
  <si>
    <t>□　実務経験による。</t>
    <phoneticPr fontId="10"/>
  </si>
  <si>
    <t>□　監理技術者</t>
    <rPh sb="2" eb="4">
      <t>カンリ</t>
    </rPh>
    <rPh sb="4" eb="7">
      <t>ギジュツシャ</t>
    </rPh>
    <phoneticPr fontId="10"/>
  </si>
  <si>
    <t xml:space="preserve"> 資格者証交付番号</t>
    <rPh sb="1" eb="4">
      <t>シカクシャ</t>
    </rPh>
    <rPh sb="4" eb="5">
      <t>ショウ</t>
    </rPh>
    <rPh sb="5" eb="7">
      <t>コウフ</t>
    </rPh>
    <rPh sb="7" eb="9">
      <t>バンゴウ</t>
    </rPh>
    <phoneticPr fontId="10"/>
  </si>
  <si>
    <t>資格者証
交付年月日</t>
    <rPh sb="0" eb="3">
      <t>シカクシャ</t>
    </rPh>
    <rPh sb="3" eb="4">
      <t>ショウ</t>
    </rPh>
    <rPh sb="5" eb="7">
      <t>コウフ</t>
    </rPh>
    <rPh sb="7" eb="10">
      <t>ネンガッピ</t>
    </rPh>
    <phoneticPr fontId="10"/>
  </si>
  <si>
    <t>　  　  　　　年　　　月　　　日</t>
    <phoneticPr fontId="10"/>
  </si>
  <si>
    <t>※監理技術者資格者証</t>
    <rPh sb="1" eb="3">
      <t>カンリ</t>
    </rPh>
    <rPh sb="3" eb="6">
      <t>ギジュツシャ</t>
    </rPh>
    <rPh sb="6" eb="8">
      <t>シカク</t>
    </rPh>
    <rPh sb="9" eb="10">
      <t>ショウ</t>
    </rPh>
    <phoneticPr fontId="10"/>
  </si>
  <si>
    <t xml:space="preserve"> 建設業の種類</t>
    <rPh sb="1" eb="4">
      <t>ケンセツギョウ</t>
    </rPh>
    <rPh sb="5" eb="7">
      <t>シュルイ</t>
    </rPh>
    <phoneticPr fontId="10"/>
  </si>
  <si>
    <t>有する資格</t>
    <rPh sb="0" eb="1">
      <t>ユウ</t>
    </rPh>
    <rPh sb="3" eb="5">
      <t>シカク</t>
    </rPh>
    <phoneticPr fontId="10"/>
  </si>
  <si>
    <t>の写し（両面）及び監</t>
    <rPh sb="1" eb="2">
      <t>ウツ</t>
    </rPh>
    <rPh sb="4" eb="6">
      <t>リョウメン</t>
    </rPh>
    <rPh sb="7" eb="8">
      <t>オヨ</t>
    </rPh>
    <rPh sb="9" eb="10">
      <t>カン</t>
    </rPh>
    <phoneticPr fontId="10"/>
  </si>
  <si>
    <t>理技術者補佐となり得</t>
    <rPh sb="0" eb="1">
      <t>コトワリ</t>
    </rPh>
    <rPh sb="1" eb="4">
      <t>ギジュツシャ</t>
    </rPh>
    <rPh sb="4" eb="6">
      <t>ホサ</t>
    </rPh>
    <rPh sb="9" eb="10">
      <t>ウ</t>
    </rPh>
    <phoneticPr fontId="10"/>
  </si>
  <si>
    <t xml:space="preserve"> ※監理技術者補佐を置き他現場と兼務する場合は下記も記入すること。</t>
    <rPh sb="2" eb="9">
      <t>カンリギジュツシャホサ</t>
    </rPh>
    <rPh sb="10" eb="11">
      <t>オ</t>
    </rPh>
    <rPh sb="12" eb="13">
      <t>タ</t>
    </rPh>
    <rPh sb="13" eb="15">
      <t>ゲンバ</t>
    </rPh>
    <rPh sb="16" eb="18">
      <t>ケンム</t>
    </rPh>
    <rPh sb="20" eb="22">
      <t>バアイ</t>
    </rPh>
    <rPh sb="23" eb="25">
      <t>カキ</t>
    </rPh>
    <rPh sb="26" eb="28">
      <t>キニュウ</t>
    </rPh>
    <phoneticPr fontId="10"/>
  </si>
  <si>
    <t>る資格を証する書類、</t>
    <rPh sb="1" eb="3">
      <t>シカク</t>
    </rPh>
    <rPh sb="4" eb="5">
      <t>ショウ</t>
    </rPh>
    <rPh sb="7" eb="9">
      <t>ショルイ</t>
    </rPh>
    <phoneticPr fontId="10"/>
  </si>
  <si>
    <t>１．監理技術者補佐の氏名</t>
    <rPh sb="2" eb="9">
      <t>カンリギジュツシャホサ</t>
    </rPh>
    <rPh sb="10" eb="12">
      <t>シメイ</t>
    </rPh>
    <phoneticPr fontId="10"/>
  </si>
  <si>
    <t>及び兼務しようとする</t>
    <rPh sb="0" eb="1">
      <t>オヨ</t>
    </rPh>
    <rPh sb="2" eb="4">
      <t>ケンム</t>
    </rPh>
    <phoneticPr fontId="10"/>
  </si>
  <si>
    <t>２．監理技術者補佐が有する資格</t>
    <rPh sb="2" eb="4">
      <t>カンリ</t>
    </rPh>
    <rPh sb="4" eb="7">
      <t>ギジュツシャ</t>
    </rPh>
    <rPh sb="7" eb="9">
      <t>ホサ</t>
    </rPh>
    <rPh sb="10" eb="11">
      <t>ユウ</t>
    </rPh>
    <rPh sb="13" eb="15">
      <t>シカク</t>
    </rPh>
    <phoneticPr fontId="10"/>
  </si>
  <si>
    <t>工事の内容がわかる書</t>
    <rPh sb="0" eb="2">
      <t>コウジ</t>
    </rPh>
    <rPh sb="3" eb="5">
      <t>ナイヨウ</t>
    </rPh>
    <rPh sb="9" eb="10">
      <t>カキ</t>
    </rPh>
    <phoneticPr fontId="10"/>
  </si>
  <si>
    <t>３．監理技術者が兼務することとなる工事件名等</t>
    <rPh sb="2" eb="4">
      <t>カンリ</t>
    </rPh>
    <rPh sb="4" eb="7">
      <t>ギジュツシャ</t>
    </rPh>
    <rPh sb="8" eb="10">
      <t>ケンム</t>
    </rPh>
    <rPh sb="17" eb="19">
      <t>コウジ</t>
    </rPh>
    <rPh sb="19" eb="21">
      <t>ケンメイ</t>
    </rPh>
    <rPh sb="21" eb="22">
      <t>トウ</t>
    </rPh>
    <phoneticPr fontId="10"/>
  </si>
  <si>
    <t>類（契約書等）を添付</t>
    <rPh sb="0" eb="1">
      <t>ルイ</t>
    </rPh>
    <rPh sb="2" eb="4">
      <t>ケイヤク</t>
    </rPh>
    <rPh sb="4" eb="5">
      <t>ショ</t>
    </rPh>
    <rPh sb="5" eb="6">
      <t>トウ</t>
    </rPh>
    <rPh sb="8" eb="10">
      <t>テンプ</t>
    </rPh>
    <phoneticPr fontId="10"/>
  </si>
  <si>
    <t>発注者名</t>
    <rPh sb="0" eb="3">
      <t>ハッチュウシャ</t>
    </rPh>
    <rPh sb="3" eb="4">
      <t>メイ</t>
    </rPh>
    <phoneticPr fontId="10"/>
  </si>
  <si>
    <t>施工場所（市町村名）</t>
    <rPh sb="0" eb="4">
      <t>セコウバショ</t>
    </rPh>
    <rPh sb="5" eb="8">
      <t>シチョウソン</t>
    </rPh>
    <rPh sb="8" eb="9">
      <t>メイ</t>
    </rPh>
    <phoneticPr fontId="0"/>
  </si>
  <si>
    <t>すること。</t>
    <phoneticPr fontId="10"/>
  </si>
  <si>
    <t>工事件名</t>
    <rPh sb="0" eb="2">
      <t>コウジ</t>
    </rPh>
    <rPh sb="2" eb="4">
      <t>ケンメイ</t>
    </rPh>
    <phoneticPr fontId="10"/>
  </si>
  <si>
    <t>契約金額</t>
    <rPh sb="0" eb="2">
      <t>ケイヤク</t>
    </rPh>
    <rPh sb="2" eb="4">
      <t>キンガク</t>
    </rPh>
    <phoneticPr fontId="0"/>
  </si>
  <si>
    <t>※　建設業法第２６条第３項の規定に基づく専任の場合は次の書類が必要です（監理技術者の場合は不要）。</t>
    <rPh sb="2" eb="5">
      <t>ケンセツギョウ</t>
    </rPh>
    <rPh sb="5" eb="6">
      <t>ホウ</t>
    </rPh>
    <rPh sb="6" eb="7">
      <t>ダイ</t>
    </rPh>
    <rPh sb="9" eb="10">
      <t>ジョウ</t>
    </rPh>
    <rPh sb="10" eb="11">
      <t>ダイ</t>
    </rPh>
    <rPh sb="12" eb="13">
      <t>コウ</t>
    </rPh>
    <rPh sb="14" eb="16">
      <t>キテイ</t>
    </rPh>
    <rPh sb="17" eb="18">
      <t>モト</t>
    </rPh>
    <rPh sb="20" eb="22">
      <t>センニン</t>
    </rPh>
    <rPh sb="23" eb="25">
      <t>バアイ</t>
    </rPh>
    <rPh sb="26" eb="27">
      <t>ツギ</t>
    </rPh>
    <rPh sb="28" eb="30">
      <t>ショルイ</t>
    </rPh>
    <rPh sb="31" eb="33">
      <t>ヒツヨウ</t>
    </rPh>
    <phoneticPr fontId="10"/>
  </si>
  <si>
    <t>　　□　健康保険被保険者標準報酬決定通知書の写し又は健康保険被保険者証の写し</t>
    <rPh sb="4" eb="6">
      <t>ケンコウ</t>
    </rPh>
    <rPh sb="6" eb="8">
      <t>ホケン</t>
    </rPh>
    <rPh sb="8" eb="12">
      <t>ヒホケンシャ</t>
    </rPh>
    <rPh sb="12" eb="14">
      <t>ヒョウジュン</t>
    </rPh>
    <rPh sb="14" eb="16">
      <t>ホウシュウ</t>
    </rPh>
    <rPh sb="16" eb="18">
      <t>ケッテイ</t>
    </rPh>
    <rPh sb="18" eb="21">
      <t>ツウチショ</t>
    </rPh>
    <rPh sb="22" eb="23">
      <t>ウツ</t>
    </rPh>
    <rPh sb="24" eb="25">
      <t>マタ</t>
    </rPh>
    <rPh sb="26" eb="28">
      <t>ケンコウ</t>
    </rPh>
    <rPh sb="28" eb="30">
      <t>ホケン</t>
    </rPh>
    <rPh sb="30" eb="34">
      <t>ヒホケンシャ</t>
    </rPh>
    <rPh sb="34" eb="35">
      <t>ショウ</t>
    </rPh>
    <rPh sb="36" eb="37">
      <t>ウツ</t>
    </rPh>
    <phoneticPr fontId="10"/>
  </si>
  <si>
    <t>　　□　住民税特別徴収税額通知書の写し</t>
    <rPh sb="4" eb="7">
      <t>ジュウミンゼイ</t>
    </rPh>
    <rPh sb="7" eb="9">
      <t>トクベツ</t>
    </rPh>
    <rPh sb="9" eb="11">
      <t>チョウシュウ</t>
    </rPh>
    <rPh sb="11" eb="13">
      <t>ゼイガク</t>
    </rPh>
    <rPh sb="13" eb="16">
      <t>ツウチショ</t>
    </rPh>
    <rPh sb="17" eb="18">
      <t>ウツ</t>
    </rPh>
    <phoneticPr fontId="10"/>
  </si>
  <si>
    <t>（裏面に続く）</t>
    <rPh sb="1" eb="3">
      <t>リメン</t>
    </rPh>
    <rPh sb="4" eb="5">
      <t>ツヅ</t>
    </rPh>
    <phoneticPr fontId="10"/>
  </si>
  <si>
    <t>４．専門技術者</t>
    <rPh sb="2" eb="4">
      <t>センモン</t>
    </rPh>
    <rPh sb="4" eb="6">
      <t>ギジュツ</t>
    </rPh>
    <rPh sb="6" eb="7">
      <t>シャ</t>
    </rPh>
    <phoneticPr fontId="4"/>
  </si>
  <si>
    <t>専門技術者</t>
    <rPh sb="0" eb="2">
      <t>センモン</t>
    </rPh>
    <rPh sb="2" eb="4">
      <t>ギジュツ</t>
    </rPh>
    <rPh sb="4" eb="5">
      <t>シャ</t>
    </rPh>
    <phoneticPr fontId="10"/>
  </si>
  <si>
    <t>□　資格による。　　（資格名　　　　　　　　　　　　　　　　　　　　　　　）
□　実務経験による。</t>
    <rPh sb="2" eb="4">
      <t>シカク</t>
    </rPh>
    <rPh sb="11" eb="13">
      <t>シカク</t>
    </rPh>
    <rPh sb="13" eb="14">
      <t>メイ</t>
    </rPh>
    <rPh sb="41" eb="43">
      <t>ジツム</t>
    </rPh>
    <rPh sb="43" eb="45">
      <t>ケイケン</t>
    </rPh>
    <phoneticPr fontId="10"/>
  </si>
  <si>
    <t>　　年　　　月　　　日</t>
    <rPh sb="2" eb="3">
      <t>ネン</t>
    </rPh>
    <rPh sb="6" eb="7">
      <t>ガツ</t>
    </rPh>
    <rPh sb="10" eb="11">
      <t>ニチ</t>
    </rPh>
    <phoneticPr fontId="3"/>
  </si>
  <si>
    <t>　現場代理人及び主任技術者（監理技術者）等を下記のとおり定めましたので通知します。なお、監理技術者若しくは主任技術者及び現場代理人の配置については、建設業法を遵守する共に裏面に定められて事項について全てを満たしていることを誓約します。また、それぞれについて違反の事実が明らかになった場合は、いかなる措置をされても異議を申し立てません。</t>
    <rPh sb="20" eb="21">
      <t>トウ</t>
    </rPh>
    <rPh sb="35" eb="37">
      <t>ツウチ</t>
    </rPh>
    <rPh sb="44" eb="46">
      <t>カンリ</t>
    </rPh>
    <rPh sb="46" eb="49">
      <t>ギジュツシャ</t>
    </rPh>
    <rPh sb="49" eb="50">
      <t>モ</t>
    </rPh>
    <rPh sb="58" eb="59">
      <t>オヨ</t>
    </rPh>
    <rPh sb="66" eb="68">
      <t>ハイチ</t>
    </rPh>
    <rPh sb="74" eb="77">
      <t>ケンセツギョウ</t>
    </rPh>
    <rPh sb="77" eb="78">
      <t>ホウ</t>
    </rPh>
    <rPh sb="79" eb="81">
      <t>ジュンシュ</t>
    </rPh>
    <rPh sb="83" eb="84">
      <t>トモ</t>
    </rPh>
    <rPh sb="85" eb="87">
      <t>リメン</t>
    </rPh>
    <rPh sb="88" eb="89">
      <t>サダ</t>
    </rPh>
    <rPh sb="93" eb="95">
      <t>ジコウ</t>
    </rPh>
    <phoneticPr fontId="10"/>
  </si>
  <si>
    <t>印</t>
    <rPh sb="0" eb="1">
      <t>イ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411]ggge&quot;年&quot;m&quot;月&quot;d&quot;日&quot;;@"/>
    <numFmt numFmtId="177" formatCode="[$-411]ge\.m\.d;@"/>
    <numFmt numFmtId="178" formatCode="0_);[Red]\(0\)"/>
  </numFmts>
  <fonts count="14">
    <font>
      <sz val="12"/>
      <name val="ＭＳ 明朝"/>
      <family val="1"/>
      <charset val="128"/>
    </font>
    <font>
      <sz val="11"/>
      <name val="ＭＳ Ｐゴシック"/>
      <family val="3"/>
      <charset val="128"/>
    </font>
    <font>
      <sz val="14"/>
      <name val="ＭＳ 明朝"/>
      <family val="1"/>
      <charset val="128"/>
    </font>
    <font>
      <sz val="6"/>
      <name val="ＭＳ Ｐゴシック"/>
      <family val="2"/>
      <charset val="128"/>
    </font>
    <font>
      <sz val="6"/>
      <name val="ＭＳ Ｐゴシック"/>
      <family val="3"/>
      <charset val="128"/>
    </font>
    <font>
      <sz val="14"/>
      <name val="ＭＳ Ｐゴシック"/>
      <family val="3"/>
      <charset val="128"/>
    </font>
    <font>
      <sz val="11"/>
      <name val="ＭＳ 明朝"/>
      <family val="1"/>
      <charset val="128"/>
    </font>
    <font>
      <sz val="12"/>
      <name val="ＭＳ 明朝"/>
      <family val="1"/>
      <charset val="128"/>
    </font>
    <font>
      <sz val="12"/>
      <name val="ＭＳ Ｐゴシック"/>
      <family val="3"/>
      <charset val="128"/>
    </font>
    <font>
      <sz val="13"/>
      <name val="ＭＳ 明朝"/>
      <family val="1"/>
      <charset val="128"/>
    </font>
    <font>
      <sz val="6"/>
      <name val="ＭＳ 明朝"/>
      <family val="1"/>
      <charset val="128"/>
    </font>
    <font>
      <sz val="9"/>
      <name val="ＭＳ 明朝"/>
      <family val="1"/>
      <charset val="128"/>
    </font>
    <font>
      <sz val="10"/>
      <name val="ＭＳ 明朝"/>
      <family val="1"/>
      <charset val="128"/>
    </font>
    <font>
      <sz val="8"/>
      <name val="ＭＳ 明朝"/>
      <family val="1"/>
      <charset val="128"/>
    </font>
  </fonts>
  <fills count="2">
    <fill>
      <patternFill patternType="none"/>
    </fill>
    <fill>
      <patternFill patternType="gray125"/>
    </fill>
  </fills>
  <borders count="17">
    <border>
      <left/>
      <right/>
      <top/>
      <bottom/>
      <diagonal/>
    </border>
    <border>
      <left/>
      <right/>
      <top/>
      <bottom style="thin">
        <color indexed="64"/>
      </bottom>
      <diagonal/>
    </border>
    <border>
      <left/>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hair">
        <color indexed="64"/>
      </bottom>
      <diagonal/>
    </border>
    <border>
      <left/>
      <right style="thin">
        <color indexed="64"/>
      </right>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s>
  <cellStyleXfs count="2">
    <xf numFmtId="0" fontId="0" fillId="0" borderId="0" applyFont="0"/>
    <xf numFmtId="0" fontId="1" fillId="0" borderId="0"/>
  </cellStyleXfs>
  <cellXfs count="110">
    <xf numFmtId="0" fontId="0" fillId="0" borderId="0" xfId="0"/>
    <xf numFmtId="0" fontId="6" fillId="0" borderId="0" xfId="1" applyFont="1" applyAlignment="1">
      <alignment horizontal="center"/>
    </xf>
    <xf numFmtId="0" fontId="6" fillId="0" borderId="0" xfId="1" applyFont="1"/>
    <xf numFmtId="0" fontId="7" fillId="0" borderId="0" xfId="1" applyFont="1" applyFill="1" applyAlignment="1">
      <alignment vertical="center"/>
    </xf>
    <xf numFmtId="0" fontId="7" fillId="0" borderId="0" xfId="1" applyFont="1" applyAlignment="1">
      <alignment vertical="center"/>
    </xf>
    <xf numFmtId="0" fontId="6" fillId="0" borderId="0" xfId="1" applyFont="1" applyAlignment="1">
      <alignment horizontal="right"/>
    </xf>
    <xf numFmtId="0" fontId="0" fillId="0" borderId="0" xfId="1" applyFont="1" applyAlignment="1">
      <alignment vertical="center"/>
    </xf>
    <xf numFmtId="0" fontId="9" fillId="0" borderId="0" xfId="1" applyFont="1"/>
    <xf numFmtId="177" fontId="7" fillId="0" borderId="0" xfId="1" applyNumberFormat="1" applyFont="1" applyAlignment="1">
      <alignment vertical="center"/>
    </xf>
    <xf numFmtId="178" fontId="11" fillId="0" borderId="0" xfId="0" applyNumberFormat="1" applyFont="1" applyFill="1" applyBorder="1" applyAlignment="1">
      <alignment vertical="center" wrapText="1"/>
    </xf>
    <xf numFmtId="0" fontId="7" fillId="0" borderId="1" xfId="1" applyFont="1" applyBorder="1"/>
    <xf numFmtId="0" fontId="6" fillId="0" borderId="1" xfId="1" applyFont="1" applyBorder="1"/>
    <xf numFmtId="0" fontId="7" fillId="0" borderId="2" xfId="1" applyFont="1" applyBorder="1"/>
    <xf numFmtId="0" fontId="6" fillId="0" borderId="1" xfId="1" applyFont="1" applyBorder="1" applyAlignment="1">
      <alignment horizontal="right"/>
    </xf>
    <xf numFmtId="0" fontId="6" fillId="0" borderId="0" xfId="1" applyFont="1" applyBorder="1" applyAlignment="1">
      <alignment horizontal="right"/>
    </xf>
    <xf numFmtId="0" fontId="6" fillId="0" borderId="0" xfId="1" applyFont="1" applyBorder="1"/>
    <xf numFmtId="0" fontId="6" fillId="0" borderId="2" xfId="1" applyFont="1" applyBorder="1"/>
    <xf numFmtId="0" fontId="6" fillId="0" borderId="2" xfId="1" applyFont="1" applyBorder="1" applyAlignment="1">
      <alignment horizontal="center"/>
    </xf>
    <xf numFmtId="0" fontId="6" fillId="0" borderId="3" xfId="1" applyFont="1" applyBorder="1"/>
    <xf numFmtId="0" fontId="6" fillId="0" borderId="3" xfId="1" applyFont="1" applyBorder="1" applyAlignment="1">
      <alignment horizontal="center"/>
    </xf>
    <xf numFmtId="0" fontId="6" fillId="0" borderId="4" xfId="1" applyFont="1" applyBorder="1" applyAlignment="1">
      <alignment vertical="center"/>
    </xf>
    <xf numFmtId="0" fontId="6" fillId="0" borderId="3" xfId="1" applyFont="1" applyBorder="1" applyAlignment="1">
      <alignment vertical="center"/>
    </xf>
    <xf numFmtId="0" fontId="6" fillId="0" borderId="5" xfId="1" applyFont="1" applyBorder="1" applyAlignment="1">
      <alignment vertical="center"/>
    </xf>
    <xf numFmtId="0" fontId="6" fillId="0" borderId="3" xfId="1" applyFont="1" applyBorder="1" applyAlignment="1">
      <alignment horizontal="center" vertical="center"/>
    </xf>
    <xf numFmtId="0" fontId="6" fillId="0" borderId="6" xfId="1" applyFont="1" applyBorder="1" applyAlignment="1">
      <alignment vertical="center"/>
    </xf>
    <xf numFmtId="0" fontId="6" fillId="0" borderId="0" xfId="1" applyFont="1" applyBorder="1" applyAlignment="1">
      <alignment vertical="center"/>
    </xf>
    <xf numFmtId="0" fontId="6" fillId="0" borderId="7" xfId="1" applyFont="1" applyBorder="1" applyAlignment="1">
      <alignment vertical="center"/>
    </xf>
    <xf numFmtId="0" fontId="6" fillId="0" borderId="8" xfId="1" applyFont="1" applyBorder="1" applyAlignment="1">
      <alignment vertical="center"/>
    </xf>
    <xf numFmtId="0" fontId="6" fillId="0" borderId="1" xfId="1" applyFont="1" applyBorder="1" applyAlignment="1">
      <alignment vertical="center"/>
    </xf>
    <xf numFmtId="0" fontId="6" fillId="0" borderId="1" xfId="1" applyFont="1" applyBorder="1" applyAlignment="1">
      <alignment horizontal="center" vertical="center"/>
    </xf>
    <xf numFmtId="0" fontId="6" fillId="0" borderId="9" xfId="1" applyFont="1" applyBorder="1" applyAlignment="1">
      <alignment vertical="center"/>
    </xf>
    <xf numFmtId="0" fontId="6" fillId="0" borderId="10" xfId="1" applyFont="1" applyBorder="1" applyAlignment="1">
      <alignment vertical="center"/>
    </xf>
    <xf numFmtId="0" fontId="6" fillId="0" borderId="2" xfId="1" applyFont="1" applyBorder="1" applyAlignment="1">
      <alignment vertical="center"/>
    </xf>
    <xf numFmtId="0" fontId="6" fillId="0" borderId="11" xfId="1" applyFont="1" applyBorder="1" applyAlignment="1">
      <alignment vertical="center"/>
    </xf>
    <xf numFmtId="0" fontId="6" fillId="0" borderId="2" xfId="1" applyFont="1" applyBorder="1" applyAlignment="1">
      <alignment horizontal="center" vertical="center"/>
    </xf>
    <xf numFmtId="0" fontId="6" fillId="0" borderId="11" xfId="1" applyFont="1" applyBorder="1" applyAlignment="1">
      <alignment horizontal="center" vertical="center"/>
    </xf>
    <xf numFmtId="0" fontId="6" fillId="0" borderId="7" xfId="1" applyFont="1" applyBorder="1" applyAlignment="1">
      <alignment horizontal="right"/>
    </xf>
    <xf numFmtId="0" fontId="6" fillId="0" borderId="6" xfId="1" applyFont="1" applyBorder="1"/>
    <xf numFmtId="0" fontId="6" fillId="0" borderId="9" xfId="1" applyFont="1" applyBorder="1" applyAlignment="1">
      <alignment horizontal="right"/>
    </xf>
    <xf numFmtId="0" fontId="13" fillId="0" borderId="6" xfId="1" applyFont="1" applyBorder="1"/>
    <xf numFmtId="0" fontId="6" fillId="0" borderId="4" xfId="1" applyFont="1" applyBorder="1"/>
    <xf numFmtId="0" fontId="6" fillId="0" borderId="5" xfId="1" applyFont="1" applyBorder="1" applyAlignment="1">
      <alignment horizontal="right"/>
    </xf>
    <xf numFmtId="0" fontId="11" fillId="0" borderId="0" xfId="1" applyFont="1" applyBorder="1"/>
    <xf numFmtId="0" fontId="6" fillId="0" borderId="0" xfId="1" applyFont="1" applyBorder="1" applyAlignment="1">
      <alignment horizontal="center" vertical="center"/>
    </xf>
    <xf numFmtId="0" fontId="6" fillId="0" borderId="12" xfId="1" applyFont="1" applyBorder="1"/>
    <xf numFmtId="0" fontId="6" fillId="0" borderId="13" xfId="1" applyFont="1" applyBorder="1" applyAlignment="1">
      <alignment horizontal="right"/>
    </xf>
    <xf numFmtId="0" fontId="6" fillId="0" borderId="14" xfId="1" applyFont="1" applyBorder="1"/>
    <xf numFmtId="0" fontId="6" fillId="0" borderId="15" xfId="1" applyFont="1" applyBorder="1" applyAlignment="1">
      <alignment horizontal="right"/>
    </xf>
    <xf numFmtId="0" fontId="11" fillId="0" borderId="12" xfId="1" applyFont="1" applyBorder="1" applyAlignment="1"/>
    <xf numFmtId="0" fontId="11" fillId="0" borderId="12" xfId="1" applyFont="1" applyBorder="1" applyAlignment="1">
      <alignment horizontal="center"/>
    </xf>
    <xf numFmtId="0" fontId="11" fillId="0" borderId="12" xfId="1" applyFont="1" applyBorder="1"/>
    <xf numFmtId="0" fontId="6" fillId="0" borderId="8" xfId="1" applyFont="1" applyBorder="1"/>
    <xf numFmtId="0" fontId="11" fillId="0" borderId="8" xfId="1" applyFont="1" applyBorder="1" applyAlignment="1">
      <alignment vertical="center"/>
    </xf>
    <xf numFmtId="0" fontId="12" fillId="0" borderId="6" xfId="1" applyFont="1" applyBorder="1"/>
    <xf numFmtId="0" fontId="6" fillId="0" borderId="0" xfId="1" applyFont="1" applyBorder="1" applyAlignment="1">
      <alignment horizontal="center"/>
    </xf>
    <xf numFmtId="0" fontId="6" fillId="0" borderId="7" xfId="1" applyFont="1" applyBorder="1"/>
    <xf numFmtId="0" fontId="6" fillId="0" borderId="9" xfId="1" applyFont="1" applyBorder="1"/>
    <xf numFmtId="0" fontId="6" fillId="0" borderId="16" xfId="1" applyFont="1" applyBorder="1" applyAlignment="1">
      <alignment horizontal="center" vertical="center"/>
    </xf>
    <xf numFmtId="0" fontId="6" fillId="0" borderId="0" xfId="1" applyFont="1" applyAlignment="1">
      <alignment wrapText="1"/>
    </xf>
    <xf numFmtId="0" fontId="6" fillId="0" borderId="10" xfId="1" applyFont="1" applyBorder="1" applyAlignment="1">
      <alignment horizontal="left" vertical="center" wrapText="1"/>
    </xf>
    <xf numFmtId="0" fontId="6" fillId="0" borderId="2" xfId="1" applyFont="1" applyBorder="1" applyAlignment="1">
      <alignment horizontal="left" vertical="center" wrapText="1"/>
    </xf>
    <xf numFmtId="0" fontId="6" fillId="0" borderId="11" xfId="1" applyFont="1" applyBorder="1" applyAlignment="1">
      <alignment horizontal="left" vertical="center" wrapText="1"/>
    </xf>
    <xf numFmtId="0" fontId="2" fillId="0" borderId="0" xfId="1" applyFont="1" applyAlignment="1">
      <alignment horizontal="center"/>
    </xf>
    <xf numFmtId="0" fontId="5" fillId="0" borderId="0" xfId="1" applyFont="1" applyAlignment="1">
      <alignment horizontal="center"/>
    </xf>
    <xf numFmtId="176" fontId="0" fillId="0" borderId="0" xfId="1" applyNumberFormat="1" applyFont="1" applyAlignment="1">
      <alignment horizontal="right"/>
    </xf>
    <xf numFmtId="176" fontId="8" fillId="0" borderId="0" xfId="1" applyNumberFormat="1" applyFont="1" applyAlignment="1">
      <alignment horizontal="right"/>
    </xf>
    <xf numFmtId="0" fontId="11" fillId="0" borderId="0" xfId="1" applyFont="1" applyAlignment="1">
      <alignment horizontal="left" vertical="center" wrapText="1"/>
    </xf>
    <xf numFmtId="0" fontId="6" fillId="0" borderId="1" xfId="1" applyFont="1" applyBorder="1"/>
    <xf numFmtId="0" fontId="6" fillId="0" borderId="10" xfId="1" applyFont="1" applyBorder="1" applyAlignment="1">
      <alignment horizontal="center" vertical="center"/>
    </xf>
    <xf numFmtId="0" fontId="6" fillId="0" borderId="2" xfId="1" applyFont="1" applyBorder="1" applyAlignment="1">
      <alignment horizontal="center" vertical="center"/>
    </xf>
    <xf numFmtId="0" fontId="6" fillId="0" borderId="11" xfId="1" applyFont="1" applyBorder="1" applyAlignment="1">
      <alignment horizontal="center" vertical="center"/>
    </xf>
    <xf numFmtId="0" fontId="6" fillId="0" borderId="4" xfId="1" applyNumberFormat="1" applyFont="1" applyFill="1" applyBorder="1" applyAlignment="1" applyProtection="1">
      <alignment horizontal="center" vertical="center"/>
    </xf>
    <xf numFmtId="0" fontId="6" fillId="0" borderId="3" xfId="1" applyNumberFormat="1" applyFont="1" applyFill="1" applyBorder="1" applyAlignment="1" applyProtection="1">
      <alignment horizontal="center" vertical="center"/>
    </xf>
    <xf numFmtId="0" fontId="6" fillId="0" borderId="5" xfId="1" applyNumberFormat="1" applyFont="1" applyFill="1" applyBorder="1" applyAlignment="1" applyProtection="1">
      <alignment horizontal="center" vertical="center"/>
    </xf>
    <xf numFmtId="0" fontId="6" fillId="0" borderId="8" xfId="1" applyNumberFormat="1" applyFont="1" applyFill="1" applyBorder="1" applyAlignment="1" applyProtection="1">
      <alignment horizontal="center" vertical="center"/>
    </xf>
    <xf numFmtId="0" fontId="6" fillId="0" borderId="1" xfId="1" applyNumberFormat="1" applyFont="1" applyFill="1" applyBorder="1" applyAlignment="1" applyProtection="1">
      <alignment horizontal="center" vertical="center"/>
    </xf>
    <xf numFmtId="0" fontId="6" fillId="0" borderId="9" xfId="1" applyNumberFormat="1" applyFont="1" applyFill="1" applyBorder="1" applyAlignment="1" applyProtection="1">
      <alignment horizontal="center" vertical="center"/>
    </xf>
    <xf numFmtId="0" fontId="6" fillId="0" borderId="4" xfId="1" applyNumberFormat="1" applyFont="1" applyFill="1" applyBorder="1" applyAlignment="1" applyProtection="1">
      <alignment horizontal="left" vertical="center" wrapText="1"/>
    </xf>
    <xf numFmtId="0" fontId="6" fillId="0" borderId="3" xfId="1" applyNumberFormat="1" applyFont="1" applyFill="1" applyBorder="1" applyAlignment="1" applyProtection="1">
      <alignment horizontal="left" vertical="center" wrapText="1"/>
    </xf>
    <xf numFmtId="0" fontId="6" fillId="0" borderId="5" xfId="1" applyNumberFormat="1" applyFont="1" applyFill="1" applyBorder="1" applyAlignment="1" applyProtection="1">
      <alignment horizontal="left" vertical="center" wrapText="1"/>
    </xf>
    <xf numFmtId="0" fontId="6" fillId="0" borderId="8" xfId="1" applyNumberFormat="1" applyFont="1" applyFill="1" applyBorder="1" applyAlignment="1" applyProtection="1">
      <alignment horizontal="left" vertical="center" wrapText="1"/>
    </xf>
    <xf numFmtId="0" fontId="6" fillId="0" borderId="1" xfId="1" applyNumberFormat="1" applyFont="1" applyFill="1" applyBorder="1" applyAlignment="1" applyProtection="1">
      <alignment horizontal="left" vertical="center" wrapText="1"/>
    </xf>
    <xf numFmtId="0" fontId="6" fillId="0" borderId="9" xfId="1" applyNumberFormat="1" applyFont="1" applyFill="1" applyBorder="1" applyAlignment="1" applyProtection="1">
      <alignment horizontal="left" vertical="center" wrapText="1"/>
    </xf>
    <xf numFmtId="0" fontId="6" fillId="0" borderId="4" xfId="1" applyFont="1" applyBorder="1"/>
    <xf numFmtId="0" fontId="6" fillId="0" borderId="5" xfId="1" applyFont="1" applyBorder="1"/>
    <xf numFmtId="0" fontId="6" fillId="0" borderId="4" xfId="1" applyFont="1" applyBorder="1" applyAlignment="1">
      <alignment vertical="center"/>
    </xf>
    <xf numFmtId="0" fontId="6" fillId="0" borderId="3" xfId="1" applyFont="1" applyBorder="1" applyAlignment="1">
      <alignment vertical="center"/>
    </xf>
    <xf numFmtId="0" fontId="6" fillId="0" borderId="5" xfId="1" applyFont="1" applyBorder="1" applyAlignment="1">
      <alignment vertical="center"/>
    </xf>
    <xf numFmtId="0" fontId="6" fillId="0" borderId="8" xfId="1" applyFont="1" applyBorder="1"/>
    <xf numFmtId="0" fontId="6" fillId="0" borderId="9" xfId="1" applyFont="1" applyBorder="1"/>
    <xf numFmtId="0" fontId="6" fillId="0" borderId="8" xfId="1" applyFont="1" applyBorder="1" applyAlignment="1">
      <alignment vertical="center"/>
    </xf>
    <xf numFmtId="0" fontId="6" fillId="0" borderId="1" xfId="1" applyFont="1" applyBorder="1" applyAlignment="1">
      <alignment vertical="center"/>
    </xf>
    <xf numFmtId="0" fontId="6" fillId="0" borderId="9" xfId="1" applyFont="1" applyBorder="1" applyAlignment="1">
      <alignment vertical="center"/>
    </xf>
    <xf numFmtId="0" fontId="6" fillId="0" borderId="10" xfId="1" applyFont="1" applyBorder="1" applyAlignment="1">
      <alignment vertical="center" wrapText="1"/>
    </xf>
    <xf numFmtId="0" fontId="6" fillId="0" borderId="2" xfId="1" applyFont="1" applyBorder="1" applyAlignment="1">
      <alignment vertical="center" wrapText="1"/>
    </xf>
    <xf numFmtId="0" fontId="6" fillId="0" borderId="11" xfId="1" applyFont="1" applyBorder="1" applyAlignment="1">
      <alignment vertical="center" wrapText="1"/>
    </xf>
    <xf numFmtId="0" fontId="6" fillId="0" borderId="0" xfId="1" applyFont="1" applyAlignment="1">
      <alignment vertical="top" wrapText="1"/>
    </xf>
    <xf numFmtId="0" fontId="6" fillId="0" borderId="0" xfId="1" applyFont="1" applyAlignment="1">
      <alignment vertical="top"/>
    </xf>
    <xf numFmtId="0" fontId="6" fillId="0" borderId="0" xfId="1" applyFont="1" applyAlignment="1">
      <alignment horizontal="left" wrapText="1"/>
    </xf>
    <xf numFmtId="0" fontId="6" fillId="0" borderId="0" xfId="1" applyFont="1" applyAlignment="1">
      <alignment horizontal="left"/>
    </xf>
    <xf numFmtId="0" fontId="6" fillId="0" borderId="6" xfId="1" applyFont="1" applyBorder="1"/>
    <xf numFmtId="0" fontId="6" fillId="0" borderId="0" xfId="1" applyFont="1" applyBorder="1"/>
    <xf numFmtId="0" fontId="6" fillId="0" borderId="4" xfId="1" applyFont="1" applyBorder="1" applyAlignment="1">
      <alignment horizontal="center" vertical="center" wrapText="1"/>
    </xf>
    <xf numFmtId="0" fontId="6" fillId="0" borderId="5" xfId="1" applyFont="1" applyBorder="1" applyAlignment="1">
      <alignment horizontal="center" vertical="center" wrapText="1"/>
    </xf>
    <xf numFmtId="0" fontId="6" fillId="0" borderId="8" xfId="1" applyFont="1" applyBorder="1" applyAlignment="1">
      <alignment horizontal="center" vertical="center" wrapText="1"/>
    </xf>
    <xf numFmtId="0" fontId="6" fillId="0" borderId="9" xfId="1" applyFont="1" applyBorder="1" applyAlignment="1">
      <alignment horizontal="center" vertical="center" wrapText="1"/>
    </xf>
    <xf numFmtId="0" fontId="6" fillId="0" borderId="4" xfId="1" applyFont="1" applyBorder="1" applyAlignment="1">
      <alignment horizontal="center" vertical="center"/>
    </xf>
    <xf numFmtId="0" fontId="6" fillId="0" borderId="5" xfId="1" applyFont="1" applyBorder="1" applyAlignment="1">
      <alignment horizontal="center" vertical="center"/>
    </xf>
    <xf numFmtId="0" fontId="6" fillId="0" borderId="8" xfId="1" applyFont="1" applyBorder="1" applyAlignment="1">
      <alignment horizontal="center" vertical="center"/>
    </xf>
    <xf numFmtId="0" fontId="6" fillId="0" borderId="9" xfId="1" applyFont="1" applyBorder="1" applyAlignment="1">
      <alignment horizontal="center" vertical="center"/>
    </xf>
  </cellXfs>
  <cellStyles count="2">
    <cellStyle name="標準" xfId="0" builtinId="0"/>
    <cellStyle name="標準 5"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31749</xdr:colOff>
      <xdr:row>51</xdr:row>
      <xdr:rowOff>142874</xdr:rowOff>
    </xdr:from>
    <xdr:to>
      <xdr:col>9</xdr:col>
      <xdr:colOff>1000125</xdr:colOff>
      <xdr:row>86</xdr:row>
      <xdr:rowOff>204107</xdr:rowOff>
    </xdr:to>
    <xdr:sp macro="" textlink="">
      <xdr:nvSpPr>
        <xdr:cNvPr id="2" name="テキスト ボックス 1"/>
        <xdr:cNvSpPr txBox="1"/>
      </xdr:nvSpPr>
      <xdr:spPr>
        <a:xfrm>
          <a:off x="31749" y="12687299"/>
          <a:ext cx="7016751" cy="8890908"/>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latin typeface="ＭＳ 明朝" panose="02020609040205080304" pitchFamily="17" charset="-128"/>
              <a:ea typeface="ＭＳ 明朝" panose="02020609040205080304" pitchFamily="17" charset="-128"/>
            </a:rPr>
            <a:t>【</a:t>
          </a:r>
          <a:r>
            <a:rPr kumimoji="1" lang="ja-JP" altLang="en-US" sz="1100">
              <a:latin typeface="ＭＳ 明朝" panose="02020609040205080304" pitchFamily="17" charset="-128"/>
              <a:ea typeface="ＭＳ 明朝" panose="02020609040205080304" pitchFamily="17" charset="-128"/>
            </a:rPr>
            <a:t>注意事項</a:t>
          </a:r>
          <a:r>
            <a:rPr kumimoji="1" lang="en-US" altLang="ja-JP" sz="1100">
              <a:latin typeface="ＭＳ 明朝" panose="02020609040205080304" pitchFamily="17" charset="-128"/>
              <a:ea typeface="ＭＳ 明朝" panose="02020609040205080304" pitchFamily="17" charset="-128"/>
            </a:rPr>
            <a:t>】</a:t>
          </a:r>
        </a:p>
        <a:p>
          <a:r>
            <a:rPr kumimoji="1" lang="ja-JP" altLang="en-US" sz="1100">
              <a:latin typeface="ＭＳ 明朝" panose="02020609040205080304" pitchFamily="17" charset="-128"/>
              <a:ea typeface="ＭＳ 明朝" panose="02020609040205080304" pitchFamily="17" charset="-128"/>
            </a:rPr>
            <a:t>　　①　特定・一般にかかわらず主任技術者の設置は必須条件です（建設業法第２６条第１項）。</a:t>
          </a:r>
        </a:p>
        <a:p>
          <a:r>
            <a:rPr kumimoji="1" lang="ja-JP" altLang="en-US" sz="1100">
              <a:latin typeface="ＭＳ 明朝" panose="02020609040205080304" pitchFamily="17" charset="-128"/>
              <a:ea typeface="ＭＳ 明朝" panose="02020609040205080304" pitchFamily="17" charset="-128"/>
            </a:rPr>
            <a:t>　　②　特定建設業者が４，０００万円以上（建築一式の場合は６，０００万円以上）の工事を下請させる　</a:t>
          </a:r>
          <a:endParaRPr kumimoji="1" lang="en-US" altLang="ja-JP" sz="1100">
            <a:latin typeface="ＭＳ 明朝" panose="02020609040205080304" pitchFamily="17" charset="-128"/>
            <a:ea typeface="ＭＳ 明朝" panose="02020609040205080304" pitchFamily="17" charset="-128"/>
          </a:endParaRPr>
        </a:p>
        <a:p>
          <a:r>
            <a:rPr kumimoji="1" lang="ja-JP" altLang="en-US" sz="1100">
              <a:latin typeface="ＭＳ 明朝" panose="02020609040205080304" pitchFamily="17" charset="-128"/>
              <a:ea typeface="ＭＳ 明朝" panose="02020609040205080304" pitchFamily="17" charset="-128"/>
            </a:rPr>
            <a:t>　　　場合には監理技術者が必要です（建設業法第２６条第２項）。監理技術者は主任技術者と兼ねること</a:t>
          </a:r>
          <a:endParaRPr kumimoji="1" lang="en-US" altLang="ja-JP" sz="1100">
            <a:latin typeface="ＭＳ 明朝" panose="02020609040205080304" pitchFamily="17" charset="-128"/>
            <a:ea typeface="ＭＳ 明朝" panose="02020609040205080304" pitchFamily="17" charset="-128"/>
          </a:endParaRPr>
        </a:p>
        <a:p>
          <a:r>
            <a:rPr kumimoji="1" lang="ja-JP" altLang="en-US" sz="1100">
              <a:latin typeface="ＭＳ 明朝" panose="02020609040205080304" pitchFamily="17" charset="-128"/>
              <a:ea typeface="ＭＳ 明朝" panose="02020609040205080304" pitchFamily="17" charset="-128"/>
            </a:rPr>
            <a:t>　　　ができます。</a:t>
          </a:r>
        </a:p>
        <a:p>
          <a:r>
            <a:rPr kumimoji="1" lang="ja-JP" altLang="en-US" sz="1100">
              <a:latin typeface="ＭＳ 明朝" panose="02020609040205080304" pitchFamily="17" charset="-128"/>
              <a:ea typeface="ＭＳ 明朝" panose="02020609040205080304" pitchFamily="17" charset="-128"/>
            </a:rPr>
            <a:t>　　③　請負金額が３，５００万円以上（建築一式の場合は７，０００万円以上）の場合は、主任技術者又</a:t>
          </a:r>
          <a:endParaRPr kumimoji="1" lang="en-US" altLang="ja-JP" sz="1100">
            <a:latin typeface="ＭＳ 明朝" panose="02020609040205080304" pitchFamily="17" charset="-128"/>
            <a:ea typeface="ＭＳ 明朝" panose="02020609040205080304" pitchFamily="17" charset="-128"/>
          </a:endParaRPr>
        </a:p>
        <a:p>
          <a:r>
            <a:rPr kumimoji="1" lang="ja-JP" altLang="en-US" sz="1100">
              <a:latin typeface="ＭＳ 明朝" panose="02020609040205080304" pitchFamily="17" charset="-128"/>
              <a:ea typeface="ＭＳ 明朝" panose="02020609040205080304" pitchFamily="17" charset="-128"/>
            </a:rPr>
            <a:t>　　　は監理技術者は専任でなければなりません。専任の技術者は請負業者と直接的かつ恒常的な雇用関係</a:t>
          </a:r>
        </a:p>
        <a:p>
          <a:r>
            <a:rPr kumimoji="1" lang="ja-JP" altLang="en-US" sz="1100">
              <a:latin typeface="ＭＳ 明朝" panose="02020609040205080304" pitchFamily="17" charset="-128"/>
              <a:ea typeface="ＭＳ 明朝" panose="02020609040205080304" pitchFamily="17" charset="-128"/>
            </a:rPr>
            <a:t>　　　を証する書類の提出が必要です（建設業法第２６条第３項）。</a:t>
          </a:r>
        </a:p>
        <a:p>
          <a:r>
            <a:rPr kumimoji="1" lang="ja-JP" altLang="en-US" sz="1100">
              <a:latin typeface="ＭＳ 明朝" panose="02020609040205080304" pitchFamily="17" charset="-128"/>
              <a:ea typeface="ＭＳ 明朝" panose="02020609040205080304" pitchFamily="17" charset="-128"/>
            </a:rPr>
            <a:t>　　④　現場代理人は主任技術者又は監理技術者や専門技術者と兼ねることができます。</a:t>
          </a:r>
        </a:p>
        <a:p>
          <a:r>
            <a:rPr kumimoji="1" lang="ja-JP" altLang="en-US" sz="1100">
              <a:latin typeface="ＭＳ 明朝" panose="02020609040205080304" pitchFamily="17" charset="-128"/>
              <a:ea typeface="ＭＳ 明朝" panose="02020609040205080304" pitchFamily="17" charset="-128"/>
            </a:rPr>
            <a:t>　　⑤　それぞれに経歴書を添付して下さい。</a:t>
          </a:r>
        </a:p>
        <a:p>
          <a:r>
            <a:rPr kumimoji="1" lang="ja-JP" altLang="en-US" sz="1100">
              <a:latin typeface="ＭＳ 明朝" panose="02020609040205080304" pitchFamily="17" charset="-128"/>
              <a:ea typeface="ＭＳ 明朝" panose="02020609040205080304" pitchFamily="17" charset="-128"/>
            </a:rPr>
            <a:t>　　⑥　現場代理人の兼任にあたっては、「伊丹市発注工事に係る現場代理人常駐義務の緩和について」</a:t>
          </a:r>
          <a:endParaRPr kumimoji="1" lang="en-US" altLang="ja-JP" sz="1100">
            <a:latin typeface="ＭＳ 明朝" panose="02020609040205080304" pitchFamily="17" charset="-128"/>
            <a:ea typeface="ＭＳ 明朝" panose="02020609040205080304" pitchFamily="17" charset="-128"/>
          </a:endParaRPr>
        </a:p>
        <a:p>
          <a:r>
            <a:rPr kumimoji="1" lang="ja-JP" altLang="en-US" sz="1100">
              <a:latin typeface="ＭＳ 明朝" panose="02020609040205080304" pitchFamily="17" charset="-128"/>
              <a:ea typeface="ＭＳ 明朝" panose="02020609040205080304" pitchFamily="17" charset="-128"/>
            </a:rPr>
            <a:t>　　　（下記）を順守する必要があります。</a:t>
          </a:r>
          <a:endParaRPr kumimoji="1" lang="en-US" altLang="ja-JP" sz="1100">
            <a:latin typeface="ＭＳ 明朝" panose="02020609040205080304" pitchFamily="17" charset="-128"/>
            <a:ea typeface="ＭＳ 明朝" panose="02020609040205080304" pitchFamily="17" charset="-128"/>
          </a:endParaRPr>
        </a:p>
        <a:p>
          <a:endParaRPr kumimoji="1" lang="en-US" altLang="ja-JP" sz="1100">
            <a:latin typeface="ＭＳ 明朝" panose="02020609040205080304" pitchFamily="17" charset="-128"/>
            <a:ea typeface="ＭＳ 明朝" panose="02020609040205080304" pitchFamily="17"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latin typeface="ＭＳ 明朝" panose="02020609040205080304" pitchFamily="17" charset="-128"/>
              <a:ea typeface="ＭＳ 明朝" panose="02020609040205080304" pitchFamily="17" charset="-128"/>
            </a:rPr>
            <a:t>　　</a:t>
          </a:r>
          <a:r>
            <a:rPr kumimoji="1" lang="en-US" altLang="ja-JP" sz="1100">
              <a:latin typeface="ＭＳ 明朝" panose="02020609040205080304" pitchFamily="17" charset="-128"/>
              <a:ea typeface="ＭＳ 明朝" panose="02020609040205080304" pitchFamily="17" charset="-128"/>
            </a:rPr>
            <a:t>※</a:t>
          </a:r>
          <a:r>
            <a:rPr lang="ja-JP" altLang="ja-JP" sz="1100">
              <a:solidFill>
                <a:schemeClr val="dk1"/>
              </a:solidFill>
              <a:effectLst/>
              <a:latin typeface="ＭＳ 明朝" panose="02020609040205080304" pitchFamily="17" charset="-128"/>
              <a:ea typeface="ＭＳ 明朝" panose="02020609040205080304" pitchFamily="17" charset="-128"/>
              <a:cs typeface="+mn-cs"/>
            </a:rPr>
            <a:t>伊丹市発注工事に係る現場代理人常駐義務の緩和について</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100">
              <a:solidFill>
                <a:schemeClr val="dk1"/>
              </a:solidFill>
              <a:effectLst/>
              <a:latin typeface="ＭＳ 明朝" panose="02020609040205080304" pitchFamily="17" charset="-128"/>
              <a:ea typeface="ＭＳ 明朝" panose="02020609040205080304" pitchFamily="17" charset="-128"/>
              <a:cs typeface="+mn-cs"/>
            </a:rPr>
            <a:t>　　　　　契約金額（消費税及び地方消費税相当額を含む。以下同じ。）が１件あたり３，５００万円未満</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100">
              <a:solidFill>
                <a:schemeClr val="dk1"/>
              </a:solidFill>
              <a:effectLst/>
              <a:latin typeface="ＭＳ 明朝" panose="02020609040205080304" pitchFamily="17" charset="-128"/>
              <a:ea typeface="ＭＳ 明朝" panose="02020609040205080304" pitchFamily="17" charset="-128"/>
              <a:cs typeface="+mn-cs"/>
            </a:rPr>
            <a:t>　　　　の工事（単価契約によるものを除く。）の契約を締結する際、次の要件をすべて満たす場合は、現</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100">
              <a:solidFill>
                <a:schemeClr val="dk1"/>
              </a:solidFill>
              <a:effectLst/>
              <a:latin typeface="ＭＳ 明朝" panose="02020609040205080304" pitchFamily="17" charset="-128"/>
              <a:ea typeface="ＭＳ 明朝" panose="02020609040205080304" pitchFamily="17" charset="-128"/>
              <a:cs typeface="+mn-cs"/>
            </a:rPr>
            <a:t>　　　　場代理人を２件まで兼任することができます。ただし、予め入札公告において兼任を認めないとし</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100">
              <a:solidFill>
                <a:schemeClr val="dk1"/>
              </a:solidFill>
              <a:effectLst/>
              <a:latin typeface="ＭＳ 明朝" panose="02020609040205080304" pitchFamily="17" charset="-128"/>
              <a:ea typeface="ＭＳ 明朝" panose="02020609040205080304" pitchFamily="17" charset="-128"/>
              <a:cs typeface="+mn-cs"/>
            </a:rPr>
            <a:t>　　　　た入札案件及び工事担当課が現場代理人の兼任を認めることが適当でないと判断した場合はこの限</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en-US" sz="1100">
              <a:solidFill>
                <a:schemeClr val="dk1"/>
              </a:solidFill>
              <a:effectLst/>
              <a:latin typeface="ＭＳ 明朝" panose="02020609040205080304" pitchFamily="17" charset="-128"/>
              <a:ea typeface="ＭＳ 明朝" panose="02020609040205080304" pitchFamily="17" charset="-128"/>
              <a:cs typeface="+mn-cs"/>
            </a:rPr>
            <a:t>　　　　りではありません。</a:t>
          </a: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①兼任するすべての案件が契約金額（消費税及び地方消費税相当額を含む。）</a:t>
          </a:r>
          <a:r>
            <a:rPr lang="en-US" altLang="ja-JP" sz="1100">
              <a:solidFill>
                <a:schemeClr val="dk1"/>
              </a:solidFill>
              <a:effectLst/>
              <a:latin typeface="ＭＳ 明朝" panose="02020609040205080304" pitchFamily="17" charset="-128"/>
              <a:ea typeface="ＭＳ 明朝" panose="02020609040205080304" pitchFamily="17" charset="-128"/>
              <a:cs typeface="+mn-cs"/>
            </a:rPr>
            <a:t>1</a:t>
          </a:r>
          <a:r>
            <a:rPr lang="ja-JP" altLang="ja-JP" sz="1100">
              <a:solidFill>
                <a:schemeClr val="dk1"/>
              </a:solidFill>
              <a:effectLst/>
              <a:latin typeface="ＭＳ 明朝" panose="02020609040205080304" pitchFamily="17" charset="-128"/>
              <a:ea typeface="ＭＳ 明朝" panose="02020609040205080304" pitchFamily="17" charset="-128"/>
              <a:cs typeface="+mn-cs"/>
            </a:rPr>
            <a:t>件</a:t>
          </a:r>
          <a:r>
            <a:rPr lang="en-US" altLang="ja-JP" sz="1100">
              <a:solidFill>
                <a:schemeClr val="dk1"/>
              </a:solidFill>
              <a:effectLst/>
              <a:latin typeface="ＭＳ 明朝" panose="02020609040205080304" pitchFamily="17" charset="-128"/>
              <a:ea typeface="ＭＳ 明朝" panose="02020609040205080304" pitchFamily="17" charset="-128"/>
              <a:cs typeface="+mn-cs"/>
            </a:rPr>
            <a:t>3,500</a:t>
          </a:r>
          <a:r>
            <a:rPr lang="ja-JP" altLang="ja-JP" sz="1100">
              <a:solidFill>
                <a:schemeClr val="dk1"/>
              </a:solidFill>
              <a:effectLst/>
              <a:latin typeface="ＭＳ 明朝" panose="02020609040205080304" pitchFamily="17" charset="-128"/>
              <a:ea typeface="ＭＳ 明朝" panose="02020609040205080304" pitchFamily="17" charset="-128"/>
              <a:cs typeface="+mn-cs"/>
            </a:rPr>
            <a:t>万円未</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満</a:t>
          </a:r>
          <a:r>
            <a:rPr lang="ja-JP" altLang="en-US" sz="1100">
              <a:solidFill>
                <a:schemeClr val="dk1"/>
              </a:solidFill>
              <a:effectLst/>
              <a:latin typeface="ＭＳ 明朝" panose="02020609040205080304" pitchFamily="17" charset="-128"/>
              <a:ea typeface="ＭＳ 明朝" panose="02020609040205080304" pitchFamily="17" charset="-128"/>
              <a:cs typeface="+mn-cs"/>
            </a:rPr>
            <a:t>であること。</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　②兼任しようとする工事が、すべて伊丹市（公営企業発注のものを含む）発注の工事であるこ</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と。</a:t>
          </a: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③工事場所がすべて伊丹市内</a:t>
          </a: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④既に契約を締結している工事で現場代理人の兼任をしていないこと。</a:t>
          </a: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⑤兼任する工事現場のいずれかに常駐していること。</a:t>
          </a:r>
          <a:r>
            <a:rPr lang="ja-JP" altLang="en-US" sz="1100">
              <a:solidFill>
                <a:schemeClr val="dk1"/>
              </a:solidFill>
              <a:effectLst/>
              <a:latin typeface="ＭＳ 明朝" panose="02020609040205080304" pitchFamily="17" charset="-128"/>
              <a:ea typeface="ＭＳ 明朝" panose="02020609040205080304" pitchFamily="17" charset="-128"/>
              <a:cs typeface="+mn-cs"/>
            </a:rPr>
            <a:t>　</a:t>
          </a:r>
          <a:endParaRPr lang="ja-JP" altLang="ja-JP" sz="1100">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⑥携帯電話等にて工事担当課との連絡体制が確保されていること。　　</a:t>
          </a: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⑦必要に応じて現場代理人の代行者を配置するなど、安全管理のほか現場の運営、取締りに支障</a:t>
          </a:r>
          <a:r>
            <a:rPr lang="ja-JP" altLang="en-US" sz="1100">
              <a:solidFill>
                <a:schemeClr val="dk1"/>
              </a:solidFill>
              <a:effectLst/>
              <a:latin typeface="ＭＳ 明朝" panose="02020609040205080304" pitchFamily="17" charset="-128"/>
              <a:ea typeface="ＭＳ 明朝" panose="02020609040205080304" pitchFamily="17" charset="-128"/>
              <a:cs typeface="+mn-cs"/>
            </a:rPr>
            <a:t>　　　　　</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ja-JP" altLang="ja-JP" sz="1100">
              <a:solidFill>
                <a:schemeClr val="dk1"/>
              </a:solidFill>
              <a:effectLst/>
              <a:latin typeface="ＭＳ 明朝" panose="02020609040205080304" pitchFamily="17" charset="-128"/>
              <a:ea typeface="ＭＳ 明朝" panose="02020609040205080304" pitchFamily="17" charset="-128"/>
              <a:cs typeface="+mn-cs"/>
            </a:rPr>
            <a:t>を生じさせないこと</a:t>
          </a:r>
          <a:r>
            <a:rPr lang="ja-JP" altLang="en-US" sz="1100">
              <a:solidFill>
                <a:schemeClr val="dk1"/>
              </a:solidFill>
              <a:effectLst/>
              <a:latin typeface="ＭＳ 明朝" panose="02020609040205080304" pitchFamily="17" charset="-128"/>
              <a:ea typeface="ＭＳ 明朝" panose="02020609040205080304" pitchFamily="17" charset="-128"/>
              <a:cs typeface="+mn-cs"/>
            </a:rPr>
            <a:t>。</a:t>
          </a:r>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endParaRPr lang="en-US" altLang="ja-JP" sz="1100">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a:solidFill>
                <a:schemeClr val="dk1"/>
              </a:solidFill>
              <a:effectLst/>
              <a:latin typeface="ＭＳ 明朝" panose="02020609040205080304" pitchFamily="17" charset="-128"/>
              <a:ea typeface="ＭＳ 明朝" panose="02020609040205080304" pitchFamily="17" charset="-128"/>
              <a:cs typeface="+mn-cs"/>
            </a:rPr>
            <a:t>　　</a:t>
          </a:r>
          <a:r>
            <a:rPr lang="en-US" altLang="ja-JP" sz="1100">
              <a:solidFill>
                <a:schemeClr val="dk1"/>
              </a:solidFill>
              <a:effectLst/>
              <a:latin typeface="ＭＳ 明朝" panose="02020609040205080304" pitchFamily="17" charset="-128"/>
              <a:ea typeface="ＭＳ 明朝" panose="02020609040205080304" pitchFamily="17" charset="-128"/>
              <a:cs typeface="+mn-cs"/>
            </a:rPr>
            <a:t>※</a:t>
          </a:r>
          <a:r>
            <a:rPr lang="ja-JP" altLang="en-US" sz="1100">
              <a:solidFill>
                <a:schemeClr val="dk1"/>
              </a:solidFill>
              <a:effectLst/>
              <a:latin typeface="ＭＳ 明朝" panose="02020609040205080304" pitchFamily="17" charset="-128"/>
              <a:ea typeface="ＭＳ 明朝" panose="02020609040205080304" pitchFamily="17" charset="-128"/>
              <a:cs typeface="+mn-cs"/>
            </a:rPr>
            <a:t>建設業法第２６条第３項但書による特例監理技術者制度を用いる場合</a:t>
          </a:r>
          <a:r>
            <a:rPr lang="ja-JP" altLang="en-US" sz="1100" b="0" i="0" u="none" strike="noStrike">
              <a:solidFill>
                <a:schemeClr val="dk1"/>
              </a:solidFill>
              <a:effectLst/>
              <a:latin typeface="+mn-lt"/>
              <a:ea typeface="+mn-ea"/>
              <a:cs typeface="+mn-cs"/>
            </a:rPr>
            <a:t>　</a:t>
          </a:r>
          <a:endParaRPr lang="en-US" altLang="ja-JP" sz="1100" b="0" i="0" u="none" strike="noStrike">
            <a:solidFill>
              <a:schemeClr val="dk1"/>
            </a:solidFill>
            <a:effectLst/>
            <a:latin typeface="+mn-lt"/>
            <a:ea typeface="+mn-ea"/>
            <a:cs typeface="+mn-cs"/>
          </a:endParaRPr>
        </a:p>
        <a:p>
          <a:r>
            <a:rPr lang="ja-JP" altLang="en-US" sz="1100" b="0" i="0" u="none" strike="noStrike">
              <a:solidFill>
                <a:schemeClr val="dk1"/>
              </a:solidFill>
              <a:effectLst/>
              <a:latin typeface="+mn-lt"/>
              <a:ea typeface="+mn-ea"/>
              <a:cs typeface="+mn-cs"/>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建設業法第２６条第３項但書に基づき、監理技術者補佐を専任で置き監理技術者が他現場と兼務</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をする（特例監理</a:t>
          </a:r>
          <a:r>
            <a:rPr lang="ja-JP" altLang="en-US">
              <a:latin typeface="ＭＳ 明朝" panose="02020609040205080304" pitchFamily="17" charset="-128"/>
              <a:ea typeface="ＭＳ 明朝" panose="02020609040205080304" pitchFamily="17" charset="-128"/>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技術者制度）場合は、兼務することとなった時点で速やかに①監理技術者の兼務</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する工事の契約内容（工事名、施工</a:t>
          </a:r>
          <a:r>
            <a:rPr lang="ja-JP" altLang="en-US">
              <a:latin typeface="ＭＳ 明朝" panose="02020609040205080304" pitchFamily="17" charset="-128"/>
              <a:ea typeface="ＭＳ 明朝" panose="02020609040205080304" pitchFamily="17" charset="-128"/>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場所、発注者名、契約金額）がわかる書類、②監理技術者補佐</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の資格及び雇用を証明する書類を提出すること。</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a:t>
          </a:r>
          <a:r>
            <a:rPr lang="ja-JP" altLang="en-US" sz="1100" b="0" i="0" u="none" strike="noStrike" baseline="0">
              <a:solidFill>
                <a:schemeClr val="dk1"/>
              </a:solidFill>
              <a:effectLst/>
              <a:latin typeface="ＭＳ 明朝" panose="02020609040205080304" pitchFamily="17" charset="-128"/>
              <a:ea typeface="ＭＳ 明朝" panose="02020609040205080304" pitchFamily="17" charset="-128"/>
              <a:cs typeface="+mn-cs"/>
            </a:rPr>
            <a:t> </a:t>
          </a:r>
          <a:r>
            <a:rPr lang="ja-JP" altLang="en-US">
              <a:latin typeface="ＭＳ 明朝" panose="02020609040205080304" pitchFamily="17" charset="-128"/>
              <a:ea typeface="ＭＳ 明朝" panose="02020609040205080304" pitchFamily="17" charset="-128"/>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なお、本市において特例監理技術者制度を用いることができる場合は、下記のすべてを満たす場</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合とする。</a:t>
          </a:r>
          <a:r>
            <a:rPr lang="ja-JP" altLang="en-US">
              <a:latin typeface="ＭＳ 明朝" panose="02020609040205080304" pitchFamily="17" charset="-128"/>
              <a:ea typeface="ＭＳ 明朝" panose="02020609040205080304" pitchFamily="17" charset="-128"/>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①兼務しようとする数が、建設業法第２６条第４項の規定で定められる範囲内であること。</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a:t>
          </a:r>
          <a:r>
            <a:rPr lang="ja-JP" altLang="en-US">
              <a:latin typeface="ＭＳ 明朝" panose="02020609040205080304" pitchFamily="17" charset="-128"/>
              <a:ea typeface="ＭＳ 明朝" panose="02020609040205080304" pitchFamily="17" charset="-128"/>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②設計図書・公告等において、特例監理技術者を認めない旨の記載がないこと。</a:t>
          </a:r>
          <a:r>
            <a:rPr lang="ja-JP" altLang="en-US">
              <a:latin typeface="ＭＳ 明朝" panose="02020609040205080304" pitchFamily="17" charset="-128"/>
              <a:ea typeface="ＭＳ 明朝" panose="02020609040205080304" pitchFamily="17" charset="-128"/>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③兼務する工事の施工場所が、伊丹市及びその隣接市（尼崎市、西宮市、宝塚市、川西市、豊中</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市、池田市）内にあること。</a:t>
          </a:r>
          <a:endParaRPr lang="en-US" altLang="ja-JP" sz="1100" b="0" i="0" u="none" strike="noStrike">
            <a:solidFill>
              <a:schemeClr val="dk1"/>
            </a:solidFill>
            <a:effectLst/>
            <a:latin typeface="ＭＳ 明朝" panose="02020609040205080304" pitchFamily="17" charset="-128"/>
            <a:ea typeface="ＭＳ 明朝" panose="02020609040205080304" pitchFamily="17" charset="-128"/>
            <a:cs typeface="+mn-cs"/>
          </a:endParaRPr>
        </a:p>
        <a:p>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a:t>
          </a:r>
          <a:r>
            <a:rPr lang="ja-JP" altLang="en-US">
              <a:latin typeface="ＭＳ 明朝" panose="02020609040205080304" pitchFamily="17" charset="-128"/>
              <a:ea typeface="ＭＳ 明朝" panose="02020609040205080304" pitchFamily="17" charset="-128"/>
            </a:rPr>
            <a:t> </a:t>
          </a:r>
          <a:r>
            <a:rPr lang="ja-JP" altLang="en-US" sz="1100" b="0" i="0" u="none" strike="noStrike">
              <a:solidFill>
                <a:schemeClr val="dk1"/>
              </a:solidFill>
              <a:effectLst/>
              <a:latin typeface="ＭＳ 明朝" panose="02020609040205080304" pitchFamily="17" charset="-128"/>
              <a:ea typeface="ＭＳ 明朝" panose="02020609040205080304" pitchFamily="17" charset="-128"/>
              <a:cs typeface="+mn-cs"/>
            </a:rPr>
            <a:t>      ④兼務しようとする工事の契約金額がいずれも２億円以下であること。</a:t>
          </a:r>
          <a:r>
            <a:rPr lang="ja-JP" altLang="en-US">
              <a:latin typeface="ＭＳ 明朝" panose="02020609040205080304" pitchFamily="17" charset="-128"/>
              <a:ea typeface="ＭＳ 明朝" panose="02020609040205080304" pitchFamily="17" charset="-128"/>
            </a:rPr>
            <a:t> </a:t>
          </a:r>
          <a:endParaRPr lang="ja-JP" altLang="en-US" sz="1100">
            <a:solidFill>
              <a:schemeClr val="dk1"/>
            </a:solidFill>
            <a:effectLst/>
            <a:latin typeface="ＭＳ 明朝" panose="02020609040205080304" pitchFamily="17" charset="-128"/>
            <a:ea typeface="ＭＳ 明朝" panose="02020609040205080304" pitchFamily="17"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lang="ja-JP" altLang="en-US" sz="1100">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lang="ja-JP" altLang="ja-JP" sz="1100">
            <a:solidFill>
              <a:schemeClr val="dk1"/>
            </a:solidFill>
            <a:effectLst/>
            <a:latin typeface="+mn-lt"/>
            <a:ea typeface="+mn-ea"/>
            <a:cs typeface="+mn-cs"/>
          </a:endParaRPr>
        </a:p>
        <a:p>
          <a:endParaRPr kumimoji="1" lang="ja-JP" altLang="en-US" sz="1100">
            <a:latin typeface="ＭＳ 明朝" panose="02020609040205080304" pitchFamily="17" charset="-128"/>
            <a:ea typeface="ＭＳ 明朝" panose="02020609040205080304" pitchFamily="17" charset="-128"/>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Z:\T02&#22865;&#32004;&#26908;&#26619;\R2&#20837;&#22865;.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技 (R3.4.1以降)"/>
      <sheetName val="管理表（作成中）"/>
      <sheetName val="停test (3)"/>
      <sheetName val="祝日一覧"/>
      <sheetName val="誓下"/>
      <sheetName val="誓元"/>
      <sheetName val="工経"/>
      <sheetName val="工技 (R2.10.1以降) (仮)"/>
      <sheetName val="工技 (R2.4.1以降)"/>
      <sheetName val="工着"/>
      <sheetName val="経"/>
      <sheetName val="技術"/>
      <sheetName val="着"/>
      <sheetName val="1～7・工事"/>
      <sheetName val="8～14"/>
      <sheetName val="定義"/>
      <sheetName val="A"/>
      <sheetName val="B"/>
      <sheetName val="Y"/>
      <sheetName val="C"/>
      <sheetName val="変 (2)"/>
      <sheetName val="5"/>
      <sheetName val="携"/>
      <sheetName val="処"/>
      <sheetName val="通"/>
      <sheetName val="5 (不調)"/>
      <sheetName val="連"/>
      <sheetName val="封"/>
      <sheetName val="予"/>
      <sheetName val="予（10％）"/>
      <sheetName val="日"/>
      <sheetName val="貼"/>
      <sheetName val="電公告 (高圧2年)"/>
      <sheetName val="電説明 (高圧2年)"/>
      <sheetName val="電公告"/>
      <sheetName val="指通"/>
      <sheetName val="電依頼決裁"/>
      <sheetName val="電説明"/>
      <sheetName val="電気依頼書"/>
      <sheetName val="公"/>
      <sheetName val="前・ﾊﾟｽ有"/>
      <sheetName val="後"/>
      <sheetName val="決"/>
      <sheetName val="委・決"/>
      <sheetName val="中止"/>
      <sheetName val="委"/>
      <sheetName val="技"/>
      <sheetName val="条"/>
      <sheetName val="通チ"/>
      <sheetName val="指チ"/>
      <sheetName val="託チ"/>
      <sheetName val="委チ"/>
      <sheetName val="結"/>
      <sheetName val="停"/>
      <sheetName val="停 (2)"/>
      <sheetName val="停〒"/>
      <sheetName val="停test (2)"/>
      <sheetName val="総"/>
      <sheetName val="契"/>
      <sheetName val="一"/>
      <sheetName val="台"/>
      <sheetName val="ID"/>
      <sheetName val="!"/>
      <sheetName val="警備公告 (庁舎)"/>
      <sheetName val="警備説明書 (庁舎)"/>
      <sheetName val="警備公告（市場）"/>
      <sheetName val="警備説明書（市場）"/>
      <sheetName val="委後 (騒音調査）"/>
      <sheetName val="委後 (台帳修正)"/>
      <sheetName val="委後 (街区調査)"/>
      <sheetName val="委後 (公共点検)"/>
      <sheetName val="委後 (管理台帳)"/>
      <sheetName val="委後 (測量)"/>
      <sheetName val="委後 (管理台帳2）"/>
      <sheetName val="委後 (道路設計)"/>
      <sheetName val="委後 (橋梁補修)"/>
      <sheetName val="委後 (監理)"/>
      <sheetName val="委後 (点検)"/>
      <sheetName val="委後 (設計2人) (10％) "/>
      <sheetName val="委後 (設計3人) (10％)"/>
      <sheetName val="委後 (設計1人) (10％)"/>
      <sheetName val="委後 (物件調査その5)"/>
      <sheetName val="委後 (河川)"/>
      <sheetName val="河川0204"/>
      <sheetName val="河川"/>
      <sheetName val="Sheet1"/>
      <sheetName val="Sheet2"/>
      <sheetName val="Sheet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2">
          <cell r="C2">
            <v>1</v>
          </cell>
          <cell r="D2" t="str">
            <v xml:space="preserve">本工事の契約締結については市議会の議決を要するので、議決を得たときに本契約を締結するものとし、それまでの間は仮契約とする。（伊丹市制限付一般競争入札公告共通事項ver.7参照）
</v>
          </cell>
        </row>
        <row r="3">
          <cell r="C3">
            <v>2</v>
          </cell>
          <cell r="D3" t="str">
            <v xml:space="preserve">本件は、本件工事と一体で施工する分離発注に係る本体工事請負契約議案（建築工事）が市議会の議決を得た場合、本件工事に係る契約の効力が発生する停止条件付契約とする。
</v>
          </cell>
        </row>
        <row r="4">
          <cell r="C4">
            <v>3</v>
          </cell>
          <cell r="D4" t="str">
            <v xml:space="preserve">本件の入札において、伊丹市内に本店を有する者以外の者にあっては、申込制限を付すこととし、公告番号伊総総契公第１１号～１３号の３件の入札については、いずれか１件のみの申込とする。また、伊丹市内に本店を有する者以外の者にあっては、同日に入札を予定している公告番号伊総総契公第９号～１３号のうちの１件取り抜け方式（１件まで受注可）により執行する。落札決定順位は公告番号順とし、公告番号伊総総契公第９号～１２号のうち１件の工事を落札した者はそれ以降の入札を無効とし、かつ当月中に公告する本案件と同一工種の他工事における入札も無効とする。
</v>
          </cell>
        </row>
        <row r="5">
          <cell r="C5">
            <v>4</v>
          </cell>
          <cell r="D5" t="str">
            <v xml:space="preserve">管工事（空気調和設備を含む）の施工実績を有すること。
</v>
          </cell>
        </row>
        <row r="6">
          <cell r="C6">
            <v>5</v>
          </cell>
          <cell r="D6" t="str">
            <v>(4)で規程する施工実績について、伊丹市内に本店を有する者にあっては、塗装工事を含む建築一式工事の実績であっても可とする。</v>
          </cell>
        </row>
        <row r="7">
          <cell r="C7">
            <v>6</v>
          </cell>
          <cell r="D7" t="str">
            <v xml:space="preserve">本件の入札において、伊丹市内に本店を有する者以外の者にあっては、同日に入札を予定している公告番号伊総総契公第59号～61号のうちの１件取り抜け方式（１件まで受注可）により執行する。落札決定順位は公告番号順とし、公告番号伊総総契公第59号～61号のうち１件の工事を落札した者はそれ以降の入札を無効とする。
</v>
          </cell>
        </row>
        <row r="8">
          <cell r="C8">
            <v>7</v>
          </cell>
          <cell r="D8" t="str">
            <v>本件入札は、関係予算の議決後に開札を行うものとし、当該予算が議決されなければ本件入札を中止する。</v>
          </cell>
        </row>
        <row r="9">
          <cell r="C9">
            <v>8</v>
          </cell>
          <cell r="D9" t="str">
            <v>液化石油ガス設備士の資格を有する主任技術者を当該工事に専任で配置できること。</v>
          </cell>
        </row>
        <row r="10">
          <cell r="C10">
            <v>9</v>
          </cell>
          <cell r="D10" t="str">
            <v>　①本工事の契約締結については市議会の議決を要するので、議決を得たときに本契約を締結するものとし、それまでの間は仮契約とする。（伊丹市制限付一般競争入札公告共通事項ver.4.1参照）
　②（仮称）伊丹市立中学校給食センター整備工事（建築工事）、同工事（電気設備工事）又は同工事（機械設備工事）のいずれかが市議会において否決された場合は、本案件は無効とする。</v>
          </cell>
        </row>
        <row r="11">
          <cell r="C11">
            <v>10</v>
          </cell>
          <cell r="D11" t="str">
            <v>6.施工にあたっては、「工事管理者」及び「列車見張員」を配置すること。</v>
          </cell>
        </row>
        <row r="12">
          <cell r="C12">
            <v>11</v>
          </cell>
          <cell r="D12" t="str">
            <v>本件の入札において、伊丹市内に本店を有する者以外の者にあっては、同日に公告している公告番号伊総契公第106号～107号のうちの１件取り抜け方式（１件まで受注可）により執行することとし、公告番号伊総契公第107号について落札した者は公告番号伊総契公第106号の入札を無効とする。</v>
          </cell>
        </row>
        <row r="13">
          <cell r="C13">
            <v>12</v>
          </cell>
          <cell r="D13" t="str">
            <v>本件の入札は、同日に入札を予定している公告番号伊総総契公第138号～139号のうちの1件取り抜け方式（1件まで受注可）により執行する。落札決定順位は公告番号順とし、公告番号伊総総契公第138号～139号のうち1件の工事を落札した者はそれ以降の入札を無効とする。</v>
          </cell>
        </row>
        <row r="14">
          <cell r="C14">
            <v>13</v>
          </cell>
          <cell r="D14" t="str">
            <v>元請工事における下請金額が4000万円を超える場合は、特定建設業許可が必要であり、配置する技術者は監理技術者であること。</v>
          </cell>
        </row>
        <row r="15">
          <cell r="C15">
            <v>14</v>
          </cell>
          <cell r="D15" t="str">
            <v>10.　本件の入札については、同日に入札を予定している公告番号伊総管公第８０号～８９号のうち１件以上の工事を落札した者は本件入札を無効とする。</v>
          </cell>
        </row>
        <row r="16">
          <cell r="C16">
            <v>15</v>
          </cell>
          <cell r="D16" t="str">
            <v>11.　本件入札は、予算議決前に入札事務を執行しているため、本件工事にかかる予算が入札日までに議決されなければ、本件入札を中止する。
　本件工事の落札者は、来年度発注予定（市議会で議決されなければ実施しない）の「伊丹市立東中学校格技棟新築工事追加工事（以下「追加工事」という。）」を請負うこと。追加工事の契約金額は追加工事の予定価格に本件工事の落札率をかけた額とする。追加工事を当該条件で契約ができない業者については本件入札に参加しないこと。なお、追加工事の詳細については別添のとおりとする。</v>
          </cell>
        </row>
        <row r="17">
          <cell r="C17">
            <v>16</v>
          </cell>
          <cell r="D17" t="str">
            <v>本件の入札において、取り抜け方式により執行する。伊丹市内に本店を有する者にあっては、公告番号伊総契公第84号～87号の4件のうちの2件取り抜け方式（2件まで受注可）により、また、上記以外の者にあっては、公告番号伊総契公第84号～87号の4件うちの1件取り抜け方式（1件まで受注可）により、執行する。落札決定順位は公告番号順とし、公告番号伊総契公第84号～87号のうち2件または1件の工事を落札した者はそれ以降の入札を無効とする。</v>
          </cell>
        </row>
        <row r="18">
          <cell r="C18">
            <v>17</v>
          </cell>
          <cell r="D18" t="str">
            <v>13.防火水槽改修工について、実際の防火水槽を確認後、社団法人日本コンクリート工学協会が認定する「コンクリート診断士」の意見を聴取して設計照査を行えること。</v>
          </cell>
        </row>
        <row r="19">
          <cell r="C19">
            <v>18</v>
          </cell>
          <cell r="D19" t="str">
            <v>元請工事における下請金額が4,000万円を超える場合は、特定建設業許可が必要であり、配置する技術者は監理技術者であること。</v>
          </cell>
        </row>
        <row r="20">
          <cell r="C20">
            <v>19</v>
          </cell>
          <cell r="D20" t="str">
            <v>本件入札は、市議会における関係予算の議決後に開札を行うものとし、当該予算の議決がされなければ本件入札を中止することとする。中止された場合、それまでに要した費用は入札参加者の負担とする。</v>
          </cell>
        </row>
        <row r="21">
          <cell r="C21">
            <v>20</v>
          </cell>
          <cell r="D21" t="str">
            <v>①本件入札は、市議会における関係予算の議決後に開札を行うものとし、当該予算の議決がされなければ本件入札を中止することとする。中止された場合、それまでに要した費用は入札参加者の負担とする。
②本工事の契約締結については市議会の議決を要するので、議決を得たときに本契約を締結するものとし、それまでの間は仮契約とする。（伊丹市制限付一般競争入札公告共通事項ver.5.3参照）
③本件の入札において、伊丹市内に本店を有する者以外の者にあっては、同日に入札を予定している公告番号伊総総契公第138号～139号のうちの１件取り抜け方式（１件まで受注可）により執行する。落札決定順位は公告番号順とし、公告番号伊総総契公第138号～139号のうち１件の工事を落札した者はそれ以降の入札を無効とする。</v>
          </cell>
        </row>
        <row r="22">
          <cell r="C22">
            <v>21</v>
          </cell>
          <cell r="D22" t="str">
            <v>①本件入札は、市議会における関係予算の議決後に開札を行うものとし、当該予算の議決がされなければ本件入札を中止することとする。中止された場合、それまでに要した費用は入札参加者の負担とする。
②本工事の契約締結については市議会の議決を要するので、議決を得たときに本契約を締結するものとし、それまでの間は仮契約とする。（伊丹市制限付一般競争入札公告共通事項ver.5.3参照）</v>
          </cell>
        </row>
        <row r="23">
          <cell r="C23">
            <v>22</v>
          </cell>
          <cell r="D23" t="str">
            <v>本件入札は､予算議決前に入札事務を執行しているため､本件工事にかかる予算が入札日までに議決されなければ､本件入札を中止する。また、本件工事の契約締結については市議会の議決を要するので、議決を得たときに本契約を締結するものとし、それまでの間は仮契約とする。（伊丹市制限付一般競争入札公告共通事項ver.5.3参照）</v>
          </cell>
        </row>
        <row r="24">
          <cell r="C24">
            <v>23</v>
          </cell>
          <cell r="D24" t="str">
            <v>(4)で規程する施工実績は１千万円以上の公共工事とする。</v>
          </cell>
        </row>
        <row r="25">
          <cell r="C25">
            <v>24</v>
          </cell>
          <cell r="D25" t="str">
            <v>①本件の入札において、伊丹市内に本店を有する者以外の者にあっては、同日に入札を予定している公告番号伊総契公第68号～69号のうちの１件取り抜け方式（１件まで受注可）により執行する。落札決定順位は公告番号順とし、公告番号伊総契公第68号～69号のうち１件の工事を落札した者はそれ以降の入札を無効とする。
②本工事の契約締結については市議会の議決を要するので、議決を得たときに本契約を締結するものとし、それまでの間は仮契約とする。（伊丹市制限付一般競争入札公告共通事項ver.5.2参照）</v>
          </cell>
        </row>
        <row r="26">
          <cell r="C26">
            <v>25</v>
          </cell>
          <cell r="D26" t="str">
            <v>本件の入札において、伊丹市内に本店を有する者以外の者にあっては、同日公告の公告番号伊総契公第44号～45号のうちの１件取り抜け方式（１件まで受注可）により執行する。落札決定順位は公告番号順とし、公告番号伊総契公第44号～45号のうち１件の工事を落札した者はそれ以降の入札を無効とする。</v>
          </cell>
        </row>
        <row r="28">
          <cell r="C28">
            <v>44197</v>
          </cell>
        </row>
        <row r="29">
          <cell r="C29">
            <v>44207</v>
          </cell>
          <cell r="F29">
            <v>1</v>
          </cell>
          <cell r="G29" t="str">
            <v>完成払</v>
          </cell>
          <cell r="M29">
            <v>1</v>
          </cell>
          <cell r="N29">
            <v>2</v>
          </cell>
          <cell r="O29">
            <v>3</v>
          </cell>
          <cell r="P29">
            <v>4</v>
          </cell>
          <cell r="Q29">
            <v>5</v>
          </cell>
          <cell r="R29">
            <v>6</v>
          </cell>
          <cell r="S29">
            <v>7</v>
          </cell>
          <cell r="T29">
            <v>15</v>
          </cell>
        </row>
        <row r="30">
          <cell r="C30">
            <v>44238</v>
          </cell>
          <cell r="F30">
            <v>2</v>
          </cell>
          <cell r="G30" t="str">
            <v>前金払（４０％以内）及び中間前金払（２０％以内）</v>
          </cell>
          <cell r="M30" t="str">
            <v>物品売買契約書</v>
          </cell>
          <cell r="N30" t="str">
            <v>物品売買（単価）契約書</v>
          </cell>
          <cell r="O30" t="str">
            <v>製造請負契約書</v>
          </cell>
          <cell r="P30" t="str">
            <v>印刷製本契約書</v>
          </cell>
          <cell r="Q30" t="str">
            <v>印刷製本（単価）契約書</v>
          </cell>
          <cell r="R30" t="str">
            <v>賃貸借契約書（長期継続契約）</v>
          </cell>
          <cell r="S30" t="str">
            <v>賃貸借契約書</v>
          </cell>
          <cell r="T30" t="str">
            <v>工事請負契約書</v>
          </cell>
        </row>
        <row r="31">
          <cell r="C31">
            <v>44250</v>
          </cell>
          <cell r="F31">
            <v>3</v>
          </cell>
          <cell r="G31" t="str">
            <v>出来高払</v>
          </cell>
          <cell r="M31" t="str">
            <v>品名（件名）</v>
          </cell>
          <cell r="N31" t="str">
            <v>品名（件名）</v>
          </cell>
          <cell r="O31" t="str">
            <v>件名</v>
          </cell>
          <cell r="P31" t="str">
            <v>件名</v>
          </cell>
          <cell r="Q31" t="str">
            <v>件名</v>
          </cell>
          <cell r="R31" t="str">
            <v>物件名
（名称及び機種等）</v>
          </cell>
          <cell r="S31" t="str">
            <v>物件名
（名称及び機種等）</v>
          </cell>
          <cell r="T31" t="str">
            <v>工事名</v>
          </cell>
        </row>
        <row r="32">
          <cell r="C32">
            <v>44275</v>
          </cell>
          <cell r="F32">
            <v>4</v>
          </cell>
          <cell r="G32" t="str">
            <v>部分払</v>
          </cell>
          <cell r="M32" t="str">
            <v>納入場所</v>
          </cell>
          <cell r="N32" t="str">
            <v>納入場所</v>
          </cell>
          <cell r="O32" t="str">
            <v>納入場所</v>
          </cell>
          <cell r="P32" t="str">
            <v>納入場所</v>
          </cell>
          <cell r="Q32" t="str">
            <v>納入場所</v>
          </cell>
          <cell r="R32" t="str">
            <v>賃借場所</v>
          </cell>
          <cell r="S32" t="str">
            <v>賃借場所</v>
          </cell>
          <cell r="T32" t="str">
            <v>工事場所</v>
          </cell>
        </row>
        <row r="33">
          <cell r="C33">
            <v>44315</v>
          </cell>
          <cell r="F33">
            <v>5</v>
          </cell>
          <cell r="G33" t="str">
            <v>前払金(40％以内)及び中間前金払（２０％以内）
部分払</v>
          </cell>
          <cell r="M33" t="str">
            <v>納入期間</v>
          </cell>
          <cell r="N33" t="str">
            <v>納入期間</v>
          </cell>
          <cell r="O33" t="str">
            <v>納入期間</v>
          </cell>
          <cell r="P33" t="str">
            <v>納入期間</v>
          </cell>
          <cell r="Q33" t="str">
            <v>納入期間</v>
          </cell>
          <cell r="R33" t="str">
            <v>賃借期間</v>
          </cell>
          <cell r="S33" t="str">
            <v>賃借期間</v>
          </cell>
          <cell r="T33" t="str">
            <v>工期</v>
          </cell>
        </row>
        <row r="34">
          <cell r="C34">
            <v>44319</v>
          </cell>
          <cell r="F34">
            <v>6</v>
          </cell>
          <cell r="G34" t="str">
            <v>仕様書のとおり</v>
          </cell>
          <cell r="M34" t="str">
            <v>契約代金</v>
          </cell>
          <cell r="N34" t="str">
            <v xml:space="preserve">
契約代金
（単価）
</v>
          </cell>
          <cell r="O34" t="str">
            <v>請負代金</v>
          </cell>
          <cell r="P34" t="str">
            <v>請負代金</v>
          </cell>
          <cell r="Q34" t="str">
            <v xml:space="preserve">
請負代金額
（単価）
</v>
          </cell>
          <cell r="R34" t="str">
            <v>契約金額</v>
          </cell>
          <cell r="S34" t="str">
            <v>契約金額</v>
          </cell>
          <cell r="T34" t="str">
            <v>請負代金</v>
          </cell>
        </row>
        <row r="35">
          <cell r="C35">
            <v>44320</v>
          </cell>
          <cell r="F35">
            <v>7</v>
          </cell>
          <cell r="G35" t="str">
            <v>毎月払（月額\　　　　　　　　　）</v>
          </cell>
          <cell r="M35" t="str">
            <v>納入方法</v>
          </cell>
          <cell r="N35" t="str">
            <v>納入方法</v>
          </cell>
          <cell r="O35" t="str">
            <v>納入方法</v>
          </cell>
          <cell r="P35" t="str">
            <v>納入方法</v>
          </cell>
          <cell r="Q35" t="str">
            <v>納入方法</v>
          </cell>
          <cell r="R35" t="str">
            <v>納入方法</v>
          </cell>
          <cell r="S35" t="str">
            <v>納入方法</v>
          </cell>
          <cell r="T35" t="str">
            <v>解体費用等</v>
          </cell>
        </row>
        <row r="36">
          <cell r="C36">
            <v>44321</v>
          </cell>
          <cell r="F36">
            <v>8</v>
          </cell>
          <cell r="G36" t="str">
            <v>代金納入</v>
          </cell>
          <cell r="M36" t="str">
            <v>　上記の物品の供給について、買主である伊丹市（以下「甲」という。）と売主である
　　　　　　　　　　　　　　　　　　　　　　　　　　　　　　　　　　（以下「乙」という。）は、各々の対等な立場における合意に基づいて、次の条項によって公正な物品売買契約を締結し、信義に従って誠実にこれを履行するものとする。
　上記契約の証として本書２通を作成し、甲及び乙記名押印の上、各自１通を保有する。</v>
          </cell>
          <cell r="N36" t="str">
            <v>　上記の物品の供給について、買主である伊丹市（以下「甲」という。）と売主である
　　　　　　　　　　　　　　　　　　　　　　　　　　　　　　　　　　（以下「乙」という。）は、各々の対等な立場における合意に基づいて、次の条項によって公正な物品売買（単価）契約を締結し、信義に従って誠実にこれを履行するものとする。
　上記契約の証として本書２通を作成し、甲及び乙記名押印の上、各自１通を保有する。</v>
          </cell>
          <cell r="O36" t="str">
            <v>　上記の請負について、発注者である伊丹市（以下「甲」という。）と受注者である
　　　　　　　　　　　　　　　　　　　　　　　　　　　　　　　　　　（以下「乙」という。）は、各々の対等な立場における合意に基づいて、次の条項によって公正な製造請負契約を締結し、信義に従って誠実にこれを履行するものとする。
　上記契約の証として本書２通を作成し、甲及び乙記名押印の上、各自１通を保有する。</v>
          </cell>
          <cell r="P36" t="str">
            <v>　上記の印刷製本について、発注者である伊丹市（以下「甲」という。）と受注者である
　　　　　　　　　　　　　　　　　　　　　　　　　　　　　　　　　　（以下「乙」という。）は、各々の対等な立場における合意に基づいて、次の条項によって公正な印刷製本契約を締結し、信義に従って誠実にこれを履行するものとする。
　上記契約の証として本書２通を作成し、甲及び乙記名押印の上、各自１通を保有する。</v>
          </cell>
          <cell r="Q36" t="str">
            <v>　上記の印刷製本について、発注者である伊丹市（以下「甲」という。）と受注者である
　　　　　　　　　　　　　　　　　　　　　　　　　　　　　　　　　　（以下「乙」という。）は、各々の対等な立場における合意に基づいて、次の条項によって公正な印刷製本（単価）契約を締結し、信義に従って誠実にこれを履行するものとする。
　上記契約の証として本書２通を作成し、甲及び乙記名押印の上、各自１通を保有する。</v>
          </cell>
          <cell r="R36" t="str">
            <v>　上記の賃借物件について、賃借人である伊丹市（以下「甲」という。）と賃貸人である
　　　　　　　　　　　　　　　　　　　　　　　　　　　　　　　　　　（以下「乙」という。）は、各々の対等な立場における合意に基づいて、次の条項によって公正な賃貸借契約を締結し、信義に従って誠実にこれを履行するものとする。
　上記契約の証として本書２通を作成し、甲及び乙記名押印の上、各自１通を保有する。</v>
          </cell>
          <cell r="S36" t="str">
            <v>　上記の賃借物件について、賃借人である伊丹市（以下「甲」という。）と賃貸人である
　　　　　　　　　　　　　　　　　　　　　　　　　　　　　　　　　　（以下「乙」という。）は、各々の対等な立場における合意に基づいて、次の条項によって公正な賃貸借契約を締結し、信義に従って誠実にこれを履行するものとする。
　上記契約の証として本書２通を作成し、甲及び乙記名押印の上、各自１通を保有する。</v>
          </cell>
          <cell r="T36" t="str">
            <v>　上記の工事について、発注者である伊丹市（以下「甲」という。）と受注者である
　　　　　　　　　　　　　　　　　　　　　　　　　　　　　　　　　　（以下「乙」という。）は、各々の対等な立場における合意に基づいて、次の条項によって公正な請負契約を締結し、信義に従って誠実にこれを履行するものとする。また、乙が共同企業体を結成している場合には、乙は、別紙の共同企業体協定書により契約書記載の業務を共同連帯して実施する。
　上記契約の証として本書２通を作成し、甲及び乙記名押印の上、各自１通を保有する。</v>
          </cell>
        </row>
        <row r="37">
          <cell r="C37">
            <v>44396</v>
          </cell>
          <cell r="F37">
            <v>9</v>
          </cell>
          <cell r="G37" t="str">
            <v>前払金(40％以内)
部分払</v>
          </cell>
        </row>
        <row r="38">
          <cell r="C38">
            <v>44419</v>
          </cell>
          <cell r="F38">
            <v>10</v>
          </cell>
          <cell r="M38" t="str">
            <v>うち取引に係る消費税
および地方消費税の額</v>
          </cell>
          <cell r="N38" t="str">
            <v>単価には、消費税及び
地方消費税を含まない</v>
          </cell>
          <cell r="O38" t="str">
            <v>うち取引に係る消費税
および地方消費税の額</v>
          </cell>
          <cell r="P38" t="str">
            <v>うち取引に係る消費税
および地方消費税の額</v>
          </cell>
          <cell r="Q38" t="str">
            <v>単価には、消費税及び
地方消費税を含まない</v>
          </cell>
          <cell r="R38" t="str">
            <v>うち取引に係る消費税
および地方消費税の額</v>
          </cell>
          <cell r="S38" t="str">
            <v>うち取引に係る消費税
および地方消費税の額</v>
          </cell>
          <cell r="T38" t="str">
            <v>うち取引に係る消費税
および地方消費税の額</v>
          </cell>
        </row>
        <row r="39">
          <cell r="C39">
            <v>44459</v>
          </cell>
        </row>
        <row r="40">
          <cell r="C40">
            <v>44462</v>
          </cell>
          <cell r="M40" t="str">
            <v>　　　　　　　　　　　　　　　搬入等</v>
          </cell>
          <cell r="N40" t="str">
            <v>　　　　　　　　　　　　　　　搬入等</v>
          </cell>
          <cell r="O40" t="str">
            <v>　　　　　　　　　　　　　　　搬入等</v>
          </cell>
          <cell r="P40" t="str">
            <v>　　　　　　　　　　　　　　　搬入等</v>
          </cell>
          <cell r="Q40" t="str">
            <v>　　　　　　　　　　　　　　　搬入等</v>
          </cell>
          <cell r="R40" t="str">
            <v>　　　　　　　　　　　　　　　搬入等</v>
          </cell>
          <cell r="S40" t="str">
            <v>　　　　　　　　　　　　　　　搬入等</v>
          </cell>
          <cell r="T40" t="str">
            <v>　別紙のとおり。
　　（建設工事に係る資材の再資源化等に関する法律（平成１２年
　　　法律第１０４号）第９条第１項に規定する対象建設工事の場合）</v>
          </cell>
        </row>
        <row r="41">
          <cell r="C41">
            <v>44480</v>
          </cell>
        </row>
        <row r="42">
          <cell r="C42">
            <v>44503</v>
          </cell>
        </row>
        <row r="43">
          <cell r="C43">
            <v>44523</v>
          </cell>
        </row>
        <row r="44">
          <cell r="C44">
            <v>44562</v>
          </cell>
        </row>
        <row r="45">
          <cell r="C45">
            <v>44571</v>
          </cell>
        </row>
        <row r="46">
          <cell r="C46">
            <v>44603</v>
          </cell>
          <cell r="M46">
            <v>8</v>
          </cell>
          <cell r="N46">
            <v>9</v>
          </cell>
          <cell r="O46">
            <v>10</v>
          </cell>
          <cell r="P46">
            <v>11</v>
          </cell>
          <cell r="Q46">
            <v>12</v>
          </cell>
          <cell r="R46">
            <v>13</v>
          </cell>
          <cell r="S46">
            <v>14</v>
          </cell>
        </row>
        <row r="47">
          <cell r="C47">
            <v>44615</v>
          </cell>
          <cell r="M47" t="str">
            <v>委託契約書</v>
          </cell>
          <cell r="N47" t="str">
            <v>委託（単価）契約書</v>
          </cell>
          <cell r="O47" t="str">
            <v>委託契約書（長期継続契約）</v>
          </cell>
          <cell r="P47" t="str">
            <v>建築設計業務等委託契約書</v>
          </cell>
          <cell r="Q47" t="str">
            <v>土木設計業務等委託契約書</v>
          </cell>
          <cell r="R47" t="str">
            <v>建築工事監理業務委託契約書</v>
          </cell>
          <cell r="S47" t="str">
            <v>用地測量等請負契約書</v>
          </cell>
        </row>
        <row r="48">
          <cell r="C48">
            <v>44641</v>
          </cell>
          <cell r="M48" t="str">
            <v>業務の名称</v>
          </cell>
          <cell r="N48" t="str">
            <v>業務の名称</v>
          </cell>
          <cell r="O48" t="str">
            <v>業務の名称</v>
          </cell>
          <cell r="P48" t="str">
            <v>業務の名称</v>
          </cell>
          <cell r="Q48" t="str">
            <v>業務の名称</v>
          </cell>
          <cell r="R48" t="str">
            <v>業務の名称</v>
          </cell>
          <cell r="S48" t="str">
            <v>業務の名称</v>
          </cell>
        </row>
        <row r="49">
          <cell r="C49">
            <v>44680</v>
          </cell>
          <cell r="M49" t="str">
            <v>履行場所</v>
          </cell>
          <cell r="N49" t="str">
            <v>履行場所</v>
          </cell>
          <cell r="O49" t="str">
            <v>履行場所</v>
          </cell>
          <cell r="P49" t="str">
            <v>履行場所</v>
          </cell>
          <cell r="Q49" t="str">
            <v>履行場所</v>
          </cell>
          <cell r="R49" t="str">
            <v>履行場所</v>
          </cell>
          <cell r="S49" t="str">
            <v>履行場所</v>
          </cell>
        </row>
        <row r="50">
          <cell r="C50">
            <v>44684</v>
          </cell>
          <cell r="M50" t="str">
            <v>履行期間</v>
          </cell>
          <cell r="N50" t="str">
            <v>履行期間</v>
          </cell>
          <cell r="O50" t="str">
            <v>履行期間</v>
          </cell>
          <cell r="P50" t="str">
            <v>履行期間</v>
          </cell>
          <cell r="Q50" t="str">
            <v>履行期間</v>
          </cell>
          <cell r="R50" t="str">
            <v>履行期間</v>
          </cell>
          <cell r="S50" t="str">
            <v>履行期間</v>
          </cell>
        </row>
        <row r="51">
          <cell r="C51">
            <v>44685</v>
          </cell>
          <cell r="M51" t="str">
            <v>業務委託料</v>
          </cell>
          <cell r="N51" t="str">
            <v xml:space="preserve">
業務委託料
(単価)
</v>
          </cell>
          <cell r="O51" t="str">
            <v xml:space="preserve">
業務委託料
（総額）
</v>
          </cell>
          <cell r="P51" t="str">
            <v>業務委託料</v>
          </cell>
          <cell r="Q51" t="str">
            <v>業務委託料</v>
          </cell>
          <cell r="R51" t="str">
            <v>業務委託料</v>
          </cell>
          <cell r="S51" t="str">
            <v>請負代金額</v>
          </cell>
        </row>
        <row r="53">
          <cell r="M53" t="str">
            <v>　上記の業務について、発注者である伊丹市（以下「甲」という。）と受注者である
　　　　　　　　　　　　　　　　　　　　　　　　　　　　　　　　　　（以下「乙」という。）は、各々の対等な立場における合意に基づいて、次の条項によって公正な委託契約を締結し、信義に従って誠実にこれを履行するものとする。
　上記契約の証として本書２通を作成し、甲及び乙記名押印の上、各自１通を保有する。</v>
          </cell>
          <cell r="N53" t="str">
            <v>　上記の業務について、発注者である伊丹市（以下「甲」という。）と受注者である
　　　　　　　　　　　　　　　　　　　　　　　　　　　　　　　　　　（以下「乙」という。）は、各々の対等な立場における合意に基づいて、次の条項によって公正な委託（単価）契約を締結し、信義に従って誠実にこれを履行するものとする。
　上記契約の証として本書２通を作成し、甲及び乙記名押印の上、各自１通を保有する。</v>
          </cell>
          <cell r="O53" t="str">
            <v>　上記の業務について、発注者である伊丹市（以下「甲」という。）と受注者である
　　　　　　　　　　　　　　　　　　　　　　　　　　　　　　　　　　（以下「乙」という。）は、各々の対等な立場における合意に基づいて、次の条項によって公正な委託（長期継続）契約を締結し、信義に従って誠実にこれを履行するものとする。
　上記契約の証として本書２通を作成し、甲及び乙記名押印の上、各自１通を保有する。</v>
          </cell>
          <cell r="P53" t="str">
            <v>　上記の業務について、発注者である伊丹市（以下「甲」という。）と受注者である
　　　　　　　　　　　　　　　　　　　　　　　　　　　　　　　　　　（以下「乙」という。）は、各々の対等な立場における合意に基づいて、次の条項によって公正な委託契約を締結し、信義に従って誠実にこれを履行するものとする。また、乙が設計共同体を結成している場合には、乙は、別紙の設計共同体協定書により契約書記載の業務を共同連帯して実施する。
　上記契約の証として本書２通を作成し、甲及び乙記名押印の上、各自１通を保有する。</v>
          </cell>
          <cell r="Q53" t="str">
            <v>　上記の業務について、発注者である伊丹市（以下「甲」という。）と受注者である
　　　　　　　　　　　　　　　　　　　　　　　　　　　　　　　　　　（以下「乙」という。）は、各々の対等な立場における合意に基づいて、次の条項によって公正な委託契約を締結し、信義に従って誠実にこれを履行するものとする。また、乙が設計共同体を結成している場合には、乙は、別紙の設計共同体協定書により契約書記載の業務を共同連帯して実施する。
　上記契約の証として本書２通を作成し、甲及び乙記名押印の上、各自１通を保有する。</v>
          </cell>
          <cell r="R53" t="str">
            <v>　上記の業務について、発注者である伊丹市（以下「甲」という。）と受注者である
　　　　　　　　　　　　　　　　　　　　　　　　　　　　　　　　　　（以下「乙」という。）は、各々の対等な立場における合意に基づいて、次の条項によって公正な委託契約を締結し、信義に従って誠実にこれを履行するものとする。また、乙が設計共同体を結成している場合には、乙は、別紙の設計共同体協定書により契約書記載の業務を共同連帯して実施する。
　上記契約の証として本書２通を作成し、甲及び乙記名押印の上、各自１通を保有する。</v>
          </cell>
          <cell r="S53" t="str">
            <v>　上記の業務について、発注者である伊丹市（以下「甲」という。）と受注者である
　　　　　　　　　　　　　　　　　　　　　　　　　　　　　　　　　　（以下「乙」という。）は、各々の対等な立場における合意に基づいて、次の条項によって公正な請負契約を締結し、信義に従って誠実にこれを履行するものとする。
　上記契約の証として本書２通を作成し、甲及び乙記名押印の上、各自１通を保有する。</v>
          </cell>
        </row>
        <row r="55">
          <cell r="M55" t="str">
            <v>うち取引に係る消費税
および地方消費税の額</v>
          </cell>
          <cell r="N55" t="str">
            <v>単価には、消費税及び
地方消費税を含まない</v>
          </cell>
          <cell r="O55" t="str">
            <v>うち取引に係る消費税
および地方消費税の額</v>
          </cell>
          <cell r="P55" t="str">
            <v>うち取引に係る消費税
および地方消費税の額</v>
          </cell>
          <cell r="Q55" t="str">
            <v>うち取引に係る消費税
および地方消費税の額</v>
          </cell>
          <cell r="R55" t="str">
            <v>うち取引に係る消費税
および地方消費税の額</v>
          </cell>
          <cell r="S55" t="str">
            <v>うち取引に係る消費税
および地方消費税の額</v>
          </cell>
        </row>
        <row r="57">
          <cell r="M57" t="str">
            <v>出来高払</v>
          </cell>
          <cell r="N57" t="str">
            <v>出来高払</v>
          </cell>
          <cell r="O57" t="str">
            <v>出来高払</v>
          </cell>
          <cell r="P57" t="str">
            <v>出来高払</v>
          </cell>
          <cell r="Q57" t="str">
            <v>出来高払</v>
          </cell>
          <cell r="R57" t="str">
            <v>出来高払</v>
          </cell>
          <cell r="S57" t="str">
            <v>出来高払</v>
          </cell>
          <cell r="T57" t="str">
            <v>出来高払</v>
          </cell>
        </row>
        <row r="58">
          <cell r="R58" t="str">
            <v>建築士法第２２条の３の３に定める記載事項　　　別紙のとおり</v>
          </cell>
          <cell r="T58" t="str">
            <v>　　　　　　　　　　　　　　　搬入等</v>
          </cell>
        </row>
      </sheetData>
      <sheetData sheetId="16">
        <row r="1">
          <cell r="A1">
            <v>1</v>
          </cell>
          <cell r="B1" t="str">
            <v>日</v>
          </cell>
          <cell r="FI1">
            <v>1</v>
          </cell>
          <cell r="FJ1" t="str">
            <v>制限付一般競争入札</v>
          </cell>
          <cell r="FN1">
            <v>1</v>
          </cell>
          <cell r="FO1" t="str">
            <v>伊丹市立総合教育センター２階講座室</v>
          </cell>
          <cell r="GD1">
            <v>1</v>
          </cell>
          <cell r="GE1" t="str">
            <v>契約・検査課長　松本　嘉博</v>
          </cell>
        </row>
        <row r="2">
          <cell r="A2">
            <v>2</v>
          </cell>
          <cell r="B2" t="str">
            <v>月</v>
          </cell>
          <cell r="FI2">
            <v>2</v>
          </cell>
          <cell r="FJ2" t="str">
            <v>指名競争入札</v>
          </cell>
          <cell r="FN2">
            <v>2</v>
          </cell>
          <cell r="FO2" t="str">
            <v>伊丹市立総合教育センター２階研修室</v>
          </cell>
          <cell r="GD2">
            <v>2</v>
          </cell>
          <cell r="GE2" t="str">
            <v>契約・検査課　主任　稲本　真治</v>
          </cell>
        </row>
        <row r="3">
          <cell r="A3">
            <v>3</v>
          </cell>
          <cell r="B3" t="str">
            <v>火</v>
          </cell>
          <cell r="FI3">
            <v>3</v>
          </cell>
          <cell r="FJ3" t="str">
            <v>随意契約</v>
          </cell>
          <cell r="FN3">
            <v>3</v>
          </cell>
          <cell r="FO3" t="str">
            <v>伊丹市総務部契約・検査課</v>
          </cell>
          <cell r="GD3">
            <v>3</v>
          </cell>
          <cell r="GE3" t="str">
            <v>田中　陽子</v>
          </cell>
          <cell r="JD3" t="str">
            <v>教</v>
          </cell>
          <cell r="JE3" t="str">
            <v>下</v>
          </cell>
          <cell r="JF3" t="str">
            <v>測</v>
          </cell>
          <cell r="JG3" t="str">
            <v>他</v>
          </cell>
          <cell r="JH3" t="str">
            <v>建</v>
          </cell>
          <cell r="JI3" t="str">
            <v>建設</v>
          </cell>
          <cell r="JJ3" t="str">
            <v>土</v>
          </cell>
          <cell r="JK3" t="str">
            <v>土設</v>
          </cell>
          <cell r="JL3" t="str">
            <v>他工</v>
          </cell>
          <cell r="JM3" t="str">
            <v>緑</v>
          </cell>
          <cell r="JN3" t="str">
            <v>物</v>
          </cell>
        </row>
        <row r="4">
          <cell r="A4">
            <v>4</v>
          </cell>
          <cell r="B4" t="str">
            <v>水</v>
          </cell>
          <cell r="FI4">
            <v>4</v>
          </cell>
          <cell r="FJ4" t="str">
            <v>事後審査型一般競争入札</v>
          </cell>
          <cell r="FN4">
            <v>4</v>
          </cell>
          <cell r="FO4" t="str">
            <v>電子入札</v>
          </cell>
          <cell r="GD4">
            <v>4</v>
          </cell>
          <cell r="GE4" t="str">
            <v>小西　悠介</v>
          </cell>
          <cell r="JD4">
            <v>16</v>
          </cell>
          <cell r="JE4">
            <v>1</v>
          </cell>
          <cell r="JF4">
            <v>1</v>
          </cell>
          <cell r="JG4">
            <v>92</v>
          </cell>
          <cell r="JH4">
            <v>47</v>
          </cell>
          <cell r="JI4">
            <v>17</v>
          </cell>
          <cell r="JJ4">
            <v>30</v>
          </cell>
          <cell r="JK4">
            <v>5</v>
          </cell>
          <cell r="JL4">
            <v>1</v>
          </cell>
          <cell r="JM4">
            <v>19</v>
          </cell>
          <cell r="JN4">
            <v>91</v>
          </cell>
        </row>
        <row r="5">
          <cell r="A5">
            <v>5</v>
          </cell>
          <cell r="B5" t="str">
            <v>木</v>
          </cell>
          <cell r="FI5">
            <v>5</v>
          </cell>
          <cell r="FJ5" t="str">
            <v>指名競争入札（簡易認証）</v>
          </cell>
        </row>
        <row r="6">
          <cell r="A6">
            <v>6</v>
          </cell>
          <cell r="B6" t="str">
            <v>金</v>
          </cell>
        </row>
        <row r="7">
          <cell r="A7">
            <v>7</v>
          </cell>
          <cell r="B7" t="str">
            <v>土</v>
          </cell>
        </row>
        <row r="9">
          <cell r="C9" t="str">
            <v/>
          </cell>
          <cell r="D9" t="str">
            <v/>
          </cell>
          <cell r="E9" t="str">
            <v/>
          </cell>
          <cell r="I9">
            <v>1</v>
          </cell>
          <cell r="M9" t="str">
            <v>令和２年度旧伊丹市立こばと保育所解体工事</v>
          </cell>
          <cell r="Q9" t="str">
            <v>こば幼解体工</v>
          </cell>
          <cell r="Y9">
            <v>1</v>
          </cell>
          <cell r="AC9">
            <v>1</v>
          </cell>
          <cell r="AI9" t="str">
            <v>伊丹市稲野町５丁目７６番地</v>
          </cell>
          <cell r="AM9" t="str">
            <v>解体工事一式</v>
          </cell>
          <cell r="AQ9">
            <v>2</v>
          </cell>
          <cell r="AY9">
            <v>43963</v>
          </cell>
          <cell r="AZ9">
            <v>43966</v>
          </cell>
          <cell r="BA9">
            <v>183</v>
          </cell>
          <cell r="BB9">
            <v>44148</v>
          </cell>
          <cell r="BC9">
            <v>20</v>
          </cell>
          <cell r="BD9" t="str">
            <v>○</v>
          </cell>
          <cell r="BE9" t="str">
            <v>○</v>
          </cell>
          <cell r="BF9">
            <v>0.41736111111111113</v>
          </cell>
          <cell r="BG9">
            <v>7640</v>
          </cell>
          <cell r="BH9" t="str">
            <v>上野　竜</v>
          </cell>
          <cell r="BI9" t="str">
            <v>営繕課</v>
          </cell>
          <cell r="BJ9">
            <v>4668</v>
          </cell>
          <cell r="BN9" t="str">
            <v>建</v>
          </cell>
          <cell r="BO9">
            <v>1</v>
          </cell>
          <cell r="BS9">
            <v>55330000</v>
          </cell>
          <cell r="BT9">
            <v>50300000</v>
          </cell>
          <cell r="BU9">
            <v>1</v>
          </cell>
          <cell r="BV9">
            <v>45280000</v>
          </cell>
          <cell r="BW9">
            <v>31190893</v>
          </cell>
          <cell r="BX9">
            <v>7304000</v>
          </cell>
          <cell r="BY9">
            <v>5604394</v>
          </cell>
          <cell r="BZ9">
            <v>6200713</v>
          </cell>
          <cell r="CH9">
            <v>1</v>
          </cell>
          <cell r="CI9">
            <v>43934</v>
          </cell>
          <cell r="CJ9" t="str">
            <v>一般</v>
          </cell>
          <cell r="CK9" t="str">
            <v>伊丹市内に本店</v>
          </cell>
          <cell r="CL9" t="str">
            <v>580点以上</v>
          </cell>
          <cell r="CP9">
            <v>63151</v>
          </cell>
          <cell r="CT9" t="str">
            <v>請負金額が1,200万円以上</v>
          </cell>
          <cell r="CW9">
            <v>43942</v>
          </cell>
          <cell r="CX9" t="str">
            <v/>
          </cell>
          <cell r="CY9" t="str">
            <v/>
          </cell>
          <cell r="CZ9" t="str">
            <v/>
          </cell>
          <cell r="DA9">
            <v>43944</v>
          </cell>
          <cell r="DB9">
            <v>43948</v>
          </cell>
          <cell r="DC9">
            <v>23</v>
          </cell>
          <cell r="DD9" t="str">
            <v>○</v>
          </cell>
          <cell r="DL9">
            <v>211</v>
          </cell>
          <cell r="DM9">
            <v>21</v>
          </cell>
          <cell r="DN9">
            <v>54</v>
          </cell>
          <cell r="DO9">
            <v>120</v>
          </cell>
          <cell r="DP9">
            <v>53</v>
          </cell>
          <cell r="DQ9">
            <v>26</v>
          </cell>
          <cell r="DR9">
            <v>314</v>
          </cell>
          <cell r="DS9">
            <v>386</v>
          </cell>
          <cell r="DT9">
            <v>49</v>
          </cell>
          <cell r="EZ9">
            <v>9</v>
          </cell>
          <cell r="FA9">
            <v>10</v>
          </cell>
          <cell r="FI9">
            <v>4</v>
          </cell>
          <cell r="FJ9" t="str">
            <v>事後審査型一般競争入札</v>
          </cell>
          <cell r="FN9">
            <v>4</v>
          </cell>
          <cell r="FO9" t="str">
            <v>電子入札</v>
          </cell>
          <cell r="FS9">
            <v>1</v>
          </cell>
          <cell r="FT9" t="str">
            <v/>
          </cell>
          <cell r="FU9" t="str">
            <v/>
          </cell>
          <cell r="FW9">
            <v>1</v>
          </cell>
          <cell r="FX9">
            <v>1</v>
          </cell>
          <cell r="FY9" t="str">
            <v>了</v>
          </cell>
          <cell r="GB9">
            <v>1</v>
          </cell>
          <cell r="GC9">
            <v>1</v>
          </cell>
          <cell r="GD9">
            <v>1</v>
          </cell>
          <cell r="GE9" t="str">
            <v>契約・検査課長　松本　嘉博</v>
          </cell>
          <cell r="GF9">
            <v>211</v>
          </cell>
          <cell r="GG9" t="str">
            <v>(株)深津工務店</v>
          </cell>
          <cell r="GH9">
            <v>50325000</v>
          </cell>
          <cell r="GI9">
            <v>4575000</v>
          </cell>
          <cell r="GJ9">
            <v>5033000</v>
          </cell>
          <cell r="GM9" t="str">
            <v>朝日　一臣</v>
          </cell>
          <cell r="GO9" t="str">
            <v>朝日　一臣</v>
          </cell>
          <cell r="GU9" t="str">
            <v>済</v>
          </cell>
          <cell r="GV9">
            <v>124000</v>
          </cell>
          <cell r="GW9">
            <v>2.4639841033283658</v>
          </cell>
          <cell r="HO9" t="str">
            <v/>
          </cell>
          <cell r="HP9">
            <v>45750000</v>
          </cell>
          <cell r="HQ9">
            <v>46530000</v>
          </cell>
          <cell r="HR9">
            <v>47900000</v>
          </cell>
          <cell r="HS9">
            <v>48000000</v>
          </cell>
          <cell r="HT9">
            <v>44000000</v>
          </cell>
          <cell r="HU9" t="str">
            <v>-</v>
          </cell>
          <cell r="HV9" t="str">
            <v>-</v>
          </cell>
          <cell r="HW9" t="str">
            <v>-</v>
          </cell>
          <cell r="HX9" t="str">
            <v>-</v>
          </cell>
          <cell r="JD9" t="str">
            <v/>
          </cell>
          <cell r="JE9" t="str">
            <v/>
          </cell>
          <cell r="JF9" t="str">
            <v/>
          </cell>
          <cell r="JG9" t="str">
            <v/>
          </cell>
          <cell r="JH9">
            <v>1</v>
          </cell>
          <cell r="JI9">
            <v>1</v>
          </cell>
          <cell r="JJ9" t="str">
            <v/>
          </cell>
          <cell r="JK9" t="str">
            <v/>
          </cell>
          <cell r="JL9" t="str">
            <v/>
          </cell>
          <cell r="JM9" t="str">
            <v/>
          </cell>
          <cell r="JN9" t="str">
            <v/>
          </cell>
          <cell r="JO9" t="str">
            <v/>
          </cell>
          <cell r="JP9" t="str">
            <v/>
          </cell>
          <cell r="JQ9" t="str">
            <v/>
          </cell>
          <cell r="JR9" t="str">
            <v/>
          </cell>
          <cell r="JS9" t="str">
            <v/>
          </cell>
          <cell r="JT9" t="str">
            <v/>
          </cell>
          <cell r="JU9" t="str">
            <v/>
          </cell>
          <cell r="JV9" t="str">
            <v/>
          </cell>
          <cell r="JW9" t="str">
            <v/>
          </cell>
          <cell r="JX9" t="str">
            <v/>
          </cell>
          <cell r="JY9" t="str">
            <v/>
          </cell>
          <cell r="JZ9">
            <v>0.90954274353876741</v>
          </cell>
        </row>
        <row r="10">
          <cell r="A10">
            <v>1</v>
          </cell>
          <cell r="B10" t="str">
            <v>建築一式</v>
          </cell>
          <cell r="C10" t="str">
            <v/>
          </cell>
          <cell r="D10" t="str">
            <v/>
          </cell>
          <cell r="E10" t="str">
            <v/>
          </cell>
          <cell r="I10">
            <v>2</v>
          </cell>
          <cell r="M10" t="str">
            <v>令和２年度旧伊丹市立天神川幼稚園解体工事</v>
          </cell>
          <cell r="Q10" t="str">
            <v>天幼解体工事</v>
          </cell>
          <cell r="Y10">
            <v>1</v>
          </cell>
          <cell r="AC10">
            <v>1</v>
          </cell>
          <cell r="AI10" t="str">
            <v>伊丹市荒牧南３丁目１番２１号</v>
          </cell>
          <cell r="AM10" t="str">
            <v>解体工事一式</v>
          </cell>
          <cell r="AQ10">
            <v>2</v>
          </cell>
          <cell r="AY10">
            <v>43963</v>
          </cell>
          <cell r="AZ10">
            <v>43966</v>
          </cell>
          <cell r="BA10">
            <v>169</v>
          </cell>
          <cell r="BB10">
            <v>44134</v>
          </cell>
          <cell r="BC10">
            <v>20</v>
          </cell>
          <cell r="BD10" t="str">
            <v>○</v>
          </cell>
          <cell r="BE10" t="str">
            <v>○</v>
          </cell>
          <cell r="BF10">
            <v>0.41805555555555557</v>
          </cell>
          <cell r="BG10">
            <v>6663</v>
          </cell>
          <cell r="BH10" t="str">
            <v>森田  浩史</v>
          </cell>
          <cell r="BI10" t="str">
            <v>営繕課</v>
          </cell>
          <cell r="BJ10">
            <v>4397</v>
          </cell>
          <cell r="BN10" t="str">
            <v>建</v>
          </cell>
          <cell r="BO10">
            <v>2</v>
          </cell>
          <cell r="BS10">
            <v>54230000</v>
          </cell>
          <cell r="BT10">
            <v>49300000</v>
          </cell>
          <cell r="BU10">
            <v>1</v>
          </cell>
          <cell r="BV10">
            <v>44310000</v>
          </cell>
          <cell r="BW10">
            <v>29806830</v>
          </cell>
          <cell r="BX10">
            <v>9327000</v>
          </cell>
          <cell r="BY10">
            <v>4045043</v>
          </cell>
          <cell r="BZ10">
            <v>6121127</v>
          </cell>
          <cell r="CH10">
            <v>2</v>
          </cell>
          <cell r="CI10">
            <v>43934</v>
          </cell>
          <cell r="CJ10" t="str">
            <v>一般</v>
          </cell>
          <cell r="CK10" t="str">
            <v>伊丹市内に本店</v>
          </cell>
          <cell r="CL10" t="str">
            <v>580点以上</v>
          </cell>
          <cell r="CP10">
            <v>84512</v>
          </cell>
          <cell r="CT10" t="str">
            <v>請負金額が1,200万円以上</v>
          </cell>
          <cell r="CW10">
            <v>43942</v>
          </cell>
          <cell r="CX10" t="str">
            <v/>
          </cell>
          <cell r="CY10" t="str">
            <v/>
          </cell>
          <cell r="CZ10" t="str">
            <v/>
          </cell>
          <cell r="DA10">
            <v>43944</v>
          </cell>
          <cell r="DB10">
            <v>43948</v>
          </cell>
          <cell r="DC10">
            <v>23</v>
          </cell>
          <cell r="DD10" t="str">
            <v>○</v>
          </cell>
          <cell r="DL10">
            <v>314</v>
          </cell>
          <cell r="DM10">
            <v>23</v>
          </cell>
          <cell r="DN10">
            <v>120</v>
          </cell>
          <cell r="DO10">
            <v>54</v>
          </cell>
          <cell r="DP10">
            <v>53</v>
          </cell>
          <cell r="DQ10">
            <v>21</v>
          </cell>
          <cell r="DR10">
            <v>26</v>
          </cell>
          <cell r="DS10">
            <v>211</v>
          </cell>
          <cell r="DT10">
            <v>49</v>
          </cell>
          <cell r="DU10">
            <v>386</v>
          </cell>
          <cell r="EZ10">
            <v>10</v>
          </cell>
          <cell r="FA10">
            <v>10</v>
          </cell>
          <cell r="FI10">
            <v>4</v>
          </cell>
          <cell r="FJ10" t="str">
            <v>事後審査型一般競争入札</v>
          </cell>
          <cell r="FN10">
            <v>4</v>
          </cell>
          <cell r="FO10" t="str">
            <v>電子入札</v>
          </cell>
          <cell r="FS10">
            <v>1</v>
          </cell>
          <cell r="FT10" t="str">
            <v/>
          </cell>
          <cell r="FU10" t="str">
            <v/>
          </cell>
          <cell r="FW10">
            <v>1</v>
          </cell>
          <cell r="FX10">
            <v>1</v>
          </cell>
          <cell r="FY10" t="str">
            <v>了</v>
          </cell>
          <cell r="GC10">
            <v>1</v>
          </cell>
          <cell r="GD10">
            <v>1</v>
          </cell>
          <cell r="GE10" t="str">
            <v>契約・検査課長　松本　嘉博</v>
          </cell>
          <cell r="GF10">
            <v>314</v>
          </cell>
          <cell r="GG10" t="str">
            <v>(株)アサヒ</v>
          </cell>
          <cell r="GH10">
            <v>48950000</v>
          </cell>
          <cell r="GI10">
            <v>4450000</v>
          </cell>
          <cell r="GJ10">
            <v>4895000</v>
          </cell>
          <cell r="GM10" t="str">
            <v>朝日　洋二</v>
          </cell>
          <cell r="GO10" t="str">
            <v>朝日　洋二</v>
          </cell>
          <cell r="GV10">
            <v>67270</v>
          </cell>
          <cell r="GW10">
            <v>1.3742594484167516</v>
          </cell>
          <cell r="GX10">
            <v>44099</v>
          </cell>
          <cell r="GY10">
            <v>57717000</v>
          </cell>
          <cell r="GZ10">
            <v>52096000</v>
          </cell>
          <cell r="HN10" t="str">
            <v>建物解体中に下層地盤が軟弱であることが判明し、建物基礎・地中梁撤去工事を遂行できなくなった為、地盤安定改良工事を施工して、工事を遂行した。</v>
          </cell>
          <cell r="HO10">
            <v>1</v>
          </cell>
          <cell r="HP10">
            <v>44500000</v>
          </cell>
          <cell r="HQ10">
            <v>44530000</v>
          </cell>
          <cell r="HR10">
            <v>45360000</v>
          </cell>
          <cell r="HS10">
            <v>46950000</v>
          </cell>
          <cell r="HT10">
            <v>38400000</v>
          </cell>
          <cell r="HU10">
            <v>42300000</v>
          </cell>
          <cell r="HV10">
            <v>44000000</v>
          </cell>
          <cell r="HW10">
            <v>44290000</v>
          </cell>
          <cell r="HX10" t="str">
            <v>-</v>
          </cell>
          <cell r="HY10" t="str">
            <v>-</v>
          </cell>
          <cell r="JD10" t="str">
            <v/>
          </cell>
          <cell r="JE10" t="str">
            <v/>
          </cell>
          <cell r="JF10" t="str">
            <v/>
          </cell>
          <cell r="JG10" t="str">
            <v/>
          </cell>
          <cell r="JH10">
            <v>2</v>
          </cell>
          <cell r="JI10">
            <v>2</v>
          </cell>
          <cell r="JJ10" t="str">
            <v/>
          </cell>
          <cell r="JK10" t="str">
            <v/>
          </cell>
          <cell r="JL10" t="str">
            <v/>
          </cell>
          <cell r="JM10" t="str">
            <v/>
          </cell>
          <cell r="JN10" t="str">
            <v/>
          </cell>
          <cell r="JO10" t="str">
            <v/>
          </cell>
          <cell r="JP10" t="str">
            <v/>
          </cell>
          <cell r="JQ10" t="str">
            <v/>
          </cell>
          <cell r="JR10" t="str">
            <v/>
          </cell>
          <cell r="JS10" t="str">
            <v/>
          </cell>
          <cell r="JT10" t="str">
            <v/>
          </cell>
          <cell r="JU10" t="str">
            <v/>
          </cell>
          <cell r="JV10" t="str">
            <v/>
          </cell>
          <cell r="JW10" t="str">
            <v/>
          </cell>
          <cell r="JX10" t="str">
            <v/>
          </cell>
          <cell r="JY10" t="str">
            <v/>
          </cell>
          <cell r="JZ10">
            <v>0.9026369168356998</v>
          </cell>
        </row>
        <row r="11">
          <cell r="A11">
            <v>2</v>
          </cell>
          <cell r="B11" t="str">
            <v>土木一式</v>
          </cell>
          <cell r="C11" t="str">
            <v/>
          </cell>
          <cell r="D11" t="str">
            <v/>
          </cell>
          <cell r="E11" t="str">
            <v/>
          </cell>
          <cell r="I11">
            <v>3</v>
          </cell>
          <cell r="M11" t="str">
            <v>令和２年度下河原緑地遊具改修工事</v>
          </cell>
          <cell r="Q11" t="str">
            <v>下河原緑遊具</v>
          </cell>
          <cell r="Y11">
            <v>1</v>
          </cell>
          <cell r="AC11">
            <v>6</v>
          </cell>
          <cell r="AI11" t="str">
            <v>伊丹市下河原３丁目地内</v>
          </cell>
          <cell r="AM11" t="str">
            <v>【本体工事】
　基盤整備一式　施設整備一式　遊戯施設整備工一式　構造物撤去工一式
　運搬処理工一式　公園施設撤去工一式　仮設工一式
【附帯工事】
　基盤整備一式　植栽一式　施設整備一式</v>
          </cell>
          <cell r="AQ11">
            <v>2</v>
          </cell>
          <cell r="AY11">
            <v>43963</v>
          </cell>
          <cell r="AZ11">
            <v>43966</v>
          </cell>
          <cell r="BA11">
            <v>148</v>
          </cell>
          <cell r="BB11">
            <v>44113</v>
          </cell>
          <cell r="BC11">
            <v>20</v>
          </cell>
          <cell r="BD11" t="str">
            <v>○</v>
          </cell>
          <cell r="BE11" t="str">
            <v>○</v>
          </cell>
          <cell r="BF11">
            <v>0.41875000000000001</v>
          </cell>
          <cell r="BG11">
            <v>7796</v>
          </cell>
          <cell r="BH11" t="str">
            <v>山口  貴裕</v>
          </cell>
          <cell r="BI11" t="str">
            <v>公園課</v>
          </cell>
          <cell r="BJ11">
            <v>4827</v>
          </cell>
          <cell r="BN11" t="str">
            <v>緑</v>
          </cell>
          <cell r="BO11">
            <v>1</v>
          </cell>
          <cell r="BS11">
            <v>48227300</v>
          </cell>
          <cell r="BT11">
            <v>43840000</v>
          </cell>
          <cell r="BU11">
            <v>1</v>
          </cell>
          <cell r="BV11">
            <v>38950000</v>
          </cell>
          <cell r="BW11">
            <v>26075000</v>
          </cell>
          <cell r="BX11">
            <v>779000</v>
          </cell>
          <cell r="BY11">
            <v>10330000</v>
          </cell>
          <cell r="BZ11">
            <v>6659000</v>
          </cell>
          <cell r="CH11">
            <v>3</v>
          </cell>
          <cell r="CI11">
            <v>43934</v>
          </cell>
          <cell r="CJ11" t="str">
            <v>一般</v>
          </cell>
          <cell r="CK11" t="str">
            <v>神戸市、尼崎市、西宮市、芦屋市、宝塚市、川西市、伊丹市内に本店又は支店</v>
          </cell>
          <cell r="CL11" t="str">
            <v>伊丹市内に本店を有する者においては550点以上、その他の者においては800点以上</v>
          </cell>
          <cell r="CP11">
            <v>73645</v>
          </cell>
          <cell r="CT11" t="str">
            <v>請負金額が2,100万円以上(伊丹市内に本店を有する者においては1,200万円以上)</v>
          </cell>
          <cell r="CW11">
            <v>43942</v>
          </cell>
          <cell r="CX11" t="str">
            <v/>
          </cell>
          <cell r="CY11" t="str">
            <v/>
          </cell>
          <cell r="CZ11" t="str">
            <v/>
          </cell>
          <cell r="DA11">
            <v>43944</v>
          </cell>
          <cell r="DB11">
            <v>43948</v>
          </cell>
          <cell r="DC11">
            <v>23</v>
          </cell>
          <cell r="DD11" t="str">
            <v>○</v>
          </cell>
          <cell r="DL11">
            <v>3808</v>
          </cell>
          <cell r="DM11">
            <v>2431</v>
          </cell>
          <cell r="DN11">
            <v>287</v>
          </cell>
          <cell r="DO11">
            <v>74</v>
          </cell>
          <cell r="DP11">
            <v>3255</v>
          </cell>
          <cell r="DQ11">
            <v>2893</v>
          </cell>
          <cell r="DR11">
            <v>91</v>
          </cell>
          <cell r="DS11">
            <v>2859</v>
          </cell>
          <cell r="DT11">
            <v>4427</v>
          </cell>
          <cell r="DU11">
            <v>2094</v>
          </cell>
          <cell r="DV11">
            <v>3104</v>
          </cell>
          <cell r="EZ11">
            <v>11</v>
          </cell>
          <cell r="FA11">
            <v>8</v>
          </cell>
          <cell r="FI11">
            <v>4</v>
          </cell>
          <cell r="FJ11" t="str">
            <v>事後審査型一般競争入札</v>
          </cell>
          <cell r="FN11">
            <v>4</v>
          </cell>
          <cell r="FO11" t="str">
            <v>電子入札</v>
          </cell>
          <cell r="FS11">
            <v>1</v>
          </cell>
          <cell r="FT11" t="str">
            <v/>
          </cell>
          <cell r="FU11" t="str">
            <v/>
          </cell>
          <cell r="FW11">
            <v>1</v>
          </cell>
          <cell r="FX11">
            <v>1</v>
          </cell>
          <cell r="FY11" t="str">
            <v>了</v>
          </cell>
          <cell r="GD11">
            <v>1</v>
          </cell>
          <cell r="GE11" t="str">
            <v>契約・検査課長　松本　嘉博</v>
          </cell>
          <cell r="GF11">
            <v>3808</v>
          </cell>
          <cell r="GG11" t="str">
            <v>阪神園芸(株)</v>
          </cell>
          <cell r="GH11">
            <v>42845000</v>
          </cell>
          <cell r="GI11">
            <v>3895000</v>
          </cell>
          <cell r="GJ11">
            <v>4285000</v>
          </cell>
          <cell r="GM11" t="str">
            <v>梅田　正太郎</v>
          </cell>
          <cell r="GN11" t="str">
            <v>造園</v>
          </cell>
          <cell r="GO11" t="str">
            <v>竹歳　方基</v>
          </cell>
          <cell r="GW11" t="str">
            <v/>
          </cell>
          <cell r="GX11">
            <v>44099</v>
          </cell>
          <cell r="GY11">
            <v>47939100</v>
          </cell>
          <cell r="GZ11">
            <v>42588700</v>
          </cell>
          <cell r="HN11" t="str">
            <v>現地精査による数量変更を行う。</v>
          </cell>
          <cell r="HO11">
            <v>1</v>
          </cell>
          <cell r="HP11">
            <v>38950000</v>
          </cell>
          <cell r="HQ11">
            <v>38970000</v>
          </cell>
          <cell r="HR11">
            <v>38980000</v>
          </cell>
          <cell r="HS11">
            <v>39000000</v>
          </cell>
          <cell r="HT11">
            <v>39100000</v>
          </cell>
          <cell r="HU11">
            <v>39800000</v>
          </cell>
          <cell r="HV11">
            <v>43800000</v>
          </cell>
          <cell r="HW11">
            <v>43800000</v>
          </cell>
          <cell r="HX11">
            <v>43800000</v>
          </cell>
          <cell r="HY11">
            <v>38790000</v>
          </cell>
          <cell r="HZ11">
            <v>38930000</v>
          </cell>
          <cell r="JD11" t="str">
            <v/>
          </cell>
          <cell r="JE11" t="str">
            <v/>
          </cell>
          <cell r="JF11" t="str">
            <v/>
          </cell>
          <cell r="JG11" t="str">
            <v/>
          </cell>
          <cell r="JH11" t="str">
            <v/>
          </cell>
          <cell r="JI11" t="str">
            <v/>
          </cell>
          <cell r="JJ11">
            <v>1</v>
          </cell>
          <cell r="JK11">
            <v>1</v>
          </cell>
          <cell r="JL11" t="str">
            <v/>
          </cell>
          <cell r="JM11" t="str">
            <v/>
          </cell>
          <cell r="JN11" t="str">
            <v/>
          </cell>
          <cell r="JO11" t="str">
            <v/>
          </cell>
          <cell r="JP11" t="str">
            <v/>
          </cell>
          <cell r="JQ11" t="str">
            <v/>
          </cell>
          <cell r="JR11" t="str">
            <v/>
          </cell>
          <cell r="JS11" t="str">
            <v/>
          </cell>
          <cell r="JT11" t="str">
            <v/>
          </cell>
          <cell r="JU11" t="str">
            <v/>
          </cell>
          <cell r="JV11" t="str">
            <v/>
          </cell>
          <cell r="JW11" t="str">
            <v/>
          </cell>
          <cell r="JX11" t="str">
            <v/>
          </cell>
          <cell r="JY11" t="str">
            <v/>
          </cell>
          <cell r="JZ11">
            <v>0.88845802919708028</v>
          </cell>
        </row>
        <row r="12">
          <cell r="A12">
            <v>3</v>
          </cell>
          <cell r="B12" t="str">
            <v>舗装</v>
          </cell>
          <cell r="C12">
            <v>101</v>
          </cell>
          <cell r="D12">
            <v>0.41736111111111113</v>
          </cell>
          <cell r="E12" t="str">
            <v/>
          </cell>
          <cell r="I12">
            <v>4</v>
          </cell>
          <cell r="M12" t="str">
            <v>令和２年度市営住宅荻野団地耐震診断及び耐震補強工事設計委託業務</v>
          </cell>
          <cell r="Q12" t="str">
            <v>荻野耐震設計</v>
          </cell>
          <cell r="Y12">
            <v>1</v>
          </cell>
          <cell r="AC12">
            <v>8</v>
          </cell>
          <cell r="AD12">
            <v>11</v>
          </cell>
          <cell r="AI12" t="str">
            <v>伊丹市荒牧４丁目１５番１～１０</v>
          </cell>
          <cell r="AM12" t="str">
            <v xml:space="preserve">・各種積算業務
・各種調査業務
・耐震診断業務
・耐震補強工事設計業務
</v>
          </cell>
          <cell r="AQ12">
            <v>1</v>
          </cell>
          <cell r="AY12">
            <v>43971</v>
          </cell>
          <cell r="AZ12">
            <v>43976</v>
          </cell>
          <cell r="BA12">
            <v>311</v>
          </cell>
          <cell r="BB12">
            <v>44286</v>
          </cell>
          <cell r="BC12">
            <v>17</v>
          </cell>
          <cell r="BD12" t="str">
            <v>○</v>
          </cell>
          <cell r="BE12" t="str">
            <v/>
          </cell>
          <cell r="BF12">
            <v>0.41736111111111113</v>
          </cell>
          <cell r="BG12">
            <v>6663</v>
          </cell>
          <cell r="BH12" t="str">
            <v>森田  浩史</v>
          </cell>
          <cell r="BI12" t="str">
            <v>営繕課</v>
          </cell>
          <cell r="BJ12">
            <v>4397</v>
          </cell>
          <cell r="BN12" t="str">
            <v>建設</v>
          </cell>
          <cell r="BO12">
            <v>1</v>
          </cell>
          <cell r="BS12">
            <v>50798000</v>
          </cell>
          <cell r="BT12">
            <v>46180000</v>
          </cell>
          <cell r="BU12" t="str">
            <v/>
          </cell>
          <cell r="BV12" t="str">
            <v/>
          </cell>
          <cell r="CD12">
            <v>43943</v>
          </cell>
          <cell r="CH12">
            <v>7</v>
          </cell>
          <cell r="CI12">
            <v>43945</v>
          </cell>
          <cell r="CJ12" t="str">
            <v>一級建築士事務所の登録</v>
          </cell>
          <cell r="CK12" t="str">
            <v>兵庫県内又は、大阪府内に本店又は支店</v>
          </cell>
          <cell r="CP12">
            <v>43685</v>
          </cell>
          <cell r="CT12" t="str">
            <v>請負金額が2,300万円以上</v>
          </cell>
          <cell r="CW12">
            <v>43962</v>
          </cell>
          <cell r="CX12" t="str">
            <v/>
          </cell>
          <cell r="CY12" t="str">
            <v/>
          </cell>
          <cell r="CZ12" t="str">
            <v/>
          </cell>
          <cell r="DA12">
            <v>43963</v>
          </cell>
          <cell r="DB12">
            <v>43966</v>
          </cell>
          <cell r="DC12">
            <v>48</v>
          </cell>
          <cell r="DD12" t="str">
            <v/>
          </cell>
          <cell r="DL12">
            <v>5705</v>
          </cell>
          <cell r="DM12">
            <v>5216</v>
          </cell>
          <cell r="DN12">
            <v>5336</v>
          </cell>
          <cell r="DO12">
            <v>5607</v>
          </cell>
          <cell r="DP12">
            <v>5586</v>
          </cell>
          <cell r="DQ12">
            <v>6016</v>
          </cell>
          <cell r="DR12">
            <v>5155</v>
          </cell>
          <cell r="DS12">
            <v>5857</v>
          </cell>
          <cell r="DT12">
            <v>5535</v>
          </cell>
          <cell r="DU12">
            <v>6506</v>
          </cell>
          <cell r="DV12">
            <v>5213</v>
          </cell>
          <cell r="DW12">
            <v>5079</v>
          </cell>
          <cell r="DX12">
            <v>6258</v>
          </cell>
          <cell r="DY12">
            <v>5910</v>
          </cell>
          <cell r="DZ12">
            <v>5608</v>
          </cell>
          <cell r="EA12">
            <v>5395</v>
          </cell>
          <cell r="EB12">
            <v>5390</v>
          </cell>
          <cell r="EC12">
            <v>5345</v>
          </cell>
          <cell r="ED12">
            <v>5487</v>
          </cell>
          <cell r="EE12">
            <v>5452</v>
          </cell>
          <cell r="EF12">
            <v>5478</v>
          </cell>
          <cell r="EG12">
            <v>6301</v>
          </cell>
          <cell r="EZ12">
            <v>22</v>
          </cell>
          <cell r="FA12">
            <v>10</v>
          </cell>
          <cell r="FI12">
            <v>4</v>
          </cell>
          <cell r="FJ12" t="str">
            <v>事後審査型一般競争入札</v>
          </cell>
          <cell r="FN12">
            <v>4</v>
          </cell>
          <cell r="FO12" t="str">
            <v>電子入札</v>
          </cell>
          <cell r="FS12">
            <v>2</v>
          </cell>
          <cell r="FT12" t="str">
            <v/>
          </cell>
          <cell r="FU12" t="str">
            <v/>
          </cell>
          <cell r="FW12" t="str">
            <v/>
          </cell>
          <cell r="FY12" t="str">
            <v/>
          </cell>
          <cell r="GD12">
            <v>1</v>
          </cell>
          <cell r="GE12" t="str">
            <v>契約・検査課長　松本　嘉博</v>
          </cell>
          <cell r="GF12">
            <v>5705</v>
          </cell>
          <cell r="GG12" t="str">
            <v>(株)綜企画設計</v>
          </cell>
          <cell r="GH12">
            <v>27170000</v>
          </cell>
          <cell r="GI12">
            <v>2470000</v>
          </cell>
          <cell r="GJ12">
            <v>2717000</v>
          </cell>
          <cell r="GL12" t="str">
            <v>一級建築士</v>
          </cell>
          <cell r="GM12" t="str">
            <v>藤本　喜一（管理技術者）</v>
          </cell>
          <cell r="GN12" t="str">
            <v>一級建築士</v>
          </cell>
          <cell r="GO12" t="str">
            <v>藤本　喜一（管理技術者）</v>
          </cell>
          <cell r="GW12" t="str">
            <v/>
          </cell>
          <cell r="HO12" t="str">
            <v/>
          </cell>
          <cell r="HP12">
            <v>24700000</v>
          </cell>
          <cell r="HQ12">
            <v>27000000</v>
          </cell>
          <cell r="HR12">
            <v>27000000</v>
          </cell>
          <cell r="HS12">
            <v>27437000</v>
          </cell>
          <cell r="HT12">
            <v>29640000</v>
          </cell>
          <cell r="HU12">
            <v>30017000</v>
          </cell>
          <cell r="HV12">
            <v>30800000</v>
          </cell>
          <cell r="HW12">
            <v>31000000</v>
          </cell>
          <cell r="HX12">
            <v>33179000</v>
          </cell>
          <cell r="HY12">
            <v>36970000</v>
          </cell>
          <cell r="HZ12">
            <v>37000000</v>
          </cell>
          <cell r="IA12">
            <v>37780000</v>
          </cell>
          <cell r="IB12">
            <v>38000000</v>
          </cell>
          <cell r="IC12">
            <v>39700000</v>
          </cell>
          <cell r="ID12">
            <v>41500000</v>
          </cell>
          <cell r="IE12">
            <v>42800000</v>
          </cell>
          <cell r="IF12">
            <v>46150000</v>
          </cell>
          <cell r="IG12">
            <v>46180000</v>
          </cell>
          <cell r="IH12">
            <v>56500000</v>
          </cell>
          <cell r="II12" t="str">
            <v>-</v>
          </cell>
          <cell r="IJ12" t="str">
            <v>-</v>
          </cell>
          <cell r="IK12" t="str">
            <v>-</v>
          </cell>
          <cell r="JD12" t="str">
            <v/>
          </cell>
          <cell r="JE12" t="str">
            <v/>
          </cell>
          <cell r="JF12" t="str">
            <v/>
          </cell>
          <cell r="JG12" t="str">
            <v/>
          </cell>
          <cell r="JH12" t="str">
            <v/>
          </cell>
          <cell r="JI12" t="str">
            <v/>
          </cell>
          <cell r="JJ12" t="str">
            <v/>
          </cell>
          <cell r="JK12" t="str">
            <v/>
          </cell>
          <cell r="JL12" t="str">
            <v/>
          </cell>
          <cell r="JM12" t="str">
            <v/>
          </cell>
          <cell r="JN12" t="str">
            <v/>
          </cell>
          <cell r="JO12" t="str">
            <v/>
          </cell>
          <cell r="JP12" t="str">
            <v/>
          </cell>
          <cell r="JQ12" t="str">
            <v/>
          </cell>
          <cell r="JR12" t="str">
            <v/>
          </cell>
          <cell r="JS12" t="str">
            <v/>
          </cell>
          <cell r="JT12">
            <v>1</v>
          </cell>
          <cell r="JU12">
            <v>1</v>
          </cell>
          <cell r="JV12" t="str">
            <v/>
          </cell>
          <cell r="JW12" t="str">
            <v/>
          </cell>
          <cell r="JX12" t="str">
            <v/>
          </cell>
          <cell r="JY12" t="str">
            <v/>
          </cell>
          <cell r="JZ12">
            <v>0.53486357730619305</v>
          </cell>
        </row>
        <row r="13">
          <cell r="A13">
            <v>4</v>
          </cell>
          <cell r="B13" t="str">
            <v>管</v>
          </cell>
          <cell r="C13">
            <v>102</v>
          </cell>
          <cell r="D13">
            <v>0.41805555555555557</v>
          </cell>
          <cell r="E13" t="str">
            <v/>
          </cell>
          <cell r="I13">
            <v>5</v>
          </cell>
          <cell r="M13" t="str">
            <v>令和２年度市営住宅天神川団地耐震診断及び耐震補強工事設計委託業務</v>
          </cell>
          <cell r="Q13" t="str">
            <v>天神川耐震設計</v>
          </cell>
          <cell r="Y13">
            <v>1</v>
          </cell>
          <cell r="AC13">
            <v>8</v>
          </cell>
          <cell r="AD13">
            <v>11</v>
          </cell>
          <cell r="AI13" t="str">
            <v>伊丹市中野西１丁目１４７番地</v>
          </cell>
          <cell r="AM13" t="str">
            <v xml:space="preserve">・各種積算業務
・各種調査業務
・耐震診断業務
・耐震補強工事設計業務
</v>
          </cell>
          <cell r="AQ13">
            <v>1</v>
          </cell>
          <cell r="AY13">
            <v>43971</v>
          </cell>
          <cell r="AZ13">
            <v>43976</v>
          </cell>
          <cell r="BA13">
            <v>311</v>
          </cell>
          <cell r="BB13">
            <v>44286</v>
          </cell>
          <cell r="BC13">
            <v>17</v>
          </cell>
          <cell r="BD13" t="str">
            <v>○</v>
          </cell>
          <cell r="BE13" t="str">
            <v/>
          </cell>
          <cell r="BF13">
            <v>0.41805555555555557</v>
          </cell>
          <cell r="BG13">
            <v>6663</v>
          </cell>
          <cell r="BH13" t="str">
            <v>森田  浩史</v>
          </cell>
          <cell r="BI13" t="str">
            <v>営繕課</v>
          </cell>
          <cell r="BJ13">
            <v>4397</v>
          </cell>
          <cell r="BN13" t="str">
            <v>建設</v>
          </cell>
          <cell r="BO13">
            <v>2</v>
          </cell>
          <cell r="BS13">
            <v>21648000</v>
          </cell>
          <cell r="BT13">
            <v>19680000</v>
          </cell>
          <cell r="BU13" t="str">
            <v/>
          </cell>
          <cell r="BV13" t="str">
            <v/>
          </cell>
          <cell r="CH13">
            <v>8</v>
          </cell>
          <cell r="CI13">
            <v>43945</v>
          </cell>
          <cell r="CK13" t="str">
            <v>兵庫県内に本店又は支店</v>
          </cell>
          <cell r="CP13">
            <v>54831</v>
          </cell>
          <cell r="CT13" t="str">
            <v>請負金額が900万円以上</v>
          </cell>
          <cell r="CW13">
            <v>43962</v>
          </cell>
          <cell r="CX13" t="str">
            <v/>
          </cell>
          <cell r="CY13" t="str">
            <v/>
          </cell>
          <cell r="CZ13" t="str">
            <v/>
          </cell>
          <cell r="DA13">
            <v>43963</v>
          </cell>
          <cell r="DB13">
            <v>43966</v>
          </cell>
          <cell r="DC13">
            <v>35</v>
          </cell>
          <cell r="DD13" t="str">
            <v/>
          </cell>
          <cell r="DL13">
            <v>5216</v>
          </cell>
          <cell r="DM13">
            <v>5336</v>
          </cell>
          <cell r="DN13">
            <v>5155</v>
          </cell>
          <cell r="DO13">
            <v>5535</v>
          </cell>
          <cell r="DP13">
            <v>6506</v>
          </cell>
          <cell r="DQ13">
            <v>5608</v>
          </cell>
          <cell r="DR13">
            <v>5487</v>
          </cell>
          <cell r="DS13">
            <v>5079</v>
          </cell>
          <cell r="DT13">
            <v>6258</v>
          </cell>
          <cell r="DU13">
            <v>5390</v>
          </cell>
          <cell r="DV13">
            <v>5724</v>
          </cell>
          <cell r="DW13">
            <v>5452</v>
          </cell>
          <cell r="DX13">
            <v>5705</v>
          </cell>
          <cell r="DY13">
            <v>6301</v>
          </cell>
          <cell r="EZ13">
            <v>14</v>
          </cell>
          <cell r="FA13">
            <v>8</v>
          </cell>
          <cell r="FI13">
            <v>4</v>
          </cell>
          <cell r="FJ13" t="str">
            <v>事後審査型一般競争入札</v>
          </cell>
          <cell r="FN13">
            <v>4</v>
          </cell>
          <cell r="FO13" t="str">
            <v>電子入札</v>
          </cell>
          <cell r="FS13">
            <v>2</v>
          </cell>
          <cell r="FT13" t="str">
            <v/>
          </cell>
          <cell r="FU13" t="str">
            <v/>
          </cell>
          <cell r="FW13" t="str">
            <v/>
          </cell>
          <cell r="FY13" t="str">
            <v/>
          </cell>
          <cell r="GD13">
            <v>1</v>
          </cell>
          <cell r="GE13" t="str">
            <v>契約・検査課長　松本　嘉博</v>
          </cell>
          <cell r="GF13">
            <v>5216</v>
          </cell>
          <cell r="GG13" t="str">
            <v>(株)小野設計</v>
          </cell>
          <cell r="GH13">
            <v>13310000</v>
          </cell>
          <cell r="GI13">
            <v>1210000</v>
          </cell>
          <cell r="GJ13">
            <v>1331000</v>
          </cell>
          <cell r="GL13" t="str">
            <v>一級建築士,設備一級建築士</v>
          </cell>
          <cell r="GM13" t="str">
            <v>河合　宣紀（管理技術者）</v>
          </cell>
          <cell r="GN13" t="str">
            <v>一級建築士,設備一級建築士</v>
          </cell>
          <cell r="GO13" t="str">
            <v>河合　宣紀（管理技術者）</v>
          </cell>
          <cell r="GW13" t="str">
            <v/>
          </cell>
          <cell r="HO13" t="str">
            <v/>
          </cell>
          <cell r="HP13">
            <v>12100000</v>
          </cell>
          <cell r="HQ13">
            <v>14550000</v>
          </cell>
          <cell r="HR13">
            <v>15100000</v>
          </cell>
          <cell r="HS13">
            <v>15473000</v>
          </cell>
          <cell r="HT13">
            <v>15740000</v>
          </cell>
          <cell r="HU13">
            <v>15800000</v>
          </cell>
          <cell r="HV13">
            <v>18500000</v>
          </cell>
          <cell r="HW13">
            <v>18780000</v>
          </cell>
          <cell r="HX13">
            <v>19000000</v>
          </cell>
          <cell r="HY13">
            <v>19600000</v>
          </cell>
          <cell r="HZ13">
            <v>19600000</v>
          </cell>
          <cell r="IA13" t="str">
            <v>-</v>
          </cell>
          <cell r="IB13" t="str">
            <v>-</v>
          </cell>
          <cell r="IC13" t="str">
            <v>-</v>
          </cell>
          <cell r="JD13" t="str">
            <v/>
          </cell>
          <cell r="JE13" t="str">
            <v/>
          </cell>
          <cell r="JF13" t="str">
            <v/>
          </cell>
          <cell r="JG13" t="str">
            <v/>
          </cell>
          <cell r="JH13" t="str">
            <v/>
          </cell>
          <cell r="JI13" t="str">
            <v/>
          </cell>
          <cell r="JJ13" t="str">
            <v/>
          </cell>
          <cell r="JK13" t="str">
            <v/>
          </cell>
          <cell r="JL13" t="str">
            <v/>
          </cell>
          <cell r="JM13" t="str">
            <v/>
          </cell>
          <cell r="JN13" t="str">
            <v/>
          </cell>
          <cell r="JO13" t="str">
            <v/>
          </cell>
          <cell r="JP13" t="str">
            <v/>
          </cell>
          <cell r="JQ13" t="str">
            <v/>
          </cell>
          <cell r="JR13" t="str">
            <v/>
          </cell>
          <cell r="JS13" t="str">
            <v/>
          </cell>
          <cell r="JT13">
            <v>2</v>
          </cell>
          <cell r="JU13">
            <v>2</v>
          </cell>
          <cell r="JV13" t="str">
            <v/>
          </cell>
          <cell r="JW13" t="str">
            <v/>
          </cell>
          <cell r="JX13" t="str">
            <v/>
          </cell>
          <cell r="JY13" t="str">
            <v/>
          </cell>
          <cell r="JZ13">
            <v>0.61483739837398366</v>
          </cell>
        </row>
        <row r="14">
          <cell r="A14">
            <v>5</v>
          </cell>
          <cell r="B14" t="str">
            <v>電気</v>
          </cell>
          <cell r="C14">
            <v>103</v>
          </cell>
          <cell r="D14">
            <v>0.41875000000000001</v>
          </cell>
          <cell r="E14" t="str">
            <v/>
          </cell>
          <cell r="I14">
            <v>6</v>
          </cell>
          <cell r="M14" t="str">
            <v>令和２年度市営住宅山道団地他住宅耐震診断及び耐震補強工事設計委託業務</v>
          </cell>
          <cell r="Q14" t="str">
            <v>山道団地耐震設計</v>
          </cell>
          <cell r="Y14">
            <v>1</v>
          </cell>
          <cell r="AC14">
            <v>8</v>
          </cell>
          <cell r="AD14">
            <v>11</v>
          </cell>
          <cell r="AI14" t="str">
            <v>伊丹市南野北１丁目１番１～３他</v>
          </cell>
          <cell r="AM14" t="str">
            <v xml:space="preserve">・各種積算業務
・各種調査業務
・耐震診断業務
・耐震補強工事設計業務
</v>
          </cell>
          <cell r="AQ14">
            <v>1</v>
          </cell>
          <cell r="AY14">
            <v>43971</v>
          </cell>
          <cell r="AZ14">
            <v>43976</v>
          </cell>
          <cell r="BA14">
            <v>311</v>
          </cell>
          <cell r="BB14">
            <v>44286</v>
          </cell>
          <cell r="BC14">
            <v>17</v>
          </cell>
          <cell r="BD14" t="str">
            <v>○</v>
          </cell>
          <cell r="BE14" t="str">
            <v/>
          </cell>
          <cell r="BF14">
            <v>0.41875000000000001</v>
          </cell>
          <cell r="BG14">
            <v>6663</v>
          </cell>
          <cell r="BH14" t="str">
            <v>森田  浩史</v>
          </cell>
          <cell r="BI14" t="str">
            <v>営繕課</v>
          </cell>
          <cell r="BJ14">
            <v>4397</v>
          </cell>
          <cell r="BN14" t="str">
            <v>建設</v>
          </cell>
          <cell r="BO14">
            <v>3</v>
          </cell>
          <cell r="BS14">
            <v>19360880</v>
          </cell>
          <cell r="BT14">
            <v>17600000</v>
          </cell>
          <cell r="BU14" t="str">
            <v/>
          </cell>
          <cell r="BV14" t="str">
            <v/>
          </cell>
          <cell r="CH14">
            <v>9</v>
          </cell>
          <cell r="CI14">
            <v>43945</v>
          </cell>
          <cell r="CK14" t="str">
            <v>兵庫県内に本店又は支店</v>
          </cell>
          <cell r="CP14">
            <v>21101</v>
          </cell>
          <cell r="CT14" t="str">
            <v>請負金額が800万円以上</v>
          </cell>
          <cell r="CW14">
            <v>43962</v>
          </cell>
          <cell r="CX14" t="str">
            <v/>
          </cell>
          <cell r="CY14" t="str">
            <v/>
          </cell>
          <cell r="CZ14" t="str">
            <v/>
          </cell>
          <cell r="DA14">
            <v>43963</v>
          </cell>
          <cell r="DB14">
            <v>43966</v>
          </cell>
          <cell r="DC14">
            <v>36</v>
          </cell>
          <cell r="DD14" t="str">
            <v/>
          </cell>
          <cell r="DL14">
            <v>5336</v>
          </cell>
          <cell r="DM14">
            <v>5608</v>
          </cell>
          <cell r="DN14">
            <v>6506</v>
          </cell>
          <cell r="DO14">
            <v>5155</v>
          </cell>
          <cell r="DP14">
            <v>5535</v>
          </cell>
          <cell r="DQ14">
            <v>5079</v>
          </cell>
          <cell r="DR14">
            <v>6065</v>
          </cell>
          <cell r="DS14">
            <v>5487</v>
          </cell>
          <cell r="DT14">
            <v>5724</v>
          </cell>
          <cell r="DU14">
            <v>5216</v>
          </cell>
          <cell r="DV14">
            <v>5390</v>
          </cell>
          <cell r="DW14">
            <v>5452</v>
          </cell>
          <cell r="DX14">
            <v>5705</v>
          </cell>
          <cell r="DY14">
            <v>6301</v>
          </cell>
          <cell r="EZ14">
            <v>14</v>
          </cell>
          <cell r="FA14">
            <v>8</v>
          </cell>
          <cell r="FI14">
            <v>4</v>
          </cell>
          <cell r="FJ14" t="str">
            <v>事後審査型一般競争入札</v>
          </cell>
          <cell r="FN14">
            <v>4</v>
          </cell>
          <cell r="FO14" t="str">
            <v>電子入札</v>
          </cell>
          <cell r="FS14">
            <v>2</v>
          </cell>
          <cell r="FT14" t="str">
            <v/>
          </cell>
          <cell r="FU14" t="str">
            <v/>
          </cell>
          <cell r="FW14" t="str">
            <v/>
          </cell>
          <cell r="FY14" t="str">
            <v/>
          </cell>
          <cell r="GD14">
            <v>1</v>
          </cell>
          <cell r="GE14" t="str">
            <v>契約・検査課長　松本　嘉博</v>
          </cell>
          <cell r="GF14">
            <v>5336</v>
          </cell>
          <cell r="GG14" t="str">
            <v>キタイ設計(株)</v>
          </cell>
          <cell r="GH14">
            <v>14300000</v>
          </cell>
          <cell r="GI14">
            <v>1300000</v>
          </cell>
          <cell r="GJ14">
            <v>1430000</v>
          </cell>
          <cell r="GL14" t="str">
            <v>一級建築士</v>
          </cell>
          <cell r="GM14" t="str">
            <v>小川　龍二（管理技術者）</v>
          </cell>
          <cell r="GN14" t="str">
            <v>一級建築士</v>
          </cell>
          <cell r="GO14" t="str">
            <v>小川　龍二（管理技術者）</v>
          </cell>
          <cell r="GW14" t="str">
            <v/>
          </cell>
          <cell r="HO14" t="str">
            <v/>
          </cell>
          <cell r="HP14">
            <v>13000000</v>
          </cell>
          <cell r="HQ14">
            <v>14500000</v>
          </cell>
          <cell r="HR14">
            <v>15980000</v>
          </cell>
          <cell r="HS14">
            <v>16400000</v>
          </cell>
          <cell r="HT14">
            <v>16525000</v>
          </cell>
          <cell r="HU14">
            <v>16800000</v>
          </cell>
          <cell r="HV14">
            <v>17000000</v>
          </cell>
          <cell r="HW14">
            <v>17500000</v>
          </cell>
          <cell r="HX14">
            <v>17500000</v>
          </cell>
          <cell r="HY14" t="str">
            <v>-</v>
          </cell>
          <cell r="HZ14" t="str">
            <v>-</v>
          </cell>
          <cell r="IA14" t="str">
            <v>-</v>
          </cell>
          <cell r="IB14" t="str">
            <v>-</v>
          </cell>
          <cell r="IC14" t="str">
            <v>-</v>
          </cell>
          <cell r="JD14" t="str">
            <v/>
          </cell>
          <cell r="JE14" t="str">
            <v/>
          </cell>
          <cell r="JF14" t="str">
            <v/>
          </cell>
          <cell r="JG14" t="str">
            <v/>
          </cell>
          <cell r="JH14" t="str">
            <v/>
          </cell>
          <cell r="JI14" t="str">
            <v/>
          </cell>
          <cell r="JJ14" t="str">
            <v/>
          </cell>
          <cell r="JK14" t="str">
            <v/>
          </cell>
          <cell r="JL14" t="str">
            <v/>
          </cell>
          <cell r="JM14" t="str">
            <v/>
          </cell>
          <cell r="JN14" t="str">
            <v/>
          </cell>
          <cell r="JO14" t="str">
            <v/>
          </cell>
          <cell r="JP14" t="str">
            <v/>
          </cell>
          <cell r="JQ14" t="str">
            <v/>
          </cell>
          <cell r="JR14" t="str">
            <v/>
          </cell>
          <cell r="JS14" t="str">
            <v/>
          </cell>
          <cell r="JT14">
            <v>3</v>
          </cell>
          <cell r="JU14">
            <v>3</v>
          </cell>
          <cell r="JV14" t="str">
            <v/>
          </cell>
          <cell r="JW14" t="str">
            <v/>
          </cell>
          <cell r="JX14" t="str">
            <v/>
          </cell>
          <cell r="JY14" t="str">
            <v/>
          </cell>
          <cell r="JZ14">
            <v>0.73863636363636354</v>
          </cell>
        </row>
        <row r="15">
          <cell r="A15">
            <v>6</v>
          </cell>
          <cell r="B15" t="str">
            <v>造園</v>
          </cell>
          <cell r="C15">
            <v>104</v>
          </cell>
          <cell r="D15">
            <v>0.41944444444444445</v>
          </cell>
          <cell r="E15" t="str">
            <v/>
          </cell>
          <cell r="I15">
            <v>7</v>
          </cell>
          <cell r="M15" t="str">
            <v>令和２年度伊丹市営斎場大規模改修工事他設計委託業務</v>
          </cell>
          <cell r="Q15" t="str">
            <v>斎場改修設計</v>
          </cell>
          <cell r="Y15">
            <v>1</v>
          </cell>
          <cell r="AC15">
            <v>8</v>
          </cell>
          <cell r="AD15">
            <v>11</v>
          </cell>
          <cell r="AI15" t="str">
            <v>伊丹市船原２丁目４番２０号</v>
          </cell>
          <cell r="AM15" t="str">
            <v>①実施設計業務及び各種積算業務（建築、電気設備、機械設備）
②ライフサイクルコスト比較検討業務
③その他各種業務にかかる書類作成及び申請手続き業務</v>
          </cell>
          <cell r="AQ15">
            <v>1</v>
          </cell>
          <cell r="AY15">
            <v>43971</v>
          </cell>
          <cell r="AZ15">
            <v>43976</v>
          </cell>
          <cell r="BA15">
            <v>295</v>
          </cell>
          <cell r="BB15">
            <v>44270</v>
          </cell>
          <cell r="BC15">
            <v>17</v>
          </cell>
          <cell r="BD15" t="str">
            <v>○</v>
          </cell>
          <cell r="BE15" t="str">
            <v/>
          </cell>
          <cell r="BF15">
            <v>0.41944444444444445</v>
          </cell>
          <cell r="BG15">
            <v>7442</v>
          </cell>
          <cell r="BH15" t="str">
            <v>前田　剛</v>
          </cell>
          <cell r="BI15" t="str">
            <v>営繕課</v>
          </cell>
          <cell r="BJ15">
            <v>4621</v>
          </cell>
          <cell r="BN15" t="str">
            <v>建設</v>
          </cell>
          <cell r="BO15">
            <v>4</v>
          </cell>
          <cell r="BS15">
            <v>11227700</v>
          </cell>
          <cell r="BT15">
            <v>10200000</v>
          </cell>
          <cell r="BU15" t="str">
            <v/>
          </cell>
          <cell r="BV15" t="str">
            <v/>
          </cell>
          <cell r="CH15">
            <v>10</v>
          </cell>
          <cell r="CI15">
            <v>43945</v>
          </cell>
          <cell r="CK15" t="str">
            <v>兵庫県内に本店又は支店</v>
          </cell>
          <cell r="CP15">
            <v>76233</v>
          </cell>
          <cell r="CT15" t="str">
            <v>請負金額が500万円以上</v>
          </cell>
          <cell r="CW15">
            <v>43962</v>
          </cell>
          <cell r="CX15" t="str">
            <v/>
          </cell>
          <cell r="CY15" t="str">
            <v/>
          </cell>
          <cell r="CZ15" t="str">
            <v/>
          </cell>
          <cell r="DA15">
            <v>43963</v>
          </cell>
          <cell r="DB15">
            <v>43966</v>
          </cell>
          <cell r="DC15">
            <v>40</v>
          </cell>
          <cell r="DD15" t="str">
            <v/>
          </cell>
          <cell r="DL15">
            <v>5724</v>
          </cell>
          <cell r="DM15">
            <v>5079</v>
          </cell>
          <cell r="DN15">
            <v>5390</v>
          </cell>
          <cell r="DO15">
            <v>5452</v>
          </cell>
          <cell r="DP15">
            <v>5705</v>
          </cell>
          <cell r="DQ15">
            <v>6301</v>
          </cell>
          <cell r="EZ15">
            <v>6</v>
          </cell>
          <cell r="FA15">
            <v>8</v>
          </cell>
          <cell r="FI15">
            <v>4</v>
          </cell>
          <cell r="FJ15" t="str">
            <v>事後審査型一般競争入札</v>
          </cell>
          <cell r="FN15">
            <v>4</v>
          </cell>
          <cell r="FO15" t="str">
            <v>電子入札</v>
          </cell>
          <cell r="FS15">
            <v>2</v>
          </cell>
          <cell r="FT15" t="str">
            <v/>
          </cell>
          <cell r="FU15" t="str">
            <v/>
          </cell>
          <cell r="FW15" t="str">
            <v/>
          </cell>
          <cell r="FY15" t="str">
            <v/>
          </cell>
          <cell r="GD15">
            <v>1</v>
          </cell>
          <cell r="GE15" t="str">
            <v>契約・検査課長　松本　嘉博</v>
          </cell>
          <cell r="GF15">
            <v>5724</v>
          </cell>
          <cell r="GG15" t="str">
            <v>(株)創建社ディーアンドアール設計</v>
          </cell>
          <cell r="GH15">
            <v>11220000</v>
          </cell>
          <cell r="GI15">
            <v>1020000</v>
          </cell>
          <cell r="GJ15">
            <v>1122000</v>
          </cell>
          <cell r="GL15" t="str">
            <v>一級建築士 第316062号</v>
          </cell>
          <cell r="GM15" t="str">
            <v>喜来　義典（管理技術者）</v>
          </cell>
          <cell r="GN15" t="str">
            <v>一級建築士 第316062号</v>
          </cell>
          <cell r="GO15" t="str">
            <v>喜来　義典（管理技術者）</v>
          </cell>
          <cell r="GW15" t="str">
            <v/>
          </cell>
          <cell r="HO15" t="str">
            <v/>
          </cell>
          <cell r="HP15">
            <v>10200000</v>
          </cell>
          <cell r="HQ15" t="str">
            <v>-</v>
          </cell>
          <cell r="HR15" t="str">
            <v>-</v>
          </cell>
          <cell r="HS15" t="str">
            <v>-</v>
          </cell>
          <cell r="HT15" t="str">
            <v>-</v>
          </cell>
          <cell r="HU15" t="str">
            <v>-</v>
          </cell>
          <cell r="JD15" t="str">
            <v/>
          </cell>
          <cell r="JE15" t="str">
            <v/>
          </cell>
          <cell r="JF15" t="str">
            <v/>
          </cell>
          <cell r="JG15" t="str">
            <v/>
          </cell>
          <cell r="JH15" t="str">
            <v/>
          </cell>
          <cell r="JI15" t="str">
            <v/>
          </cell>
          <cell r="JJ15" t="str">
            <v/>
          </cell>
          <cell r="JK15" t="str">
            <v/>
          </cell>
          <cell r="JL15" t="str">
            <v/>
          </cell>
          <cell r="JM15" t="str">
            <v/>
          </cell>
          <cell r="JN15" t="str">
            <v/>
          </cell>
          <cell r="JO15" t="str">
            <v/>
          </cell>
          <cell r="JP15" t="str">
            <v/>
          </cell>
          <cell r="JQ15" t="str">
            <v/>
          </cell>
          <cell r="JR15" t="str">
            <v/>
          </cell>
          <cell r="JS15" t="str">
            <v/>
          </cell>
          <cell r="JT15">
            <v>4</v>
          </cell>
          <cell r="JU15">
            <v>4</v>
          </cell>
          <cell r="JV15" t="str">
            <v/>
          </cell>
          <cell r="JW15" t="str">
            <v/>
          </cell>
          <cell r="JX15" t="str">
            <v/>
          </cell>
          <cell r="JY15" t="str">
            <v/>
          </cell>
          <cell r="JZ15">
            <v>1</v>
          </cell>
        </row>
        <row r="16">
          <cell r="A16">
            <v>7</v>
          </cell>
          <cell r="B16" t="str">
            <v>塗装</v>
          </cell>
          <cell r="C16" t="str">
            <v/>
          </cell>
          <cell r="D16" t="str">
            <v/>
          </cell>
          <cell r="E16" t="str">
            <v/>
          </cell>
          <cell r="I16">
            <v>8</v>
          </cell>
          <cell r="K16">
            <v>1</v>
          </cell>
          <cell r="M16" t="str">
            <v>令和２年度伊丹市立鈴原小学校空調設備改修（第２期）工事</v>
          </cell>
          <cell r="Q16" t="str">
            <v>鈴小空調改修</v>
          </cell>
          <cell r="Y16">
            <v>1</v>
          </cell>
          <cell r="AC16">
            <v>4</v>
          </cell>
          <cell r="AI16" t="str">
            <v>伊丹市御願塚６丁目３番１号</v>
          </cell>
          <cell r="AM16" t="str">
            <v>北校舎棟及び西校舎棟北側の空調設備改修工事
上記に付帯する建築工事及び電気設備工事</v>
          </cell>
          <cell r="AQ16">
            <v>2</v>
          </cell>
          <cell r="AZ16" t="str">
            <v/>
          </cell>
          <cell r="BA16" t="e">
            <v>#VALUE!</v>
          </cell>
          <cell r="BB16">
            <v>44104</v>
          </cell>
          <cell r="BC16" t="e">
            <v>#NUM!</v>
          </cell>
          <cell r="BD16" t="e">
            <v>#NUM!</v>
          </cell>
          <cell r="BE16" t="e">
            <v>#NUM!</v>
          </cell>
          <cell r="BG16">
            <v>7195</v>
          </cell>
          <cell r="BH16" t="str">
            <v>鎌倉　弘貴</v>
          </cell>
          <cell r="BI16" t="str">
            <v>営繕課</v>
          </cell>
          <cell r="BJ16">
            <v>4559</v>
          </cell>
          <cell r="BN16" t="str">
            <v>管</v>
          </cell>
          <cell r="BO16">
            <v>1</v>
          </cell>
          <cell r="BS16">
            <v>63580000</v>
          </cell>
          <cell r="BT16">
            <v>57800000</v>
          </cell>
          <cell r="BU16">
            <v>1</v>
          </cell>
          <cell r="BV16">
            <v>49040000</v>
          </cell>
          <cell r="BW16">
            <v>44137025</v>
          </cell>
          <cell r="BX16">
            <v>2178000</v>
          </cell>
          <cell r="BY16">
            <v>4743041</v>
          </cell>
          <cell r="CP16">
            <v>77113</v>
          </cell>
          <cell r="CW16" t="str">
            <v/>
          </cell>
          <cell r="CX16" t="e">
            <v>#VALUE!</v>
          </cell>
          <cell r="CY16" t="e">
            <v>#VALUE!</v>
          </cell>
          <cell r="CZ16" t="e">
            <v>#VALUE!</v>
          </cell>
          <cell r="DA16" t="str">
            <v/>
          </cell>
          <cell r="DB16" t="str">
            <v/>
          </cell>
          <cell r="DD16" t="str">
            <v>×</v>
          </cell>
          <cell r="EZ16" t="str">
            <v/>
          </cell>
          <cell r="FA16">
            <v>10</v>
          </cell>
          <cell r="FI16">
            <v>1</v>
          </cell>
          <cell r="FJ16" t="str">
            <v>制限付一般競争入札</v>
          </cell>
          <cell r="FN16">
            <v>4</v>
          </cell>
          <cell r="FO16" t="str">
            <v>電子入札</v>
          </cell>
          <cell r="FS16">
            <v>1</v>
          </cell>
          <cell r="FT16" t="str">
            <v/>
          </cell>
          <cell r="FU16" t="str">
            <v/>
          </cell>
          <cell r="FW16" t="str">
            <v/>
          </cell>
          <cell r="FY16" t="str">
            <v/>
          </cell>
          <cell r="GD16">
            <v>1</v>
          </cell>
          <cell r="GE16" t="str">
            <v>契約・検査課長　松本　嘉博</v>
          </cell>
          <cell r="GG16" t="str">
            <v/>
          </cell>
          <cell r="GI16" t="str">
            <v/>
          </cell>
          <cell r="GJ16" t="str">
            <v/>
          </cell>
          <cell r="GW16" t="str">
            <v/>
          </cell>
          <cell r="HO16" t="str">
            <v/>
          </cell>
          <cell r="JD16" t="str">
            <v/>
          </cell>
          <cell r="JE16" t="str">
            <v/>
          </cell>
          <cell r="JF16" t="str">
            <v/>
          </cell>
          <cell r="JG16" t="str">
            <v/>
          </cell>
          <cell r="JH16" t="str">
            <v/>
          </cell>
          <cell r="JI16" t="str">
            <v/>
          </cell>
          <cell r="JJ16" t="str">
            <v/>
          </cell>
          <cell r="JK16" t="str">
            <v/>
          </cell>
          <cell r="JL16" t="str">
            <v/>
          </cell>
          <cell r="JM16" t="str">
            <v/>
          </cell>
          <cell r="JN16" t="str">
            <v/>
          </cell>
          <cell r="JO16" t="str">
            <v/>
          </cell>
          <cell r="JP16" t="str">
            <v/>
          </cell>
          <cell r="JQ16" t="str">
            <v/>
          </cell>
          <cell r="JR16" t="str">
            <v/>
          </cell>
          <cell r="JS16" t="str">
            <v/>
          </cell>
          <cell r="JT16" t="str">
            <v/>
          </cell>
          <cell r="JU16" t="str">
            <v/>
          </cell>
          <cell r="JV16" t="str">
            <v/>
          </cell>
          <cell r="JW16" t="str">
            <v/>
          </cell>
          <cell r="JX16" t="str">
            <v/>
          </cell>
          <cell r="JY16" t="str">
            <v/>
          </cell>
          <cell r="JZ16" t="str">
            <v/>
          </cell>
        </row>
        <row r="17">
          <cell r="A17">
            <v>8</v>
          </cell>
          <cell r="B17" t="str">
            <v>その他</v>
          </cell>
          <cell r="C17" t="str">
            <v/>
          </cell>
          <cell r="D17" t="str">
            <v/>
          </cell>
          <cell r="E17" t="str">
            <v/>
          </cell>
          <cell r="I17">
            <v>9</v>
          </cell>
          <cell r="K17">
            <v>1</v>
          </cell>
          <cell r="M17" t="str">
            <v>令和２年度伊丹市立鴻池小学校管理諸室他空調設備改修工事</v>
          </cell>
          <cell r="Q17" t="str">
            <v>鴻小空調改修</v>
          </cell>
          <cell r="Y17">
            <v>1</v>
          </cell>
          <cell r="AC17">
            <v>4</v>
          </cell>
          <cell r="AI17" t="str">
            <v>伊丹市鴻池</v>
          </cell>
          <cell r="AM17" t="str">
            <v>管理諸室及び食堂棟の空調設備改修工事　一式
上記に付随する建築工事及び電気設備工事　一式</v>
          </cell>
          <cell r="AQ17">
            <v>2</v>
          </cell>
          <cell r="AY17">
            <v>43959</v>
          </cell>
          <cell r="AZ17">
            <v>43962</v>
          </cell>
          <cell r="BA17">
            <v>143</v>
          </cell>
          <cell r="BB17">
            <v>44104</v>
          </cell>
          <cell r="BC17">
            <v>7</v>
          </cell>
          <cell r="BD17" t="str">
            <v>×</v>
          </cell>
          <cell r="BE17" t="str">
            <v>×</v>
          </cell>
          <cell r="BG17">
            <v>6751</v>
          </cell>
          <cell r="BH17" t="str">
            <v>川尻  享</v>
          </cell>
          <cell r="BI17" t="str">
            <v>営繕課</v>
          </cell>
          <cell r="BJ17">
            <v>4422</v>
          </cell>
          <cell r="BN17" t="str">
            <v>管</v>
          </cell>
          <cell r="BO17">
            <v>2</v>
          </cell>
          <cell r="BS17">
            <v>35310000</v>
          </cell>
          <cell r="BT17">
            <v>32100000</v>
          </cell>
          <cell r="BU17">
            <v>1</v>
          </cell>
          <cell r="BV17">
            <v>29080000</v>
          </cell>
          <cell r="BW17">
            <v>22365269</v>
          </cell>
          <cell r="BX17">
            <v>1983000</v>
          </cell>
          <cell r="BY17">
            <v>3823646</v>
          </cell>
          <cell r="BZ17">
            <v>3928085</v>
          </cell>
          <cell r="CI17">
            <v>43937</v>
          </cell>
          <cell r="CP17">
            <v>67291</v>
          </cell>
          <cell r="CW17">
            <v>43945</v>
          </cell>
          <cell r="CX17">
            <v>43949</v>
          </cell>
          <cell r="CY17">
            <v>43950</v>
          </cell>
          <cell r="CZ17">
            <v>43951</v>
          </cell>
          <cell r="DA17">
            <v>43952</v>
          </cell>
          <cell r="DB17">
            <v>43956</v>
          </cell>
          <cell r="DD17" t="str">
            <v>×</v>
          </cell>
          <cell r="EZ17" t="str">
            <v/>
          </cell>
          <cell r="FA17">
            <v>8</v>
          </cell>
          <cell r="FI17">
            <v>1</v>
          </cell>
          <cell r="FJ17" t="str">
            <v>制限付一般競争入札</v>
          </cell>
          <cell r="FN17">
            <v>4</v>
          </cell>
          <cell r="FO17" t="str">
            <v>電子入札</v>
          </cell>
          <cell r="FS17">
            <v>1</v>
          </cell>
          <cell r="FT17" t="str">
            <v/>
          </cell>
          <cell r="FU17" t="str">
            <v/>
          </cell>
          <cell r="FW17" t="str">
            <v/>
          </cell>
          <cell r="FY17" t="str">
            <v/>
          </cell>
          <cell r="GD17">
            <v>1</v>
          </cell>
          <cell r="GE17" t="str">
            <v>契約・検査課長　松本　嘉博</v>
          </cell>
          <cell r="GG17" t="str">
            <v/>
          </cell>
          <cell r="GI17" t="str">
            <v/>
          </cell>
          <cell r="GJ17" t="str">
            <v/>
          </cell>
          <cell r="GW17" t="str">
            <v/>
          </cell>
          <cell r="HO17" t="str">
            <v/>
          </cell>
          <cell r="JD17" t="str">
            <v/>
          </cell>
          <cell r="JE17" t="str">
            <v/>
          </cell>
          <cell r="JF17" t="str">
            <v/>
          </cell>
          <cell r="JG17" t="str">
            <v/>
          </cell>
          <cell r="JH17" t="str">
            <v/>
          </cell>
          <cell r="JI17" t="str">
            <v/>
          </cell>
          <cell r="JJ17" t="str">
            <v/>
          </cell>
          <cell r="JK17" t="str">
            <v/>
          </cell>
          <cell r="JL17" t="str">
            <v/>
          </cell>
          <cell r="JM17" t="str">
            <v/>
          </cell>
          <cell r="JN17" t="str">
            <v/>
          </cell>
          <cell r="JO17" t="str">
            <v/>
          </cell>
          <cell r="JP17" t="str">
            <v/>
          </cell>
          <cell r="JQ17" t="str">
            <v/>
          </cell>
          <cell r="JR17" t="str">
            <v/>
          </cell>
          <cell r="JS17" t="str">
            <v/>
          </cell>
          <cell r="JT17" t="str">
            <v/>
          </cell>
          <cell r="JU17" t="str">
            <v/>
          </cell>
          <cell r="JV17" t="str">
            <v/>
          </cell>
          <cell r="JW17" t="str">
            <v/>
          </cell>
          <cell r="JX17" t="str">
            <v/>
          </cell>
          <cell r="JY17" t="str">
            <v/>
          </cell>
          <cell r="JZ17" t="str">
            <v/>
          </cell>
        </row>
        <row r="18">
          <cell r="A18">
            <v>9</v>
          </cell>
          <cell r="B18" t="str">
            <v>消防施設</v>
          </cell>
          <cell r="C18" t="str">
            <v/>
          </cell>
          <cell r="D18" t="str">
            <v/>
          </cell>
          <cell r="E18" t="str">
            <v/>
          </cell>
          <cell r="I18">
            <v>10</v>
          </cell>
          <cell r="K18">
            <v>1</v>
          </cell>
          <cell r="M18" t="str">
            <v>令和２年度伊丹市立荻野小学校管理諸室他空調設備改修工事</v>
          </cell>
          <cell r="Q18" t="str">
            <v>荻小空調改修</v>
          </cell>
          <cell r="Y18">
            <v>1</v>
          </cell>
          <cell r="AC18">
            <v>4</v>
          </cell>
          <cell r="AI18" t="str">
            <v>伊丹市荻野２丁目１１番地</v>
          </cell>
          <cell r="AQ18">
            <v>2</v>
          </cell>
          <cell r="AY18">
            <v>43959</v>
          </cell>
          <cell r="AZ18">
            <v>43962</v>
          </cell>
          <cell r="BA18" t="str">
            <v/>
          </cell>
          <cell r="BC18">
            <v>7</v>
          </cell>
          <cell r="BD18" t="str">
            <v>×</v>
          </cell>
          <cell r="BE18" t="str">
            <v>×</v>
          </cell>
          <cell r="BH18" t="str">
            <v/>
          </cell>
          <cell r="BI18" t="str">
            <v/>
          </cell>
          <cell r="BJ18" t="str">
            <v/>
          </cell>
          <cell r="BN18" t="str">
            <v>管</v>
          </cell>
          <cell r="BO18">
            <v>3</v>
          </cell>
          <cell r="BT18" t="str">
            <v/>
          </cell>
          <cell r="BU18">
            <v>1</v>
          </cell>
          <cell r="BV18" t="e">
            <v>#VALUE!</v>
          </cell>
          <cell r="CI18">
            <v>43937</v>
          </cell>
          <cell r="CP18">
            <v>89560</v>
          </cell>
          <cell r="CW18">
            <v>43945</v>
          </cell>
          <cell r="CX18">
            <v>43949</v>
          </cell>
          <cell r="CY18">
            <v>43950</v>
          </cell>
          <cell r="CZ18">
            <v>43951</v>
          </cell>
          <cell r="DA18">
            <v>43952</v>
          </cell>
          <cell r="DB18">
            <v>43956</v>
          </cell>
          <cell r="DD18" t="str">
            <v>×</v>
          </cell>
          <cell r="EZ18" t="str">
            <v/>
          </cell>
          <cell r="FA18" t="str">
            <v/>
          </cell>
          <cell r="FI18">
            <v>1</v>
          </cell>
          <cell r="FJ18" t="str">
            <v>制限付一般競争入札</v>
          </cell>
          <cell r="FN18">
            <v>4</v>
          </cell>
          <cell r="FO18" t="str">
            <v>電子入札</v>
          </cell>
          <cell r="FS18">
            <v>1</v>
          </cell>
          <cell r="FT18" t="str">
            <v/>
          </cell>
          <cell r="FU18" t="str">
            <v/>
          </cell>
          <cell r="FW18" t="str">
            <v/>
          </cell>
          <cell r="FY18" t="str">
            <v/>
          </cell>
          <cell r="GD18">
            <v>1</v>
          </cell>
          <cell r="GE18" t="str">
            <v>契約・検査課長　松本　嘉博</v>
          </cell>
          <cell r="GG18" t="str">
            <v/>
          </cell>
          <cell r="GI18" t="str">
            <v/>
          </cell>
          <cell r="GJ18" t="str">
            <v/>
          </cell>
          <cell r="GW18" t="str">
            <v/>
          </cell>
          <cell r="HO18" t="str">
            <v/>
          </cell>
          <cell r="JD18" t="str">
            <v/>
          </cell>
          <cell r="JE18" t="str">
            <v/>
          </cell>
          <cell r="JF18" t="str">
            <v/>
          </cell>
          <cell r="JG18" t="str">
            <v/>
          </cell>
          <cell r="JH18" t="str">
            <v/>
          </cell>
          <cell r="JI18" t="str">
            <v/>
          </cell>
          <cell r="JJ18" t="str">
            <v/>
          </cell>
          <cell r="JK18" t="str">
            <v/>
          </cell>
          <cell r="JL18" t="str">
            <v/>
          </cell>
          <cell r="JM18" t="str">
            <v/>
          </cell>
          <cell r="JN18" t="str">
            <v/>
          </cell>
          <cell r="JO18" t="str">
            <v/>
          </cell>
          <cell r="JP18" t="str">
            <v/>
          </cell>
          <cell r="JQ18" t="str">
            <v/>
          </cell>
          <cell r="JR18" t="str">
            <v/>
          </cell>
          <cell r="JS18" t="str">
            <v/>
          </cell>
          <cell r="JT18" t="str">
            <v/>
          </cell>
          <cell r="JU18" t="str">
            <v/>
          </cell>
          <cell r="JV18" t="str">
            <v/>
          </cell>
          <cell r="JW18" t="str">
            <v/>
          </cell>
          <cell r="JX18" t="str">
            <v/>
          </cell>
          <cell r="JY18" t="str">
            <v/>
          </cell>
          <cell r="JZ18" t="str">
            <v/>
          </cell>
        </row>
        <row r="19">
          <cell r="A19">
            <v>10</v>
          </cell>
          <cell r="B19" t="str">
            <v>鋼構造物</v>
          </cell>
          <cell r="C19" t="str">
            <v/>
          </cell>
          <cell r="D19" t="str">
            <v/>
          </cell>
          <cell r="E19" t="str">
            <v/>
          </cell>
          <cell r="I19">
            <v>11</v>
          </cell>
          <cell r="M19" t="str">
            <v>令和２年度伊丹市立生涯学習センター大規模改修工事</v>
          </cell>
          <cell r="Q19" t="str">
            <v>生涯セ大改修</v>
          </cell>
          <cell r="Y19">
            <v>1</v>
          </cell>
          <cell r="AC19">
            <v>1</v>
          </cell>
          <cell r="AI19" t="str">
            <v>伊丹市南野２丁目３番２５号</v>
          </cell>
          <cell r="AM19" t="str">
            <v>伊丹市立生涯学習センターの大規模改修工事　一式
上記に伴う電気設備工事及び機械設備工事　一式</v>
          </cell>
          <cell r="AQ19">
            <v>2</v>
          </cell>
          <cell r="AY19">
            <v>43984</v>
          </cell>
          <cell r="AZ19">
            <v>43984</v>
          </cell>
          <cell r="BA19">
            <v>284</v>
          </cell>
          <cell r="BB19">
            <v>44267</v>
          </cell>
          <cell r="BC19">
            <v>11</v>
          </cell>
          <cell r="BD19" t="str">
            <v>×</v>
          </cell>
          <cell r="BE19" t="str">
            <v>×</v>
          </cell>
          <cell r="BF19">
            <v>0.58402777777777781</v>
          </cell>
          <cell r="BG19">
            <v>7640</v>
          </cell>
          <cell r="BH19" t="str">
            <v>上野　竜</v>
          </cell>
          <cell r="BI19" t="str">
            <v>営繕課</v>
          </cell>
          <cell r="BJ19">
            <v>4668</v>
          </cell>
          <cell r="BN19" t="str">
            <v>建</v>
          </cell>
          <cell r="BO19">
            <v>3</v>
          </cell>
          <cell r="BS19">
            <v>854700000</v>
          </cell>
          <cell r="BT19">
            <v>777000000</v>
          </cell>
          <cell r="BU19">
            <v>1</v>
          </cell>
          <cell r="BV19">
            <v>714840000</v>
          </cell>
          <cell r="BW19">
            <v>646052852</v>
          </cell>
          <cell r="BX19">
            <v>18704000</v>
          </cell>
          <cell r="BY19">
            <v>37070959</v>
          </cell>
          <cell r="BZ19">
            <v>75172189</v>
          </cell>
          <cell r="CD19">
            <v>43943</v>
          </cell>
          <cell r="CH19">
            <v>13</v>
          </cell>
          <cell r="CI19">
            <v>43945</v>
          </cell>
          <cell r="CJ19" t="str">
            <v>特定</v>
          </cell>
          <cell r="CK19" t="str">
            <v>兵庫県内に本店を有すること。又は伊丹市内に支店</v>
          </cell>
          <cell r="CL19" t="str">
            <v>伊丹市内に本店を有する者においては830点以上、その他の者においては1000点以上</v>
          </cell>
          <cell r="CP19">
            <v>86477</v>
          </cell>
          <cell r="CT19" t="str">
            <v>請負金額が3億8,000万円以上(伊丹市内に本店を有する者においては1億7,000万円以上)</v>
          </cell>
          <cell r="CU19">
            <v>11</v>
          </cell>
          <cell r="CV19">
            <v>1</v>
          </cell>
          <cell r="CW19">
            <v>43964</v>
          </cell>
          <cell r="CX19">
            <v>43966</v>
          </cell>
          <cell r="CY19">
            <v>43969</v>
          </cell>
          <cell r="CZ19">
            <v>43970</v>
          </cell>
          <cell r="DA19">
            <v>43971</v>
          </cell>
          <cell r="DB19">
            <v>43977</v>
          </cell>
          <cell r="DC19">
            <v>25</v>
          </cell>
          <cell r="DD19" t="str">
            <v>○</v>
          </cell>
          <cell r="DL19">
            <v>6</v>
          </cell>
          <cell r="DM19">
            <v>21</v>
          </cell>
          <cell r="DN19">
            <v>23</v>
          </cell>
          <cell r="DO19">
            <v>26</v>
          </cell>
          <cell r="DP19">
            <v>53</v>
          </cell>
          <cell r="DQ19">
            <v>120</v>
          </cell>
          <cell r="DR19">
            <v>2407</v>
          </cell>
          <cell r="DS19">
            <v>4071</v>
          </cell>
          <cell r="DT19">
            <v>4143</v>
          </cell>
          <cell r="DU19">
            <v>4237</v>
          </cell>
          <cell r="DV19">
            <v>4388</v>
          </cell>
          <cell r="EZ19">
            <v>11</v>
          </cell>
          <cell r="FA19">
            <v>12</v>
          </cell>
          <cell r="FI19">
            <v>1</v>
          </cell>
          <cell r="FJ19" t="str">
            <v>制限付一般競争入札</v>
          </cell>
          <cell r="FN19">
            <v>4</v>
          </cell>
          <cell r="FO19" t="str">
            <v>電子入札</v>
          </cell>
          <cell r="FS19">
            <v>1</v>
          </cell>
          <cell r="FT19" t="str">
            <v/>
          </cell>
          <cell r="FU19">
            <v>1</v>
          </cell>
          <cell r="FW19" t="str">
            <v/>
          </cell>
          <cell r="FY19" t="str">
            <v/>
          </cell>
          <cell r="GD19">
            <v>1</v>
          </cell>
          <cell r="GE19" t="str">
            <v>契約・検査課長　松本　嘉博</v>
          </cell>
          <cell r="GF19" t="str">
            <v>-</v>
          </cell>
          <cell r="GG19" t="str">
            <v>×</v>
          </cell>
          <cell r="GI19" t="str">
            <v/>
          </cell>
          <cell r="GJ19" t="str">
            <v/>
          </cell>
          <cell r="GW19" t="str">
            <v/>
          </cell>
          <cell r="HO19" t="str">
            <v/>
          </cell>
          <cell r="HP19" t="str">
            <v>-</v>
          </cell>
          <cell r="HQ19" t="str">
            <v>-</v>
          </cell>
          <cell r="HR19" t="str">
            <v>-</v>
          </cell>
          <cell r="HS19" t="str">
            <v>-</v>
          </cell>
          <cell r="HT19" t="str">
            <v>-</v>
          </cell>
          <cell r="HU19" t="str">
            <v>-</v>
          </cell>
          <cell r="HV19">
            <v>713880000</v>
          </cell>
          <cell r="HW19" t="str">
            <v>-</v>
          </cell>
          <cell r="HX19" t="str">
            <v>-</v>
          </cell>
          <cell r="HY19" t="str">
            <v>-</v>
          </cell>
          <cell r="HZ19">
            <v>800000000</v>
          </cell>
          <cell r="JD19" t="str">
            <v/>
          </cell>
          <cell r="JE19" t="str">
            <v/>
          </cell>
          <cell r="JF19" t="str">
            <v/>
          </cell>
          <cell r="JG19" t="str">
            <v/>
          </cell>
          <cell r="JH19">
            <v>3</v>
          </cell>
          <cell r="JI19">
            <v>3</v>
          </cell>
          <cell r="JJ19" t="str">
            <v/>
          </cell>
          <cell r="JK19" t="str">
            <v/>
          </cell>
          <cell r="JL19" t="str">
            <v/>
          </cell>
          <cell r="JM19" t="str">
            <v/>
          </cell>
          <cell r="JN19" t="str">
            <v/>
          </cell>
          <cell r="JO19" t="str">
            <v/>
          </cell>
          <cell r="JP19" t="str">
            <v/>
          </cell>
          <cell r="JQ19" t="str">
            <v/>
          </cell>
          <cell r="JR19" t="str">
            <v/>
          </cell>
          <cell r="JS19" t="str">
            <v/>
          </cell>
          <cell r="JT19" t="str">
            <v/>
          </cell>
          <cell r="JU19" t="str">
            <v/>
          </cell>
          <cell r="JV19" t="str">
            <v/>
          </cell>
          <cell r="JW19" t="str">
            <v/>
          </cell>
          <cell r="JX19" t="str">
            <v/>
          </cell>
          <cell r="JY19" t="str">
            <v/>
          </cell>
          <cell r="JZ19" t="str">
            <v/>
          </cell>
        </row>
        <row r="20">
          <cell r="A20">
            <v>11</v>
          </cell>
          <cell r="B20" t="str">
            <v>防水</v>
          </cell>
          <cell r="C20" t="str">
            <v/>
          </cell>
          <cell r="D20" t="str">
            <v/>
          </cell>
          <cell r="E20" t="str">
            <v/>
          </cell>
          <cell r="I20">
            <v>12</v>
          </cell>
          <cell r="M20" t="str">
            <v>令和２年度議会記録作成業務（単価契約）</v>
          </cell>
          <cell r="Q20" t="str">
            <v>議会記録作成</v>
          </cell>
          <cell r="Y20">
            <v>1</v>
          </cell>
          <cell r="AB20">
            <v>1</v>
          </cell>
          <cell r="AC20">
            <v>8</v>
          </cell>
          <cell r="AD20">
            <v>9</v>
          </cell>
          <cell r="AI20" t="str">
            <v>伊丹市千僧１丁目１番地</v>
          </cell>
          <cell r="AQ20">
            <v>3</v>
          </cell>
          <cell r="AU20">
            <v>4</v>
          </cell>
          <cell r="AY20">
            <v>43944</v>
          </cell>
          <cell r="AZ20">
            <v>43945</v>
          </cell>
          <cell r="BA20">
            <v>342</v>
          </cell>
          <cell r="BB20">
            <v>44286</v>
          </cell>
          <cell r="BC20" t="str">
            <v/>
          </cell>
          <cell r="BD20" t="str">
            <v/>
          </cell>
          <cell r="BE20" t="str">
            <v/>
          </cell>
          <cell r="BF20">
            <v>0.41736111111111113</v>
          </cell>
          <cell r="BG20">
            <v>5860</v>
          </cell>
          <cell r="BH20" t="str">
            <v>岩﨑  裕子</v>
          </cell>
          <cell r="BI20" t="str">
            <v>議事課</v>
          </cell>
          <cell r="BJ20">
            <v>2511</v>
          </cell>
          <cell r="BN20" t="str">
            <v>他</v>
          </cell>
          <cell r="BO20">
            <v>1</v>
          </cell>
          <cell r="BS20">
            <v>1900</v>
          </cell>
          <cell r="BT20">
            <v>1900</v>
          </cell>
          <cell r="BU20" t="str">
            <v/>
          </cell>
          <cell r="BV20" t="str">
            <v/>
          </cell>
          <cell r="CH20">
            <v>-1</v>
          </cell>
          <cell r="CI20">
            <v>43930</v>
          </cell>
          <cell r="CP20">
            <v>29194</v>
          </cell>
          <cell r="CW20" t="str">
            <v/>
          </cell>
          <cell r="CX20" t="str">
            <v/>
          </cell>
          <cell r="CY20" t="str">
            <v/>
          </cell>
          <cell r="CZ20" t="str">
            <v/>
          </cell>
          <cell r="DA20">
            <v>43937</v>
          </cell>
          <cell r="DB20">
            <v>43941</v>
          </cell>
          <cell r="DD20" t="str">
            <v/>
          </cell>
          <cell r="DL20">
            <v>10745</v>
          </cell>
          <cell r="DM20">
            <v>10430</v>
          </cell>
          <cell r="DN20">
            <v>10029</v>
          </cell>
          <cell r="DO20">
            <v>10699</v>
          </cell>
          <cell r="DP20">
            <v>11692</v>
          </cell>
          <cell r="DQ20">
            <v>12385</v>
          </cell>
          <cell r="DR20">
            <v>10209</v>
          </cell>
          <cell r="DS20">
            <v>12477</v>
          </cell>
          <cell r="EZ20">
            <v>8</v>
          </cell>
          <cell r="FA20">
            <v>6</v>
          </cell>
          <cell r="FE20">
            <v>3750000</v>
          </cell>
          <cell r="FI20">
            <v>5</v>
          </cell>
          <cell r="FJ20" t="str">
            <v>指名競争入札（簡易認証）</v>
          </cell>
          <cell r="FN20">
            <v>4</v>
          </cell>
          <cell r="FO20" t="str">
            <v>電子入札</v>
          </cell>
          <cell r="FS20">
            <v>5</v>
          </cell>
          <cell r="FT20">
            <v>1</v>
          </cell>
          <cell r="FU20" t="str">
            <v/>
          </cell>
          <cell r="FW20" t="str">
            <v/>
          </cell>
          <cell r="FY20" t="str">
            <v/>
          </cell>
          <cell r="GD20">
            <v>1</v>
          </cell>
          <cell r="GE20" t="str">
            <v>契約・検査課長　松本　嘉博</v>
          </cell>
          <cell r="GF20">
            <v>10745</v>
          </cell>
          <cell r="GG20" t="str">
            <v>神戸綜合速記(株)</v>
          </cell>
          <cell r="GH20">
            <v>1270</v>
          </cell>
          <cell r="GI20" t="str">
            <v/>
          </cell>
          <cell r="GJ20">
            <v>54000</v>
          </cell>
          <cell r="GM20" t="str">
            <v>長谷　和明</v>
          </cell>
          <cell r="GW20" t="str">
            <v/>
          </cell>
          <cell r="HO20" t="str">
            <v/>
          </cell>
          <cell r="HP20">
            <v>1270</v>
          </cell>
          <cell r="HQ20">
            <v>1850</v>
          </cell>
          <cell r="HR20">
            <v>1880</v>
          </cell>
          <cell r="HS20" t="str">
            <v>-</v>
          </cell>
          <cell r="HT20" t="str">
            <v>-</v>
          </cell>
          <cell r="HU20" t="str">
            <v>-</v>
          </cell>
          <cell r="HV20">
            <v>1860</v>
          </cell>
          <cell r="HW20">
            <v>1880</v>
          </cell>
          <cell r="JD20" t="str">
            <v/>
          </cell>
          <cell r="JE20" t="str">
            <v/>
          </cell>
          <cell r="JF20" t="str">
            <v/>
          </cell>
          <cell r="JG20" t="str">
            <v/>
          </cell>
          <cell r="JH20" t="str">
            <v/>
          </cell>
          <cell r="JI20" t="str">
            <v/>
          </cell>
          <cell r="JJ20" t="str">
            <v/>
          </cell>
          <cell r="JK20" t="str">
            <v/>
          </cell>
          <cell r="JL20" t="str">
            <v/>
          </cell>
          <cell r="JM20" t="str">
            <v/>
          </cell>
          <cell r="JN20" t="str">
            <v/>
          </cell>
          <cell r="JO20" t="str">
            <v/>
          </cell>
          <cell r="JP20" t="str">
            <v/>
          </cell>
          <cell r="JQ20" t="str">
            <v/>
          </cell>
          <cell r="JR20" t="str">
            <v/>
          </cell>
          <cell r="JS20" t="str">
            <v/>
          </cell>
          <cell r="JT20" t="str">
            <v/>
          </cell>
          <cell r="JU20" t="str">
            <v/>
          </cell>
          <cell r="JV20" t="str">
            <v/>
          </cell>
          <cell r="JW20" t="str">
            <v/>
          </cell>
          <cell r="JX20">
            <v>1</v>
          </cell>
          <cell r="JY20">
            <v>1</v>
          </cell>
          <cell r="JZ20" t="str">
            <v/>
          </cell>
        </row>
        <row r="21">
          <cell r="A21">
            <v>1</v>
          </cell>
          <cell r="B21" t="str">
            <v>0800020</v>
          </cell>
          <cell r="C21" t="str">
            <v/>
          </cell>
          <cell r="D21" t="str">
            <v/>
          </cell>
          <cell r="E21" t="str">
            <v/>
          </cell>
          <cell r="I21">
            <v>13</v>
          </cell>
          <cell r="M21" t="str">
            <v>令和２年度市議会だより印刷業務（単価契約）</v>
          </cell>
          <cell r="Q21" t="str">
            <v>市議会だより</v>
          </cell>
          <cell r="Y21">
            <v>1</v>
          </cell>
          <cell r="AC21">
            <v>8</v>
          </cell>
          <cell r="AD21">
            <v>5</v>
          </cell>
          <cell r="AI21" t="str">
            <v>伊丹市千僧１丁目１番地</v>
          </cell>
          <cell r="AQ21">
            <v>3</v>
          </cell>
          <cell r="AU21">
            <v>3</v>
          </cell>
          <cell r="AY21">
            <v>43944</v>
          </cell>
          <cell r="AZ21">
            <v>43945</v>
          </cell>
          <cell r="BA21">
            <v>342</v>
          </cell>
          <cell r="BB21">
            <v>44286</v>
          </cell>
          <cell r="BC21" t="str">
            <v/>
          </cell>
          <cell r="BD21" t="str">
            <v/>
          </cell>
          <cell r="BE21" t="str">
            <v/>
          </cell>
          <cell r="BF21">
            <v>0.41805555555555557</v>
          </cell>
          <cell r="BG21">
            <v>5860</v>
          </cell>
          <cell r="BH21" t="str">
            <v>岩﨑  裕子</v>
          </cell>
          <cell r="BI21" t="str">
            <v>議事課</v>
          </cell>
          <cell r="BJ21">
            <v>2511</v>
          </cell>
          <cell r="BN21" t="str">
            <v>他</v>
          </cell>
          <cell r="BO21">
            <v>2</v>
          </cell>
          <cell r="BS21">
            <v>6.8</v>
          </cell>
          <cell r="BT21">
            <v>6.8</v>
          </cell>
          <cell r="BU21">
            <v>1</v>
          </cell>
          <cell r="BV21" t="str">
            <v/>
          </cell>
          <cell r="CH21">
            <v>-2</v>
          </cell>
          <cell r="CI21">
            <v>43930</v>
          </cell>
          <cell r="CP21">
            <v>33761</v>
          </cell>
          <cell r="CW21" t="str">
            <v/>
          </cell>
          <cell r="CX21" t="str">
            <v/>
          </cell>
          <cell r="CY21" t="str">
            <v/>
          </cell>
          <cell r="CZ21" t="str">
            <v/>
          </cell>
          <cell r="DA21">
            <v>43937</v>
          </cell>
          <cell r="DB21">
            <v>43941</v>
          </cell>
          <cell r="DD21" t="str">
            <v/>
          </cell>
          <cell r="DL21">
            <v>10502</v>
          </cell>
          <cell r="DM21">
            <v>10501</v>
          </cell>
          <cell r="DN21">
            <v>10698</v>
          </cell>
          <cell r="DO21">
            <v>10430</v>
          </cell>
          <cell r="DP21">
            <v>11087</v>
          </cell>
          <cell r="DQ21">
            <v>11925</v>
          </cell>
          <cell r="DR21">
            <v>10945</v>
          </cell>
          <cell r="DS21">
            <v>12477</v>
          </cell>
          <cell r="DT21">
            <v>11979</v>
          </cell>
          <cell r="DU21">
            <v>12795</v>
          </cell>
          <cell r="EZ21">
            <v>10</v>
          </cell>
          <cell r="FA21">
            <v>6</v>
          </cell>
          <cell r="FI21">
            <v>5</v>
          </cell>
          <cell r="FJ21" t="str">
            <v>指名競争入札（簡易認証）</v>
          </cell>
          <cell r="FN21">
            <v>4</v>
          </cell>
          <cell r="FO21" t="str">
            <v>電子入札</v>
          </cell>
          <cell r="FS21">
            <v>3</v>
          </cell>
          <cell r="FT21">
            <v>1</v>
          </cell>
          <cell r="FU21" t="str">
            <v/>
          </cell>
          <cell r="FW21" t="str">
            <v/>
          </cell>
          <cell r="FY21" t="str">
            <v/>
          </cell>
          <cell r="GD21">
            <v>1</v>
          </cell>
          <cell r="GE21" t="str">
            <v>契約・検査課長　松本　嘉博</v>
          </cell>
          <cell r="GF21">
            <v>10502</v>
          </cell>
          <cell r="GG21" t="str">
            <v>(株)高速オフセット</v>
          </cell>
          <cell r="GH21">
            <v>6.4</v>
          </cell>
          <cell r="GI21" t="str">
            <v/>
          </cell>
          <cell r="GJ21" t="str">
            <v/>
          </cell>
          <cell r="GM21" t="str">
            <v>藤澤　克己</v>
          </cell>
          <cell r="GO21" t="str">
            <v>藤澤　克己</v>
          </cell>
          <cell r="GW21" t="str">
            <v/>
          </cell>
          <cell r="HO21" t="str">
            <v/>
          </cell>
          <cell r="HP21">
            <v>6.4</v>
          </cell>
          <cell r="HQ21" t="str">
            <v>-</v>
          </cell>
          <cell r="HR21" t="str">
            <v>-</v>
          </cell>
          <cell r="HS21" t="str">
            <v>-</v>
          </cell>
          <cell r="HT21" t="str">
            <v>-</v>
          </cell>
          <cell r="HU21" t="str">
            <v>-</v>
          </cell>
          <cell r="HV21" t="str">
            <v>-</v>
          </cell>
          <cell r="HW21" t="str">
            <v>-</v>
          </cell>
          <cell r="HX21" t="str">
            <v>-</v>
          </cell>
          <cell r="HY21" t="str">
            <v>-</v>
          </cell>
          <cell r="JD21" t="str">
            <v/>
          </cell>
          <cell r="JE21" t="str">
            <v/>
          </cell>
          <cell r="JF21" t="str">
            <v/>
          </cell>
          <cell r="JG21" t="str">
            <v/>
          </cell>
          <cell r="JH21" t="str">
            <v/>
          </cell>
          <cell r="JI21" t="str">
            <v/>
          </cell>
          <cell r="JJ21" t="str">
            <v/>
          </cell>
          <cell r="JK21" t="str">
            <v/>
          </cell>
          <cell r="JL21" t="str">
            <v/>
          </cell>
          <cell r="JM21" t="str">
            <v/>
          </cell>
          <cell r="JN21" t="str">
            <v/>
          </cell>
          <cell r="JO21" t="str">
            <v/>
          </cell>
          <cell r="JP21" t="str">
            <v/>
          </cell>
          <cell r="JQ21" t="str">
            <v/>
          </cell>
          <cell r="JR21" t="str">
            <v/>
          </cell>
          <cell r="JS21" t="str">
            <v/>
          </cell>
          <cell r="JT21" t="str">
            <v/>
          </cell>
          <cell r="JU21" t="str">
            <v/>
          </cell>
          <cell r="JV21" t="str">
            <v/>
          </cell>
          <cell r="JW21" t="str">
            <v/>
          </cell>
          <cell r="JX21">
            <v>2</v>
          </cell>
          <cell r="JY21">
            <v>2</v>
          </cell>
          <cell r="JZ21" t="str">
            <v/>
          </cell>
        </row>
        <row r="22">
          <cell r="A22">
            <v>2</v>
          </cell>
          <cell r="B22" t="str">
            <v>0800010</v>
          </cell>
          <cell r="C22" t="str">
            <v/>
          </cell>
          <cell r="D22" t="str">
            <v/>
          </cell>
          <cell r="E22" t="str">
            <v/>
          </cell>
          <cell r="I22">
            <v>14</v>
          </cell>
          <cell r="M22" t="str">
            <v>令和２年度本会議・委員会記録の印刷製本業務（単価契約）</v>
          </cell>
          <cell r="Q22" t="str">
            <v>記録印刷製本</v>
          </cell>
          <cell r="Y22">
            <v>1</v>
          </cell>
          <cell r="AC22">
            <v>8</v>
          </cell>
          <cell r="AD22">
            <v>5</v>
          </cell>
          <cell r="AI22" t="str">
            <v>伊丹市千僧１丁目１番地</v>
          </cell>
          <cell r="AQ22">
            <v>3</v>
          </cell>
          <cell r="AU22">
            <v>10</v>
          </cell>
          <cell r="AY22">
            <v>43944</v>
          </cell>
          <cell r="AZ22">
            <v>43945</v>
          </cell>
          <cell r="BA22">
            <v>342</v>
          </cell>
          <cell r="BB22">
            <v>44286</v>
          </cell>
          <cell r="BC22" t="str">
            <v/>
          </cell>
          <cell r="BD22" t="str">
            <v/>
          </cell>
          <cell r="BE22" t="str">
            <v/>
          </cell>
          <cell r="BF22">
            <v>0.41875000000000001</v>
          </cell>
          <cell r="BG22">
            <v>5860</v>
          </cell>
          <cell r="BH22" t="str">
            <v>岩﨑  裕子</v>
          </cell>
          <cell r="BI22" t="str">
            <v>議事課</v>
          </cell>
          <cell r="BJ22">
            <v>2511</v>
          </cell>
          <cell r="BN22" t="str">
            <v>他</v>
          </cell>
          <cell r="BO22">
            <v>3</v>
          </cell>
          <cell r="BS22">
            <v>10</v>
          </cell>
          <cell r="BT22">
            <v>10</v>
          </cell>
          <cell r="BU22">
            <v>1</v>
          </cell>
          <cell r="BV22" t="str">
            <v/>
          </cell>
          <cell r="CH22">
            <v>-3</v>
          </cell>
          <cell r="CI22">
            <v>43930</v>
          </cell>
          <cell r="CP22">
            <v>81803</v>
          </cell>
          <cell r="CW22" t="str">
            <v/>
          </cell>
          <cell r="CX22" t="str">
            <v/>
          </cell>
          <cell r="CY22" t="str">
            <v/>
          </cell>
          <cell r="CZ22" t="str">
            <v/>
          </cell>
          <cell r="DA22">
            <v>43937</v>
          </cell>
          <cell r="DB22">
            <v>43941</v>
          </cell>
          <cell r="DD22" t="str">
            <v/>
          </cell>
          <cell r="DL22">
            <v>10745</v>
          </cell>
          <cell r="DM22">
            <v>10430</v>
          </cell>
          <cell r="DN22">
            <v>11384</v>
          </cell>
          <cell r="DO22">
            <v>10594</v>
          </cell>
          <cell r="DP22">
            <v>10209</v>
          </cell>
          <cell r="DQ22">
            <v>10502</v>
          </cell>
          <cell r="DR22">
            <v>10029</v>
          </cell>
          <cell r="EZ22">
            <v>7</v>
          </cell>
          <cell r="FA22">
            <v>6</v>
          </cell>
          <cell r="FI22">
            <v>5</v>
          </cell>
          <cell r="FJ22" t="str">
            <v>指名競争入札（簡易認証）</v>
          </cell>
          <cell r="FN22">
            <v>4</v>
          </cell>
          <cell r="FO22" t="str">
            <v>電子入札</v>
          </cell>
          <cell r="FS22">
            <v>3</v>
          </cell>
          <cell r="FT22">
            <v>1</v>
          </cell>
          <cell r="FU22" t="str">
            <v/>
          </cell>
          <cell r="FW22" t="str">
            <v/>
          </cell>
          <cell r="FY22" t="str">
            <v/>
          </cell>
          <cell r="GD22">
            <v>1</v>
          </cell>
          <cell r="GE22" t="str">
            <v>契約・検査課長　松本　嘉博</v>
          </cell>
          <cell r="GF22">
            <v>10745</v>
          </cell>
          <cell r="GG22" t="str">
            <v>神戸綜合速記(株)</v>
          </cell>
          <cell r="GH22">
            <v>5.89</v>
          </cell>
          <cell r="GI22" t="str">
            <v/>
          </cell>
          <cell r="GJ22" t="str">
            <v/>
          </cell>
          <cell r="GM22" t="str">
            <v>長谷　和明</v>
          </cell>
          <cell r="GW22" t="str">
            <v/>
          </cell>
          <cell r="HO22" t="str">
            <v/>
          </cell>
          <cell r="HP22">
            <v>5.89</v>
          </cell>
          <cell r="HQ22">
            <v>11</v>
          </cell>
          <cell r="HR22">
            <v>10</v>
          </cell>
          <cell r="HS22" t="str">
            <v>-</v>
          </cell>
          <cell r="HT22">
            <v>12</v>
          </cell>
          <cell r="HU22" t="str">
            <v>-</v>
          </cell>
          <cell r="HV22">
            <v>16</v>
          </cell>
          <cell r="JD22" t="str">
            <v/>
          </cell>
          <cell r="JE22" t="str">
            <v/>
          </cell>
          <cell r="JF22" t="str">
            <v/>
          </cell>
          <cell r="JG22" t="str">
            <v/>
          </cell>
          <cell r="JH22" t="str">
            <v/>
          </cell>
          <cell r="JI22" t="str">
            <v/>
          </cell>
          <cell r="JJ22" t="str">
            <v/>
          </cell>
          <cell r="JK22" t="str">
            <v/>
          </cell>
          <cell r="JL22" t="str">
            <v/>
          </cell>
          <cell r="JM22" t="str">
            <v/>
          </cell>
          <cell r="JN22" t="str">
            <v/>
          </cell>
          <cell r="JO22" t="str">
            <v/>
          </cell>
          <cell r="JP22" t="str">
            <v/>
          </cell>
          <cell r="JQ22" t="str">
            <v/>
          </cell>
          <cell r="JR22" t="str">
            <v/>
          </cell>
          <cell r="JS22" t="str">
            <v/>
          </cell>
          <cell r="JT22" t="str">
            <v/>
          </cell>
          <cell r="JU22" t="str">
            <v/>
          </cell>
          <cell r="JV22" t="str">
            <v/>
          </cell>
          <cell r="JW22" t="str">
            <v/>
          </cell>
          <cell r="JX22">
            <v>3</v>
          </cell>
          <cell r="JY22">
            <v>3</v>
          </cell>
          <cell r="JZ22" t="str">
            <v/>
          </cell>
        </row>
        <row r="23">
          <cell r="A23">
            <v>3</v>
          </cell>
          <cell r="B23" t="str">
            <v>0800130</v>
          </cell>
          <cell r="C23" t="str">
            <v/>
          </cell>
          <cell r="D23" t="str">
            <v/>
          </cell>
          <cell r="E23" t="str">
            <v/>
          </cell>
          <cell r="I23">
            <v>15</v>
          </cell>
          <cell r="M23" t="str">
            <v>令和２年度荒牧バラ公園交通整理等委託業務（単価契約）</v>
          </cell>
          <cell r="Q23" t="str">
            <v>バラ公園委託</v>
          </cell>
          <cell r="Y23">
            <v>1</v>
          </cell>
          <cell r="AB23">
            <v>1</v>
          </cell>
          <cell r="AC23">
            <v>8</v>
          </cell>
          <cell r="AD23">
            <v>9</v>
          </cell>
          <cell r="AI23" t="str">
            <v>伊丹市荒牧４丁目他地内</v>
          </cell>
          <cell r="AQ23">
            <v>3</v>
          </cell>
          <cell r="AU23">
            <v>2</v>
          </cell>
          <cell r="AY23">
            <v>43945</v>
          </cell>
          <cell r="AZ23">
            <v>43948</v>
          </cell>
          <cell r="BA23">
            <v>203</v>
          </cell>
          <cell r="BB23">
            <v>44150</v>
          </cell>
          <cell r="BC23" t="str">
            <v/>
          </cell>
          <cell r="BD23" t="str">
            <v/>
          </cell>
          <cell r="BE23" t="str">
            <v/>
          </cell>
          <cell r="BF23">
            <v>0.41736111111111113</v>
          </cell>
          <cell r="BG23">
            <v>7680</v>
          </cell>
          <cell r="BH23" t="str">
            <v>田中　駿</v>
          </cell>
          <cell r="BI23" t="str">
            <v>公園課</v>
          </cell>
          <cell r="BJ23">
            <v>4727</v>
          </cell>
          <cell r="BN23" t="str">
            <v>他</v>
          </cell>
          <cell r="BO23">
            <v>4</v>
          </cell>
          <cell r="BS23">
            <v>15000</v>
          </cell>
          <cell r="BT23">
            <v>15000</v>
          </cell>
          <cell r="BU23" t="str">
            <v/>
          </cell>
          <cell r="BV23" t="str">
            <v/>
          </cell>
          <cell r="CH23">
            <v>-4</v>
          </cell>
          <cell r="CI23">
            <v>43931</v>
          </cell>
          <cell r="CP23">
            <v>28923</v>
          </cell>
          <cell r="CW23" t="str">
            <v/>
          </cell>
          <cell r="CX23" t="str">
            <v/>
          </cell>
          <cell r="CY23" t="str">
            <v/>
          </cell>
          <cell r="CZ23" t="str">
            <v/>
          </cell>
          <cell r="DA23">
            <v>43938</v>
          </cell>
          <cell r="DB23">
            <v>43942</v>
          </cell>
          <cell r="DD23" t="str">
            <v/>
          </cell>
          <cell r="DL23">
            <v>10169</v>
          </cell>
          <cell r="DM23">
            <v>11758</v>
          </cell>
          <cell r="DN23">
            <v>10151</v>
          </cell>
          <cell r="DO23">
            <v>11559</v>
          </cell>
          <cell r="DP23">
            <v>10300</v>
          </cell>
          <cell r="DQ23">
            <v>10219</v>
          </cell>
          <cell r="DR23">
            <v>10466</v>
          </cell>
          <cell r="DS23">
            <v>10966</v>
          </cell>
          <cell r="DT23">
            <v>11061</v>
          </cell>
          <cell r="DU23">
            <v>11318</v>
          </cell>
          <cell r="DV23">
            <v>10095</v>
          </cell>
          <cell r="EZ23">
            <v>11</v>
          </cell>
          <cell r="FA23">
            <v>6</v>
          </cell>
          <cell r="FE23">
            <v>5205000</v>
          </cell>
          <cell r="FI23">
            <v>5</v>
          </cell>
          <cell r="FJ23" t="str">
            <v>指名競争入札（簡易認証）</v>
          </cell>
          <cell r="FN23">
            <v>4</v>
          </cell>
          <cell r="FO23" t="str">
            <v>電子入札</v>
          </cell>
          <cell r="FS23">
            <v>5</v>
          </cell>
          <cell r="FT23">
            <v>1</v>
          </cell>
          <cell r="FU23" t="str">
            <v/>
          </cell>
          <cell r="FW23" t="str">
            <v/>
          </cell>
          <cell r="FY23" t="str">
            <v/>
          </cell>
          <cell r="GC23">
            <v>1</v>
          </cell>
          <cell r="GD23">
            <v>1</v>
          </cell>
          <cell r="GE23" t="str">
            <v>契約・検査課長　松本　嘉博</v>
          </cell>
          <cell r="GF23">
            <v>11559</v>
          </cell>
          <cell r="GG23" t="str">
            <v>ジータセキュリティ(株)</v>
          </cell>
          <cell r="GH23">
            <v>13000</v>
          </cell>
          <cell r="GI23" t="str">
            <v/>
          </cell>
          <cell r="GJ23">
            <v>304000</v>
          </cell>
          <cell r="GL23" t="str">
            <v>警備員指導教育責任者資格者証 2号</v>
          </cell>
          <cell r="GM23" t="str">
            <v>坂上　丈士</v>
          </cell>
          <cell r="GN23" t="str">
            <v>警備員指導教育責任者資格者証 2号</v>
          </cell>
          <cell r="GO23" t="str">
            <v>武　士</v>
          </cell>
          <cell r="GW23" t="str">
            <v/>
          </cell>
          <cell r="HO23" t="str">
            <v/>
          </cell>
          <cell r="HP23">
            <v>13700</v>
          </cell>
          <cell r="HQ23">
            <v>14000</v>
          </cell>
          <cell r="HR23" t="str">
            <v>-</v>
          </cell>
          <cell r="HS23">
            <v>13000</v>
          </cell>
          <cell r="HT23" t="str">
            <v>-</v>
          </cell>
          <cell r="HU23" t="str">
            <v>-</v>
          </cell>
          <cell r="HV23" t="str">
            <v>-</v>
          </cell>
          <cell r="HW23" t="str">
            <v>-</v>
          </cell>
          <cell r="HX23">
            <v>2862000</v>
          </cell>
          <cell r="HY23" t="str">
            <v>-</v>
          </cell>
          <cell r="HZ23" t="str">
            <v>-</v>
          </cell>
          <cell r="JD23" t="str">
            <v/>
          </cell>
          <cell r="JE23" t="str">
            <v/>
          </cell>
          <cell r="JF23" t="str">
            <v/>
          </cell>
          <cell r="JG23" t="str">
            <v/>
          </cell>
          <cell r="JH23" t="str">
            <v/>
          </cell>
          <cell r="JI23" t="str">
            <v/>
          </cell>
          <cell r="JJ23" t="str">
            <v/>
          </cell>
          <cell r="JK23" t="str">
            <v/>
          </cell>
          <cell r="JL23" t="str">
            <v/>
          </cell>
          <cell r="JM23" t="str">
            <v/>
          </cell>
          <cell r="JN23" t="str">
            <v/>
          </cell>
          <cell r="JO23" t="str">
            <v/>
          </cell>
          <cell r="JP23" t="str">
            <v/>
          </cell>
          <cell r="JQ23" t="str">
            <v/>
          </cell>
          <cell r="JR23" t="str">
            <v/>
          </cell>
          <cell r="JS23" t="str">
            <v/>
          </cell>
          <cell r="JT23" t="str">
            <v/>
          </cell>
          <cell r="JU23" t="str">
            <v/>
          </cell>
          <cell r="JV23" t="str">
            <v/>
          </cell>
          <cell r="JW23" t="str">
            <v/>
          </cell>
          <cell r="JX23">
            <v>4</v>
          </cell>
          <cell r="JY23">
            <v>4</v>
          </cell>
          <cell r="JZ23" t="str">
            <v/>
          </cell>
        </row>
        <row r="24">
          <cell r="A24">
            <v>4</v>
          </cell>
          <cell r="B24" t="str">
            <v>0800090</v>
          </cell>
          <cell r="C24" t="str">
            <v/>
          </cell>
          <cell r="D24" t="str">
            <v/>
          </cell>
          <cell r="E24" t="str">
            <v/>
          </cell>
          <cell r="I24">
            <v>16</v>
          </cell>
          <cell r="M24" t="str">
            <v>令和２年度伊丹市立児童くらぶ団体総合補償制度費用保険</v>
          </cell>
          <cell r="Q24" t="str">
            <v>児童保険委託</v>
          </cell>
          <cell r="Y24">
            <v>1</v>
          </cell>
          <cell r="AC24">
            <v>8</v>
          </cell>
          <cell r="AD24">
            <v>8</v>
          </cell>
          <cell r="AI24" t="str">
            <v>伊丹市</v>
          </cell>
          <cell r="AQ24">
            <v>2</v>
          </cell>
          <cell r="AY24">
            <v>43945</v>
          </cell>
          <cell r="AZ24">
            <v>43948</v>
          </cell>
          <cell r="BA24">
            <v>23</v>
          </cell>
          <cell r="BB24">
            <v>43970</v>
          </cell>
          <cell r="BC24" t="str">
            <v/>
          </cell>
          <cell r="BD24" t="str">
            <v/>
          </cell>
          <cell r="BE24" t="str">
            <v/>
          </cell>
          <cell r="BF24">
            <v>0.41805555555555557</v>
          </cell>
          <cell r="BG24">
            <v>6971</v>
          </cell>
          <cell r="BH24" t="str">
            <v>福田  千景</v>
          </cell>
          <cell r="BI24" t="str">
            <v>こども家庭課</v>
          </cell>
          <cell r="BJ24">
            <v>4486</v>
          </cell>
          <cell r="BN24" t="str">
            <v>他</v>
          </cell>
          <cell r="BO24">
            <v>5</v>
          </cell>
          <cell r="BS24">
            <v>1368000</v>
          </cell>
          <cell r="BT24">
            <v>1240000</v>
          </cell>
          <cell r="BU24" t="str">
            <v/>
          </cell>
          <cell r="BV24" t="str">
            <v/>
          </cell>
          <cell r="CH24">
            <v>-5</v>
          </cell>
          <cell r="CI24">
            <v>43931</v>
          </cell>
          <cell r="CP24">
            <v>63463</v>
          </cell>
          <cell r="CW24" t="str">
            <v/>
          </cell>
          <cell r="CX24" t="str">
            <v/>
          </cell>
          <cell r="CY24" t="str">
            <v/>
          </cell>
          <cell r="CZ24" t="str">
            <v/>
          </cell>
          <cell r="DA24">
            <v>43938</v>
          </cell>
          <cell r="DB24">
            <v>43942</v>
          </cell>
          <cell r="DD24" t="str">
            <v/>
          </cell>
          <cell r="DL24">
            <v>10064</v>
          </cell>
          <cell r="DM24">
            <v>10983</v>
          </cell>
          <cell r="DN24">
            <v>11372</v>
          </cell>
          <cell r="DO24">
            <v>12633</v>
          </cell>
          <cell r="DP24">
            <v>12826</v>
          </cell>
          <cell r="EZ24">
            <v>5</v>
          </cell>
          <cell r="FA24">
            <v>6</v>
          </cell>
          <cell r="FI24">
            <v>5</v>
          </cell>
          <cell r="FJ24" t="str">
            <v>指名競争入札（簡易認証）</v>
          </cell>
          <cell r="FN24">
            <v>4</v>
          </cell>
          <cell r="FO24" t="str">
            <v>電子入札</v>
          </cell>
          <cell r="FS24">
            <v>5</v>
          </cell>
          <cell r="FT24" t="str">
            <v/>
          </cell>
          <cell r="FU24" t="str">
            <v/>
          </cell>
          <cell r="FW24" t="str">
            <v/>
          </cell>
          <cell r="FY24" t="str">
            <v/>
          </cell>
          <cell r="GD24">
            <v>1</v>
          </cell>
          <cell r="GE24" t="str">
            <v>契約・検査課長　松本　嘉博</v>
          </cell>
          <cell r="GF24">
            <v>10983</v>
          </cell>
          <cell r="GG24" t="str">
            <v>(株)甲南保険センター</v>
          </cell>
          <cell r="GH24">
            <v>1367070</v>
          </cell>
          <cell r="GI24">
            <v>124279.09090909091</v>
          </cell>
          <cell r="GJ24" t="str">
            <v/>
          </cell>
          <cell r="GW24" t="str">
            <v/>
          </cell>
          <cell r="HO24" t="str">
            <v/>
          </cell>
          <cell r="HP24" t="str">
            <v>-</v>
          </cell>
          <cell r="HQ24">
            <v>1367070</v>
          </cell>
          <cell r="HR24" t="str">
            <v>-</v>
          </cell>
          <cell r="HS24" t="str">
            <v>-</v>
          </cell>
          <cell r="HT24" t="str">
            <v>-</v>
          </cell>
          <cell r="JD24" t="str">
            <v/>
          </cell>
          <cell r="JE24" t="str">
            <v/>
          </cell>
          <cell r="JF24" t="str">
            <v/>
          </cell>
          <cell r="JG24" t="str">
            <v/>
          </cell>
          <cell r="JH24" t="str">
            <v/>
          </cell>
          <cell r="JI24" t="str">
            <v/>
          </cell>
          <cell r="JJ24" t="str">
            <v/>
          </cell>
          <cell r="JK24" t="str">
            <v/>
          </cell>
          <cell r="JL24" t="str">
            <v/>
          </cell>
          <cell r="JM24" t="str">
            <v/>
          </cell>
          <cell r="JN24" t="str">
            <v/>
          </cell>
          <cell r="JO24" t="str">
            <v/>
          </cell>
          <cell r="JP24" t="str">
            <v/>
          </cell>
          <cell r="JQ24" t="str">
            <v/>
          </cell>
          <cell r="JR24" t="str">
            <v/>
          </cell>
          <cell r="JS24" t="str">
            <v/>
          </cell>
          <cell r="JT24" t="str">
            <v/>
          </cell>
          <cell r="JU24" t="str">
            <v/>
          </cell>
          <cell r="JV24" t="str">
            <v/>
          </cell>
          <cell r="JW24" t="str">
            <v/>
          </cell>
          <cell r="JX24">
            <v>5</v>
          </cell>
          <cell r="JY24">
            <v>5</v>
          </cell>
          <cell r="JZ24">
            <v>1.0022507331378299</v>
          </cell>
        </row>
        <row r="25">
          <cell r="A25">
            <v>5</v>
          </cell>
          <cell r="B25" t="str">
            <v>0800080</v>
          </cell>
          <cell r="C25" t="str">
            <v/>
          </cell>
          <cell r="D25" t="str">
            <v/>
          </cell>
          <cell r="E25" t="str">
            <v/>
          </cell>
          <cell r="I25">
            <v>17</v>
          </cell>
          <cell r="M25" t="str">
            <v>令和２年度伊丹市農地台帳システム端末リース</v>
          </cell>
          <cell r="Q25" t="str">
            <v>農地台帳ﾘｰｽ</v>
          </cell>
          <cell r="Y25">
            <v>1</v>
          </cell>
          <cell r="AC25">
            <v>8</v>
          </cell>
          <cell r="AD25">
            <v>6</v>
          </cell>
          <cell r="AI25" t="str">
            <v>伊丹市役所本庁舎</v>
          </cell>
          <cell r="AQ25">
            <v>7</v>
          </cell>
          <cell r="AU25">
            <v>60</v>
          </cell>
          <cell r="AY25">
            <v>43945</v>
          </cell>
          <cell r="AZ25">
            <v>43948</v>
          </cell>
          <cell r="BA25">
            <v>1861</v>
          </cell>
          <cell r="BB25">
            <v>45808</v>
          </cell>
          <cell r="BC25" t="str">
            <v/>
          </cell>
          <cell r="BD25" t="str">
            <v/>
          </cell>
          <cell r="BE25" t="str">
            <v/>
          </cell>
          <cell r="BF25">
            <v>0.41875000000000001</v>
          </cell>
          <cell r="BG25">
            <v>4322</v>
          </cell>
          <cell r="BH25" t="str">
            <v>鍋  眞理子</v>
          </cell>
          <cell r="BI25" t="str">
            <v xml:space="preserve"> </v>
          </cell>
          <cell r="BJ25">
            <v>3523</v>
          </cell>
          <cell r="BN25" t="str">
            <v>リ</v>
          </cell>
          <cell r="BO25">
            <v>1</v>
          </cell>
          <cell r="BS25">
            <v>534600</v>
          </cell>
          <cell r="BT25">
            <v>8100</v>
          </cell>
          <cell r="BU25">
            <v>1</v>
          </cell>
          <cell r="BV25" t="str">
            <v/>
          </cell>
          <cell r="CH25">
            <v>-6</v>
          </cell>
          <cell r="CI25">
            <v>43931</v>
          </cell>
          <cell r="CP25">
            <v>39123</v>
          </cell>
          <cell r="CW25" t="str">
            <v/>
          </cell>
          <cell r="CX25" t="str">
            <v/>
          </cell>
          <cell r="CY25" t="str">
            <v/>
          </cell>
          <cell r="CZ25" t="str">
            <v/>
          </cell>
          <cell r="DA25">
            <v>43938</v>
          </cell>
          <cell r="DB25">
            <v>43942</v>
          </cell>
          <cell r="DD25" t="str">
            <v/>
          </cell>
          <cell r="DL25">
            <v>10439</v>
          </cell>
          <cell r="DM25">
            <v>10126</v>
          </cell>
          <cell r="DN25">
            <v>10287</v>
          </cell>
          <cell r="DO25">
            <v>10509</v>
          </cell>
          <cell r="DP25">
            <v>11587</v>
          </cell>
          <cell r="DQ25">
            <v>10200</v>
          </cell>
          <cell r="DR25">
            <v>10006</v>
          </cell>
          <cell r="DS25">
            <v>10115</v>
          </cell>
          <cell r="DT25">
            <v>10529</v>
          </cell>
          <cell r="DU25">
            <v>10153</v>
          </cell>
          <cell r="DV25">
            <v>10064</v>
          </cell>
          <cell r="DW25">
            <v>10689</v>
          </cell>
          <cell r="DX25">
            <v>12344</v>
          </cell>
          <cell r="DY25">
            <v>10113</v>
          </cell>
          <cell r="EZ25">
            <v>14</v>
          </cell>
          <cell r="FA25">
            <v>6</v>
          </cell>
          <cell r="FI25">
            <v>5</v>
          </cell>
          <cell r="FJ25" t="str">
            <v>指名競争入札（簡易認証）</v>
          </cell>
          <cell r="FN25">
            <v>4</v>
          </cell>
          <cell r="FO25" t="str">
            <v>電子入札</v>
          </cell>
          <cell r="FS25">
            <v>4</v>
          </cell>
          <cell r="FT25" t="str">
            <v/>
          </cell>
          <cell r="FU25" t="str">
            <v/>
          </cell>
          <cell r="FW25" t="str">
            <v/>
          </cell>
          <cell r="FY25" t="str">
            <v/>
          </cell>
          <cell r="GD25">
            <v>1</v>
          </cell>
          <cell r="GE25" t="str">
            <v>契約・検査課長　松本　嘉博</v>
          </cell>
          <cell r="GF25" t="str">
            <v>-</v>
          </cell>
          <cell r="GG25" t="str">
            <v>×</v>
          </cell>
          <cell r="GI25" t="str">
            <v/>
          </cell>
          <cell r="GJ25" t="str">
            <v/>
          </cell>
          <cell r="GW25" t="str">
            <v/>
          </cell>
          <cell r="HO25" t="str">
            <v/>
          </cell>
          <cell r="HP25" t="str">
            <v>-</v>
          </cell>
          <cell r="HQ25" t="str">
            <v>-</v>
          </cell>
          <cell r="HR25" t="str">
            <v>-</v>
          </cell>
          <cell r="HS25" t="str">
            <v>-</v>
          </cell>
          <cell r="HT25" t="str">
            <v>-</v>
          </cell>
          <cell r="HU25" t="str">
            <v>-</v>
          </cell>
          <cell r="HV25" t="str">
            <v>-</v>
          </cell>
          <cell r="HW25" t="str">
            <v>-</v>
          </cell>
          <cell r="HX25" t="str">
            <v>-</v>
          </cell>
          <cell r="HY25" t="str">
            <v>-</v>
          </cell>
          <cell r="HZ25" t="str">
            <v>-</v>
          </cell>
          <cell r="IA25" t="str">
            <v>-</v>
          </cell>
          <cell r="IB25" t="str">
            <v>-</v>
          </cell>
          <cell r="IC25" t="str">
            <v>-</v>
          </cell>
          <cell r="JD25" t="str">
            <v/>
          </cell>
          <cell r="JE25" t="str">
            <v/>
          </cell>
          <cell r="JF25" t="str">
            <v/>
          </cell>
          <cell r="JG25" t="str">
            <v/>
          </cell>
          <cell r="JH25" t="str">
            <v/>
          </cell>
          <cell r="JI25" t="str">
            <v/>
          </cell>
          <cell r="JJ25" t="str">
            <v/>
          </cell>
          <cell r="JK25" t="str">
            <v/>
          </cell>
          <cell r="JL25" t="str">
            <v/>
          </cell>
          <cell r="JM25" t="str">
            <v/>
          </cell>
          <cell r="JN25" t="str">
            <v/>
          </cell>
          <cell r="JO25" t="str">
            <v/>
          </cell>
          <cell r="JP25" t="str">
            <v/>
          </cell>
          <cell r="JQ25" t="str">
            <v/>
          </cell>
          <cell r="JR25" t="str">
            <v/>
          </cell>
          <cell r="JS25" t="str">
            <v/>
          </cell>
          <cell r="JT25" t="str">
            <v/>
          </cell>
          <cell r="JU25" t="str">
            <v/>
          </cell>
          <cell r="JV25" t="str">
            <v/>
          </cell>
          <cell r="JW25" t="str">
            <v/>
          </cell>
          <cell r="JX25" t="str">
            <v/>
          </cell>
          <cell r="JY25" t="str">
            <v/>
          </cell>
          <cell r="JZ25" t="str">
            <v/>
          </cell>
        </row>
        <row r="26">
          <cell r="A26">
            <v>6</v>
          </cell>
          <cell r="B26" t="str">
            <v>0800230</v>
          </cell>
          <cell r="C26" t="str">
            <v/>
          </cell>
          <cell r="D26" t="str">
            <v/>
          </cell>
          <cell r="E26" t="str">
            <v/>
          </cell>
          <cell r="I26">
            <v>18</v>
          </cell>
          <cell r="M26" t="str">
            <v>令和２年度市営行基団地他にかかる産業廃棄物運搬・処理委託業務</v>
          </cell>
          <cell r="Q26" t="str">
            <v>行基団地廃棄</v>
          </cell>
          <cell r="Y26">
            <v>1</v>
          </cell>
          <cell r="AC26">
            <v>8</v>
          </cell>
          <cell r="AD26">
            <v>8</v>
          </cell>
          <cell r="AI26" t="str">
            <v>伊丹市行基町３丁目地内他</v>
          </cell>
          <cell r="AQ26">
            <v>1</v>
          </cell>
          <cell r="AY26">
            <v>43970</v>
          </cell>
          <cell r="AZ26">
            <v>43971</v>
          </cell>
          <cell r="BA26">
            <v>52</v>
          </cell>
          <cell r="BB26">
            <v>44022</v>
          </cell>
          <cell r="BC26" t="str">
            <v/>
          </cell>
          <cell r="BD26" t="str">
            <v/>
          </cell>
          <cell r="BE26" t="str">
            <v/>
          </cell>
          <cell r="BF26">
            <v>0.42152777777777778</v>
          </cell>
          <cell r="BG26">
            <v>5089</v>
          </cell>
          <cell r="BH26" t="str">
            <v>村上  仙太</v>
          </cell>
          <cell r="BI26" t="str">
            <v>住宅政策課</v>
          </cell>
          <cell r="BJ26">
            <v>4143</v>
          </cell>
          <cell r="BN26" t="str">
            <v>他</v>
          </cell>
          <cell r="BO26">
            <v>6</v>
          </cell>
          <cell r="BS26">
            <v>3529000</v>
          </cell>
          <cell r="BT26">
            <v>3200000</v>
          </cell>
          <cell r="BU26" t="str">
            <v/>
          </cell>
          <cell r="BV26" t="str">
            <v/>
          </cell>
          <cell r="CH26">
            <v>-7</v>
          </cell>
          <cell r="CI26">
            <v>43937</v>
          </cell>
          <cell r="CP26">
            <v>14381</v>
          </cell>
          <cell r="CW26" t="str">
            <v/>
          </cell>
          <cell r="CX26" t="str">
            <v/>
          </cell>
          <cell r="CY26" t="str">
            <v/>
          </cell>
          <cell r="CZ26" t="str">
            <v/>
          </cell>
          <cell r="DA26">
            <v>43962</v>
          </cell>
          <cell r="DB26">
            <v>43965</v>
          </cell>
          <cell r="DD26" t="str">
            <v/>
          </cell>
          <cell r="DL26">
            <v>10273</v>
          </cell>
          <cell r="DM26">
            <v>10353</v>
          </cell>
          <cell r="DN26">
            <v>10514</v>
          </cell>
          <cell r="DO26">
            <v>10886</v>
          </cell>
          <cell r="DP26">
            <v>10969</v>
          </cell>
          <cell r="DQ26">
            <v>11082</v>
          </cell>
          <cell r="DR26">
            <v>11266</v>
          </cell>
          <cell r="DS26">
            <v>11843</v>
          </cell>
          <cell r="DT26">
            <v>10019</v>
          </cell>
          <cell r="DU26">
            <v>10072</v>
          </cell>
          <cell r="EZ26">
            <v>10</v>
          </cell>
          <cell r="FA26">
            <v>6</v>
          </cell>
          <cell r="FI26">
            <v>5</v>
          </cell>
          <cell r="FJ26" t="str">
            <v>指名競争入札（簡易認証）</v>
          </cell>
          <cell r="FN26">
            <v>4</v>
          </cell>
          <cell r="FO26" t="str">
            <v>電子入札</v>
          </cell>
          <cell r="FS26">
            <v>5</v>
          </cell>
          <cell r="FT26" t="str">
            <v/>
          </cell>
          <cell r="FU26" t="str">
            <v/>
          </cell>
          <cell r="FW26" t="str">
            <v/>
          </cell>
          <cell r="FY26" t="str">
            <v/>
          </cell>
          <cell r="GC26">
            <v>1</v>
          </cell>
          <cell r="GD26">
            <v>1</v>
          </cell>
          <cell r="GE26" t="str">
            <v>契約・検査課長　松本　嘉博</v>
          </cell>
          <cell r="GF26">
            <v>10514</v>
          </cell>
          <cell r="GG26" t="str">
            <v>エアーポート企業(株)</v>
          </cell>
          <cell r="GH26">
            <v>3282180</v>
          </cell>
          <cell r="GI26">
            <v>298380</v>
          </cell>
          <cell r="GJ26">
            <v>329000</v>
          </cell>
          <cell r="GL26" t="str">
            <v>普通自動車第一種運転免許</v>
          </cell>
          <cell r="GM26" t="str">
            <v>林　哲也</v>
          </cell>
          <cell r="GN26" t="str">
            <v>普通自動車第一種運転免許</v>
          </cell>
          <cell r="GO26" t="str">
            <v>林　哲也</v>
          </cell>
          <cell r="GW26" t="str">
            <v/>
          </cell>
          <cell r="HO26" t="str">
            <v/>
          </cell>
          <cell r="HP26" t="str">
            <v>-</v>
          </cell>
          <cell r="HQ26" t="str">
            <v>-</v>
          </cell>
          <cell r="HR26">
            <v>2983800</v>
          </cell>
          <cell r="HS26">
            <v>3085000</v>
          </cell>
          <cell r="HT26">
            <v>3200000</v>
          </cell>
          <cell r="HU26">
            <v>3200000</v>
          </cell>
          <cell r="HV26">
            <v>3200000</v>
          </cell>
          <cell r="HW26">
            <v>3188800</v>
          </cell>
          <cell r="HX26" t="str">
            <v>-</v>
          </cell>
          <cell r="HY26" t="str">
            <v>-</v>
          </cell>
          <cell r="JD26" t="str">
            <v/>
          </cell>
          <cell r="JE26" t="str">
            <v/>
          </cell>
          <cell r="JF26" t="str">
            <v/>
          </cell>
          <cell r="JG26" t="str">
            <v/>
          </cell>
          <cell r="JH26" t="str">
            <v/>
          </cell>
          <cell r="JI26" t="str">
            <v/>
          </cell>
          <cell r="JJ26" t="str">
            <v/>
          </cell>
          <cell r="JK26" t="str">
            <v/>
          </cell>
          <cell r="JL26" t="str">
            <v/>
          </cell>
          <cell r="JM26" t="str">
            <v/>
          </cell>
          <cell r="JN26" t="str">
            <v/>
          </cell>
          <cell r="JO26" t="str">
            <v/>
          </cell>
          <cell r="JP26" t="str">
            <v/>
          </cell>
          <cell r="JQ26" t="str">
            <v/>
          </cell>
          <cell r="JR26" t="str">
            <v/>
          </cell>
          <cell r="JS26" t="str">
            <v/>
          </cell>
          <cell r="JT26" t="str">
            <v/>
          </cell>
          <cell r="JU26" t="str">
            <v/>
          </cell>
          <cell r="JV26" t="str">
            <v/>
          </cell>
          <cell r="JW26" t="str">
            <v/>
          </cell>
          <cell r="JX26">
            <v>6</v>
          </cell>
          <cell r="JY26">
            <v>6</v>
          </cell>
          <cell r="JZ26">
            <v>0.93243749999999981</v>
          </cell>
        </row>
        <row r="27">
          <cell r="A27">
            <v>7</v>
          </cell>
          <cell r="B27" t="str">
            <v>0800170</v>
          </cell>
          <cell r="C27" t="str">
            <v/>
          </cell>
          <cell r="D27" t="str">
            <v/>
          </cell>
          <cell r="E27" t="str">
            <v/>
          </cell>
          <cell r="I27">
            <v>19</v>
          </cell>
          <cell r="M27" t="str">
            <v>令和２年度伊丹市健康づくり計画策定委託業務</v>
          </cell>
          <cell r="Q27" t="str">
            <v>健康づくり策定</v>
          </cell>
          <cell r="Y27">
            <v>1</v>
          </cell>
          <cell r="AC27">
            <v>8</v>
          </cell>
          <cell r="AD27">
            <v>8</v>
          </cell>
          <cell r="AI27" t="str">
            <v>伊丹市</v>
          </cell>
          <cell r="AQ27">
            <v>1</v>
          </cell>
          <cell r="AY27">
            <v>43977</v>
          </cell>
          <cell r="AZ27">
            <v>43978</v>
          </cell>
          <cell r="BA27">
            <v>309</v>
          </cell>
          <cell r="BB27">
            <v>44286</v>
          </cell>
          <cell r="BC27" t="str">
            <v/>
          </cell>
          <cell r="BD27" t="str">
            <v/>
          </cell>
          <cell r="BE27" t="str">
            <v/>
          </cell>
          <cell r="BF27">
            <v>0.41805555555555557</v>
          </cell>
          <cell r="BG27">
            <v>7089</v>
          </cell>
          <cell r="BH27" t="str">
            <v>久木原　博</v>
          </cell>
          <cell r="BI27" t="str">
            <v>健康政策課</v>
          </cell>
          <cell r="BJ27">
            <v>2561</v>
          </cell>
          <cell r="BN27" t="str">
            <v>他</v>
          </cell>
          <cell r="BO27">
            <v>7</v>
          </cell>
          <cell r="BS27">
            <v>3679000</v>
          </cell>
          <cell r="BT27">
            <v>3340000</v>
          </cell>
          <cell r="BU27" t="str">
            <v/>
          </cell>
          <cell r="BV27" t="str">
            <v/>
          </cell>
          <cell r="CH27">
            <v>-14</v>
          </cell>
          <cell r="CI27">
            <v>43963</v>
          </cell>
          <cell r="CP27">
            <v>52489</v>
          </cell>
          <cell r="CW27" t="str">
            <v/>
          </cell>
          <cell r="CX27" t="str">
            <v/>
          </cell>
          <cell r="CY27" t="str">
            <v/>
          </cell>
          <cell r="CZ27" t="str">
            <v/>
          </cell>
          <cell r="DA27">
            <v>43969</v>
          </cell>
          <cell r="DB27">
            <v>43972</v>
          </cell>
          <cell r="DD27" t="str">
            <v/>
          </cell>
          <cell r="DL27">
            <v>10184</v>
          </cell>
          <cell r="DM27">
            <v>10773</v>
          </cell>
          <cell r="DN27">
            <v>11467</v>
          </cell>
          <cell r="DO27">
            <v>10809</v>
          </cell>
          <cell r="DP27">
            <v>10168</v>
          </cell>
          <cell r="DQ27">
            <v>11258</v>
          </cell>
          <cell r="DR27">
            <v>11544</v>
          </cell>
          <cell r="DS27">
            <v>10458</v>
          </cell>
          <cell r="DT27">
            <v>10225</v>
          </cell>
          <cell r="EZ27">
            <v>9</v>
          </cell>
          <cell r="FA27">
            <v>6</v>
          </cell>
          <cell r="FI27">
            <v>5</v>
          </cell>
          <cell r="FJ27" t="str">
            <v>指名競争入札（簡易認証）</v>
          </cell>
          <cell r="FN27">
            <v>4</v>
          </cell>
          <cell r="FO27" t="str">
            <v>電子入札</v>
          </cell>
          <cell r="FS27">
            <v>5</v>
          </cell>
          <cell r="FT27" t="str">
            <v/>
          </cell>
          <cell r="FU27" t="str">
            <v/>
          </cell>
          <cell r="FW27" t="str">
            <v/>
          </cell>
          <cell r="FY27" t="str">
            <v/>
          </cell>
          <cell r="GC27">
            <v>1</v>
          </cell>
          <cell r="GD27">
            <v>1</v>
          </cell>
          <cell r="GE27" t="str">
            <v>契約・検査課長　松本　嘉博</v>
          </cell>
          <cell r="GF27">
            <v>11258</v>
          </cell>
          <cell r="GG27" t="str">
            <v>(株)名豊</v>
          </cell>
          <cell r="GH27">
            <v>3608000</v>
          </cell>
          <cell r="GI27">
            <v>328000</v>
          </cell>
          <cell r="GJ27">
            <v>361000</v>
          </cell>
          <cell r="GL27" t="str">
            <v>統計調査士</v>
          </cell>
          <cell r="GM27" t="str">
            <v>大川　祐希</v>
          </cell>
          <cell r="GO27" t="str">
            <v>糸魚川　耕二</v>
          </cell>
          <cell r="GW27" t="str">
            <v/>
          </cell>
          <cell r="HO27" t="str">
            <v/>
          </cell>
          <cell r="HP27" t="str">
            <v>-</v>
          </cell>
          <cell r="HQ27" t="str">
            <v>-</v>
          </cell>
          <cell r="HR27" t="str">
            <v>-</v>
          </cell>
          <cell r="HS27" t="str">
            <v>-</v>
          </cell>
          <cell r="HT27" t="str">
            <v>-</v>
          </cell>
          <cell r="HU27">
            <v>3280000</v>
          </cell>
          <cell r="HV27" t="str">
            <v>-</v>
          </cell>
          <cell r="HW27" t="str">
            <v>-</v>
          </cell>
          <cell r="HX27">
            <v>3300000</v>
          </cell>
          <cell r="JD27" t="str">
            <v/>
          </cell>
          <cell r="JE27" t="str">
            <v/>
          </cell>
          <cell r="JF27" t="str">
            <v/>
          </cell>
          <cell r="JG27" t="str">
            <v/>
          </cell>
          <cell r="JH27" t="str">
            <v/>
          </cell>
          <cell r="JI27" t="str">
            <v/>
          </cell>
          <cell r="JJ27" t="str">
            <v/>
          </cell>
          <cell r="JK27" t="str">
            <v/>
          </cell>
          <cell r="JL27" t="str">
            <v/>
          </cell>
          <cell r="JM27" t="str">
            <v/>
          </cell>
          <cell r="JN27" t="str">
            <v/>
          </cell>
          <cell r="JO27" t="str">
            <v/>
          </cell>
          <cell r="JP27" t="str">
            <v/>
          </cell>
          <cell r="JQ27" t="str">
            <v/>
          </cell>
          <cell r="JR27" t="str">
            <v/>
          </cell>
          <cell r="JS27" t="str">
            <v/>
          </cell>
          <cell r="JT27" t="str">
            <v/>
          </cell>
          <cell r="JU27" t="str">
            <v/>
          </cell>
          <cell r="JV27" t="str">
            <v/>
          </cell>
          <cell r="JW27" t="str">
            <v/>
          </cell>
          <cell r="JX27">
            <v>7</v>
          </cell>
          <cell r="JY27">
            <v>7</v>
          </cell>
          <cell r="JZ27">
            <v>0.98203592814371243</v>
          </cell>
        </row>
        <row r="28">
          <cell r="A28">
            <v>8</v>
          </cell>
          <cell r="B28" t="str">
            <v>0801060</v>
          </cell>
          <cell r="C28" t="str">
            <v/>
          </cell>
          <cell r="D28" t="str">
            <v/>
          </cell>
          <cell r="E28" t="str">
            <v/>
          </cell>
          <cell r="I28">
            <v>20</v>
          </cell>
          <cell r="M28" t="str">
            <v>令和２年度市営行基団地測量委託業務</v>
          </cell>
          <cell r="Q28" t="str">
            <v>行基団地測量</v>
          </cell>
          <cell r="Y28">
            <v>1</v>
          </cell>
          <cell r="AC28">
            <v>8</v>
          </cell>
          <cell r="AD28">
            <v>8</v>
          </cell>
          <cell r="AI28" t="str">
            <v>伊丹市行基町３丁目１７番、１８番１</v>
          </cell>
          <cell r="AQ28">
            <v>1</v>
          </cell>
          <cell r="AY28">
            <v>43963</v>
          </cell>
          <cell r="AZ28">
            <v>43964</v>
          </cell>
          <cell r="BA28">
            <v>202</v>
          </cell>
          <cell r="BB28">
            <v>44165</v>
          </cell>
          <cell r="BC28" t="str">
            <v/>
          </cell>
          <cell r="BD28" t="str">
            <v/>
          </cell>
          <cell r="BE28" t="str">
            <v/>
          </cell>
          <cell r="BF28">
            <v>0.4201388888888889</v>
          </cell>
          <cell r="BG28">
            <v>5089</v>
          </cell>
          <cell r="BH28" t="str">
            <v>村上  仙太</v>
          </cell>
          <cell r="BI28" t="str">
            <v>住宅政策課</v>
          </cell>
          <cell r="BJ28">
            <v>4143</v>
          </cell>
          <cell r="BN28" t="str">
            <v>他</v>
          </cell>
          <cell r="BO28">
            <v>8</v>
          </cell>
          <cell r="BS28">
            <v>1334000</v>
          </cell>
          <cell r="BT28">
            <v>1210000</v>
          </cell>
          <cell r="BU28" t="str">
            <v/>
          </cell>
          <cell r="BV28" t="str">
            <v/>
          </cell>
          <cell r="CH28">
            <v>-8</v>
          </cell>
          <cell r="CI28">
            <v>43938</v>
          </cell>
          <cell r="CP28">
            <v>24752</v>
          </cell>
          <cell r="CW28" t="str">
            <v/>
          </cell>
          <cell r="CX28" t="str">
            <v/>
          </cell>
          <cell r="CY28" t="str">
            <v/>
          </cell>
          <cell r="CZ28" t="str">
            <v/>
          </cell>
          <cell r="DA28">
            <v>43944</v>
          </cell>
          <cell r="DB28">
            <v>43949</v>
          </cell>
          <cell r="DD28" t="str">
            <v/>
          </cell>
          <cell r="DL28">
            <v>5008</v>
          </cell>
          <cell r="DM28">
            <v>5023</v>
          </cell>
          <cell r="DN28">
            <v>5177</v>
          </cell>
          <cell r="DO28">
            <v>5233</v>
          </cell>
          <cell r="DP28">
            <v>5604</v>
          </cell>
          <cell r="DQ28">
            <v>5629</v>
          </cell>
          <cell r="DR28">
            <v>5770</v>
          </cell>
          <cell r="DS28">
            <v>5929</v>
          </cell>
          <cell r="DT28">
            <v>5965</v>
          </cell>
          <cell r="DU28">
            <v>6028</v>
          </cell>
          <cell r="DV28">
            <v>6345</v>
          </cell>
          <cell r="DW28">
            <v>6346</v>
          </cell>
          <cell r="EZ28">
            <v>12</v>
          </cell>
          <cell r="FA28">
            <v>6</v>
          </cell>
          <cell r="FI28">
            <v>2</v>
          </cell>
          <cell r="FJ28" t="str">
            <v>指名競争入札</v>
          </cell>
          <cell r="FN28">
            <v>4</v>
          </cell>
          <cell r="FO28" t="str">
            <v>電子入札</v>
          </cell>
          <cell r="FS28">
            <v>2</v>
          </cell>
          <cell r="FT28" t="str">
            <v/>
          </cell>
          <cell r="FU28" t="str">
            <v/>
          </cell>
          <cell r="FW28" t="str">
            <v/>
          </cell>
          <cell r="FY28" t="str">
            <v/>
          </cell>
          <cell r="GD28">
            <v>1</v>
          </cell>
          <cell r="GE28" t="str">
            <v>契約・検査課長　松本　嘉博</v>
          </cell>
          <cell r="GF28">
            <v>5965</v>
          </cell>
          <cell r="GG28" t="str">
            <v>(有)中井総合事務所</v>
          </cell>
          <cell r="GH28">
            <v>790900</v>
          </cell>
          <cell r="GI28">
            <v>71900</v>
          </cell>
          <cell r="GJ28" t="str">
            <v/>
          </cell>
          <cell r="GL28" t="str">
            <v>測量士,土地家屋調査士</v>
          </cell>
          <cell r="GM28" t="str">
            <v>有川　貴宏</v>
          </cell>
          <cell r="GN28" t="str">
            <v>測量士,土地家屋調査士</v>
          </cell>
          <cell r="GO28" t="str">
            <v>有川　貴宏</v>
          </cell>
          <cell r="GW28" t="str">
            <v/>
          </cell>
          <cell r="HO28" t="str">
            <v/>
          </cell>
          <cell r="HP28">
            <v>1210000</v>
          </cell>
          <cell r="HQ28">
            <v>800000</v>
          </cell>
          <cell r="HR28">
            <v>800000</v>
          </cell>
          <cell r="HS28">
            <v>1089000</v>
          </cell>
          <cell r="HT28">
            <v>900000</v>
          </cell>
          <cell r="HU28">
            <v>960000</v>
          </cell>
          <cell r="HV28">
            <v>1210000</v>
          </cell>
          <cell r="HW28">
            <v>978000</v>
          </cell>
          <cell r="HX28">
            <v>719000</v>
          </cell>
          <cell r="HZ28">
            <v>950000</v>
          </cell>
          <cell r="IA28" t="str">
            <v>-</v>
          </cell>
          <cell r="JD28" t="str">
            <v/>
          </cell>
          <cell r="JE28" t="str">
            <v/>
          </cell>
          <cell r="JF28" t="str">
            <v/>
          </cell>
          <cell r="JG28" t="str">
            <v/>
          </cell>
          <cell r="JH28" t="str">
            <v/>
          </cell>
          <cell r="JI28" t="str">
            <v/>
          </cell>
          <cell r="JJ28" t="str">
            <v/>
          </cell>
          <cell r="JK28" t="str">
            <v/>
          </cell>
          <cell r="JL28" t="str">
            <v/>
          </cell>
          <cell r="JM28" t="str">
            <v/>
          </cell>
          <cell r="JN28" t="str">
            <v/>
          </cell>
          <cell r="JO28" t="str">
            <v/>
          </cell>
          <cell r="JP28" t="str">
            <v/>
          </cell>
          <cell r="JQ28" t="str">
            <v/>
          </cell>
          <cell r="JR28" t="str">
            <v/>
          </cell>
          <cell r="JS28" t="str">
            <v/>
          </cell>
          <cell r="JT28" t="str">
            <v/>
          </cell>
          <cell r="JU28" t="str">
            <v/>
          </cell>
          <cell r="JV28" t="str">
            <v/>
          </cell>
          <cell r="JW28" t="str">
            <v/>
          </cell>
          <cell r="JX28">
            <v>8</v>
          </cell>
          <cell r="JY28">
            <v>8</v>
          </cell>
          <cell r="JZ28">
            <v>0.59421487603305789</v>
          </cell>
        </row>
        <row r="29">
          <cell r="A29">
            <v>9</v>
          </cell>
          <cell r="B29" t="str">
            <v>0801060</v>
          </cell>
          <cell r="C29" t="str">
            <v/>
          </cell>
          <cell r="D29" t="str">
            <v/>
          </cell>
          <cell r="E29" t="str">
            <v/>
          </cell>
          <cell r="I29">
            <v>21</v>
          </cell>
          <cell r="M29" t="str">
            <v>令和２年度伊丹市立図書館南分館改修工事に伴う図書・什器の移動及び配架委託業務</v>
          </cell>
          <cell r="Q29" t="str">
            <v>図書館移設配架</v>
          </cell>
          <cell r="Y29">
            <v>1</v>
          </cell>
          <cell r="AC29">
            <v>8</v>
          </cell>
          <cell r="AD29">
            <v>8</v>
          </cell>
          <cell r="AI29" t="str">
            <v>仕様書のとおり</v>
          </cell>
          <cell r="AQ29">
            <v>3</v>
          </cell>
          <cell r="AU29">
            <v>2</v>
          </cell>
          <cell r="AY29">
            <v>43980</v>
          </cell>
          <cell r="AZ29">
            <v>43980</v>
          </cell>
          <cell r="BA29">
            <v>307</v>
          </cell>
          <cell r="BB29">
            <v>44286</v>
          </cell>
          <cell r="BC29" t="str">
            <v/>
          </cell>
          <cell r="BD29" t="str">
            <v/>
          </cell>
          <cell r="BE29" t="str">
            <v/>
          </cell>
          <cell r="BF29">
            <v>0.58402777777777781</v>
          </cell>
          <cell r="BG29">
            <v>6742</v>
          </cell>
          <cell r="BH29" t="str">
            <v>齊藤  泰子</v>
          </cell>
          <cell r="BI29" t="str">
            <v>図書館</v>
          </cell>
          <cell r="BJ29" t="str">
            <v>783-2775</v>
          </cell>
          <cell r="BN29" t="str">
            <v>他</v>
          </cell>
          <cell r="BO29">
            <v>9</v>
          </cell>
          <cell r="BS29">
            <v>13400000</v>
          </cell>
          <cell r="BT29">
            <v>12180000</v>
          </cell>
          <cell r="BU29" t="str">
            <v/>
          </cell>
          <cell r="BV29" t="str">
            <v/>
          </cell>
          <cell r="CH29">
            <v>-9</v>
          </cell>
          <cell r="CI29">
            <v>43966</v>
          </cell>
          <cell r="CP29">
            <v>21131</v>
          </cell>
          <cell r="CW29" t="str">
            <v/>
          </cell>
          <cell r="CX29" t="str">
            <v/>
          </cell>
          <cell r="CY29" t="str">
            <v/>
          </cell>
          <cell r="CZ29" t="str">
            <v/>
          </cell>
          <cell r="DA29">
            <v>43973</v>
          </cell>
          <cell r="DB29">
            <v>43977</v>
          </cell>
          <cell r="DD29" t="str">
            <v/>
          </cell>
          <cell r="DL29">
            <v>10290</v>
          </cell>
          <cell r="DM29">
            <v>10256</v>
          </cell>
          <cell r="DN29">
            <v>10324</v>
          </cell>
          <cell r="DO29">
            <v>11595</v>
          </cell>
          <cell r="DP29">
            <v>10424</v>
          </cell>
          <cell r="DQ29">
            <v>10428</v>
          </cell>
          <cell r="DR29">
            <v>11482</v>
          </cell>
          <cell r="DS29">
            <v>11938</v>
          </cell>
          <cell r="EZ29">
            <v>8</v>
          </cell>
          <cell r="FA29">
            <v>8</v>
          </cell>
          <cell r="FI29">
            <v>5</v>
          </cell>
          <cell r="FJ29" t="str">
            <v>指名競争入札（簡易認証）</v>
          </cell>
          <cell r="FN29">
            <v>4</v>
          </cell>
          <cell r="FO29" t="str">
            <v>電子入札</v>
          </cell>
          <cell r="FS29">
            <v>5</v>
          </cell>
          <cell r="FT29" t="str">
            <v/>
          </cell>
          <cell r="FU29" t="str">
            <v/>
          </cell>
          <cell r="FW29" t="str">
            <v/>
          </cell>
          <cell r="FY29" t="str">
            <v/>
          </cell>
          <cell r="GD29">
            <v>1</v>
          </cell>
          <cell r="GE29" t="str">
            <v>契約・検査課長　松本　嘉博</v>
          </cell>
          <cell r="GF29">
            <v>11595</v>
          </cell>
          <cell r="GG29" t="str">
            <v>ナカバヤシ(株)</v>
          </cell>
          <cell r="GH29">
            <v>13200000</v>
          </cell>
          <cell r="GI29">
            <v>1200000</v>
          </cell>
          <cell r="GJ29">
            <v>1320000</v>
          </cell>
          <cell r="GM29" t="str">
            <v>濱名　宏弥</v>
          </cell>
          <cell r="GO29" t="str">
            <v>服部　浩二</v>
          </cell>
          <cell r="GW29" t="str">
            <v/>
          </cell>
          <cell r="HO29" t="str">
            <v/>
          </cell>
          <cell r="HP29" t="str">
            <v>-</v>
          </cell>
          <cell r="HQ29" t="str">
            <v>-</v>
          </cell>
          <cell r="HR29" t="str">
            <v>-</v>
          </cell>
          <cell r="HS29">
            <v>12000000</v>
          </cell>
          <cell r="HT29" t="str">
            <v>-</v>
          </cell>
          <cell r="HU29" t="str">
            <v>-</v>
          </cell>
          <cell r="HV29" t="str">
            <v>-</v>
          </cell>
          <cell r="HW29" t="str">
            <v>-</v>
          </cell>
          <cell r="HX29" t="str">
            <v>-</v>
          </cell>
          <cell r="JD29" t="str">
            <v/>
          </cell>
          <cell r="JE29" t="str">
            <v/>
          </cell>
          <cell r="JF29" t="str">
            <v/>
          </cell>
          <cell r="JG29" t="str">
            <v/>
          </cell>
          <cell r="JH29" t="str">
            <v/>
          </cell>
          <cell r="JI29" t="str">
            <v/>
          </cell>
          <cell r="JJ29" t="str">
            <v/>
          </cell>
          <cell r="JK29" t="str">
            <v/>
          </cell>
          <cell r="JL29" t="str">
            <v/>
          </cell>
          <cell r="JM29" t="str">
            <v/>
          </cell>
          <cell r="JN29" t="str">
            <v/>
          </cell>
          <cell r="JO29" t="str">
            <v/>
          </cell>
          <cell r="JP29" t="str">
            <v/>
          </cell>
          <cell r="JQ29" t="str">
            <v/>
          </cell>
          <cell r="JR29" t="str">
            <v/>
          </cell>
          <cell r="JS29" t="str">
            <v/>
          </cell>
          <cell r="JT29" t="str">
            <v/>
          </cell>
          <cell r="JU29" t="str">
            <v/>
          </cell>
          <cell r="JV29" t="str">
            <v/>
          </cell>
          <cell r="JW29" t="str">
            <v/>
          </cell>
          <cell r="JX29">
            <v>9</v>
          </cell>
          <cell r="JY29">
            <v>9</v>
          </cell>
          <cell r="JZ29">
            <v>0.98522167487684709</v>
          </cell>
        </row>
        <row r="30">
          <cell r="A30">
            <v>10</v>
          </cell>
          <cell r="B30" t="str">
            <v>0800010</v>
          </cell>
          <cell r="C30" t="str">
            <v/>
          </cell>
          <cell r="D30" t="str">
            <v/>
          </cell>
          <cell r="E30" t="str">
            <v/>
          </cell>
          <cell r="I30">
            <v>22</v>
          </cell>
          <cell r="M30" t="str">
            <v>令和２年度環境クリーンセンター車両車検整備委託業務（総価落札方式単価契約）</v>
          </cell>
          <cell r="Q30" t="str">
            <v>車検整備業務</v>
          </cell>
          <cell r="Y30">
            <v>1</v>
          </cell>
          <cell r="AC30">
            <v>8</v>
          </cell>
          <cell r="AD30">
            <v>9</v>
          </cell>
          <cell r="AF30">
            <v>1</v>
          </cell>
          <cell r="AI30" t="str">
            <v>伊丹市岩屋２丁目２番８号伊丹市環境クリーンセンター</v>
          </cell>
          <cell r="AQ30">
            <v>3</v>
          </cell>
          <cell r="AY30">
            <v>43949</v>
          </cell>
          <cell r="AZ30">
            <v>43949</v>
          </cell>
          <cell r="BA30">
            <v>338</v>
          </cell>
          <cell r="BB30">
            <v>44286</v>
          </cell>
          <cell r="BC30" t="str">
            <v/>
          </cell>
          <cell r="BD30" t="str">
            <v/>
          </cell>
          <cell r="BE30" t="str">
            <v/>
          </cell>
          <cell r="BF30">
            <v>0.58402777777777781</v>
          </cell>
          <cell r="BG30">
            <v>5524</v>
          </cell>
          <cell r="BH30" t="str">
            <v>南本  章</v>
          </cell>
          <cell r="BI30" t="str">
            <v>環境クリーンセンター</v>
          </cell>
          <cell r="BJ30" t="str">
            <v>782-0968</v>
          </cell>
          <cell r="BN30" t="str">
            <v>他</v>
          </cell>
          <cell r="BO30">
            <v>10</v>
          </cell>
          <cell r="BS30">
            <v>590000</v>
          </cell>
          <cell r="BT30">
            <v>590000</v>
          </cell>
          <cell r="BU30" t="str">
            <v/>
          </cell>
          <cell r="BV30" t="str">
            <v/>
          </cell>
          <cell r="CH30">
            <v>-10</v>
          </cell>
          <cell r="CI30">
            <v>43935</v>
          </cell>
          <cell r="CP30">
            <v>96064</v>
          </cell>
          <cell r="CW30" t="str">
            <v/>
          </cell>
          <cell r="CX30" t="str">
            <v/>
          </cell>
          <cell r="CY30" t="str">
            <v/>
          </cell>
          <cell r="CZ30" t="str">
            <v/>
          </cell>
          <cell r="DA30">
            <v>43941</v>
          </cell>
          <cell r="DB30">
            <v>43944</v>
          </cell>
          <cell r="DD30" t="str">
            <v/>
          </cell>
          <cell r="DL30">
            <v>10026</v>
          </cell>
          <cell r="DM30">
            <v>10608</v>
          </cell>
          <cell r="DN30">
            <v>10269</v>
          </cell>
          <cell r="DO30">
            <v>10427</v>
          </cell>
          <cell r="DP30">
            <v>11042</v>
          </cell>
          <cell r="DQ30">
            <v>10462</v>
          </cell>
          <cell r="DR30">
            <v>10763</v>
          </cell>
          <cell r="DS30">
            <v>11437</v>
          </cell>
          <cell r="EZ30">
            <v>8</v>
          </cell>
          <cell r="FA30">
            <v>6</v>
          </cell>
          <cell r="FI30">
            <v>5</v>
          </cell>
          <cell r="FJ30" t="str">
            <v>指名競争入札（簡易認証）</v>
          </cell>
          <cell r="FN30">
            <v>4</v>
          </cell>
          <cell r="FO30" t="str">
            <v>電子入札</v>
          </cell>
          <cell r="FS30">
            <v>5</v>
          </cell>
          <cell r="FT30">
            <v>1</v>
          </cell>
          <cell r="FU30" t="str">
            <v/>
          </cell>
          <cell r="FW30" t="str">
            <v/>
          </cell>
          <cell r="FY30" t="str">
            <v/>
          </cell>
          <cell r="GD30">
            <v>1</v>
          </cell>
          <cell r="GE30" t="str">
            <v>契約・検査課長　松本　嘉博</v>
          </cell>
          <cell r="GF30">
            <v>10608</v>
          </cell>
          <cell r="GG30" t="str">
            <v>平尾自動車工業(株)</v>
          </cell>
          <cell r="GH30">
            <v>80000</v>
          </cell>
          <cell r="GI30" t="str">
            <v/>
          </cell>
          <cell r="GJ30" t="str">
            <v/>
          </cell>
          <cell r="GM30" t="str">
            <v>平尾　守</v>
          </cell>
          <cell r="GW30" t="str">
            <v/>
          </cell>
          <cell r="HO30" t="str">
            <v/>
          </cell>
          <cell r="HP30" t="str">
            <v>-</v>
          </cell>
          <cell r="HQ30">
            <v>520000</v>
          </cell>
          <cell r="HR30" t="str">
            <v>-</v>
          </cell>
          <cell r="HS30" t="str">
            <v>-</v>
          </cell>
          <cell r="HT30" t="str">
            <v>-</v>
          </cell>
          <cell r="HU30" t="str">
            <v>-</v>
          </cell>
          <cell r="HV30" t="str">
            <v>-</v>
          </cell>
          <cell r="HW30" t="str">
            <v>-</v>
          </cell>
          <cell r="JD30" t="str">
            <v/>
          </cell>
          <cell r="JE30" t="str">
            <v/>
          </cell>
          <cell r="JF30" t="str">
            <v/>
          </cell>
          <cell r="JG30" t="str">
            <v/>
          </cell>
          <cell r="JH30" t="str">
            <v/>
          </cell>
          <cell r="JI30" t="str">
            <v/>
          </cell>
          <cell r="JJ30" t="str">
            <v/>
          </cell>
          <cell r="JK30" t="str">
            <v/>
          </cell>
          <cell r="JL30" t="str">
            <v/>
          </cell>
          <cell r="JM30" t="str">
            <v/>
          </cell>
          <cell r="JN30" t="str">
            <v/>
          </cell>
          <cell r="JO30" t="str">
            <v/>
          </cell>
          <cell r="JP30" t="str">
            <v/>
          </cell>
          <cell r="JQ30" t="str">
            <v/>
          </cell>
          <cell r="JR30" t="str">
            <v/>
          </cell>
          <cell r="JS30" t="str">
            <v/>
          </cell>
          <cell r="JT30" t="str">
            <v/>
          </cell>
          <cell r="JU30" t="str">
            <v/>
          </cell>
          <cell r="JV30" t="str">
            <v/>
          </cell>
          <cell r="JW30" t="str">
            <v/>
          </cell>
          <cell r="JX30">
            <v>10</v>
          </cell>
          <cell r="JY30">
            <v>10</v>
          </cell>
          <cell r="JZ30" t="str">
            <v/>
          </cell>
        </row>
        <row r="31">
          <cell r="A31">
            <v>11</v>
          </cell>
          <cell r="B31" t="str">
            <v>0800180</v>
          </cell>
          <cell r="C31" t="str">
            <v/>
          </cell>
          <cell r="D31" t="str">
            <v/>
          </cell>
          <cell r="E31" t="str">
            <v/>
          </cell>
          <cell r="I31">
            <v>23</v>
          </cell>
          <cell r="M31" t="str">
            <v>令和２年度環境クリーンセンター６・１２ヶ月車両定期点検整備委託業務（総価落札方式単価契約）</v>
          </cell>
          <cell r="Q31" t="str">
            <v>車両定期点検</v>
          </cell>
          <cell r="Y31">
            <v>1</v>
          </cell>
          <cell r="AC31">
            <v>8</v>
          </cell>
          <cell r="AD31">
            <v>9</v>
          </cell>
          <cell r="AF31">
            <v>1</v>
          </cell>
          <cell r="AI31" t="str">
            <v>伊丹市岩屋２丁目２番８号伊丹市環境クリーンセンター</v>
          </cell>
          <cell r="AQ31">
            <v>3</v>
          </cell>
          <cell r="AY31">
            <v>43949</v>
          </cell>
          <cell r="AZ31">
            <v>43949</v>
          </cell>
          <cell r="BA31">
            <v>338</v>
          </cell>
          <cell r="BB31">
            <v>44286</v>
          </cell>
          <cell r="BC31" t="str">
            <v/>
          </cell>
          <cell r="BD31" t="str">
            <v/>
          </cell>
          <cell r="BE31" t="str">
            <v/>
          </cell>
          <cell r="BF31">
            <v>0.58472222222222225</v>
          </cell>
          <cell r="BG31">
            <v>5524</v>
          </cell>
          <cell r="BH31" t="str">
            <v>南本  章</v>
          </cell>
          <cell r="BI31" t="str">
            <v>環境クリーンセンター</v>
          </cell>
          <cell r="BJ31" t="str">
            <v>782-0968</v>
          </cell>
          <cell r="BN31" t="str">
            <v>他</v>
          </cell>
          <cell r="BO31">
            <v>11</v>
          </cell>
          <cell r="BS31">
            <v>889350</v>
          </cell>
          <cell r="BT31">
            <v>800000</v>
          </cell>
          <cell r="BU31" t="str">
            <v/>
          </cell>
          <cell r="BV31" t="str">
            <v/>
          </cell>
          <cell r="CH31">
            <v>-11</v>
          </cell>
          <cell r="CI31">
            <v>43935</v>
          </cell>
          <cell r="CP31">
            <v>22037</v>
          </cell>
          <cell r="CX31" t="str">
            <v/>
          </cell>
          <cell r="CY31" t="str">
            <v/>
          </cell>
          <cell r="CZ31" t="str">
            <v/>
          </cell>
          <cell r="DA31">
            <v>43941</v>
          </cell>
          <cell r="DB31">
            <v>43944</v>
          </cell>
          <cell r="DD31" t="str">
            <v/>
          </cell>
          <cell r="DL31">
            <v>10026</v>
          </cell>
          <cell r="DM31">
            <v>10608</v>
          </cell>
          <cell r="DN31">
            <v>10269</v>
          </cell>
          <cell r="DO31">
            <v>10427</v>
          </cell>
          <cell r="DP31">
            <v>11042</v>
          </cell>
          <cell r="DQ31">
            <v>10462</v>
          </cell>
          <cell r="DR31">
            <v>10763</v>
          </cell>
          <cell r="DS31">
            <v>11437</v>
          </cell>
          <cell r="EZ31">
            <v>8</v>
          </cell>
          <cell r="FA31">
            <v>6</v>
          </cell>
          <cell r="FI31">
            <v>5</v>
          </cell>
          <cell r="FJ31" t="str">
            <v>指名競争入札（簡易認証）</v>
          </cell>
          <cell r="FN31">
            <v>4</v>
          </cell>
          <cell r="FO31" t="str">
            <v>電子入札</v>
          </cell>
          <cell r="FS31">
            <v>2</v>
          </cell>
          <cell r="FT31">
            <v>1</v>
          </cell>
          <cell r="FU31" t="str">
            <v/>
          </cell>
          <cell r="FW31" t="str">
            <v/>
          </cell>
          <cell r="FY31" t="str">
            <v/>
          </cell>
          <cell r="GD31">
            <v>1</v>
          </cell>
          <cell r="GE31" t="str">
            <v>契約・検査課長　松本　嘉博</v>
          </cell>
          <cell r="GF31">
            <v>10608</v>
          </cell>
          <cell r="GG31" t="str">
            <v>平尾自動車工業(株)</v>
          </cell>
          <cell r="GH31">
            <v>80000</v>
          </cell>
          <cell r="GI31" t="str">
            <v/>
          </cell>
          <cell r="GJ31" t="str">
            <v/>
          </cell>
          <cell r="GM31" t="str">
            <v>平尾　守</v>
          </cell>
          <cell r="GW31" t="str">
            <v/>
          </cell>
          <cell r="HO31" t="str">
            <v/>
          </cell>
          <cell r="HP31" t="str">
            <v>-</v>
          </cell>
          <cell r="HQ31">
            <v>565000</v>
          </cell>
          <cell r="HR31" t="str">
            <v>-</v>
          </cell>
          <cell r="HS31" t="str">
            <v>-</v>
          </cell>
          <cell r="HT31" t="str">
            <v>-</v>
          </cell>
          <cell r="HU31" t="str">
            <v>-</v>
          </cell>
          <cell r="HV31" t="str">
            <v>-</v>
          </cell>
          <cell r="HW31" t="str">
            <v>-</v>
          </cell>
          <cell r="JD31" t="str">
            <v/>
          </cell>
          <cell r="JE31" t="str">
            <v/>
          </cell>
          <cell r="JF31" t="str">
            <v/>
          </cell>
          <cell r="JG31" t="str">
            <v/>
          </cell>
          <cell r="JH31" t="str">
            <v/>
          </cell>
          <cell r="JI31" t="str">
            <v/>
          </cell>
          <cell r="JJ31" t="str">
            <v/>
          </cell>
          <cell r="JK31" t="str">
            <v/>
          </cell>
          <cell r="JL31" t="str">
            <v/>
          </cell>
          <cell r="JM31" t="str">
            <v/>
          </cell>
          <cell r="JN31" t="str">
            <v/>
          </cell>
          <cell r="JO31" t="str">
            <v/>
          </cell>
          <cell r="JP31" t="str">
            <v/>
          </cell>
          <cell r="JQ31" t="str">
            <v/>
          </cell>
          <cell r="JR31" t="str">
            <v/>
          </cell>
          <cell r="JS31" t="str">
            <v/>
          </cell>
          <cell r="JT31" t="str">
            <v/>
          </cell>
          <cell r="JU31" t="str">
            <v/>
          </cell>
          <cell r="JV31" t="str">
            <v/>
          </cell>
          <cell r="JW31" t="str">
            <v/>
          </cell>
          <cell r="JX31">
            <v>11</v>
          </cell>
          <cell r="JY31">
            <v>11</v>
          </cell>
          <cell r="JZ31" t="str">
            <v/>
          </cell>
        </row>
        <row r="32">
          <cell r="C32" t="str">
            <v/>
          </cell>
          <cell r="D32" t="str">
            <v/>
          </cell>
          <cell r="E32" t="str">
            <v/>
          </cell>
          <cell r="I32">
            <v>24</v>
          </cell>
          <cell r="M32" t="str">
            <v>令和２年度おむすび型コンテナ４基購入</v>
          </cell>
          <cell r="Q32" t="str">
            <v>おむすび型ｺﾝﾃﾅ</v>
          </cell>
          <cell r="Y32">
            <v>1</v>
          </cell>
          <cell r="AC32">
            <v>8</v>
          </cell>
          <cell r="AD32">
            <v>1</v>
          </cell>
          <cell r="AI32" t="str">
            <v>伊丹市岩屋２丁目２番８号伊丹市環境クリーンセンター</v>
          </cell>
          <cell r="AQ32">
            <v>1</v>
          </cell>
          <cell r="AY32">
            <v>43949</v>
          </cell>
          <cell r="AZ32">
            <v>43949</v>
          </cell>
          <cell r="BA32">
            <v>187</v>
          </cell>
          <cell r="BB32">
            <v>44135</v>
          </cell>
          <cell r="BC32" t="str">
            <v/>
          </cell>
          <cell r="BD32" t="str">
            <v/>
          </cell>
          <cell r="BE32" t="str">
            <v/>
          </cell>
          <cell r="BF32">
            <v>0.5854166666666667</v>
          </cell>
          <cell r="BG32">
            <v>5524</v>
          </cell>
          <cell r="BH32" t="str">
            <v>南本  章</v>
          </cell>
          <cell r="BI32" t="str">
            <v>環境クリーンセンター</v>
          </cell>
          <cell r="BJ32" t="str">
            <v>782-0968</v>
          </cell>
          <cell r="BN32" t="str">
            <v>他</v>
          </cell>
          <cell r="BO32">
            <v>12</v>
          </cell>
          <cell r="BS32">
            <v>4436520</v>
          </cell>
          <cell r="BT32">
            <v>4030000</v>
          </cell>
          <cell r="BU32">
            <v>1</v>
          </cell>
          <cell r="BV32" t="str">
            <v/>
          </cell>
          <cell r="CH32">
            <v>-12</v>
          </cell>
          <cell r="CI32">
            <v>43935</v>
          </cell>
          <cell r="CP32">
            <v>44944</v>
          </cell>
          <cell r="CW32" t="str">
            <v/>
          </cell>
          <cell r="CX32" t="str">
            <v/>
          </cell>
          <cell r="CY32" t="str">
            <v/>
          </cell>
          <cell r="CZ32" t="str">
            <v/>
          </cell>
          <cell r="DA32">
            <v>43941</v>
          </cell>
          <cell r="DB32">
            <v>43944</v>
          </cell>
          <cell r="DD32" t="str">
            <v/>
          </cell>
          <cell r="DL32">
            <v>10845</v>
          </cell>
          <cell r="DM32">
            <v>10763</v>
          </cell>
          <cell r="DN32">
            <v>10102</v>
          </cell>
          <cell r="DO32">
            <v>10026</v>
          </cell>
          <cell r="DP32">
            <v>11117</v>
          </cell>
          <cell r="DQ32">
            <v>11539</v>
          </cell>
          <cell r="DR32">
            <v>10269</v>
          </cell>
          <cell r="DS32">
            <v>10064</v>
          </cell>
          <cell r="EZ32">
            <v>8</v>
          </cell>
          <cell r="FA32">
            <v>6</v>
          </cell>
          <cell r="FI32">
            <v>5</v>
          </cell>
          <cell r="FJ32" t="str">
            <v>指名競争入札（簡易認証）</v>
          </cell>
          <cell r="FN32">
            <v>4</v>
          </cell>
          <cell r="FO32" t="str">
            <v>電子入札</v>
          </cell>
          <cell r="FS32">
            <v>3</v>
          </cell>
          <cell r="FT32" t="str">
            <v/>
          </cell>
          <cell r="FU32" t="str">
            <v/>
          </cell>
          <cell r="FW32" t="str">
            <v/>
          </cell>
          <cell r="FY32" t="str">
            <v/>
          </cell>
          <cell r="GD32">
            <v>1</v>
          </cell>
          <cell r="GE32" t="str">
            <v>契約・検査課長　松本　嘉博</v>
          </cell>
          <cell r="GF32">
            <v>10845</v>
          </cell>
          <cell r="GG32" t="str">
            <v>新明和工業(株)</v>
          </cell>
          <cell r="GH32">
            <v>4404400</v>
          </cell>
          <cell r="GI32">
            <v>400400</v>
          </cell>
          <cell r="GJ32">
            <v>441000</v>
          </cell>
          <cell r="GW32" t="str">
            <v/>
          </cell>
          <cell r="HO32" t="str">
            <v/>
          </cell>
          <cell r="HP32">
            <v>4004000</v>
          </cell>
          <cell r="HQ32" t="str">
            <v>-</v>
          </cell>
          <cell r="HR32">
            <v>10000000</v>
          </cell>
          <cell r="HS32" t="str">
            <v>-</v>
          </cell>
          <cell r="HT32" t="str">
            <v>-</v>
          </cell>
          <cell r="HU32" t="str">
            <v>-</v>
          </cell>
          <cell r="HV32" t="str">
            <v>-</v>
          </cell>
          <cell r="HW32" t="str">
            <v>-</v>
          </cell>
          <cell r="JD32" t="str">
            <v/>
          </cell>
          <cell r="JE32" t="str">
            <v/>
          </cell>
          <cell r="JF32" t="str">
            <v/>
          </cell>
          <cell r="JG32" t="str">
            <v/>
          </cell>
          <cell r="JH32" t="str">
            <v/>
          </cell>
          <cell r="JI32" t="str">
            <v/>
          </cell>
          <cell r="JJ32" t="str">
            <v/>
          </cell>
          <cell r="JK32" t="str">
            <v/>
          </cell>
          <cell r="JL32" t="str">
            <v/>
          </cell>
          <cell r="JM32" t="str">
            <v/>
          </cell>
          <cell r="JN32" t="str">
            <v/>
          </cell>
          <cell r="JO32" t="str">
            <v/>
          </cell>
          <cell r="JP32" t="str">
            <v/>
          </cell>
          <cell r="JQ32" t="str">
            <v/>
          </cell>
          <cell r="JR32" t="str">
            <v/>
          </cell>
          <cell r="JS32" t="str">
            <v/>
          </cell>
          <cell r="JT32" t="str">
            <v/>
          </cell>
          <cell r="JU32" t="str">
            <v/>
          </cell>
          <cell r="JV32" t="str">
            <v/>
          </cell>
          <cell r="JW32" t="str">
            <v/>
          </cell>
          <cell r="JX32">
            <v>12</v>
          </cell>
          <cell r="JY32">
            <v>12</v>
          </cell>
          <cell r="JZ32">
            <v>0.99354838709677407</v>
          </cell>
        </row>
        <row r="33">
          <cell r="C33" t="str">
            <v/>
          </cell>
          <cell r="D33" t="str">
            <v/>
          </cell>
          <cell r="E33" t="str">
            <v/>
          </cell>
          <cell r="I33">
            <v>25</v>
          </cell>
          <cell r="M33" t="str">
            <v>令和２年度河川環境整備除草委託業務（二級河川天神川）</v>
          </cell>
          <cell r="Q33" t="str">
            <v>天神川川除草</v>
          </cell>
          <cell r="Y33">
            <v>1</v>
          </cell>
          <cell r="AC33">
            <v>8</v>
          </cell>
          <cell r="AD33">
            <v>8</v>
          </cell>
          <cell r="AI33" t="str">
            <v>伊丹市荒牧～中野西地内</v>
          </cell>
          <cell r="AM33" t="str">
            <v>除草面積A=56,500㎡
機械A= 54,400㎡
人力A=2,100㎡</v>
          </cell>
          <cell r="AQ33">
            <v>1</v>
          </cell>
          <cell r="AY33">
            <v>43963</v>
          </cell>
          <cell r="AZ33">
            <v>43965</v>
          </cell>
          <cell r="BA33">
            <v>75</v>
          </cell>
          <cell r="BB33">
            <v>44039</v>
          </cell>
          <cell r="BC33">
            <v>20</v>
          </cell>
          <cell r="BD33" t="str">
            <v>○</v>
          </cell>
          <cell r="BE33" t="str">
            <v/>
          </cell>
          <cell r="BF33">
            <v>0.58402777777777781</v>
          </cell>
          <cell r="BG33">
            <v>7650</v>
          </cell>
          <cell r="BH33" t="str">
            <v>林　直矢</v>
          </cell>
          <cell r="BI33" t="str">
            <v>生活環境課</v>
          </cell>
          <cell r="BJ33">
            <v>4673</v>
          </cell>
          <cell r="BN33" t="str">
            <v>他</v>
          </cell>
          <cell r="BO33">
            <v>13</v>
          </cell>
          <cell r="BS33">
            <v>8063000</v>
          </cell>
          <cell r="BT33">
            <v>7330000</v>
          </cell>
          <cell r="BU33" t="str">
            <v/>
          </cell>
          <cell r="BV33" t="str">
            <v/>
          </cell>
          <cell r="CH33">
            <v>4</v>
          </cell>
          <cell r="CI33">
            <v>43934</v>
          </cell>
          <cell r="CK33" t="str">
            <v>伊丹市内に本店</v>
          </cell>
          <cell r="CP33">
            <v>80881</v>
          </cell>
          <cell r="CW33">
            <v>43942</v>
          </cell>
          <cell r="CX33" t="str">
            <v/>
          </cell>
          <cell r="CY33" t="str">
            <v/>
          </cell>
          <cell r="CZ33" t="str">
            <v/>
          </cell>
          <cell r="DA33">
            <v>43943</v>
          </cell>
          <cell r="DB33">
            <v>43945</v>
          </cell>
          <cell r="DC33">
            <v>79</v>
          </cell>
          <cell r="DD33" t="str">
            <v/>
          </cell>
          <cell r="DL33">
            <v>527</v>
          </cell>
          <cell r="DM33">
            <v>74</v>
          </cell>
          <cell r="DN33">
            <v>579</v>
          </cell>
          <cell r="DO33">
            <v>554</v>
          </cell>
          <cell r="DP33">
            <v>91</v>
          </cell>
          <cell r="DQ33">
            <v>38</v>
          </cell>
          <cell r="DR33">
            <v>408</v>
          </cell>
          <cell r="EZ33">
            <v>7</v>
          </cell>
          <cell r="FA33">
            <v>8</v>
          </cell>
          <cell r="FI33">
            <v>4</v>
          </cell>
          <cell r="FJ33" t="str">
            <v>事後審査型一般競争入札</v>
          </cell>
          <cell r="FN33">
            <v>4</v>
          </cell>
          <cell r="FO33" t="str">
            <v>電子入札</v>
          </cell>
          <cell r="FS33">
            <v>2</v>
          </cell>
          <cell r="FT33" t="str">
            <v/>
          </cell>
          <cell r="FU33" t="str">
            <v/>
          </cell>
          <cell r="FW33" t="str">
            <v/>
          </cell>
          <cell r="FY33" t="str">
            <v/>
          </cell>
          <cell r="GC33">
            <v>1</v>
          </cell>
          <cell r="GD33">
            <v>1</v>
          </cell>
          <cell r="GE33" t="str">
            <v>契約・検査課長　松本　嘉博</v>
          </cell>
          <cell r="GF33">
            <v>527</v>
          </cell>
          <cell r="GG33" t="str">
            <v>(株)マエダコンストラクション</v>
          </cell>
          <cell r="GH33">
            <v>6600000</v>
          </cell>
          <cell r="GI33">
            <v>600000</v>
          </cell>
          <cell r="GJ33">
            <v>660000</v>
          </cell>
          <cell r="GL33" t="str">
            <v>１級土木施工管理技士</v>
          </cell>
          <cell r="GM33" t="str">
            <v>冨岡　信雄</v>
          </cell>
          <cell r="GN33" t="str">
            <v>１級土木施工管理技士</v>
          </cell>
          <cell r="GO33" t="str">
            <v>冨岡　信雄</v>
          </cell>
          <cell r="GW33" t="str">
            <v/>
          </cell>
          <cell r="HO33" t="str">
            <v/>
          </cell>
          <cell r="HP33">
            <v>6000000</v>
          </cell>
          <cell r="HQ33">
            <v>6380000</v>
          </cell>
          <cell r="HR33">
            <v>6500000</v>
          </cell>
          <cell r="HS33">
            <v>7250000</v>
          </cell>
          <cell r="HT33">
            <v>7300000</v>
          </cell>
          <cell r="HU33">
            <v>7325000</v>
          </cell>
          <cell r="HV33" t="str">
            <v>-</v>
          </cell>
          <cell r="JD33" t="str">
            <v/>
          </cell>
          <cell r="JE33" t="str">
            <v/>
          </cell>
          <cell r="JF33" t="str">
            <v/>
          </cell>
          <cell r="JG33" t="str">
            <v/>
          </cell>
          <cell r="JH33" t="str">
            <v/>
          </cell>
          <cell r="JI33" t="str">
            <v/>
          </cell>
          <cell r="JJ33" t="str">
            <v/>
          </cell>
          <cell r="JK33" t="str">
            <v/>
          </cell>
          <cell r="JL33" t="str">
            <v/>
          </cell>
          <cell r="JM33" t="str">
            <v/>
          </cell>
          <cell r="JN33" t="str">
            <v/>
          </cell>
          <cell r="JO33" t="str">
            <v/>
          </cell>
          <cell r="JP33" t="str">
            <v/>
          </cell>
          <cell r="JQ33" t="str">
            <v/>
          </cell>
          <cell r="JR33" t="str">
            <v/>
          </cell>
          <cell r="JS33" t="str">
            <v/>
          </cell>
          <cell r="JT33" t="str">
            <v/>
          </cell>
          <cell r="JU33" t="str">
            <v/>
          </cell>
          <cell r="JV33" t="str">
            <v/>
          </cell>
          <cell r="JW33" t="str">
            <v/>
          </cell>
          <cell r="JX33">
            <v>13</v>
          </cell>
          <cell r="JY33">
            <v>13</v>
          </cell>
          <cell r="JZ33">
            <v>0.81855388813096852</v>
          </cell>
        </row>
        <row r="34">
          <cell r="C34" t="str">
            <v/>
          </cell>
          <cell r="D34" t="str">
            <v/>
          </cell>
          <cell r="E34" t="str">
            <v/>
          </cell>
          <cell r="I34">
            <v>26</v>
          </cell>
          <cell r="M34" t="str">
            <v>令和２年度河川環境整備除草委託業務（二級河川天王寺川）</v>
          </cell>
          <cell r="Q34" t="str">
            <v>天王寺川除草</v>
          </cell>
          <cell r="Y34">
            <v>1</v>
          </cell>
          <cell r="AC34">
            <v>8</v>
          </cell>
          <cell r="AD34">
            <v>8</v>
          </cell>
          <cell r="AI34" t="str">
            <v>伊丹市荒牧～池尻地内</v>
          </cell>
          <cell r="AM34" t="str">
            <v xml:space="preserve">除草面積A=54,400㎡
機械A=52,800㎡
人力A= 1,600㎡
</v>
          </cell>
          <cell r="AQ34">
            <v>1</v>
          </cell>
          <cell r="AY34">
            <v>43963</v>
          </cell>
          <cell r="AZ34">
            <v>43965</v>
          </cell>
          <cell r="BA34">
            <v>75</v>
          </cell>
          <cell r="BB34">
            <v>44039</v>
          </cell>
          <cell r="BC34">
            <v>20</v>
          </cell>
          <cell r="BD34" t="str">
            <v>○</v>
          </cell>
          <cell r="BE34" t="str">
            <v/>
          </cell>
          <cell r="BF34">
            <v>0.58472222222222225</v>
          </cell>
          <cell r="BG34">
            <v>7650</v>
          </cell>
          <cell r="BH34" t="str">
            <v>林　直矢</v>
          </cell>
          <cell r="BI34" t="str">
            <v>生活環境課</v>
          </cell>
          <cell r="BJ34">
            <v>4673</v>
          </cell>
          <cell r="BN34" t="str">
            <v>他</v>
          </cell>
          <cell r="BO34">
            <v>14</v>
          </cell>
          <cell r="BS34">
            <v>7782500</v>
          </cell>
          <cell r="BT34">
            <v>7070000</v>
          </cell>
          <cell r="BU34" t="str">
            <v/>
          </cell>
          <cell r="BV34" t="str">
            <v/>
          </cell>
          <cell r="CH34">
            <v>5</v>
          </cell>
          <cell r="CI34">
            <v>43934</v>
          </cell>
          <cell r="CK34" t="str">
            <v>伊丹市内に本店</v>
          </cell>
          <cell r="CP34">
            <v>98519</v>
          </cell>
          <cell r="CW34">
            <v>43942</v>
          </cell>
          <cell r="CX34" t="str">
            <v/>
          </cell>
          <cell r="CY34" t="str">
            <v/>
          </cell>
          <cell r="CZ34" t="str">
            <v/>
          </cell>
          <cell r="DA34">
            <v>43943</v>
          </cell>
          <cell r="DB34">
            <v>43945</v>
          </cell>
          <cell r="DC34">
            <v>79</v>
          </cell>
          <cell r="DD34" t="str">
            <v/>
          </cell>
          <cell r="DL34">
            <v>74</v>
          </cell>
          <cell r="DM34">
            <v>579</v>
          </cell>
          <cell r="DN34">
            <v>38</v>
          </cell>
          <cell r="DO34">
            <v>91</v>
          </cell>
          <cell r="DP34">
            <v>554</v>
          </cell>
          <cell r="DQ34">
            <v>408</v>
          </cell>
          <cell r="DR34">
            <v>527</v>
          </cell>
          <cell r="EZ34">
            <v>7</v>
          </cell>
          <cell r="FA34">
            <v>8</v>
          </cell>
          <cell r="FI34">
            <v>4</v>
          </cell>
          <cell r="FJ34" t="str">
            <v>事後審査型一般競争入札</v>
          </cell>
          <cell r="FN34">
            <v>4</v>
          </cell>
          <cell r="FO34" t="str">
            <v>電子入札</v>
          </cell>
          <cell r="FS34">
            <v>2</v>
          </cell>
          <cell r="FT34" t="str">
            <v/>
          </cell>
          <cell r="FU34" t="str">
            <v/>
          </cell>
          <cell r="FW34" t="str">
            <v/>
          </cell>
          <cell r="FY34" t="str">
            <v/>
          </cell>
          <cell r="GD34">
            <v>1</v>
          </cell>
          <cell r="GE34" t="str">
            <v>契約・検査課長　松本　嘉博</v>
          </cell>
          <cell r="GF34">
            <v>74</v>
          </cell>
          <cell r="GG34" t="str">
            <v>(株)土井庭苑</v>
          </cell>
          <cell r="GH34">
            <v>6765000</v>
          </cell>
          <cell r="GI34">
            <v>615000</v>
          </cell>
          <cell r="GJ34">
            <v>677000</v>
          </cell>
          <cell r="GL34" t="str">
            <v>二級造園施工管理技士</v>
          </cell>
          <cell r="GM34" t="str">
            <v>一森　美範</v>
          </cell>
          <cell r="GN34" t="str">
            <v>二級造園施工管理技士</v>
          </cell>
          <cell r="GO34" t="str">
            <v>一森　美範</v>
          </cell>
          <cell r="GW34" t="str">
            <v/>
          </cell>
          <cell r="HO34" t="str">
            <v/>
          </cell>
          <cell r="HP34">
            <v>6150000</v>
          </cell>
          <cell r="HQ34">
            <v>6300000</v>
          </cell>
          <cell r="HR34">
            <v>6950000</v>
          </cell>
          <cell r="HS34">
            <v>7000000</v>
          </cell>
          <cell r="HT34">
            <v>7000000</v>
          </cell>
          <cell r="HU34" t="str">
            <v>-</v>
          </cell>
          <cell r="HV34" t="str">
            <v>-</v>
          </cell>
          <cell r="JD34" t="str">
            <v/>
          </cell>
          <cell r="JE34" t="str">
            <v/>
          </cell>
          <cell r="JF34" t="str">
            <v/>
          </cell>
          <cell r="JG34" t="str">
            <v/>
          </cell>
          <cell r="JH34" t="str">
            <v/>
          </cell>
          <cell r="JI34" t="str">
            <v/>
          </cell>
          <cell r="JJ34" t="str">
            <v/>
          </cell>
          <cell r="JK34" t="str">
            <v/>
          </cell>
          <cell r="JL34" t="str">
            <v/>
          </cell>
          <cell r="JM34" t="str">
            <v/>
          </cell>
          <cell r="JN34" t="str">
            <v/>
          </cell>
          <cell r="JO34" t="str">
            <v/>
          </cell>
          <cell r="JP34" t="str">
            <v/>
          </cell>
          <cell r="JQ34" t="str">
            <v/>
          </cell>
          <cell r="JR34" t="str">
            <v/>
          </cell>
          <cell r="JS34" t="str">
            <v/>
          </cell>
          <cell r="JT34" t="str">
            <v/>
          </cell>
          <cell r="JU34" t="str">
            <v/>
          </cell>
          <cell r="JV34" t="str">
            <v/>
          </cell>
          <cell r="JW34" t="str">
            <v/>
          </cell>
          <cell r="JX34">
            <v>14</v>
          </cell>
          <cell r="JY34">
            <v>14</v>
          </cell>
          <cell r="JZ34">
            <v>0.86987270155586971</v>
          </cell>
        </row>
        <row r="35">
          <cell r="C35" t="str">
            <v/>
          </cell>
          <cell r="D35" t="str">
            <v/>
          </cell>
          <cell r="E35" t="str">
            <v/>
          </cell>
          <cell r="I35">
            <v>27</v>
          </cell>
          <cell r="M35" t="str">
            <v>令和２年度河川環境整備除草委託業務（一級河川駄六川・箕面川・内川）</v>
          </cell>
          <cell r="Q35" t="str">
            <v>駄六箕面内川除草</v>
          </cell>
          <cell r="Y35">
            <v>1</v>
          </cell>
          <cell r="AC35">
            <v>8</v>
          </cell>
          <cell r="AD35">
            <v>8</v>
          </cell>
          <cell r="AI35" t="str">
            <v>伊丹市緑ヶ丘～北河原・下河原１丁目～下河原３丁目地内</v>
          </cell>
          <cell r="AM35" t="str">
            <v xml:space="preserve">除草面積A=18,400㎡
機械A=11,500㎡
人力A=6,900㎡
</v>
          </cell>
          <cell r="AQ35">
            <v>1</v>
          </cell>
          <cell r="AY35">
            <v>43963</v>
          </cell>
          <cell r="AZ35">
            <v>43965</v>
          </cell>
          <cell r="BA35">
            <v>75</v>
          </cell>
          <cell r="BB35">
            <v>44039</v>
          </cell>
          <cell r="BC35">
            <v>20</v>
          </cell>
          <cell r="BD35" t="str">
            <v>○</v>
          </cell>
          <cell r="BE35" t="str">
            <v/>
          </cell>
          <cell r="BF35">
            <v>0.5854166666666667</v>
          </cell>
          <cell r="BG35">
            <v>7650</v>
          </cell>
          <cell r="BH35" t="str">
            <v>林　直矢</v>
          </cell>
          <cell r="BI35" t="str">
            <v>生活環境課</v>
          </cell>
          <cell r="BJ35">
            <v>4673</v>
          </cell>
          <cell r="BN35" t="str">
            <v>他</v>
          </cell>
          <cell r="BO35">
            <v>15</v>
          </cell>
          <cell r="BS35">
            <v>3259300</v>
          </cell>
          <cell r="BT35">
            <v>2960000</v>
          </cell>
          <cell r="BU35" t="str">
            <v/>
          </cell>
          <cell r="BV35" t="str">
            <v/>
          </cell>
          <cell r="CH35">
            <v>6</v>
          </cell>
          <cell r="CI35">
            <v>43934</v>
          </cell>
          <cell r="CK35" t="str">
            <v>伊丹市内に本店</v>
          </cell>
          <cell r="CP35">
            <v>79992</v>
          </cell>
          <cell r="CW35">
            <v>43942</v>
          </cell>
          <cell r="CX35" t="str">
            <v/>
          </cell>
          <cell r="CY35" t="str">
            <v/>
          </cell>
          <cell r="CZ35" t="str">
            <v/>
          </cell>
          <cell r="DA35">
            <v>43943</v>
          </cell>
          <cell r="DB35">
            <v>43945</v>
          </cell>
          <cell r="DC35">
            <v>79</v>
          </cell>
          <cell r="DD35" t="str">
            <v/>
          </cell>
          <cell r="DL35">
            <v>579</v>
          </cell>
          <cell r="DM35">
            <v>408</v>
          </cell>
          <cell r="DN35">
            <v>38</v>
          </cell>
          <cell r="DO35">
            <v>74</v>
          </cell>
          <cell r="DP35">
            <v>527</v>
          </cell>
          <cell r="EZ35">
            <v>5</v>
          </cell>
          <cell r="FA35">
            <v>6</v>
          </cell>
          <cell r="FI35">
            <v>4</v>
          </cell>
          <cell r="FJ35" t="str">
            <v>事後審査型一般競争入札</v>
          </cell>
          <cell r="FN35">
            <v>4</v>
          </cell>
          <cell r="FO35" t="str">
            <v>電子入札</v>
          </cell>
          <cell r="FS35">
            <v>2</v>
          </cell>
          <cell r="FT35" t="str">
            <v/>
          </cell>
          <cell r="FU35" t="str">
            <v/>
          </cell>
          <cell r="FW35" t="str">
            <v/>
          </cell>
          <cell r="FY35" t="str">
            <v/>
          </cell>
          <cell r="GC35">
            <v>1</v>
          </cell>
          <cell r="GD35">
            <v>1</v>
          </cell>
          <cell r="GE35" t="str">
            <v>契約・検査課長　松本　嘉博</v>
          </cell>
          <cell r="GF35">
            <v>579</v>
          </cell>
          <cell r="GG35" t="str">
            <v>(株)田中管工</v>
          </cell>
          <cell r="GH35">
            <v>2827000</v>
          </cell>
          <cell r="GI35">
            <v>257000</v>
          </cell>
          <cell r="GJ35">
            <v>283000</v>
          </cell>
          <cell r="GL35" t="str">
            <v>２級土木施工管理技士</v>
          </cell>
          <cell r="GM35" t="str">
            <v>増田　京介</v>
          </cell>
          <cell r="GN35" t="str">
            <v>１級土木施工管理技士,２級建設機械施工技士</v>
          </cell>
          <cell r="GO35" t="str">
            <v>田中　裕一</v>
          </cell>
          <cell r="GW35" t="str">
            <v/>
          </cell>
          <cell r="HO35" t="str">
            <v/>
          </cell>
          <cell r="HP35">
            <v>2570000</v>
          </cell>
          <cell r="HQ35">
            <v>2880000</v>
          </cell>
          <cell r="HR35" t="str">
            <v>-</v>
          </cell>
          <cell r="HS35" t="str">
            <v>-</v>
          </cell>
          <cell r="HT35" t="str">
            <v>-</v>
          </cell>
          <cell r="JD35" t="str">
            <v/>
          </cell>
          <cell r="JE35" t="str">
            <v/>
          </cell>
          <cell r="JF35" t="str">
            <v/>
          </cell>
          <cell r="JG35" t="str">
            <v/>
          </cell>
          <cell r="JH35" t="str">
            <v/>
          </cell>
          <cell r="JI35" t="str">
            <v/>
          </cell>
          <cell r="JJ35" t="str">
            <v/>
          </cell>
          <cell r="JK35" t="str">
            <v/>
          </cell>
          <cell r="JL35" t="str">
            <v/>
          </cell>
          <cell r="JM35" t="str">
            <v/>
          </cell>
          <cell r="JN35" t="str">
            <v/>
          </cell>
          <cell r="JO35" t="str">
            <v/>
          </cell>
          <cell r="JP35" t="str">
            <v/>
          </cell>
          <cell r="JQ35" t="str">
            <v/>
          </cell>
          <cell r="JR35" t="str">
            <v/>
          </cell>
          <cell r="JS35" t="str">
            <v/>
          </cell>
          <cell r="JT35" t="str">
            <v/>
          </cell>
          <cell r="JU35" t="str">
            <v/>
          </cell>
          <cell r="JV35" t="str">
            <v/>
          </cell>
          <cell r="JW35" t="str">
            <v/>
          </cell>
          <cell r="JX35">
            <v>15</v>
          </cell>
          <cell r="JY35">
            <v>15</v>
          </cell>
          <cell r="JZ35">
            <v>0.8682432432432432</v>
          </cell>
        </row>
        <row r="36">
          <cell r="C36" t="str">
            <v/>
          </cell>
          <cell r="D36" t="str">
            <v/>
          </cell>
          <cell r="E36" t="str">
            <v/>
          </cell>
          <cell r="I36">
            <v>28</v>
          </cell>
          <cell r="K36">
            <v>1</v>
          </cell>
          <cell r="M36" t="str">
            <v>令和２年度伊丹市立伊丹小学校空調設備改修（第２期）工事</v>
          </cell>
          <cell r="Q36" t="str">
            <v>伊小空調改修</v>
          </cell>
          <cell r="Y36">
            <v>1</v>
          </cell>
          <cell r="AC36">
            <v>4</v>
          </cell>
          <cell r="AI36" t="str">
            <v>伊丹市船原１丁目1番１号</v>
          </cell>
          <cell r="AM36" t="str">
            <v>西校舎棟及び北校舎棟（西側）の空調設備改修工事
上記に付帯する建築工事及び電気設備工事</v>
          </cell>
          <cell r="AQ36">
            <v>2</v>
          </cell>
          <cell r="AZ36" t="str">
            <v/>
          </cell>
          <cell r="BA36" t="e">
            <v>#VALUE!</v>
          </cell>
          <cell r="BB36">
            <v>44104</v>
          </cell>
          <cell r="BC36" t="e">
            <v>#NUM!</v>
          </cell>
          <cell r="BD36" t="e">
            <v>#NUM!</v>
          </cell>
          <cell r="BE36" t="e">
            <v>#NUM!</v>
          </cell>
          <cell r="BF36">
            <v>0.41736111111111113</v>
          </cell>
          <cell r="BG36">
            <v>7642</v>
          </cell>
          <cell r="BH36" t="str">
            <v>助田  輝</v>
          </cell>
          <cell r="BI36" t="str">
            <v>営繕課</v>
          </cell>
          <cell r="BJ36">
            <v>4670</v>
          </cell>
          <cell r="BN36" t="str">
            <v>管</v>
          </cell>
          <cell r="BO36">
            <v>4</v>
          </cell>
          <cell r="BS36">
            <v>138600000</v>
          </cell>
          <cell r="BT36">
            <v>126000000</v>
          </cell>
          <cell r="BU36">
            <v>1</v>
          </cell>
          <cell r="BV36">
            <v>115600000</v>
          </cell>
          <cell r="BW36">
            <v>99092404</v>
          </cell>
          <cell r="BX36">
            <v>5483000</v>
          </cell>
          <cell r="BY36">
            <v>7918926</v>
          </cell>
          <cell r="BZ36">
            <v>13505670</v>
          </cell>
          <cell r="CD36" t="str">
            <v>第1</v>
          </cell>
          <cell r="CI36">
            <v>43937</v>
          </cell>
          <cell r="CP36">
            <v>59427</v>
          </cell>
          <cell r="CW36">
            <v>43945</v>
          </cell>
          <cell r="CX36">
            <v>43949</v>
          </cell>
          <cell r="CY36">
            <v>43950</v>
          </cell>
          <cell r="CZ36">
            <v>43951</v>
          </cell>
          <cell r="DA36">
            <v>43952</v>
          </cell>
          <cell r="DB36">
            <v>43956</v>
          </cell>
          <cell r="DD36" t="str">
            <v>×</v>
          </cell>
          <cell r="EZ36" t="str">
            <v/>
          </cell>
          <cell r="FA36">
            <v>10</v>
          </cell>
          <cell r="FI36">
            <v>1</v>
          </cell>
          <cell r="FJ36" t="str">
            <v>制限付一般競争入札</v>
          </cell>
          <cell r="FN36">
            <v>4</v>
          </cell>
          <cell r="FO36" t="str">
            <v>電子入札</v>
          </cell>
          <cell r="FS36">
            <v>1</v>
          </cell>
          <cell r="FT36" t="str">
            <v/>
          </cell>
          <cell r="FU36" t="str">
            <v/>
          </cell>
          <cell r="FW36" t="str">
            <v/>
          </cell>
          <cell r="FY36" t="str">
            <v/>
          </cell>
          <cell r="GD36">
            <v>1</v>
          </cell>
          <cell r="GE36" t="str">
            <v>契約・検査課長　松本　嘉博</v>
          </cell>
          <cell r="GG36" t="str">
            <v/>
          </cell>
          <cell r="GI36" t="str">
            <v/>
          </cell>
          <cell r="GJ36" t="str">
            <v/>
          </cell>
          <cell r="GW36" t="str">
            <v/>
          </cell>
          <cell r="HO36" t="str">
            <v/>
          </cell>
          <cell r="JD36" t="str">
            <v/>
          </cell>
          <cell r="JE36" t="str">
            <v/>
          </cell>
          <cell r="JF36" t="str">
            <v/>
          </cell>
          <cell r="JG36" t="str">
            <v/>
          </cell>
          <cell r="JH36" t="str">
            <v/>
          </cell>
          <cell r="JI36" t="str">
            <v/>
          </cell>
          <cell r="JJ36" t="str">
            <v/>
          </cell>
          <cell r="JK36" t="str">
            <v/>
          </cell>
          <cell r="JL36" t="str">
            <v/>
          </cell>
          <cell r="JM36" t="str">
            <v/>
          </cell>
          <cell r="JN36" t="str">
            <v/>
          </cell>
          <cell r="JO36" t="str">
            <v/>
          </cell>
          <cell r="JP36" t="str">
            <v/>
          </cell>
          <cell r="JQ36" t="str">
            <v/>
          </cell>
          <cell r="JR36" t="str">
            <v/>
          </cell>
          <cell r="JS36" t="str">
            <v/>
          </cell>
          <cell r="JT36" t="str">
            <v/>
          </cell>
          <cell r="JU36" t="str">
            <v/>
          </cell>
          <cell r="JV36" t="str">
            <v/>
          </cell>
          <cell r="JW36" t="str">
            <v/>
          </cell>
          <cell r="JX36" t="str">
            <v/>
          </cell>
          <cell r="JY36" t="str">
            <v/>
          </cell>
          <cell r="JZ36" t="str">
            <v/>
          </cell>
        </row>
        <row r="37">
          <cell r="C37" t="str">
            <v/>
          </cell>
          <cell r="D37" t="str">
            <v/>
          </cell>
          <cell r="E37" t="str">
            <v/>
          </cell>
          <cell r="I37">
            <v>29</v>
          </cell>
          <cell r="K37">
            <v>1</v>
          </cell>
          <cell r="M37" t="str">
            <v>令和２年度伊丹市立天神川小学校空調設備改修（第２期）工事</v>
          </cell>
          <cell r="Q37" t="str">
            <v>天小空調改修</v>
          </cell>
          <cell r="Y37">
            <v>1</v>
          </cell>
          <cell r="AC37">
            <v>4</v>
          </cell>
          <cell r="AI37" t="str">
            <v>伊丹市荒牧南３丁目１７番１２号</v>
          </cell>
          <cell r="AM37" t="str">
            <v>空調設備改修工事</v>
          </cell>
          <cell r="AQ37">
            <v>2</v>
          </cell>
          <cell r="AZ37" t="str">
            <v/>
          </cell>
          <cell r="BA37" t="e">
            <v>#VALUE!</v>
          </cell>
          <cell r="BB37">
            <v>44104</v>
          </cell>
          <cell r="BC37" t="e">
            <v>#NUM!</v>
          </cell>
          <cell r="BD37" t="e">
            <v>#NUM!</v>
          </cell>
          <cell r="BE37" t="e">
            <v>#NUM!</v>
          </cell>
          <cell r="BF37">
            <v>0.41805555555555557</v>
          </cell>
          <cell r="BG37">
            <v>7313</v>
          </cell>
          <cell r="BH37" t="str">
            <v>安達　亮輔</v>
          </cell>
          <cell r="BI37" t="str">
            <v>営繕課</v>
          </cell>
          <cell r="BJ37">
            <v>4592</v>
          </cell>
          <cell r="BN37" t="str">
            <v>管</v>
          </cell>
          <cell r="BO37">
            <v>5</v>
          </cell>
          <cell r="BS37">
            <v>105930000</v>
          </cell>
          <cell r="BT37">
            <v>96300000</v>
          </cell>
          <cell r="BU37">
            <v>1</v>
          </cell>
          <cell r="BV37">
            <v>88170000</v>
          </cell>
          <cell r="BW37">
            <v>75456776</v>
          </cell>
          <cell r="BX37">
            <v>3142000</v>
          </cell>
          <cell r="BY37">
            <v>6905678</v>
          </cell>
          <cell r="BZ37">
            <v>10795546</v>
          </cell>
          <cell r="CD37" t="str">
            <v>第1</v>
          </cell>
          <cell r="CI37">
            <v>43937</v>
          </cell>
          <cell r="CP37">
            <v>45675</v>
          </cell>
          <cell r="CW37">
            <v>43945</v>
          </cell>
          <cell r="CX37">
            <v>43949</v>
          </cell>
          <cell r="CY37">
            <v>43950</v>
          </cell>
          <cell r="CZ37">
            <v>43951</v>
          </cell>
          <cell r="DA37">
            <v>43952</v>
          </cell>
          <cell r="DB37">
            <v>43956</v>
          </cell>
          <cell r="DD37" t="str">
            <v>×</v>
          </cell>
          <cell r="EZ37" t="str">
            <v/>
          </cell>
          <cell r="FA37">
            <v>10</v>
          </cell>
          <cell r="FI37">
            <v>1</v>
          </cell>
          <cell r="FJ37" t="str">
            <v>制限付一般競争入札</v>
          </cell>
          <cell r="FN37">
            <v>4</v>
          </cell>
          <cell r="FO37" t="str">
            <v>電子入札</v>
          </cell>
          <cell r="FS37">
            <v>1</v>
          </cell>
          <cell r="FT37" t="str">
            <v/>
          </cell>
          <cell r="FU37" t="str">
            <v/>
          </cell>
          <cell r="FW37" t="str">
            <v/>
          </cell>
          <cell r="FY37" t="str">
            <v/>
          </cell>
          <cell r="GD37">
            <v>1</v>
          </cell>
          <cell r="GE37" t="str">
            <v>契約・検査課長　松本　嘉博</v>
          </cell>
          <cell r="GG37" t="str">
            <v/>
          </cell>
          <cell r="GI37" t="str">
            <v/>
          </cell>
          <cell r="GJ37" t="str">
            <v/>
          </cell>
          <cell r="GW37" t="str">
            <v/>
          </cell>
          <cell r="HO37" t="str">
            <v/>
          </cell>
          <cell r="JD37" t="str">
            <v/>
          </cell>
          <cell r="JE37" t="str">
            <v/>
          </cell>
          <cell r="JF37" t="str">
            <v/>
          </cell>
          <cell r="JG37" t="str">
            <v/>
          </cell>
          <cell r="JH37" t="str">
            <v/>
          </cell>
          <cell r="JI37" t="str">
            <v/>
          </cell>
          <cell r="JJ37" t="str">
            <v/>
          </cell>
          <cell r="JK37" t="str">
            <v/>
          </cell>
          <cell r="JL37" t="str">
            <v/>
          </cell>
          <cell r="JM37" t="str">
            <v/>
          </cell>
          <cell r="JN37" t="str">
            <v/>
          </cell>
          <cell r="JO37" t="str">
            <v/>
          </cell>
          <cell r="JP37" t="str">
            <v/>
          </cell>
          <cell r="JQ37" t="str">
            <v/>
          </cell>
          <cell r="JR37" t="str">
            <v/>
          </cell>
          <cell r="JS37" t="str">
            <v/>
          </cell>
          <cell r="JT37" t="str">
            <v/>
          </cell>
          <cell r="JU37" t="str">
            <v/>
          </cell>
          <cell r="JV37" t="str">
            <v/>
          </cell>
          <cell r="JW37" t="str">
            <v/>
          </cell>
          <cell r="JX37" t="str">
            <v/>
          </cell>
          <cell r="JY37" t="str">
            <v/>
          </cell>
          <cell r="JZ37" t="str">
            <v/>
          </cell>
        </row>
        <row r="38">
          <cell r="C38" t="str">
            <v/>
          </cell>
          <cell r="D38" t="str">
            <v/>
          </cell>
          <cell r="E38" t="str">
            <v/>
          </cell>
          <cell r="I38">
            <v>30</v>
          </cell>
          <cell r="K38">
            <v>1</v>
          </cell>
          <cell r="M38" t="str">
            <v>令和２年度伊丹市立摂陽小学校管理諸室及び特別教室空調設備改修工事</v>
          </cell>
          <cell r="Q38" t="str">
            <v>摂小空調改修</v>
          </cell>
          <cell r="Y38">
            <v>1</v>
          </cell>
          <cell r="AC38">
            <v>4</v>
          </cell>
          <cell r="AI38" t="str">
            <v>伊丹市昆陽南２丁目１番５５号</v>
          </cell>
          <cell r="AM38" t="str">
            <v>空調設備改修工事</v>
          </cell>
          <cell r="AQ38">
            <v>2</v>
          </cell>
          <cell r="AY38">
            <v>43959</v>
          </cell>
          <cell r="AZ38">
            <v>43962</v>
          </cell>
          <cell r="BA38">
            <v>143</v>
          </cell>
          <cell r="BB38">
            <v>44104</v>
          </cell>
          <cell r="BC38">
            <v>7</v>
          </cell>
          <cell r="BD38" t="str">
            <v>×</v>
          </cell>
          <cell r="BE38" t="str">
            <v>×</v>
          </cell>
          <cell r="BF38">
            <v>0.41875000000000001</v>
          </cell>
          <cell r="BG38">
            <v>7313</v>
          </cell>
          <cell r="BH38" t="str">
            <v>安達　亮輔</v>
          </cell>
          <cell r="BI38" t="str">
            <v>営繕課</v>
          </cell>
          <cell r="BJ38">
            <v>4592</v>
          </cell>
          <cell r="BN38" t="str">
            <v>管</v>
          </cell>
          <cell r="BO38">
            <v>6</v>
          </cell>
          <cell r="BS38">
            <v>98450000</v>
          </cell>
          <cell r="BT38">
            <v>89500000</v>
          </cell>
          <cell r="BU38">
            <v>1</v>
          </cell>
          <cell r="BV38">
            <v>81590000</v>
          </cell>
          <cell r="BW38">
            <v>66076960</v>
          </cell>
          <cell r="BX38">
            <v>6244000</v>
          </cell>
          <cell r="BY38">
            <v>6945424</v>
          </cell>
          <cell r="BZ38">
            <v>10233616</v>
          </cell>
          <cell r="CI38">
            <v>43937</v>
          </cell>
          <cell r="CP38">
            <v>80520</v>
          </cell>
          <cell r="CW38">
            <v>43945</v>
          </cell>
          <cell r="CX38">
            <v>43949</v>
          </cell>
          <cell r="CY38">
            <v>43950</v>
          </cell>
          <cell r="CZ38">
            <v>43951</v>
          </cell>
          <cell r="DA38">
            <v>43952</v>
          </cell>
          <cell r="DB38">
            <v>43956</v>
          </cell>
          <cell r="DD38" t="str">
            <v>×</v>
          </cell>
          <cell r="EZ38" t="str">
            <v/>
          </cell>
          <cell r="FA38">
            <v>10</v>
          </cell>
          <cell r="FI38">
            <v>1</v>
          </cell>
          <cell r="FJ38" t="str">
            <v>制限付一般競争入札</v>
          </cell>
          <cell r="FN38">
            <v>4</v>
          </cell>
          <cell r="FO38" t="str">
            <v>電子入札</v>
          </cell>
          <cell r="FS38">
            <v>1</v>
          </cell>
          <cell r="FT38" t="str">
            <v/>
          </cell>
          <cell r="FU38" t="str">
            <v/>
          </cell>
          <cell r="FW38" t="str">
            <v/>
          </cell>
          <cell r="FY38" t="str">
            <v/>
          </cell>
          <cell r="GD38">
            <v>1</v>
          </cell>
          <cell r="GE38" t="str">
            <v>契約・検査課長　松本　嘉博</v>
          </cell>
          <cell r="GG38" t="str">
            <v/>
          </cell>
          <cell r="GI38" t="str">
            <v/>
          </cell>
          <cell r="GJ38" t="str">
            <v/>
          </cell>
          <cell r="GW38" t="str">
            <v/>
          </cell>
          <cell r="HO38" t="str">
            <v/>
          </cell>
          <cell r="JD38" t="str">
            <v/>
          </cell>
          <cell r="JE38" t="str">
            <v/>
          </cell>
          <cell r="JF38" t="str">
            <v/>
          </cell>
          <cell r="JG38" t="str">
            <v/>
          </cell>
          <cell r="JH38" t="str">
            <v/>
          </cell>
          <cell r="JI38" t="str">
            <v/>
          </cell>
          <cell r="JJ38" t="str">
            <v/>
          </cell>
          <cell r="JK38" t="str">
            <v/>
          </cell>
          <cell r="JL38" t="str">
            <v/>
          </cell>
          <cell r="JM38" t="str">
            <v/>
          </cell>
          <cell r="JN38" t="str">
            <v/>
          </cell>
          <cell r="JO38" t="str">
            <v/>
          </cell>
          <cell r="JP38" t="str">
            <v/>
          </cell>
          <cell r="JQ38" t="str">
            <v/>
          </cell>
          <cell r="JR38" t="str">
            <v/>
          </cell>
          <cell r="JS38" t="str">
            <v/>
          </cell>
          <cell r="JT38" t="str">
            <v/>
          </cell>
          <cell r="JU38" t="str">
            <v/>
          </cell>
          <cell r="JV38" t="str">
            <v/>
          </cell>
          <cell r="JW38" t="str">
            <v/>
          </cell>
          <cell r="JX38" t="str">
            <v/>
          </cell>
          <cell r="JY38" t="str">
            <v/>
          </cell>
          <cell r="JZ38" t="str">
            <v/>
          </cell>
        </row>
        <row r="39">
          <cell r="C39">
            <v>105</v>
          </cell>
          <cell r="D39">
            <v>0.4201388888888889</v>
          </cell>
          <cell r="E39" t="str">
            <v/>
          </cell>
          <cell r="I39">
            <v>31</v>
          </cell>
          <cell r="M39" t="str">
            <v>令和２年度伊丹市立稲野小学校他１８校無線ＬＡＮ整備工事設計委託業務</v>
          </cell>
          <cell r="Q39" t="str">
            <v>LAN設計委託</v>
          </cell>
          <cell r="Y39">
            <v>1</v>
          </cell>
          <cell r="AC39">
            <v>8</v>
          </cell>
          <cell r="AD39">
            <v>11</v>
          </cell>
          <cell r="AI39" t="str">
            <v>伊丹市昆陽１丁目１７５番地他</v>
          </cell>
          <cell r="AM39" t="str">
            <v>①各学校無線LAN整備工事の実施設計業務
②各種積算業務
③概略工事工程表作成業務</v>
          </cell>
          <cell r="AQ39">
            <v>1</v>
          </cell>
          <cell r="AY39">
            <v>43971</v>
          </cell>
          <cell r="AZ39">
            <v>43976</v>
          </cell>
          <cell r="BA39">
            <v>159</v>
          </cell>
          <cell r="BB39">
            <v>44134</v>
          </cell>
          <cell r="BC39">
            <v>17</v>
          </cell>
          <cell r="BD39" t="str">
            <v>○</v>
          </cell>
          <cell r="BE39">
            <v>7</v>
          </cell>
          <cell r="BF39">
            <v>0.4201388888888889</v>
          </cell>
          <cell r="BG39">
            <v>7799</v>
          </cell>
          <cell r="BH39" t="str">
            <v>石田　怜</v>
          </cell>
          <cell r="BI39" t="str">
            <v>施設課</v>
          </cell>
          <cell r="BJ39">
            <v>4811</v>
          </cell>
          <cell r="BN39" t="str">
            <v>建設</v>
          </cell>
          <cell r="BO39">
            <v>5</v>
          </cell>
          <cell r="BS39">
            <v>9204250</v>
          </cell>
          <cell r="BT39">
            <v>8360000</v>
          </cell>
          <cell r="BU39" t="str">
            <v/>
          </cell>
          <cell r="BV39" t="str">
            <v/>
          </cell>
          <cell r="CH39">
            <v>11</v>
          </cell>
          <cell r="CI39">
            <v>43945</v>
          </cell>
          <cell r="CK39" t="str">
            <v>兵庫県内に本店又は支店</v>
          </cell>
          <cell r="CP39">
            <v>89587</v>
          </cell>
          <cell r="CT39" t="str">
            <v>請負金額が400万円以上</v>
          </cell>
          <cell r="CW39">
            <v>43962</v>
          </cell>
          <cell r="CX39" t="str">
            <v/>
          </cell>
          <cell r="CY39" t="str">
            <v/>
          </cell>
          <cell r="CZ39" t="str">
            <v/>
          </cell>
          <cell r="DA39">
            <v>43963</v>
          </cell>
          <cell r="DB39">
            <v>43966</v>
          </cell>
          <cell r="DC39">
            <v>40</v>
          </cell>
          <cell r="DD39" t="str">
            <v/>
          </cell>
          <cell r="DL39">
            <v>5216</v>
          </cell>
          <cell r="DM39">
            <v>5705</v>
          </cell>
          <cell r="EZ39">
            <v>2</v>
          </cell>
          <cell r="FA39">
            <v>8</v>
          </cell>
          <cell r="FI39">
            <v>4</v>
          </cell>
          <cell r="FJ39" t="str">
            <v>事後審査型一般競争入札</v>
          </cell>
          <cell r="FN39">
            <v>4</v>
          </cell>
          <cell r="FO39" t="str">
            <v>電子入札</v>
          </cell>
          <cell r="FS39">
            <v>2</v>
          </cell>
          <cell r="FT39" t="str">
            <v/>
          </cell>
          <cell r="FU39" t="str">
            <v/>
          </cell>
          <cell r="FW39" t="str">
            <v/>
          </cell>
          <cell r="FY39" t="str">
            <v/>
          </cell>
          <cell r="GD39">
            <v>1</v>
          </cell>
          <cell r="GE39" t="str">
            <v>契約・検査課長　松本　嘉博</v>
          </cell>
          <cell r="GF39" t="str">
            <v>-</v>
          </cell>
          <cell r="GG39" t="str">
            <v>×</v>
          </cell>
          <cell r="GI39" t="str">
            <v/>
          </cell>
          <cell r="GJ39" t="str">
            <v/>
          </cell>
          <cell r="GT39" t="str">
            <v/>
          </cell>
          <cell r="GW39" t="str">
            <v/>
          </cell>
          <cell r="HO39" t="str">
            <v/>
          </cell>
          <cell r="HP39" t="str">
            <v>-</v>
          </cell>
          <cell r="HQ39" t="str">
            <v>-</v>
          </cell>
          <cell r="JD39" t="str">
            <v/>
          </cell>
          <cell r="JE39" t="str">
            <v/>
          </cell>
          <cell r="JF39" t="str">
            <v/>
          </cell>
          <cell r="JG39" t="str">
            <v/>
          </cell>
          <cell r="JH39" t="str">
            <v/>
          </cell>
          <cell r="JI39" t="str">
            <v/>
          </cell>
          <cell r="JJ39" t="str">
            <v/>
          </cell>
          <cell r="JK39" t="str">
            <v/>
          </cell>
          <cell r="JL39" t="str">
            <v/>
          </cell>
          <cell r="JM39" t="str">
            <v/>
          </cell>
          <cell r="JN39" t="str">
            <v/>
          </cell>
          <cell r="JO39" t="str">
            <v/>
          </cell>
          <cell r="JP39" t="str">
            <v/>
          </cell>
          <cell r="JQ39" t="str">
            <v/>
          </cell>
          <cell r="JR39" t="str">
            <v/>
          </cell>
          <cell r="JS39" t="str">
            <v/>
          </cell>
          <cell r="JT39">
            <v>5</v>
          </cell>
          <cell r="JU39">
            <v>5</v>
          </cell>
          <cell r="JV39" t="str">
            <v/>
          </cell>
          <cell r="JW39" t="str">
            <v/>
          </cell>
          <cell r="JX39" t="str">
            <v/>
          </cell>
          <cell r="JY39" t="str">
            <v/>
          </cell>
          <cell r="JZ39" t="str">
            <v/>
          </cell>
        </row>
        <row r="40">
          <cell r="C40">
            <v>106</v>
          </cell>
          <cell r="D40">
            <v>0.42083333333333334</v>
          </cell>
          <cell r="E40" t="str">
            <v/>
          </cell>
          <cell r="I40">
            <v>32</v>
          </cell>
          <cell r="M40" t="str">
            <v>令和２年度伊丹市橋梁等補修及び耐震設計委託業務</v>
          </cell>
          <cell r="Q40" t="str">
            <v>橋梁補修設計</v>
          </cell>
          <cell r="Y40">
            <v>1</v>
          </cell>
          <cell r="AC40">
            <v>8</v>
          </cell>
          <cell r="AD40">
            <v>12</v>
          </cell>
          <cell r="AI40" t="str">
            <v>伊丹市伊丹３丁目ほか地内</v>
          </cell>
          <cell r="AM40" t="str">
            <v>補修設計　13橋（内：耐震設計5橋）
1.計画準備　1業務
2.橋梁補修設計　4橋
3.RC床版橋梁補修設計　8橋
4.立体横断施設補修・耐震設計　1橋
5.建設材料等試験費　1式</v>
          </cell>
          <cell r="AQ40">
            <v>1</v>
          </cell>
          <cell r="AY40">
            <v>43971</v>
          </cell>
          <cell r="AZ40">
            <v>43976</v>
          </cell>
          <cell r="BA40">
            <v>306</v>
          </cell>
          <cell r="BB40">
            <v>44281</v>
          </cell>
          <cell r="BC40">
            <v>17</v>
          </cell>
          <cell r="BD40" t="str">
            <v>○</v>
          </cell>
          <cell r="BE40" t="str">
            <v/>
          </cell>
          <cell r="BF40">
            <v>0.42083333333333334</v>
          </cell>
          <cell r="BG40">
            <v>7679</v>
          </cell>
          <cell r="BH40" t="str">
            <v>吉田　貴保</v>
          </cell>
          <cell r="BI40" t="str">
            <v>道路保全課</v>
          </cell>
          <cell r="BJ40">
            <v>4742</v>
          </cell>
          <cell r="BN40" t="str">
            <v>土設</v>
          </cell>
          <cell r="BO40">
            <v>1</v>
          </cell>
          <cell r="BS40">
            <v>53021100</v>
          </cell>
          <cell r="BT40">
            <v>48200000</v>
          </cell>
          <cell r="BU40" t="str">
            <v/>
          </cell>
          <cell r="BV40" t="str">
            <v/>
          </cell>
          <cell r="BY40" t="str">
            <v>　　　　　　　　　　　　　　　　　　　　　　　　　　　　　　　　　　　　　　　　　　　　　　　　　　　　　　　　　　　　　　　　　　　　　　　　　　　　　　　　　　　　　　　　　　　　　　　　　　　　　　　　　　　　　　　　　　　　　　　　　　　　　　　　　　　　　　　　　　　　　　　　　　　　　　　　　　　　　　　　　　　　　　　　　　　　　　　　　　　　　　　　　　　　　　　　　　　　　　　　　　　　　　　　　　　　　　　　　　　　　　　　　　　　　　　　　　　　　　　　　　　　　　　　　　　　　　　　　　　　　　　　　　　　　　　　　　　　　　　　　　　　　　　　　　　　　　　　　　　　　　　　　　　　　　　　　　　　　　　　　　　　　　　　　　　　　　　　　　　　　　　　　　　　　　　　　　　　　　　　　　　　　　　　　　　　　　　　　　　　　　　　　　　　　　　　　　　　　　　　　　　　　　　　　　　　　　　　　　　　　　　　　　　　　　　　　　　　　　　　　　　　　　　　　　　　　　　　　　　　　　　　　　　　　　　　　　　　　　　　　　　　　　　　　　　　　　　　　　　　　　　　　　　　　　　　　　　　　　　　　　　　　　　　　　　　　　　　　　　　　　　　　　　　　　　　　　　　　　　　　　　　　　　　　　　　　　　　　　　　　　　　　　　　　　　　　　　　　　　　　　　　　　　　　　　　　　　　　　　　　　　　　　　　　　　　　　　　　　　　　　　　　　　　　　　　　　　　　　　　　　　　　　　　　　　　　　　　　　　　　　　　　　　　　　　　　　　　　　　　　　　　　　　　　　　　　　　　　　　　　　　　　　　　　　　　　　　　　　　　　　　　　　　　　　　　　　　　　　　　　　　　　　　　　　　　　　　　　　　　　　　　　　　　　　　　　　　　　　　　　　　　　　　　　　　　　　　　　　　　　　　　　　　　　　　　　　　　　　　　　　　　　　　　　　　　　　　　　　　　　　　　　　　　　　　　　　　　　　　　　　　　　　　　　　　　　　　　　　　　　　　　　　　　　　　　　　　　　　　　　　　　　　　　　　　　　　　　　　　　　　　　　　　　　　　　　　　　　　　　　　　　　　　　　　　　　　　　　　　　　　　　　　　　　　　　　　　　　　　　　　　　　　　　　　　　　　　　　　　　　　　　　　　　　　　　　　　　　　　　　　　　　　　　　　　　　　　</v>
          </cell>
          <cell r="CD40">
            <v>43943</v>
          </cell>
          <cell r="CH40">
            <v>12</v>
          </cell>
          <cell r="CI40">
            <v>43945</v>
          </cell>
          <cell r="CJ40" t="str">
            <v>鋼構造及びコンクリート部門</v>
          </cell>
          <cell r="CK40" t="str">
            <v>兵庫県内に本店又は支店</v>
          </cell>
          <cell r="CP40">
            <v>99372</v>
          </cell>
          <cell r="CT40" t="str">
            <v>請負金額が2,000万円以上</v>
          </cell>
          <cell r="CW40">
            <v>43962</v>
          </cell>
          <cell r="CX40" t="str">
            <v/>
          </cell>
          <cell r="CY40" t="str">
            <v/>
          </cell>
          <cell r="CZ40" t="str">
            <v/>
          </cell>
          <cell r="DA40">
            <v>43963</v>
          </cell>
          <cell r="DB40">
            <v>43966</v>
          </cell>
          <cell r="DC40">
            <v>50</v>
          </cell>
          <cell r="DD40" t="str">
            <v/>
          </cell>
          <cell r="DL40">
            <v>5942</v>
          </cell>
          <cell r="DM40">
            <v>5696</v>
          </cell>
          <cell r="DN40">
            <v>5986</v>
          </cell>
          <cell r="DO40">
            <v>5011</v>
          </cell>
          <cell r="DP40">
            <v>5182</v>
          </cell>
          <cell r="EZ40">
            <v>5</v>
          </cell>
          <cell r="FA40">
            <v>10</v>
          </cell>
          <cell r="FI40">
            <v>4</v>
          </cell>
          <cell r="FJ40" t="str">
            <v>事後審査型一般競争入札</v>
          </cell>
          <cell r="FN40">
            <v>4</v>
          </cell>
          <cell r="FO40" t="str">
            <v>電子入札</v>
          </cell>
          <cell r="FS40">
            <v>2</v>
          </cell>
          <cell r="FT40" t="str">
            <v/>
          </cell>
          <cell r="FU40" t="str">
            <v/>
          </cell>
          <cell r="FW40" t="str">
            <v/>
          </cell>
          <cell r="FY40" t="str">
            <v/>
          </cell>
          <cell r="GD40">
            <v>1</v>
          </cell>
          <cell r="GE40" t="str">
            <v>契約・検査課長　松本　嘉博</v>
          </cell>
          <cell r="GF40">
            <v>5942</v>
          </cell>
          <cell r="GG40" t="str">
            <v>東日設計コンサルタント(株)</v>
          </cell>
          <cell r="GH40">
            <v>19580000</v>
          </cell>
          <cell r="GI40">
            <v>1780000</v>
          </cell>
          <cell r="GJ40">
            <v>1958000</v>
          </cell>
          <cell r="GL40" t="str">
            <v>技術士—建設部門(鋼構造及びコンクリート)</v>
          </cell>
          <cell r="GM40" t="str">
            <v>浅川　敏雄(管理技術者)</v>
          </cell>
          <cell r="GN40" t="str">
            <v>技術士—総合技術監理部門(鋼構造及びコンクリート),測量士補,RCCM(道路)</v>
          </cell>
          <cell r="GO40" t="str">
            <v>小室　秋雄(照査技術者)</v>
          </cell>
          <cell r="GT40" t="str">
            <v/>
          </cell>
          <cell r="GW40" t="str">
            <v/>
          </cell>
          <cell r="GX40">
            <v>44274</v>
          </cell>
          <cell r="GY40">
            <v>53785600</v>
          </cell>
          <cell r="GZ40">
            <v>19861600</v>
          </cell>
          <cell r="HN40" t="str">
            <v>RC床版橋の架替えを検討していたが、河川条件などの変更により、RC床版橋の補修・補強が望ましいため変更する。
また河川の条件の変更により耐震補強および補修を行う場合、施工計画を設定する必要が生じたため変更する。</v>
          </cell>
          <cell r="HO40">
            <v>1</v>
          </cell>
          <cell r="HP40">
            <v>17800000</v>
          </cell>
          <cell r="HQ40">
            <v>39200000</v>
          </cell>
          <cell r="HR40">
            <v>48000000</v>
          </cell>
          <cell r="HS40" t="str">
            <v>-</v>
          </cell>
          <cell r="HT40" t="str">
            <v>-</v>
          </cell>
          <cell r="JD40" t="str">
            <v/>
          </cell>
          <cell r="JE40" t="str">
            <v/>
          </cell>
          <cell r="JF40" t="str">
            <v/>
          </cell>
          <cell r="JG40" t="str">
            <v/>
          </cell>
          <cell r="JH40" t="str">
            <v/>
          </cell>
          <cell r="JI40" t="str">
            <v/>
          </cell>
          <cell r="JJ40" t="str">
            <v/>
          </cell>
          <cell r="JK40" t="str">
            <v/>
          </cell>
          <cell r="JL40" t="str">
            <v/>
          </cell>
          <cell r="JM40" t="str">
            <v/>
          </cell>
          <cell r="JN40" t="str">
            <v/>
          </cell>
          <cell r="JO40" t="str">
            <v/>
          </cell>
          <cell r="JP40" t="str">
            <v/>
          </cell>
          <cell r="JQ40" t="str">
            <v/>
          </cell>
          <cell r="JR40" t="str">
            <v/>
          </cell>
          <cell r="JS40" t="str">
            <v/>
          </cell>
          <cell r="JT40" t="str">
            <v/>
          </cell>
          <cell r="JU40" t="str">
            <v/>
          </cell>
          <cell r="JV40">
            <v>1</v>
          </cell>
          <cell r="JW40">
            <v>1</v>
          </cell>
          <cell r="JX40" t="str">
            <v/>
          </cell>
          <cell r="JY40" t="str">
            <v/>
          </cell>
          <cell r="JZ40">
            <v>0.36929460580912865</v>
          </cell>
        </row>
        <row r="41">
          <cell r="C41" t="str">
            <v/>
          </cell>
          <cell r="D41" t="str">
            <v/>
          </cell>
          <cell r="E41" t="str">
            <v/>
          </cell>
          <cell r="I41">
            <v>33</v>
          </cell>
          <cell r="M41" t="str">
            <v>令和２年度伊丹市立東中学校大規模改造工事</v>
          </cell>
          <cell r="Q41" t="str">
            <v>東中大規改造</v>
          </cell>
          <cell r="Y41">
            <v>1</v>
          </cell>
          <cell r="AC41">
            <v>1</v>
          </cell>
          <cell r="AI41" t="str">
            <v>伊丹市高台２丁目５４番地</v>
          </cell>
          <cell r="AM41" t="str">
            <v>大規模（老朽）改造工事　一式
防災機能強化工事　一式
アスベスト除去工事　一式
トイレ改修工事　一式</v>
          </cell>
          <cell r="AQ41">
            <v>9</v>
          </cell>
          <cell r="AU41">
            <v>1</v>
          </cell>
          <cell r="AY41">
            <v>43984</v>
          </cell>
          <cell r="AZ41">
            <v>43984</v>
          </cell>
          <cell r="BA41">
            <v>516</v>
          </cell>
          <cell r="BB41">
            <v>44499</v>
          </cell>
          <cell r="BC41">
            <v>11</v>
          </cell>
          <cell r="BD41" t="str">
            <v>×</v>
          </cell>
          <cell r="BE41" t="str">
            <v>×</v>
          </cell>
          <cell r="BF41">
            <v>0.58472222222222225</v>
          </cell>
          <cell r="BG41">
            <v>7442</v>
          </cell>
          <cell r="BH41" t="str">
            <v>前田　剛</v>
          </cell>
          <cell r="BI41" t="str">
            <v>営繕課</v>
          </cell>
          <cell r="BJ41">
            <v>4621</v>
          </cell>
          <cell r="BN41" t="str">
            <v>建</v>
          </cell>
          <cell r="BO41">
            <v>4</v>
          </cell>
          <cell r="BS41">
            <v>590700000</v>
          </cell>
          <cell r="BT41">
            <v>537000000</v>
          </cell>
          <cell r="BU41">
            <v>1</v>
          </cell>
          <cell r="BV41">
            <v>493800000</v>
          </cell>
          <cell r="BW41">
            <v>413955754</v>
          </cell>
          <cell r="BX41">
            <v>20099689</v>
          </cell>
          <cell r="BY41">
            <v>50166924</v>
          </cell>
          <cell r="BZ41">
            <v>52777633</v>
          </cell>
          <cell r="CD41">
            <v>43943</v>
          </cell>
          <cell r="CH41">
            <v>14</v>
          </cell>
          <cell r="CI41">
            <v>43945</v>
          </cell>
          <cell r="CJ41" t="str">
            <v>特定</v>
          </cell>
          <cell r="CK41" t="str">
            <v>兵庫県内に本店を有すること。又は伊丹市内に支店</v>
          </cell>
          <cell r="CL41" t="str">
            <v>伊丹市内に本店を有する者においては830点以上、その他の者においては1000点以上</v>
          </cell>
          <cell r="CP41">
            <v>99927</v>
          </cell>
          <cell r="CT41" t="str">
            <v>学校施設の新築、増改築、改修工事に係る請負金額が2億6,000万円以上(伊丹市内に本店を有する者においては1億3,000万円以上)</v>
          </cell>
          <cell r="CU41">
            <v>11</v>
          </cell>
          <cell r="CV41">
            <v>1</v>
          </cell>
          <cell r="CW41">
            <v>43964</v>
          </cell>
          <cell r="CX41">
            <v>43966</v>
          </cell>
          <cell r="CY41">
            <v>43969</v>
          </cell>
          <cell r="CZ41">
            <v>43970</v>
          </cell>
          <cell r="DA41">
            <v>43971</v>
          </cell>
          <cell r="DB41">
            <v>43977</v>
          </cell>
          <cell r="DC41">
            <v>27</v>
          </cell>
          <cell r="DD41" t="str">
            <v>○</v>
          </cell>
          <cell r="DL41">
            <v>6</v>
          </cell>
          <cell r="DM41">
            <v>21</v>
          </cell>
          <cell r="DN41">
            <v>23</v>
          </cell>
          <cell r="DO41">
            <v>53</v>
          </cell>
          <cell r="DP41">
            <v>120</v>
          </cell>
          <cell r="DQ41">
            <v>2165</v>
          </cell>
          <cell r="DR41">
            <v>2725</v>
          </cell>
          <cell r="DS41">
            <v>2908</v>
          </cell>
          <cell r="DT41">
            <v>4071</v>
          </cell>
          <cell r="DU41">
            <v>4237</v>
          </cell>
          <cell r="DV41">
            <v>4388</v>
          </cell>
          <cell r="DW41">
            <v>4415</v>
          </cell>
          <cell r="EZ41">
            <v>12</v>
          </cell>
          <cell r="FA41">
            <v>12</v>
          </cell>
          <cell r="FI41">
            <v>1</v>
          </cell>
          <cell r="FJ41" t="str">
            <v>制限付一般競争入札</v>
          </cell>
          <cell r="FN41">
            <v>4</v>
          </cell>
          <cell r="FO41" t="str">
            <v>電子入札</v>
          </cell>
          <cell r="FS41">
            <v>1</v>
          </cell>
          <cell r="FT41" t="str">
            <v/>
          </cell>
          <cell r="FU41">
            <v>1</v>
          </cell>
          <cell r="FW41" t="str">
            <v/>
          </cell>
          <cell r="FY41" t="str">
            <v/>
          </cell>
          <cell r="GD41">
            <v>1</v>
          </cell>
          <cell r="GE41" t="str">
            <v>契約・検査課長　松本　嘉博</v>
          </cell>
          <cell r="GF41">
            <v>4388</v>
          </cell>
          <cell r="GG41" t="str">
            <v>(株)吉住工務店</v>
          </cell>
          <cell r="GH41">
            <v>543444000</v>
          </cell>
          <cell r="GI41">
            <v>49404000</v>
          </cell>
          <cell r="GJ41">
            <v>54345000</v>
          </cell>
          <cell r="GK41">
            <v>44011</v>
          </cell>
          <cell r="GL41" t="str">
            <v>１級建築施工管理技士(B056600656)</v>
          </cell>
          <cell r="GM41" t="str">
            <v>湯藤　龍太</v>
          </cell>
          <cell r="GN41" t="str">
            <v>１級建築施工管理技士(B056600656)</v>
          </cell>
          <cell r="GO41" t="str">
            <v>湯藤　龍太</v>
          </cell>
          <cell r="GT41" t="str">
            <v>要</v>
          </cell>
          <cell r="GU41" t="str">
            <v>済</v>
          </cell>
          <cell r="GV41">
            <v>978360</v>
          </cell>
          <cell r="GW41">
            <v>1.8002958906529467</v>
          </cell>
          <cell r="HO41" t="str">
            <v/>
          </cell>
          <cell r="HP41">
            <v>494040000</v>
          </cell>
          <cell r="HQ41">
            <v>483300000</v>
          </cell>
          <cell r="HR41">
            <v>493590000</v>
          </cell>
          <cell r="HS41" t="str">
            <v>-</v>
          </cell>
          <cell r="HT41">
            <v>494040000</v>
          </cell>
          <cell r="HU41">
            <v>483300000</v>
          </cell>
          <cell r="HV41" t="str">
            <v>-</v>
          </cell>
          <cell r="HW41" t="str">
            <v>-</v>
          </cell>
          <cell r="HX41" t="str">
            <v>-</v>
          </cell>
          <cell r="HY41" t="str">
            <v>-</v>
          </cell>
          <cell r="HZ41">
            <v>494040000</v>
          </cell>
          <cell r="IA41">
            <v>493330000</v>
          </cell>
          <cell r="JD41" t="str">
            <v/>
          </cell>
          <cell r="JE41" t="str">
            <v/>
          </cell>
          <cell r="JF41" t="str">
            <v/>
          </cell>
          <cell r="JG41" t="str">
            <v/>
          </cell>
          <cell r="JH41">
            <v>4</v>
          </cell>
          <cell r="JI41">
            <v>4</v>
          </cell>
          <cell r="JJ41" t="str">
            <v/>
          </cell>
          <cell r="JK41" t="str">
            <v/>
          </cell>
          <cell r="JL41" t="str">
            <v/>
          </cell>
          <cell r="JM41" t="str">
            <v/>
          </cell>
          <cell r="JN41" t="str">
            <v/>
          </cell>
          <cell r="JO41" t="str">
            <v/>
          </cell>
          <cell r="JP41" t="str">
            <v/>
          </cell>
          <cell r="JQ41" t="str">
            <v/>
          </cell>
          <cell r="JR41" t="str">
            <v/>
          </cell>
          <cell r="JS41" t="str">
            <v/>
          </cell>
          <cell r="JT41" t="str">
            <v/>
          </cell>
          <cell r="JU41" t="str">
            <v/>
          </cell>
          <cell r="JV41" t="str">
            <v/>
          </cell>
          <cell r="JW41" t="str">
            <v/>
          </cell>
          <cell r="JX41" t="str">
            <v/>
          </cell>
          <cell r="JY41" t="str">
            <v/>
          </cell>
          <cell r="JZ41">
            <v>0.91999999999999993</v>
          </cell>
        </row>
        <row r="42">
          <cell r="C42" t="str">
            <v/>
          </cell>
          <cell r="D42" t="str">
            <v/>
          </cell>
          <cell r="E42" t="str">
            <v/>
          </cell>
          <cell r="I42">
            <v>34</v>
          </cell>
          <cell r="M42" t="str">
            <v>令和２年度伊丹市立花里小学校大規模改造工事</v>
          </cell>
          <cell r="Q42" t="str">
            <v>花小大規改造</v>
          </cell>
          <cell r="Y42">
            <v>1</v>
          </cell>
          <cell r="AC42">
            <v>1</v>
          </cell>
          <cell r="AI42" t="str">
            <v>伊丹市寺本３丁目１３５番地</v>
          </cell>
          <cell r="AM42" t="str">
            <v>大規模（老朽）改造工事　一式
防災機能強化工事　一式
アスベスト除去工事　一式</v>
          </cell>
          <cell r="AQ42">
            <v>9</v>
          </cell>
          <cell r="AU42">
            <v>1</v>
          </cell>
          <cell r="AY42">
            <v>43984</v>
          </cell>
          <cell r="AZ42">
            <v>43984</v>
          </cell>
          <cell r="BA42">
            <v>516</v>
          </cell>
          <cell r="BB42">
            <v>44499</v>
          </cell>
          <cell r="BC42">
            <v>11</v>
          </cell>
          <cell r="BD42" t="str">
            <v>×</v>
          </cell>
          <cell r="BE42" t="str">
            <v>×</v>
          </cell>
          <cell r="BF42">
            <v>0.5854166666666667</v>
          </cell>
          <cell r="BG42">
            <v>7191</v>
          </cell>
          <cell r="BH42" t="str">
            <v>中島　尊宣</v>
          </cell>
          <cell r="BI42" t="str">
            <v>営繕課</v>
          </cell>
          <cell r="BJ42">
            <v>4556</v>
          </cell>
          <cell r="BN42" t="str">
            <v>建</v>
          </cell>
          <cell r="BO42">
            <v>5</v>
          </cell>
          <cell r="BS42">
            <v>559900000</v>
          </cell>
          <cell r="BT42">
            <v>509000000</v>
          </cell>
          <cell r="BU42">
            <v>1</v>
          </cell>
          <cell r="BV42">
            <v>468180000</v>
          </cell>
          <cell r="BW42">
            <v>394940793</v>
          </cell>
          <cell r="BX42">
            <v>19057343</v>
          </cell>
          <cell r="BY42">
            <v>44831487</v>
          </cell>
          <cell r="BZ42">
            <v>50170377</v>
          </cell>
          <cell r="CD42">
            <v>43943</v>
          </cell>
          <cell r="CH42">
            <v>15</v>
          </cell>
          <cell r="CI42">
            <v>43945</v>
          </cell>
          <cell r="CJ42" t="str">
            <v>特定</v>
          </cell>
          <cell r="CK42" t="str">
            <v>兵庫県内に本店を有すること。又は伊丹市内に支店</v>
          </cell>
          <cell r="CL42" t="str">
            <v>伊丹市内に本店を有する者においては830点以上、その他の者においては1000点以上</v>
          </cell>
          <cell r="CP42">
            <v>40431</v>
          </cell>
          <cell r="CT42" t="str">
            <v>学校施設の新築、増改築、改修工事に係る請負金額が2億5,000万円以上(伊丹市内に本店を有する者においては1億2,000万円以上)</v>
          </cell>
          <cell r="CU42">
            <v>11</v>
          </cell>
          <cell r="CV42">
            <v>1</v>
          </cell>
          <cell r="CW42">
            <v>43964</v>
          </cell>
          <cell r="CX42">
            <v>43966</v>
          </cell>
          <cell r="CY42">
            <v>43969</v>
          </cell>
          <cell r="CZ42">
            <v>43970</v>
          </cell>
          <cell r="DA42">
            <v>43971</v>
          </cell>
          <cell r="DB42">
            <v>43977</v>
          </cell>
          <cell r="DC42">
            <v>27</v>
          </cell>
          <cell r="DD42" t="str">
            <v>○</v>
          </cell>
          <cell r="DL42">
            <v>6</v>
          </cell>
          <cell r="DM42">
            <v>21</v>
          </cell>
          <cell r="DN42">
            <v>23</v>
          </cell>
          <cell r="DO42">
            <v>53</v>
          </cell>
          <cell r="DP42">
            <v>120</v>
          </cell>
          <cell r="DQ42">
            <v>2165</v>
          </cell>
          <cell r="DR42">
            <v>2725</v>
          </cell>
          <cell r="DS42">
            <v>2908</v>
          </cell>
          <cell r="DT42">
            <v>4071</v>
          </cell>
          <cell r="DU42">
            <v>4388</v>
          </cell>
          <cell r="DV42">
            <v>4415</v>
          </cell>
          <cell r="EZ42">
            <v>11</v>
          </cell>
          <cell r="FA42">
            <v>12</v>
          </cell>
          <cell r="FI42">
            <v>1</v>
          </cell>
          <cell r="FJ42" t="str">
            <v>制限付一般競争入札</v>
          </cell>
          <cell r="FN42">
            <v>4</v>
          </cell>
          <cell r="FO42" t="str">
            <v>電子入札</v>
          </cell>
          <cell r="FS42">
            <v>1</v>
          </cell>
          <cell r="FT42" t="str">
            <v/>
          </cell>
          <cell r="FU42">
            <v>1</v>
          </cell>
          <cell r="FW42" t="str">
            <v/>
          </cell>
          <cell r="FY42" t="str">
            <v/>
          </cell>
          <cell r="GB42">
            <v>1</v>
          </cell>
          <cell r="GD42">
            <v>1</v>
          </cell>
          <cell r="GE42" t="str">
            <v>契約・検査課長　松本　嘉博</v>
          </cell>
          <cell r="GF42">
            <v>120</v>
          </cell>
          <cell r="GG42" t="str">
            <v>(株)東園組</v>
          </cell>
          <cell r="GH42">
            <v>515108000</v>
          </cell>
          <cell r="GI42">
            <v>46828000</v>
          </cell>
          <cell r="GJ42">
            <v>51511000</v>
          </cell>
          <cell r="GK42">
            <v>44011</v>
          </cell>
          <cell r="GM42" t="str">
            <v>杉尾　豊</v>
          </cell>
          <cell r="GN42" t="str">
            <v xml:space="preserve">１級建築士 </v>
          </cell>
          <cell r="GO42" t="str">
            <v>東園　行男</v>
          </cell>
          <cell r="GT42" t="str">
            <v>要</v>
          </cell>
          <cell r="GV42">
            <v>927210</v>
          </cell>
          <cell r="GW42">
            <v>1.8000302849111256</v>
          </cell>
          <cell r="HO42" t="str">
            <v/>
          </cell>
          <cell r="HP42">
            <v>468170000</v>
          </cell>
          <cell r="HQ42">
            <v>458080000</v>
          </cell>
          <cell r="HR42">
            <v>468140000</v>
          </cell>
          <cell r="HS42" t="str">
            <v>-</v>
          </cell>
          <cell r="HT42">
            <v>468280000</v>
          </cell>
          <cell r="HU42">
            <v>458100000</v>
          </cell>
          <cell r="HV42">
            <v>468350000</v>
          </cell>
          <cell r="HW42" t="str">
            <v>-</v>
          </cell>
          <cell r="HX42">
            <v>440480000</v>
          </cell>
          <cell r="HY42" t="str">
            <v>-</v>
          </cell>
          <cell r="HZ42">
            <v>467880000</v>
          </cell>
          <cell r="JD42" t="str">
            <v/>
          </cell>
          <cell r="JE42" t="str">
            <v/>
          </cell>
          <cell r="JF42" t="str">
            <v/>
          </cell>
          <cell r="JG42" t="str">
            <v/>
          </cell>
          <cell r="JH42">
            <v>5</v>
          </cell>
          <cell r="JI42">
            <v>5</v>
          </cell>
          <cell r="JJ42" t="str">
            <v/>
          </cell>
          <cell r="JK42" t="str">
            <v/>
          </cell>
          <cell r="JL42" t="str">
            <v/>
          </cell>
          <cell r="JM42" t="str">
            <v/>
          </cell>
          <cell r="JN42" t="str">
            <v/>
          </cell>
          <cell r="JO42" t="str">
            <v/>
          </cell>
          <cell r="JP42" t="str">
            <v/>
          </cell>
          <cell r="JQ42" t="str">
            <v/>
          </cell>
          <cell r="JR42" t="str">
            <v/>
          </cell>
          <cell r="JS42" t="str">
            <v/>
          </cell>
          <cell r="JT42" t="str">
            <v/>
          </cell>
          <cell r="JU42" t="str">
            <v/>
          </cell>
          <cell r="JV42" t="str">
            <v/>
          </cell>
          <cell r="JW42" t="str">
            <v/>
          </cell>
          <cell r="JX42" t="str">
            <v/>
          </cell>
          <cell r="JY42" t="str">
            <v/>
          </cell>
          <cell r="JZ42">
            <v>0.91999999999999993</v>
          </cell>
        </row>
        <row r="43">
          <cell r="C43" t="str">
            <v/>
          </cell>
          <cell r="D43" t="str">
            <v/>
          </cell>
          <cell r="E43" t="str">
            <v/>
          </cell>
          <cell r="I43">
            <v>35</v>
          </cell>
          <cell r="M43" t="str">
            <v>令和２年度伊丹市立ＪＲ伊丹駅前駐車場大規模改修工事</v>
          </cell>
          <cell r="Q43" t="str">
            <v>Ｊ伊駐車改修</v>
          </cell>
          <cell r="Y43">
            <v>1</v>
          </cell>
          <cell r="AC43">
            <v>1</v>
          </cell>
          <cell r="AI43" t="str">
            <v>伊丹市伊丹１丁目１４番１８号</v>
          </cell>
          <cell r="AM43" t="str">
            <v>老朽化した駐車場の大規模改修工事　一式
上記に伴う電気設備工事及び機械設備工事　一式</v>
          </cell>
          <cell r="AQ43">
            <v>2</v>
          </cell>
          <cell r="AY43">
            <v>43984</v>
          </cell>
          <cell r="AZ43">
            <v>43984</v>
          </cell>
          <cell r="BA43">
            <v>233</v>
          </cell>
          <cell r="BB43">
            <v>44216</v>
          </cell>
          <cell r="BC43">
            <v>11</v>
          </cell>
          <cell r="BD43" t="str">
            <v>×</v>
          </cell>
          <cell r="BE43" t="str">
            <v>×</v>
          </cell>
          <cell r="BF43">
            <v>0.58611111111111114</v>
          </cell>
          <cell r="BG43">
            <v>6448</v>
          </cell>
          <cell r="BH43" t="str">
            <v>村上  進</v>
          </cell>
          <cell r="BI43" t="str">
            <v>営繕課</v>
          </cell>
          <cell r="BJ43">
            <v>4326</v>
          </cell>
          <cell r="BN43" t="str">
            <v>建</v>
          </cell>
          <cell r="BO43">
            <v>6</v>
          </cell>
          <cell r="BS43">
            <v>168300000</v>
          </cell>
          <cell r="BT43">
            <v>153000000</v>
          </cell>
          <cell r="BU43">
            <v>1</v>
          </cell>
          <cell r="BV43">
            <v>139820000</v>
          </cell>
          <cell r="BW43">
            <v>112171899</v>
          </cell>
          <cell r="BX43">
            <v>9474453</v>
          </cell>
          <cell r="BY43">
            <v>14989547</v>
          </cell>
          <cell r="BZ43">
            <v>16364101</v>
          </cell>
          <cell r="CD43">
            <v>43943</v>
          </cell>
          <cell r="CH43">
            <v>16</v>
          </cell>
          <cell r="CI43">
            <v>43945</v>
          </cell>
          <cell r="CJ43" t="str">
            <v>特定</v>
          </cell>
          <cell r="CK43" t="str">
            <v>尼崎市、西宮市、芦屋市、宝塚市、川西市、伊丹市内に本店を有すること。又は伊丹市内に支店</v>
          </cell>
          <cell r="CL43" t="str">
            <v>伊丹市内に本店を有する者においては670点以上、その他の者においては900点以上</v>
          </cell>
          <cell r="CP43">
            <v>70306</v>
          </cell>
          <cell r="CT43" t="str">
            <v>請負金額が7,000万円以上(伊丹市内に本店を有する者においては3,000万円以上)</v>
          </cell>
          <cell r="CU43">
            <v>11</v>
          </cell>
          <cell r="CV43">
            <v>1</v>
          </cell>
          <cell r="CW43">
            <v>43964</v>
          </cell>
          <cell r="CX43">
            <v>43966</v>
          </cell>
          <cell r="CY43">
            <v>43969</v>
          </cell>
          <cell r="CZ43">
            <v>43970</v>
          </cell>
          <cell r="DA43">
            <v>43971</v>
          </cell>
          <cell r="DB43">
            <v>43977</v>
          </cell>
          <cell r="DC43">
            <v>25</v>
          </cell>
          <cell r="DD43" t="str">
            <v>○</v>
          </cell>
          <cell r="DL43">
            <v>6</v>
          </cell>
          <cell r="DM43">
            <v>21</v>
          </cell>
          <cell r="DN43">
            <v>23</v>
          </cell>
          <cell r="DO43">
            <v>26</v>
          </cell>
          <cell r="DP43">
            <v>48</v>
          </cell>
          <cell r="DQ43">
            <v>53</v>
          </cell>
          <cell r="DR43">
            <v>54</v>
          </cell>
          <cell r="DS43">
            <v>2165</v>
          </cell>
          <cell r="DT43">
            <v>2725</v>
          </cell>
          <cell r="DU43">
            <v>2760</v>
          </cell>
          <cell r="DV43">
            <v>4306</v>
          </cell>
          <cell r="EZ43">
            <v>11</v>
          </cell>
          <cell r="FA43">
            <v>10</v>
          </cell>
          <cell r="FI43">
            <v>1</v>
          </cell>
          <cell r="FJ43" t="str">
            <v>制限付一般競争入札</v>
          </cell>
          <cell r="FN43">
            <v>4</v>
          </cell>
          <cell r="FO43" t="str">
            <v>電子入札</v>
          </cell>
          <cell r="FS43">
            <v>1</v>
          </cell>
          <cell r="FT43" t="str">
            <v/>
          </cell>
          <cell r="FU43">
            <v>1</v>
          </cell>
          <cell r="FW43" t="str">
            <v/>
          </cell>
          <cell r="FY43" t="str">
            <v/>
          </cell>
          <cell r="GD43">
            <v>1</v>
          </cell>
          <cell r="GE43" t="str">
            <v>契約・検査課長　松本　嘉博</v>
          </cell>
          <cell r="GF43">
            <v>6</v>
          </cell>
          <cell r="GG43" t="str">
            <v>(株)浜田組</v>
          </cell>
          <cell r="GH43">
            <v>153967000</v>
          </cell>
          <cell r="GI43">
            <v>13997000</v>
          </cell>
          <cell r="GJ43">
            <v>15397000</v>
          </cell>
          <cell r="GK43">
            <v>44011</v>
          </cell>
          <cell r="GL43" t="str">
            <v>１級建築施工管理技士</v>
          </cell>
          <cell r="GM43" t="str">
            <v>宮﨑　毅史</v>
          </cell>
          <cell r="GN43" t="str">
            <v>１級建築施工管理技士</v>
          </cell>
          <cell r="GO43" t="str">
            <v>宮﨑　毅史</v>
          </cell>
          <cell r="GT43" t="str">
            <v>要</v>
          </cell>
          <cell r="GV43">
            <v>161820</v>
          </cell>
          <cell r="GW43">
            <v>1.0510044360155097</v>
          </cell>
          <cell r="GX43">
            <v>44188</v>
          </cell>
          <cell r="GY43">
            <v>173580000</v>
          </cell>
          <cell r="GZ43">
            <v>158796000</v>
          </cell>
          <cell r="HN43" t="str">
            <v>外壁下地及び床面補修数量変更他</v>
          </cell>
          <cell r="HO43">
            <v>1</v>
          </cell>
          <cell r="HP43">
            <v>139970000</v>
          </cell>
          <cell r="HQ43">
            <v>137680000</v>
          </cell>
          <cell r="HR43" t="str">
            <v>-</v>
          </cell>
          <cell r="HS43">
            <v>140090000</v>
          </cell>
          <cell r="HT43">
            <v>134700000</v>
          </cell>
          <cell r="HU43" t="str">
            <v>-</v>
          </cell>
          <cell r="HV43">
            <v>137510000</v>
          </cell>
          <cell r="HW43">
            <v>150000000</v>
          </cell>
          <cell r="HX43">
            <v>140760000</v>
          </cell>
          <cell r="HY43">
            <v>136200000</v>
          </cell>
          <cell r="HZ43">
            <v>140760000</v>
          </cell>
          <cell r="JD43" t="str">
            <v/>
          </cell>
          <cell r="JE43" t="str">
            <v/>
          </cell>
          <cell r="JF43" t="str">
            <v/>
          </cell>
          <cell r="JG43" t="str">
            <v/>
          </cell>
          <cell r="JH43">
            <v>6</v>
          </cell>
          <cell r="JI43">
            <v>6</v>
          </cell>
          <cell r="JJ43" t="str">
            <v/>
          </cell>
          <cell r="JK43" t="str">
            <v/>
          </cell>
          <cell r="JL43" t="str">
            <v/>
          </cell>
          <cell r="JM43" t="str">
            <v/>
          </cell>
          <cell r="JN43" t="str">
            <v/>
          </cell>
          <cell r="JO43" t="str">
            <v/>
          </cell>
          <cell r="JP43" t="str">
            <v/>
          </cell>
          <cell r="JQ43" t="str">
            <v/>
          </cell>
          <cell r="JR43" t="str">
            <v/>
          </cell>
          <cell r="JS43" t="str">
            <v/>
          </cell>
          <cell r="JT43" t="str">
            <v/>
          </cell>
          <cell r="JU43" t="str">
            <v/>
          </cell>
          <cell r="JV43" t="str">
            <v/>
          </cell>
          <cell r="JW43" t="str">
            <v/>
          </cell>
          <cell r="JX43" t="str">
            <v/>
          </cell>
          <cell r="JY43" t="str">
            <v/>
          </cell>
          <cell r="JZ43">
            <v>0.91483660130718958</v>
          </cell>
        </row>
        <row r="44">
          <cell r="C44" t="str">
            <v/>
          </cell>
          <cell r="D44" t="str">
            <v/>
          </cell>
          <cell r="E44" t="str">
            <v/>
          </cell>
          <cell r="I44">
            <v>36</v>
          </cell>
          <cell r="M44" t="str">
            <v>令和２年度水質分析業務委託（単価契約）</v>
          </cell>
          <cell r="Q44" t="str">
            <v>水質分析</v>
          </cell>
          <cell r="Y44">
            <v>1</v>
          </cell>
          <cell r="AB44">
            <v>1</v>
          </cell>
          <cell r="AC44">
            <v>8</v>
          </cell>
          <cell r="AD44">
            <v>9</v>
          </cell>
          <cell r="AF44">
            <v>1</v>
          </cell>
          <cell r="AI44" t="str">
            <v>伊丹市全域地内</v>
          </cell>
          <cell r="AQ44">
            <v>1</v>
          </cell>
          <cell r="AY44">
            <v>43949</v>
          </cell>
          <cell r="AZ44">
            <v>43949</v>
          </cell>
          <cell r="BA44">
            <v>338</v>
          </cell>
          <cell r="BB44">
            <v>44286</v>
          </cell>
          <cell r="BC44" t="str">
            <v/>
          </cell>
          <cell r="BD44" t="str">
            <v/>
          </cell>
          <cell r="BE44" t="str">
            <v/>
          </cell>
          <cell r="BF44">
            <v>0.58611111111111114</v>
          </cell>
          <cell r="BG44">
            <v>7589</v>
          </cell>
          <cell r="BH44" t="str">
            <v>高岡　卓也</v>
          </cell>
          <cell r="BI44" t="str">
            <v>環境保全課</v>
          </cell>
          <cell r="BJ44">
            <v>4664</v>
          </cell>
          <cell r="BN44" t="str">
            <v>他</v>
          </cell>
          <cell r="BO44">
            <v>16</v>
          </cell>
          <cell r="BS44">
            <v>87320</v>
          </cell>
          <cell r="BT44">
            <v>87000</v>
          </cell>
          <cell r="BU44" t="str">
            <v/>
          </cell>
          <cell r="BV44" t="str">
            <v/>
          </cell>
          <cell r="CD44" t="str">
            <v/>
          </cell>
          <cell r="CH44">
            <v>-13</v>
          </cell>
          <cell r="CI44">
            <v>43935</v>
          </cell>
          <cell r="CP44">
            <v>38447</v>
          </cell>
          <cell r="CW44" t="str">
            <v/>
          </cell>
          <cell r="CX44" t="str">
            <v/>
          </cell>
          <cell r="CY44" t="str">
            <v/>
          </cell>
          <cell r="CZ44" t="str">
            <v/>
          </cell>
          <cell r="DA44">
            <v>43941</v>
          </cell>
          <cell r="DB44">
            <v>43944</v>
          </cell>
          <cell r="DD44" t="str">
            <v/>
          </cell>
          <cell r="DL44">
            <v>6200</v>
          </cell>
          <cell r="DM44">
            <v>6205</v>
          </cell>
          <cell r="DN44">
            <v>5522</v>
          </cell>
          <cell r="DO44">
            <v>6014</v>
          </cell>
          <cell r="DP44">
            <v>5272</v>
          </cell>
          <cell r="DQ44">
            <v>5277</v>
          </cell>
          <cell r="DR44">
            <v>5666</v>
          </cell>
          <cell r="DS44">
            <v>5032</v>
          </cell>
          <cell r="DT44">
            <v>5036</v>
          </cell>
          <cell r="EZ44">
            <v>9</v>
          </cell>
          <cell r="FA44">
            <v>6</v>
          </cell>
          <cell r="FI44">
            <v>2</v>
          </cell>
          <cell r="FJ44" t="str">
            <v>指名競争入札</v>
          </cell>
          <cell r="FN44">
            <v>4</v>
          </cell>
          <cell r="FO44" t="str">
            <v>電子入札</v>
          </cell>
          <cell r="FS44">
            <v>2</v>
          </cell>
          <cell r="FT44">
            <v>1</v>
          </cell>
          <cell r="FU44" t="str">
            <v/>
          </cell>
          <cell r="FW44" t="str">
            <v/>
          </cell>
          <cell r="FY44" t="str">
            <v/>
          </cell>
          <cell r="GD44">
            <v>1</v>
          </cell>
          <cell r="GE44" t="str">
            <v>契約・検査課長　松本　嘉博</v>
          </cell>
          <cell r="GF44">
            <v>6205</v>
          </cell>
          <cell r="GG44" t="str">
            <v>(株)兵庫分析センター</v>
          </cell>
          <cell r="GH44">
            <v>81200</v>
          </cell>
          <cell r="GI44" t="str">
            <v/>
          </cell>
          <cell r="GJ44" t="str">
            <v/>
          </cell>
          <cell r="GM44" t="str">
            <v>木原　雅人</v>
          </cell>
          <cell r="GN44" t="str">
            <v>環境計量士(濃度関係) 登録番号2805</v>
          </cell>
          <cell r="GO44" t="str">
            <v>八木　昭則</v>
          </cell>
          <cell r="GT44" t="str">
            <v/>
          </cell>
          <cell r="GW44" t="str">
            <v/>
          </cell>
          <cell r="HO44" t="str">
            <v/>
          </cell>
          <cell r="HP44" t="str">
            <v>-</v>
          </cell>
          <cell r="HQ44">
            <v>81200</v>
          </cell>
          <cell r="HR44" t="str">
            <v>-</v>
          </cell>
          <cell r="HS44" t="str">
            <v>-</v>
          </cell>
          <cell r="HT44" t="str">
            <v>-</v>
          </cell>
          <cell r="HU44" t="str">
            <v>-</v>
          </cell>
          <cell r="HV44" t="str">
            <v>-</v>
          </cell>
          <cell r="HW44" t="str">
            <v>-</v>
          </cell>
          <cell r="HX44" t="str">
            <v>-</v>
          </cell>
          <cell r="JD44" t="str">
            <v/>
          </cell>
          <cell r="JE44" t="str">
            <v/>
          </cell>
          <cell r="JF44" t="str">
            <v/>
          </cell>
          <cell r="JG44" t="str">
            <v/>
          </cell>
          <cell r="JH44" t="str">
            <v/>
          </cell>
          <cell r="JI44" t="str">
            <v/>
          </cell>
          <cell r="JJ44" t="str">
            <v/>
          </cell>
          <cell r="JK44" t="str">
            <v/>
          </cell>
          <cell r="JL44" t="str">
            <v/>
          </cell>
          <cell r="JM44" t="str">
            <v/>
          </cell>
          <cell r="JN44" t="str">
            <v/>
          </cell>
          <cell r="JO44" t="str">
            <v/>
          </cell>
          <cell r="JP44" t="str">
            <v/>
          </cell>
          <cell r="JQ44" t="str">
            <v/>
          </cell>
          <cell r="JR44" t="str">
            <v/>
          </cell>
          <cell r="JS44" t="str">
            <v/>
          </cell>
          <cell r="JT44" t="str">
            <v/>
          </cell>
          <cell r="JU44" t="str">
            <v/>
          </cell>
          <cell r="JV44" t="str">
            <v/>
          </cell>
          <cell r="JW44" t="str">
            <v/>
          </cell>
          <cell r="JX44">
            <v>16</v>
          </cell>
          <cell r="JY44">
            <v>16</v>
          </cell>
          <cell r="JZ44" t="str">
            <v/>
          </cell>
        </row>
        <row r="45">
          <cell r="C45" t="str">
            <v/>
          </cell>
          <cell r="D45" t="str">
            <v/>
          </cell>
          <cell r="E45" t="str">
            <v/>
          </cell>
          <cell r="I45">
            <v>37</v>
          </cell>
          <cell r="M45" t="str">
            <v>令和２年度伊丹市立稲野児童くらぶ移設他工事</v>
          </cell>
          <cell r="Q45" t="str">
            <v>稲野児く移設</v>
          </cell>
          <cell r="Y45">
            <v>1</v>
          </cell>
          <cell r="AC45">
            <v>1</v>
          </cell>
          <cell r="AI45" t="str">
            <v>伊丹市昆陽１丁目２１３番地他</v>
          </cell>
          <cell r="AM45" t="str">
            <v>稲野児童くらぶ改修工事　一式
やまびこ館改修工事　一式
稲野児童くらぶ原状復旧工事　一式</v>
          </cell>
          <cell r="AQ45">
            <v>2</v>
          </cell>
          <cell r="AY45">
            <v>43998</v>
          </cell>
          <cell r="AZ45">
            <v>43999</v>
          </cell>
          <cell r="BA45">
            <v>126</v>
          </cell>
          <cell r="BB45">
            <v>44124</v>
          </cell>
          <cell r="BC45">
            <v>15</v>
          </cell>
          <cell r="BD45" t="str">
            <v>○</v>
          </cell>
          <cell r="BE45" t="str">
            <v>○</v>
          </cell>
          <cell r="BF45">
            <v>0.41736111111111113</v>
          </cell>
          <cell r="BG45">
            <v>7579</v>
          </cell>
          <cell r="BH45" t="str">
            <v>星野　和佐</v>
          </cell>
          <cell r="BI45" t="str">
            <v>営繕課</v>
          </cell>
          <cell r="BJ45">
            <v>4661</v>
          </cell>
          <cell r="BN45" t="str">
            <v>建</v>
          </cell>
          <cell r="BO45">
            <v>7</v>
          </cell>
          <cell r="BS45">
            <v>54120000</v>
          </cell>
          <cell r="BT45">
            <v>49200000</v>
          </cell>
          <cell r="BU45">
            <v>1</v>
          </cell>
          <cell r="BV45">
            <v>44600000</v>
          </cell>
          <cell r="BW45">
            <v>35250679</v>
          </cell>
          <cell r="BX45">
            <v>2305000</v>
          </cell>
          <cell r="BY45">
            <v>5510792</v>
          </cell>
          <cell r="BZ45">
            <v>6133529</v>
          </cell>
          <cell r="CH45">
            <v>17</v>
          </cell>
          <cell r="CI45">
            <v>43964</v>
          </cell>
          <cell r="CJ45" t="str">
            <v>一般</v>
          </cell>
          <cell r="CK45" t="str">
            <v>伊丹市内に本店</v>
          </cell>
          <cell r="CL45" t="str">
            <v>580点以上</v>
          </cell>
          <cell r="CP45">
            <v>72954</v>
          </cell>
          <cell r="CT45" t="str">
            <v>請負金額が1,200万円以上</v>
          </cell>
          <cell r="CW45">
            <v>43972</v>
          </cell>
          <cell r="CX45">
            <v>43976</v>
          </cell>
          <cell r="CY45">
            <v>43977</v>
          </cell>
          <cell r="CZ45">
            <v>43978</v>
          </cell>
          <cell r="DA45">
            <v>43979</v>
          </cell>
          <cell r="DB45">
            <v>43986</v>
          </cell>
          <cell r="DC45">
            <v>25</v>
          </cell>
          <cell r="DD45" t="str">
            <v>○</v>
          </cell>
          <cell r="DL45">
            <v>21</v>
          </cell>
          <cell r="DM45">
            <v>48</v>
          </cell>
          <cell r="DN45">
            <v>53</v>
          </cell>
          <cell r="DO45">
            <v>54</v>
          </cell>
          <cell r="DP45">
            <v>211</v>
          </cell>
          <cell r="DQ45">
            <v>226</v>
          </cell>
          <cell r="DR45">
            <v>386</v>
          </cell>
          <cell r="EZ45">
            <v>7</v>
          </cell>
          <cell r="FA45">
            <v>10</v>
          </cell>
          <cell r="FI45">
            <v>1</v>
          </cell>
          <cell r="FJ45" t="str">
            <v>制限付一般競争入札</v>
          </cell>
          <cell r="FN45">
            <v>4</v>
          </cell>
          <cell r="FO45" t="str">
            <v>電子入札</v>
          </cell>
          <cell r="FS45">
            <v>1</v>
          </cell>
          <cell r="FT45" t="str">
            <v/>
          </cell>
          <cell r="FU45" t="str">
            <v/>
          </cell>
          <cell r="FW45">
            <v>1</v>
          </cell>
          <cell r="FX45">
            <v>1</v>
          </cell>
          <cell r="FY45" t="str">
            <v>了</v>
          </cell>
          <cell r="GC45">
            <v>1</v>
          </cell>
          <cell r="GD45">
            <v>1</v>
          </cell>
          <cell r="GE45" t="str">
            <v>契約・検査課長　松本　嘉博</v>
          </cell>
          <cell r="GF45">
            <v>386</v>
          </cell>
          <cell r="GG45" t="str">
            <v>(株)双葉工業</v>
          </cell>
          <cell r="GH45">
            <v>49093000</v>
          </cell>
          <cell r="GI45">
            <v>4463000</v>
          </cell>
          <cell r="GJ45">
            <v>4910000</v>
          </cell>
          <cell r="GL45" t="str">
            <v>一級建築士,一級建築施工管理技士</v>
          </cell>
          <cell r="GM45" t="str">
            <v>工藤　広範</v>
          </cell>
          <cell r="GN45" t="str">
            <v>一級建築士,一級建築施工管理技士</v>
          </cell>
          <cell r="GO45" t="str">
            <v>工藤　広範</v>
          </cell>
          <cell r="GT45" t="str">
            <v>要</v>
          </cell>
          <cell r="GU45" t="str">
            <v>済</v>
          </cell>
          <cell r="GV45">
            <v>138260</v>
          </cell>
          <cell r="GW45">
            <v>2.8162874544232377</v>
          </cell>
          <cell r="GX45">
            <v>44120</v>
          </cell>
          <cell r="GY45">
            <v>54516000</v>
          </cell>
          <cell r="GZ45">
            <v>49445000</v>
          </cell>
          <cell r="HN45" t="str">
            <v>天井及び建具改修範囲変更（児童くらぶ）等
職員室間仕切り壁の小窓追加（やまびこ館）</v>
          </cell>
          <cell r="HO45">
            <v>1</v>
          </cell>
          <cell r="HP45" t="str">
            <v>-</v>
          </cell>
          <cell r="HQ45">
            <v>49200000</v>
          </cell>
          <cell r="HR45" t="str">
            <v>-</v>
          </cell>
          <cell r="HS45" t="str">
            <v>-</v>
          </cell>
          <cell r="HT45" t="str">
            <v>-</v>
          </cell>
          <cell r="HU45" t="str">
            <v>-</v>
          </cell>
          <cell r="HV45">
            <v>44630000</v>
          </cell>
          <cell r="JD45" t="str">
            <v/>
          </cell>
          <cell r="JE45" t="str">
            <v/>
          </cell>
          <cell r="JF45" t="str">
            <v/>
          </cell>
          <cell r="JG45" t="str">
            <v/>
          </cell>
          <cell r="JH45">
            <v>7</v>
          </cell>
          <cell r="JI45">
            <v>7</v>
          </cell>
          <cell r="JJ45" t="str">
            <v/>
          </cell>
          <cell r="JK45" t="str">
            <v/>
          </cell>
          <cell r="JL45" t="str">
            <v/>
          </cell>
          <cell r="JM45" t="str">
            <v/>
          </cell>
          <cell r="JN45" t="str">
            <v/>
          </cell>
          <cell r="JO45" t="str">
            <v/>
          </cell>
          <cell r="JP45" t="str">
            <v/>
          </cell>
          <cell r="JQ45" t="str">
            <v/>
          </cell>
          <cell r="JR45" t="str">
            <v/>
          </cell>
          <cell r="JS45" t="str">
            <v/>
          </cell>
          <cell r="JT45" t="str">
            <v/>
          </cell>
          <cell r="JU45" t="str">
            <v/>
          </cell>
          <cell r="JV45" t="str">
            <v/>
          </cell>
          <cell r="JW45" t="str">
            <v/>
          </cell>
          <cell r="JX45" t="str">
            <v/>
          </cell>
          <cell r="JY45" t="str">
            <v/>
          </cell>
          <cell r="JZ45">
            <v>0.90711382113821137</v>
          </cell>
        </row>
        <row r="46">
          <cell r="C46" t="str">
            <v/>
          </cell>
          <cell r="D46" t="str">
            <v/>
          </cell>
          <cell r="E46" t="str">
            <v/>
          </cell>
          <cell r="I46">
            <v>38</v>
          </cell>
          <cell r="M46" t="str">
            <v>令和２年度有岡城跡南側堀跡舗装改修工事</v>
          </cell>
          <cell r="Q46" t="str">
            <v>有城南堀舗装</v>
          </cell>
          <cell r="Y46">
            <v>1</v>
          </cell>
          <cell r="AC46">
            <v>6</v>
          </cell>
          <cell r="AI46" t="str">
            <v>伊丹市伊丹１丁目１２番地</v>
          </cell>
          <cell r="AM46" t="str">
            <v>既存撤去工事　一式
舗装改修工事　一式
その他改修工事　一式</v>
          </cell>
          <cell r="AQ46">
            <v>2</v>
          </cell>
          <cell r="AY46">
            <v>43986</v>
          </cell>
          <cell r="AZ46">
            <v>43991</v>
          </cell>
          <cell r="BA46">
            <v>161</v>
          </cell>
          <cell r="BB46">
            <v>44151</v>
          </cell>
          <cell r="BC46">
            <v>15</v>
          </cell>
          <cell r="BD46" t="str">
            <v>○</v>
          </cell>
          <cell r="BE46" t="str">
            <v>○</v>
          </cell>
          <cell r="BF46">
            <v>0.41805555555555557</v>
          </cell>
          <cell r="BG46">
            <v>7888</v>
          </cell>
          <cell r="BH46" t="str">
            <v>森川　真帆</v>
          </cell>
          <cell r="BI46" t="str">
            <v>営繕課</v>
          </cell>
          <cell r="BJ46">
            <v>4868</v>
          </cell>
          <cell r="BN46" t="str">
            <v>建</v>
          </cell>
          <cell r="BO46">
            <v>8</v>
          </cell>
          <cell r="BS46">
            <v>19470000</v>
          </cell>
          <cell r="BT46">
            <v>17700000</v>
          </cell>
          <cell r="BU46">
            <v>1</v>
          </cell>
          <cell r="BV46">
            <v>16080000</v>
          </cell>
          <cell r="BW46">
            <v>14049940</v>
          </cell>
          <cell r="BX46">
            <v>887000</v>
          </cell>
          <cell r="BY46">
            <v>399198</v>
          </cell>
          <cell r="BZ46">
            <v>2363862</v>
          </cell>
          <cell r="CD46" t="str">
            <v/>
          </cell>
          <cell r="CH46">
            <v>18</v>
          </cell>
          <cell r="CI46">
            <v>43964</v>
          </cell>
          <cell r="CJ46" t="str">
            <v>一般</v>
          </cell>
          <cell r="CK46" t="str">
            <v>尼崎市、西宮市、芦屋市、宝塚市、川西市、伊丹市内に本店を有すること。又は伊丹市内に支店</v>
          </cell>
          <cell r="CL46" t="str">
            <v>伊丹市内に本店を有する者においては400点以上、その他の者においては900点以上</v>
          </cell>
          <cell r="CP46">
            <v>18398</v>
          </cell>
          <cell r="CT46" t="str">
            <v>請負金額が800万円以上(伊丹市内に本店を有する者においては400万円以上)</v>
          </cell>
          <cell r="CW46">
            <v>43972</v>
          </cell>
          <cell r="CX46" t="str">
            <v/>
          </cell>
          <cell r="CY46" t="str">
            <v/>
          </cell>
          <cell r="CZ46" t="str">
            <v/>
          </cell>
          <cell r="DA46">
            <v>43976</v>
          </cell>
          <cell r="DB46">
            <v>43979</v>
          </cell>
          <cell r="DC46">
            <v>11</v>
          </cell>
          <cell r="DD46" t="str">
            <v>○</v>
          </cell>
          <cell r="DL46">
            <v>74</v>
          </cell>
          <cell r="DM46">
            <v>287</v>
          </cell>
          <cell r="EZ46">
            <v>2</v>
          </cell>
          <cell r="FA46">
            <v>8</v>
          </cell>
          <cell r="FI46">
            <v>4</v>
          </cell>
          <cell r="FJ46" t="str">
            <v>事後審査型一般競争入札</v>
          </cell>
          <cell r="FN46">
            <v>4</v>
          </cell>
          <cell r="FO46" t="str">
            <v>電子入札</v>
          </cell>
          <cell r="FS46">
            <v>1</v>
          </cell>
          <cell r="FT46" t="str">
            <v/>
          </cell>
          <cell r="FU46" t="str">
            <v/>
          </cell>
          <cell r="FW46" t="str">
            <v/>
          </cell>
          <cell r="FY46" t="str">
            <v/>
          </cell>
          <cell r="GC46">
            <v>1</v>
          </cell>
          <cell r="GD46">
            <v>1</v>
          </cell>
          <cell r="GE46" t="str">
            <v>契約・検査課長　松本　嘉博</v>
          </cell>
          <cell r="GF46">
            <v>287</v>
          </cell>
          <cell r="GG46" t="str">
            <v>伊藤造園土木(株)</v>
          </cell>
          <cell r="GH46">
            <v>18700000</v>
          </cell>
          <cell r="GI46">
            <v>1700000</v>
          </cell>
          <cell r="GJ46">
            <v>1870000</v>
          </cell>
          <cell r="GM46" t="str">
            <v>立野　正晃</v>
          </cell>
          <cell r="GO46" t="str">
            <v>立野　正晃</v>
          </cell>
          <cell r="GT46" t="str">
            <v/>
          </cell>
          <cell r="GV46">
            <v>83700</v>
          </cell>
          <cell r="GW46">
            <v>4.4759358288770059</v>
          </cell>
          <cell r="HO46" t="str">
            <v/>
          </cell>
          <cell r="HP46">
            <v>17340000</v>
          </cell>
          <cell r="HQ46">
            <v>17000000</v>
          </cell>
          <cell r="JD46" t="str">
            <v/>
          </cell>
          <cell r="JE46" t="str">
            <v/>
          </cell>
          <cell r="JF46" t="str">
            <v/>
          </cell>
          <cell r="JG46" t="str">
            <v/>
          </cell>
          <cell r="JH46">
            <v>8</v>
          </cell>
          <cell r="JI46">
            <v>8</v>
          </cell>
          <cell r="JJ46" t="str">
            <v/>
          </cell>
          <cell r="JK46" t="str">
            <v/>
          </cell>
          <cell r="JL46" t="str">
            <v/>
          </cell>
          <cell r="JM46" t="str">
            <v/>
          </cell>
          <cell r="JN46" t="str">
            <v/>
          </cell>
          <cell r="JO46" t="str">
            <v/>
          </cell>
          <cell r="JP46" t="str">
            <v/>
          </cell>
          <cell r="JQ46" t="str">
            <v/>
          </cell>
          <cell r="JR46" t="str">
            <v/>
          </cell>
          <cell r="JS46" t="str">
            <v/>
          </cell>
          <cell r="JT46" t="str">
            <v/>
          </cell>
          <cell r="JU46" t="str">
            <v/>
          </cell>
          <cell r="JV46" t="str">
            <v/>
          </cell>
          <cell r="JW46" t="str">
            <v/>
          </cell>
          <cell r="JX46" t="str">
            <v/>
          </cell>
          <cell r="JY46" t="str">
            <v/>
          </cell>
          <cell r="JZ46">
            <v>0.96045197740112997</v>
          </cell>
        </row>
        <row r="47">
          <cell r="C47" t="str">
            <v/>
          </cell>
          <cell r="D47" t="str">
            <v/>
          </cell>
          <cell r="E47" t="str">
            <v/>
          </cell>
          <cell r="I47">
            <v>39</v>
          </cell>
          <cell r="M47" t="str">
            <v>令和２年度オペレーション委託業務</v>
          </cell>
          <cell r="Q47" t="str">
            <v>ｵﾍﾟﾚｰｼｮﾝ委託</v>
          </cell>
          <cell r="Y47">
            <v>1</v>
          </cell>
          <cell r="AC47">
            <v>8</v>
          </cell>
          <cell r="AD47">
            <v>10</v>
          </cell>
          <cell r="AI47" t="str">
            <v>伊丹市千僧１丁目１番地伊丹市役所内</v>
          </cell>
          <cell r="AQ47">
            <v>7</v>
          </cell>
          <cell r="AU47">
            <v>36</v>
          </cell>
          <cell r="AY47">
            <v>43977</v>
          </cell>
          <cell r="AZ47">
            <v>43978</v>
          </cell>
          <cell r="BA47">
            <v>1130</v>
          </cell>
          <cell r="BB47">
            <v>45107</v>
          </cell>
          <cell r="BC47" t="str">
            <v/>
          </cell>
          <cell r="BD47" t="str">
            <v/>
          </cell>
          <cell r="BE47" t="str">
            <v/>
          </cell>
          <cell r="BF47">
            <v>0.41736111111111113</v>
          </cell>
          <cell r="BG47">
            <v>6940</v>
          </cell>
          <cell r="BH47" t="str">
            <v>甲  峻英</v>
          </cell>
          <cell r="BI47" t="str">
            <v>情報管理課</v>
          </cell>
          <cell r="BJ47">
            <v>2710</v>
          </cell>
          <cell r="BN47" t="str">
            <v>リ</v>
          </cell>
          <cell r="BO47">
            <v>17</v>
          </cell>
          <cell r="BS47">
            <v>51480000</v>
          </cell>
          <cell r="BT47">
            <v>1300000</v>
          </cell>
          <cell r="BU47" t="str">
            <v/>
          </cell>
          <cell r="BV47" t="str">
            <v/>
          </cell>
          <cell r="CD47" t="str">
            <v>●</v>
          </cell>
          <cell r="CH47">
            <v>-15</v>
          </cell>
          <cell r="CI47">
            <v>43962</v>
          </cell>
          <cell r="CP47">
            <v>92558</v>
          </cell>
          <cell r="CW47" t="str">
            <v/>
          </cell>
          <cell r="CX47" t="str">
            <v/>
          </cell>
          <cell r="CY47" t="str">
            <v/>
          </cell>
          <cell r="CZ47" t="str">
            <v/>
          </cell>
          <cell r="DA47">
            <v>43969</v>
          </cell>
          <cell r="DB47">
            <v>43972</v>
          </cell>
          <cell r="DD47" t="str">
            <v/>
          </cell>
          <cell r="DL47">
            <v>10777</v>
          </cell>
          <cell r="DM47">
            <v>11021</v>
          </cell>
          <cell r="DN47">
            <v>10511</v>
          </cell>
          <cell r="DO47">
            <v>10449</v>
          </cell>
          <cell r="DP47">
            <v>10810</v>
          </cell>
          <cell r="DQ47">
            <v>10357</v>
          </cell>
          <cell r="DR47">
            <v>12058</v>
          </cell>
          <cell r="DS47">
            <v>11009</v>
          </cell>
          <cell r="DT47">
            <v>10270</v>
          </cell>
          <cell r="DU47">
            <v>11353</v>
          </cell>
          <cell r="DV47">
            <v>10120</v>
          </cell>
          <cell r="DW47">
            <v>10254</v>
          </cell>
          <cell r="DX47">
            <v>10288</v>
          </cell>
          <cell r="DY47">
            <v>10722</v>
          </cell>
          <cell r="DZ47">
            <v>11231</v>
          </cell>
          <cell r="EA47">
            <v>12394</v>
          </cell>
          <cell r="EZ47">
            <v>16</v>
          </cell>
          <cell r="FA47">
            <v>10</v>
          </cell>
          <cell r="FI47">
            <v>5</v>
          </cell>
          <cell r="FJ47" t="str">
            <v>指名競争入札（簡易認証）</v>
          </cell>
          <cell r="FN47">
            <v>4</v>
          </cell>
          <cell r="FO47" t="str">
            <v>電子入札</v>
          </cell>
          <cell r="FS47">
            <v>5</v>
          </cell>
          <cell r="FT47" t="str">
            <v/>
          </cell>
          <cell r="FU47" t="str">
            <v/>
          </cell>
          <cell r="FW47" t="str">
            <v/>
          </cell>
          <cell r="FY47" t="str">
            <v/>
          </cell>
          <cell r="GC47">
            <v>1</v>
          </cell>
          <cell r="GD47">
            <v>1</v>
          </cell>
          <cell r="GE47" t="str">
            <v>契約・検査課長　松本　嘉博</v>
          </cell>
          <cell r="GF47">
            <v>10777</v>
          </cell>
          <cell r="GG47" t="str">
            <v>ナビオコンピュータ(株)</v>
          </cell>
          <cell r="GH47">
            <v>50292000</v>
          </cell>
          <cell r="GI47">
            <v>4572000</v>
          </cell>
          <cell r="GJ47">
            <v>1677000</v>
          </cell>
          <cell r="GL47" t="str">
            <v>普通免許,ITILﾌｧﾝﾃﾞｰｼｮﾝ,JP1認定ｴﾝｼﾞﾆｱ</v>
          </cell>
          <cell r="GM47" t="str">
            <v>小谷　光宣</v>
          </cell>
          <cell r="GN47" t="str">
            <v>ITILﾌｧﾝﾃﾞｰｼｮﾝ</v>
          </cell>
          <cell r="GO47" t="str">
            <v>大畑　康三郎</v>
          </cell>
          <cell r="GT47" t="str">
            <v>要</v>
          </cell>
          <cell r="GW47" t="str">
            <v/>
          </cell>
          <cell r="HO47" t="str">
            <v/>
          </cell>
          <cell r="HP47">
            <v>1270000</v>
          </cell>
          <cell r="HQ47" t="str">
            <v>-</v>
          </cell>
          <cell r="HR47" t="str">
            <v>-</v>
          </cell>
          <cell r="HS47" t="str">
            <v>-</v>
          </cell>
          <cell r="HT47" t="str">
            <v>-</v>
          </cell>
          <cell r="HU47" t="str">
            <v>-</v>
          </cell>
          <cell r="HV47" t="str">
            <v>-</v>
          </cell>
          <cell r="HW47" t="str">
            <v>-</v>
          </cell>
          <cell r="HX47" t="str">
            <v>-</v>
          </cell>
          <cell r="HY47" t="str">
            <v>-</v>
          </cell>
          <cell r="HZ47" t="str">
            <v>-</v>
          </cell>
          <cell r="IA47" t="str">
            <v>-</v>
          </cell>
          <cell r="IB47" t="str">
            <v>-</v>
          </cell>
          <cell r="IC47" t="str">
            <v>-</v>
          </cell>
          <cell r="ID47" t="str">
            <v>-</v>
          </cell>
          <cell r="IE47" t="str">
            <v>-</v>
          </cell>
          <cell r="JD47" t="str">
            <v/>
          </cell>
          <cell r="JE47" t="str">
            <v/>
          </cell>
          <cell r="JF47" t="str">
            <v/>
          </cell>
          <cell r="JG47" t="str">
            <v/>
          </cell>
          <cell r="JH47" t="str">
            <v/>
          </cell>
          <cell r="JI47" t="str">
            <v/>
          </cell>
          <cell r="JJ47" t="str">
            <v/>
          </cell>
          <cell r="JK47" t="str">
            <v/>
          </cell>
          <cell r="JL47" t="str">
            <v/>
          </cell>
          <cell r="JM47" t="str">
            <v/>
          </cell>
          <cell r="JN47" t="str">
            <v/>
          </cell>
          <cell r="JO47" t="str">
            <v/>
          </cell>
          <cell r="JP47" t="str">
            <v/>
          </cell>
          <cell r="JQ47" t="str">
            <v/>
          </cell>
          <cell r="JR47" t="str">
            <v/>
          </cell>
          <cell r="JS47" t="str">
            <v/>
          </cell>
          <cell r="JT47" t="str">
            <v/>
          </cell>
          <cell r="JU47" t="str">
            <v/>
          </cell>
          <cell r="JV47" t="str">
            <v/>
          </cell>
          <cell r="JW47" t="str">
            <v/>
          </cell>
          <cell r="JX47" t="str">
            <v/>
          </cell>
          <cell r="JY47" t="str">
            <v/>
          </cell>
          <cell r="JZ47">
            <v>0.99501424538461547</v>
          </cell>
        </row>
        <row r="48">
          <cell r="C48" t="str">
            <v/>
          </cell>
          <cell r="D48" t="str">
            <v/>
          </cell>
          <cell r="E48" t="str">
            <v/>
          </cell>
          <cell r="I48">
            <v>40</v>
          </cell>
          <cell r="M48" t="str">
            <v>令和２年度（都）山田伊丹線（昆陽泉町工区）物件調査委託業務</v>
          </cell>
          <cell r="Q48" t="str">
            <v>物件調査</v>
          </cell>
          <cell r="Y48">
            <v>1</v>
          </cell>
          <cell r="AC48">
            <v>8</v>
          </cell>
          <cell r="AD48">
            <v>14</v>
          </cell>
          <cell r="AI48" t="str">
            <v>伊丹市昆陽南３丁目外地内</v>
          </cell>
          <cell r="AM48" t="str">
            <v>建物調査
附帯工作物調査
補償費算定(物件補償）</v>
          </cell>
          <cell r="AQ48">
            <v>1</v>
          </cell>
          <cell r="AY48">
            <v>43979</v>
          </cell>
          <cell r="AZ48">
            <v>43984</v>
          </cell>
          <cell r="BA48">
            <v>60</v>
          </cell>
          <cell r="BB48">
            <v>44043</v>
          </cell>
          <cell r="BC48">
            <v>12</v>
          </cell>
          <cell r="BD48" t="str">
            <v>○</v>
          </cell>
          <cell r="BE48" t="str">
            <v/>
          </cell>
          <cell r="BF48">
            <v>0.41736111111111113</v>
          </cell>
          <cell r="BG48">
            <v>6854</v>
          </cell>
          <cell r="BH48" t="str">
            <v>牧野  翔太</v>
          </cell>
          <cell r="BI48" t="str">
            <v>道路建設課</v>
          </cell>
          <cell r="BJ48">
            <v>4807</v>
          </cell>
          <cell r="BN48" t="str">
            <v>他</v>
          </cell>
          <cell r="BO48">
            <v>18</v>
          </cell>
          <cell r="BS48">
            <v>2797300</v>
          </cell>
          <cell r="BT48">
            <v>2540000</v>
          </cell>
          <cell r="BU48" t="str">
            <v/>
          </cell>
          <cell r="BV48" t="str">
            <v/>
          </cell>
          <cell r="CD48" t="str">
            <v/>
          </cell>
          <cell r="CH48">
            <v>19</v>
          </cell>
          <cell r="CI48">
            <v>43962</v>
          </cell>
          <cell r="CK48" t="str">
            <v>兵庫県内又は、大阪府内に本店又は支店</v>
          </cell>
          <cell r="CP48">
            <v>31458</v>
          </cell>
          <cell r="CW48">
            <v>43970</v>
          </cell>
          <cell r="CX48" t="str">
            <v/>
          </cell>
          <cell r="CY48" t="str">
            <v/>
          </cell>
          <cell r="CZ48" t="str">
            <v/>
          </cell>
          <cell r="DA48">
            <v>43971</v>
          </cell>
          <cell r="DB48">
            <v>43976</v>
          </cell>
          <cell r="DC48">
            <v>52</v>
          </cell>
          <cell r="DD48" t="str">
            <v/>
          </cell>
          <cell r="DL48">
            <v>6177</v>
          </cell>
          <cell r="DM48">
            <v>6172</v>
          </cell>
          <cell r="DN48">
            <v>5485</v>
          </cell>
          <cell r="DO48">
            <v>6161</v>
          </cell>
          <cell r="DP48">
            <v>6167</v>
          </cell>
          <cell r="DQ48">
            <v>5368</v>
          </cell>
          <cell r="DR48">
            <v>6306</v>
          </cell>
          <cell r="DS48">
            <v>5211</v>
          </cell>
          <cell r="DT48">
            <v>5682</v>
          </cell>
          <cell r="DU48">
            <v>5230</v>
          </cell>
          <cell r="DV48">
            <v>6346</v>
          </cell>
          <cell r="DW48">
            <v>5200</v>
          </cell>
          <cell r="DX48">
            <v>5397</v>
          </cell>
          <cell r="DY48">
            <v>5821</v>
          </cell>
          <cell r="DZ48">
            <v>6420</v>
          </cell>
          <cell r="EA48">
            <v>5331</v>
          </cell>
          <cell r="EB48">
            <v>5596</v>
          </cell>
          <cell r="EC48">
            <v>6286</v>
          </cell>
          <cell r="EZ48">
            <v>18</v>
          </cell>
          <cell r="FA48">
            <v>6</v>
          </cell>
          <cell r="FI48">
            <v>4</v>
          </cell>
          <cell r="FJ48" t="str">
            <v>事後審査型一般競争入札</v>
          </cell>
          <cell r="FN48">
            <v>4</v>
          </cell>
          <cell r="FO48" t="str">
            <v>電子入札</v>
          </cell>
          <cell r="FS48">
            <v>2</v>
          </cell>
          <cell r="FT48" t="str">
            <v/>
          </cell>
          <cell r="FU48" t="str">
            <v/>
          </cell>
          <cell r="FW48" t="str">
            <v/>
          </cell>
          <cell r="FY48" t="str">
            <v/>
          </cell>
          <cell r="GD48">
            <v>1</v>
          </cell>
          <cell r="GE48" t="str">
            <v>契約・検査課長　松本　嘉博</v>
          </cell>
          <cell r="GF48">
            <v>6177</v>
          </cell>
          <cell r="GG48" t="str">
            <v>(株)バンス</v>
          </cell>
          <cell r="GH48">
            <v>1753400</v>
          </cell>
          <cell r="GI48">
            <v>159400</v>
          </cell>
          <cell r="GJ48" t="str">
            <v/>
          </cell>
          <cell r="GL48" t="str">
            <v>補償業務管理士(物件部門)H17-Ⅱ-6-第733号</v>
          </cell>
          <cell r="GM48" t="str">
            <v>佐藤　安男</v>
          </cell>
          <cell r="GN48" t="str">
            <v>補償業務管理士(物件部門)H17-Ⅱ-6-第733号</v>
          </cell>
          <cell r="GO48" t="str">
            <v>佐藤　安男</v>
          </cell>
          <cell r="GT48" t="e">
            <v>#REF!</v>
          </cell>
          <cell r="GW48" t="str">
            <v/>
          </cell>
          <cell r="GX48">
            <v>44039</v>
          </cell>
          <cell r="HA48">
            <v>44135</v>
          </cell>
          <cell r="HB48">
            <v>44082</v>
          </cell>
          <cell r="HC48">
            <v>3030500</v>
          </cell>
          <cell r="HD48">
            <v>1898600</v>
          </cell>
          <cell r="HF48">
            <v>44130</v>
          </cell>
          <cell r="HG48">
            <v>3413300</v>
          </cell>
          <cell r="HH48">
            <v>2139500</v>
          </cell>
          <cell r="HI48">
            <v>44165</v>
          </cell>
          <cell r="HN48" t="str">
            <v>　第２回目変更で概算額による構内再築工法及び構外再築工法の経済比較した結果、照応建物による構内再築工法が妥当と判断されたため、詳細設計により照応建物の補償額の算定が必要となり、業務を追加発注するもの。
　また、上記業務を追加発注するため、工期延伸を行うもの。</v>
          </cell>
          <cell r="HO48">
            <v>3</v>
          </cell>
          <cell r="HP48">
            <v>1594000</v>
          </cell>
          <cell r="HQ48">
            <v>1600000</v>
          </cell>
          <cell r="HR48">
            <v>1770000</v>
          </cell>
          <cell r="HS48">
            <v>1830000</v>
          </cell>
          <cell r="HT48">
            <v>1900000</v>
          </cell>
          <cell r="HU48">
            <v>1960000</v>
          </cell>
          <cell r="HV48">
            <v>2032000</v>
          </cell>
          <cell r="HW48">
            <v>2100000</v>
          </cell>
          <cell r="HX48">
            <v>2280000</v>
          </cell>
          <cell r="HY48">
            <v>2420000</v>
          </cell>
          <cell r="HZ48">
            <v>2450000</v>
          </cell>
          <cell r="IA48">
            <v>2540000</v>
          </cell>
          <cell r="IB48">
            <v>2540000</v>
          </cell>
          <cell r="IC48">
            <v>2540000</v>
          </cell>
          <cell r="ID48">
            <v>2540000</v>
          </cell>
          <cell r="IE48" t="str">
            <v>-</v>
          </cell>
          <cell r="IF48" t="str">
            <v>-</v>
          </cell>
          <cell r="IG48" t="str">
            <v>-</v>
          </cell>
          <cell r="JD48" t="str">
            <v/>
          </cell>
          <cell r="JE48" t="str">
            <v/>
          </cell>
          <cell r="JF48" t="str">
            <v/>
          </cell>
          <cell r="JG48" t="str">
            <v/>
          </cell>
          <cell r="JH48" t="str">
            <v/>
          </cell>
          <cell r="JI48" t="str">
            <v/>
          </cell>
          <cell r="JJ48" t="str">
            <v/>
          </cell>
          <cell r="JK48" t="str">
            <v/>
          </cell>
          <cell r="JL48" t="str">
            <v/>
          </cell>
          <cell r="JM48" t="str">
            <v/>
          </cell>
          <cell r="JN48" t="str">
            <v/>
          </cell>
          <cell r="JO48" t="str">
            <v/>
          </cell>
          <cell r="JP48" t="str">
            <v/>
          </cell>
          <cell r="JQ48" t="str">
            <v/>
          </cell>
          <cell r="JR48" t="str">
            <v/>
          </cell>
          <cell r="JS48" t="str">
            <v/>
          </cell>
          <cell r="JT48" t="str">
            <v/>
          </cell>
          <cell r="JU48" t="str">
            <v/>
          </cell>
          <cell r="JV48" t="str">
            <v/>
          </cell>
          <cell r="JW48" t="str">
            <v/>
          </cell>
          <cell r="JX48">
            <v>18</v>
          </cell>
          <cell r="JY48">
            <v>17</v>
          </cell>
          <cell r="JZ48">
            <v>0.62755905511811017</v>
          </cell>
        </row>
        <row r="49">
          <cell r="C49" t="str">
            <v/>
          </cell>
          <cell r="D49" t="str">
            <v/>
          </cell>
          <cell r="E49" t="str">
            <v/>
          </cell>
          <cell r="I49">
            <v>41</v>
          </cell>
          <cell r="M49" t="str">
            <v>令和２年度市道昆陽車塚線自転車レーン整備工事（第３工区）</v>
          </cell>
          <cell r="Q49" t="str">
            <v>自転車レーン</v>
          </cell>
          <cell r="Y49">
            <v>1</v>
          </cell>
          <cell r="AC49">
            <v>2</v>
          </cell>
          <cell r="AI49" t="str">
            <v>伊丹市堀池２丁目ほか地内</v>
          </cell>
          <cell r="AM49" t="str">
            <v>施工延長　L=367.1ｍ　　W=18.0m
排水構造物工
　都市型側溝　L=556ｍ　都市型側溝桝　N=30箇所
舗装工
　基層　A=4,268ｍ2　排水性舗装　A=2,270m2　透水性舗装　A=1,589m2
区間線工　一式
薄層カラー舗装工　　カラー舗装　A=675ｍ2
道路植栽工　道路植樹工（低木）　N=871本</v>
          </cell>
          <cell r="AQ49">
            <v>2</v>
          </cell>
          <cell r="AY49">
            <v>43986</v>
          </cell>
          <cell r="AZ49">
            <v>43991</v>
          </cell>
          <cell r="BA49">
            <v>283</v>
          </cell>
          <cell r="BB49">
            <v>44273</v>
          </cell>
          <cell r="BC49">
            <v>15</v>
          </cell>
          <cell r="BD49" t="str">
            <v>○</v>
          </cell>
          <cell r="BE49" t="str">
            <v>○</v>
          </cell>
          <cell r="BF49">
            <v>0.41736111111111113</v>
          </cell>
          <cell r="BG49">
            <v>7574</v>
          </cell>
          <cell r="BH49" t="str">
            <v>笹井　智洋</v>
          </cell>
          <cell r="BI49" t="str">
            <v>道路保全課</v>
          </cell>
          <cell r="BJ49">
            <v>4658</v>
          </cell>
          <cell r="BN49" t="str">
            <v>土</v>
          </cell>
          <cell r="BO49">
            <v>1</v>
          </cell>
          <cell r="BS49">
            <v>102826900</v>
          </cell>
          <cell r="BT49">
            <v>93470000</v>
          </cell>
          <cell r="BU49">
            <v>1</v>
          </cell>
          <cell r="BV49">
            <v>83490000</v>
          </cell>
          <cell r="BW49">
            <v>54785000</v>
          </cell>
          <cell r="BX49">
            <v>7624000</v>
          </cell>
          <cell r="BY49">
            <v>18303000</v>
          </cell>
          <cell r="BZ49">
            <v>12767000</v>
          </cell>
          <cell r="CD49">
            <v>43958</v>
          </cell>
          <cell r="CH49">
            <v>20</v>
          </cell>
          <cell r="CI49">
            <v>43964</v>
          </cell>
          <cell r="CJ49" t="str">
            <v>特定</v>
          </cell>
          <cell r="CK49" t="str">
            <v>尼崎市、西宮市、芦屋市、宝塚市、川西市、伊丹市内に本店を有すること。又は伊丹市内に支店</v>
          </cell>
          <cell r="CL49" t="str">
            <v>伊丹市内に本店を有する者においては690点以上、伊丹市内に支店を有する者においては950点以上、その他の者においては1,100点以上</v>
          </cell>
          <cell r="CP49">
            <v>45491</v>
          </cell>
          <cell r="CT49" t="str">
            <v>請負金額が4,600万円以上(伊丹市内に本店を有する者においては1,500万円以上)</v>
          </cell>
          <cell r="CW49">
            <v>43972</v>
          </cell>
          <cell r="CX49" t="str">
            <v/>
          </cell>
          <cell r="CY49" t="str">
            <v/>
          </cell>
          <cell r="CZ49" t="str">
            <v/>
          </cell>
          <cell r="DA49">
            <v>43976</v>
          </cell>
          <cell r="DB49">
            <v>43979</v>
          </cell>
          <cell r="DC49">
            <v>20</v>
          </cell>
          <cell r="DD49" t="str">
            <v>○</v>
          </cell>
          <cell r="DL49">
            <v>16</v>
          </cell>
          <cell r="DM49">
            <v>26</v>
          </cell>
          <cell r="DN49">
            <v>59</v>
          </cell>
          <cell r="DO49">
            <v>95</v>
          </cell>
          <cell r="DP49">
            <v>161</v>
          </cell>
          <cell r="DQ49">
            <v>174</v>
          </cell>
          <cell r="DR49">
            <v>235</v>
          </cell>
          <cell r="DS49">
            <v>261</v>
          </cell>
          <cell r="DT49">
            <v>411</v>
          </cell>
          <cell r="EZ49">
            <v>9</v>
          </cell>
          <cell r="FA49">
            <v>10</v>
          </cell>
          <cell r="FI49">
            <v>4</v>
          </cell>
          <cell r="FJ49" t="str">
            <v>事後審査型一般競争入札</v>
          </cell>
          <cell r="FN49">
            <v>4</v>
          </cell>
          <cell r="FO49" t="str">
            <v>電子入札</v>
          </cell>
          <cell r="FS49">
            <v>1</v>
          </cell>
          <cell r="FT49" t="str">
            <v/>
          </cell>
          <cell r="FU49" t="str">
            <v/>
          </cell>
          <cell r="FW49">
            <v>1</v>
          </cell>
          <cell r="FX49">
            <v>1</v>
          </cell>
          <cell r="FY49" t="str">
            <v>了</v>
          </cell>
          <cell r="GD49">
            <v>1</v>
          </cell>
          <cell r="GE49" t="str">
            <v>契約・検査課長　松本　嘉博</v>
          </cell>
          <cell r="GF49">
            <v>174</v>
          </cell>
          <cell r="GG49" t="str">
            <v>(株)ミズホ工業</v>
          </cell>
          <cell r="GH49">
            <v>91839000</v>
          </cell>
          <cell r="GI49">
            <v>8349000</v>
          </cell>
          <cell r="GJ49">
            <v>9184000</v>
          </cell>
          <cell r="GL49" t="str">
            <v>土、と、石、鋼、舗、しゅ、塗、水、解  1級土木施工管理技士</v>
          </cell>
          <cell r="GM49" t="str">
            <v>延安　伸二</v>
          </cell>
          <cell r="GN49" t="str">
            <v>土、と、石、鋼、舗、しゅ、塗、水、解  1級土木施工管理技士</v>
          </cell>
          <cell r="GO49" t="str">
            <v>延安　伸二</v>
          </cell>
          <cell r="GT49" t="str">
            <v>要</v>
          </cell>
          <cell r="GV49">
            <v>284890</v>
          </cell>
          <cell r="GW49">
            <v>3.1020590380992825</v>
          </cell>
          <cell r="GX49">
            <v>44272</v>
          </cell>
          <cell r="GY49">
            <v>119682200</v>
          </cell>
          <cell r="GZ49">
            <v>106892500</v>
          </cell>
          <cell r="HN49" t="str">
            <v xml:space="preserve">◆変更理由①　施工範囲の増積について       
　本事業区間について、交通管理者である伊丹警察より工事起点が付加車線の途中である事と交差点内の安全性を考慮した結果施工範囲を延長するよう要望があった。したがって、起点をNo.23+17.3からNo.22+8.7とし、施工延長L=28.6m分の増工を行った。       
◆変更理由②　交通誘導員の増員について       
　本路線は、尼崎と伊丹を結ぶ幹線道路であり、車両通行が非常に多い。また、沿道には企業や店舗が連立しており、車両の出入りが頻繁に行われる事から、交通管理者及び地元からの要望もあり、安全確保のため片側交互通行時や作業帯規制を伴う際に、交通誘導員の増員が必要となった。       
◆変更理由③　その他       
　現地調査の結果、数量等に増減が生じたため、設計変更を行う。       
</v>
          </cell>
          <cell r="HO49">
            <v>1</v>
          </cell>
          <cell r="HP49">
            <v>83480000</v>
          </cell>
          <cell r="HQ49">
            <v>83420000</v>
          </cell>
          <cell r="HR49">
            <v>83480000</v>
          </cell>
          <cell r="HS49">
            <v>93000000</v>
          </cell>
          <cell r="HT49">
            <v>84000000</v>
          </cell>
          <cell r="HU49">
            <v>83490000</v>
          </cell>
          <cell r="HV49">
            <v>83480000</v>
          </cell>
          <cell r="HW49">
            <v>83510000</v>
          </cell>
          <cell r="HX49">
            <v>83480000</v>
          </cell>
          <cell r="JD49">
            <v>1</v>
          </cell>
          <cell r="JE49">
            <v>1</v>
          </cell>
          <cell r="JF49" t="str">
            <v/>
          </cell>
          <cell r="JG49" t="str">
            <v/>
          </cell>
          <cell r="JH49" t="str">
            <v/>
          </cell>
          <cell r="JI49" t="str">
            <v/>
          </cell>
          <cell r="JJ49" t="str">
            <v/>
          </cell>
          <cell r="JK49" t="str">
            <v/>
          </cell>
          <cell r="JL49" t="str">
            <v/>
          </cell>
          <cell r="JM49" t="str">
            <v/>
          </cell>
          <cell r="JN49" t="str">
            <v/>
          </cell>
          <cell r="JO49" t="str">
            <v/>
          </cell>
          <cell r="JP49" t="str">
            <v/>
          </cell>
          <cell r="JQ49" t="str">
            <v/>
          </cell>
          <cell r="JR49" t="str">
            <v/>
          </cell>
          <cell r="JS49" t="str">
            <v/>
          </cell>
          <cell r="JT49" t="str">
            <v/>
          </cell>
          <cell r="JU49" t="str">
            <v/>
          </cell>
          <cell r="JV49" t="str">
            <v/>
          </cell>
          <cell r="JW49" t="str">
            <v/>
          </cell>
          <cell r="JX49" t="str">
            <v/>
          </cell>
          <cell r="JY49" t="str">
            <v/>
          </cell>
          <cell r="JZ49">
            <v>0.8932277736172034</v>
          </cell>
        </row>
        <row r="50">
          <cell r="C50" t="str">
            <v/>
          </cell>
          <cell r="D50" t="str">
            <v/>
          </cell>
          <cell r="E50" t="str">
            <v/>
          </cell>
          <cell r="I50">
            <v>42</v>
          </cell>
          <cell r="M50" t="str">
            <v>令和２年度伊丹市道路橋定期点検委託業務</v>
          </cell>
          <cell r="Q50" t="str">
            <v>道路橋点検</v>
          </cell>
          <cell r="Y50">
            <v>1</v>
          </cell>
          <cell r="AC50">
            <v>8</v>
          </cell>
          <cell r="AD50">
            <v>12</v>
          </cell>
          <cell r="AI50" t="str">
            <v>伊丹市内</v>
          </cell>
          <cell r="AM50" t="str">
            <v>1.道路橋梁定期点検（15ｍ未満）82橋
2.道路橋梁定期点検（15ｍ以上）27橋
3.打合せ協議　1業務</v>
          </cell>
          <cell r="AQ50">
            <v>1</v>
          </cell>
          <cell r="AY50">
            <v>43980</v>
          </cell>
          <cell r="AZ50">
            <v>43985</v>
          </cell>
          <cell r="BA50">
            <v>297</v>
          </cell>
          <cell r="BB50">
            <v>44281</v>
          </cell>
          <cell r="BC50">
            <v>11</v>
          </cell>
          <cell r="BD50" t="str">
            <v>○</v>
          </cell>
          <cell r="BE50" t="str">
            <v/>
          </cell>
          <cell r="BF50">
            <v>0.41736111111111113</v>
          </cell>
          <cell r="BG50">
            <v>7910</v>
          </cell>
          <cell r="BH50" t="str">
            <v>大河　芳賢</v>
          </cell>
          <cell r="BI50" t="str">
            <v>道路保全課</v>
          </cell>
          <cell r="BJ50">
            <v>4883</v>
          </cell>
          <cell r="BN50" t="str">
            <v>土設</v>
          </cell>
          <cell r="BO50">
            <v>2</v>
          </cell>
          <cell r="BS50">
            <v>44438900</v>
          </cell>
          <cell r="BT50">
            <v>40390000</v>
          </cell>
          <cell r="BU50" t="str">
            <v/>
          </cell>
          <cell r="BV50" t="str">
            <v/>
          </cell>
          <cell r="CH50">
            <v>21</v>
          </cell>
          <cell r="CI50">
            <v>43964</v>
          </cell>
          <cell r="CJ50" t="str">
            <v>鋼構造及びコンクリート部門</v>
          </cell>
          <cell r="CK50" t="str">
            <v>兵庫県内に本店又は支店</v>
          </cell>
          <cell r="CP50">
            <v>10682</v>
          </cell>
          <cell r="CT50" t="str">
            <v>請負金額が2,000万円以上</v>
          </cell>
          <cell r="CW50">
            <v>43972</v>
          </cell>
          <cell r="CX50" t="str">
            <v/>
          </cell>
          <cell r="CY50" t="str">
            <v/>
          </cell>
          <cell r="CZ50" t="str">
            <v/>
          </cell>
          <cell r="DA50">
            <v>43973</v>
          </cell>
          <cell r="DB50">
            <v>43977</v>
          </cell>
          <cell r="DC50">
            <v>54</v>
          </cell>
          <cell r="DD50" t="str">
            <v/>
          </cell>
          <cell r="DL50">
            <v>5596</v>
          </cell>
          <cell r="DM50">
            <v>5179</v>
          </cell>
          <cell r="DN50">
            <v>5104</v>
          </cell>
          <cell r="DO50">
            <v>5942</v>
          </cell>
          <cell r="DP50">
            <v>5835</v>
          </cell>
          <cell r="DQ50">
            <v>5929</v>
          </cell>
          <cell r="DR50">
            <v>5624</v>
          </cell>
          <cell r="DS50">
            <v>5278</v>
          </cell>
          <cell r="DT50">
            <v>6158</v>
          </cell>
          <cell r="DU50">
            <v>5986</v>
          </cell>
          <cell r="DV50">
            <v>5011</v>
          </cell>
          <cell r="DW50">
            <v>5475</v>
          </cell>
          <cell r="DX50">
            <v>5336</v>
          </cell>
          <cell r="DY50">
            <v>5569</v>
          </cell>
          <cell r="DZ50">
            <v>5824</v>
          </cell>
          <cell r="EA50">
            <v>5182</v>
          </cell>
          <cell r="EB50">
            <v>5696</v>
          </cell>
          <cell r="EC50">
            <v>5961</v>
          </cell>
          <cell r="ED50">
            <v>5435</v>
          </cell>
          <cell r="EE50">
            <v>5017</v>
          </cell>
          <cell r="EF50">
            <v>5502</v>
          </cell>
          <cell r="EG50">
            <v>5368</v>
          </cell>
          <cell r="EH50">
            <v>5793</v>
          </cell>
          <cell r="EI50">
            <v>6152</v>
          </cell>
          <cell r="EJ50">
            <v>5597</v>
          </cell>
          <cell r="EK50">
            <v>6306</v>
          </cell>
          <cell r="EL50">
            <v>5121</v>
          </cell>
          <cell r="EZ50">
            <v>27</v>
          </cell>
          <cell r="FA50">
            <v>8</v>
          </cell>
          <cell r="FI50">
            <v>4</v>
          </cell>
          <cell r="FJ50" t="str">
            <v>事後審査型一般競争入札</v>
          </cell>
          <cell r="FN50">
            <v>4</v>
          </cell>
          <cell r="FO50" t="str">
            <v>電子入札</v>
          </cell>
          <cell r="FS50">
            <v>2</v>
          </cell>
          <cell r="FT50" t="str">
            <v/>
          </cell>
          <cell r="FU50" t="str">
            <v/>
          </cell>
          <cell r="FW50" t="str">
            <v/>
          </cell>
          <cell r="FY50" t="str">
            <v/>
          </cell>
          <cell r="GD50">
            <v>1</v>
          </cell>
          <cell r="GE50" t="str">
            <v>契約・検査課長　松本　嘉博</v>
          </cell>
          <cell r="GF50">
            <v>5596</v>
          </cell>
          <cell r="GG50" t="str">
            <v>写測エンジニアリング(株)</v>
          </cell>
          <cell r="GH50">
            <v>13530000</v>
          </cell>
          <cell r="GI50">
            <v>1230000</v>
          </cell>
          <cell r="GJ50">
            <v>1353000</v>
          </cell>
          <cell r="GL50" t="str">
            <v>技術士 建設部門 鋼構造及びｺﾝｸﾘｰﾄ</v>
          </cell>
          <cell r="GM50" t="str">
            <v>中西　正昭（管理技術者）</v>
          </cell>
          <cell r="GN50" t="str">
            <v>道路橋点検士,技術士補（建設部門）</v>
          </cell>
          <cell r="GO50" t="str">
            <v>武井　賢司（橋梁点検員）</v>
          </cell>
          <cell r="GT50" t="str">
            <v/>
          </cell>
          <cell r="GW50" t="str">
            <v/>
          </cell>
          <cell r="GX50">
            <v>44274</v>
          </cell>
          <cell r="GY50">
            <v>44216700</v>
          </cell>
          <cell r="GZ50">
            <v>13461800</v>
          </cell>
          <cell r="HN50" t="str">
            <v>現地精査による精算変更。</v>
          </cell>
          <cell r="HO50">
            <v>1</v>
          </cell>
          <cell r="HP50">
            <v>12300000</v>
          </cell>
          <cell r="HQ50">
            <v>14140000</v>
          </cell>
          <cell r="HR50">
            <v>14150000</v>
          </cell>
          <cell r="HS50">
            <v>14944000</v>
          </cell>
          <cell r="HT50">
            <v>16000000</v>
          </cell>
          <cell r="HU50">
            <v>16681070</v>
          </cell>
          <cell r="HV50">
            <v>16750000</v>
          </cell>
          <cell r="HW50">
            <v>18950000</v>
          </cell>
          <cell r="HX50">
            <v>19000000</v>
          </cell>
          <cell r="HY50">
            <v>19800000</v>
          </cell>
          <cell r="HZ50">
            <v>19840000</v>
          </cell>
          <cell r="IA50">
            <v>20770000</v>
          </cell>
          <cell r="IB50">
            <v>23000000</v>
          </cell>
          <cell r="IC50">
            <v>23000000</v>
          </cell>
          <cell r="ID50">
            <v>24000000</v>
          </cell>
          <cell r="IE50">
            <v>24230000</v>
          </cell>
          <cell r="IF50">
            <v>24700000</v>
          </cell>
          <cell r="IG50">
            <v>25000000</v>
          </cell>
          <cell r="IH50">
            <v>28000000</v>
          </cell>
          <cell r="II50">
            <v>28260000</v>
          </cell>
          <cell r="IJ50">
            <v>28280000</v>
          </cell>
          <cell r="IK50">
            <v>32000000</v>
          </cell>
          <cell r="IL50">
            <v>32000000</v>
          </cell>
          <cell r="IM50">
            <v>36350000</v>
          </cell>
          <cell r="IN50">
            <v>40390000</v>
          </cell>
          <cell r="IO50">
            <v>40390000</v>
          </cell>
          <cell r="IP50" t="str">
            <v>-</v>
          </cell>
          <cell r="JD50" t="str">
            <v/>
          </cell>
          <cell r="JE50" t="str">
            <v/>
          </cell>
          <cell r="JF50" t="str">
            <v/>
          </cell>
          <cell r="JG50" t="str">
            <v/>
          </cell>
          <cell r="JH50" t="str">
            <v/>
          </cell>
          <cell r="JI50" t="str">
            <v/>
          </cell>
          <cell r="JJ50" t="str">
            <v/>
          </cell>
          <cell r="JK50" t="str">
            <v/>
          </cell>
          <cell r="JL50" t="str">
            <v/>
          </cell>
          <cell r="JM50" t="str">
            <v/>
          </cell>
          <cell r="JN50" t="str">
            <v/>
          </cell>
          <cell r="JO50" t="str">
            <v/>
          </cell>
          <cell r="JP50" t="str">
            <v/>
          </cell>
          <cell r="JQ50" t="str">
            <v/>
          </cell>
          <cell r="JR50" t="str">
            <v/>
          </cell>
          <cell r="JS50" t="str">
            <v/>
          </cell>
          <cell r="JT50" t="str">
            <v/>
          </cell>
          <cell r="JU50" t="str">
            <v/>
          </cell>
          <cell r="JV50">
            <v>2</v>
          </cell>
          <cell r="JW50">
            <v>2</v>
          </cell>
          <cell r="JX50" t="str">
            <v/>
          </cell>
          <cell r="JY50" t="str">
            <v/>
          </cell>
          <cell r="JZ50">
            <v>0.30453082446150032</v>
          </cell>
        </row>
        <row r="51">
          <cell r="C51" t="str">
            <v/>
          </cell>
          <cell r="D51" t="str">
            <v/>
          </cell>
          <cell r="E51" t="str">
            <v/>
          </cell>
          <cell r="I51">
            <v>43</v>
          </cell>
          <cell r="L51">
            <v>1</v>
          </cell>
          <cell r="M51" t="str">
            <v>令和２年度小学校給食センター配送車両購入（製造の請負）</v>
          </cell>
          <cell r="Q51" t="str">
            <v>給食配送車</v>
          </cell>
          <cell r="Y51">
            <v>1</v>
          </cell>
          <cell r="AC51">
            <v>8</v>
          </cell>
          <cell r="AD51">
            <v>3</v>
          </cell>
          <cell r="AF51">
            <v>1</v>
          </cell>
          <cell r="AI51" t="str">
            <v>伊丹市鴻池３丁目４番５号</v>
          </cell>
          <cell r="AQ51">
            <v>1</v>
          </cell>
          <cell r="AY51">
            <v>43986</v>
          </cell>
          <cell r="AZ51">
            <v>43987</v>
          </cell>
          <cell r="BA51">
            <v>179</v>
          </cell>
          <cell r="BB51">
            <v>44165</v>
          </cell>
          <cell r="BC51" t="str">
            <v/>
          </cell>
          <cell r="BD51" t="str">
            <v/>
          </cell>
          <cell r="BE51" t="str">
            <v/>
          </cell>
          <cell r="BF51">
            <v>0.41736111111111113</v>
          </cell>
          <cell r="BG51">
            <v>6338</v>
          </cell>
          <cell r="BH51" t="str">
            <v>安福  奈津子</v>
          </cell>
          <cell r="BI51" t="str">
            <v>小学校給食センター</v>
          </cell>
          <cell r="BN51" t="str">
            <v>他</v>
          </cell>
          <cell r="BO51">
            <v>20</v>
          </cell>
          <cell r="BS51">
            <v>12126960</v>
          </cell>
          <cell r="BT51">
            <v>11030000</v>
          </cell>
          <cell r="BU51">
            <v>1</v>
          </cell>
          <cell r="BV51" t="str">
            <v/>
          </cell>
          <cell r="CD51" t="str">
            <v>●</v>
          </cell>
          <cell r="CH51">
            <v>-16</v>
          </cell>
          <cell r="CI51">
            <v>43970</v>
          </cell>
          <cell r="CP51">
            <v>60185</v>
          </cell>
          <cell r="CX51" t="str">
            <v/>
          </cell>
          <cell r="CY51" t="str">
            <v/>
          </cell>
          <cell r="CZ51" t="str">
            <v/>
          </cell>
          <cell r="DA51">
            <v>43978</v>
          </cell>
          <cell r="DB51">
            <v>43980</v>
          </cell>
          <cell r="DD51" t="str">
            <v/>
          </cell>
          <cell r="DL51">
            <v>10269</v>
          </cell>
          <cell r="DM51">
            <v>10624</v>
          </cell>
          <cell r="DN51">
            <v>10763</v>
          </cell>
          <cell r="DO51">
            <v>10845</v>
          </cell>
          <cell r="DP51">
            <v>11539</v>
          </cell>
          <cell r="DQ51">
            <v>10608</v>
          </cell>
          <cell r="DR51">
            <v>10026</v>
          </cell>
          <cell r="DS51">
            <v>10462</v>
          </cell>
          <cell r="EZ51">
            <v>8</v>
          </cell>
          <cell r="FA51">
            <v>8</v>
          </cell>
          <cell r="FI51">
            <v>5</v>
          </cell>
          <cell r="FJ51" t="str">
            <v>指名競争入札（簡易認証）</v>
          </cell>
          <cell r="FN51">
            <v>4</v>
          </cell>
          <cell r="FO51" t="str">
            <v>電子入札</v>
          </cell>
          <cell r="FS51">
            <v>3</v>
          </cell>
          <cell r="FT51" t="str">
            <v/>
          </cell>
          <cell r="FU51" t="str">
            <v/>
          </cell>
          <cell r="FW51" t="str">
            <v/>
          </cell>
          <cell r="FY51" t="str">
            <v/>
          </cell>
          <cell r="GD51">
            <v>1</v>
          </cell>
          <cell r="GE51" t="str">
            <v>契約・検査課長　松本　嘉博</v>
          </cell>
          <cell r="GG51" t="str">
            <v/>
          </cell>
          <cell r="GI51" t="str">
            <v/>
          </cell>
          <cell r="GJ51" t="str">
            <v/>
          </cell>
          <cell r="GT51" t="str">
            <v/>
          </cell>
          <cell r="GW51" t="str">
            <v/>
          </cell>
          <cell r="HO51" t="str">
            <v/>
          </cell>
          <cell r="JD51" t="str">
            <v/>
          </cell>
          <cell r="JE51" t="str">
            <v/>
          </cell>
          <cell r="JF51" t="str">
            <v/>
          </cell>
          <cell r="JG51" t="str">
            <v/>
          </cell>
          <cell r="JH51" t="str">
            <v/>
          </cell>
          <cell r="JI51" t="str">
            <v/>
          </cell>
          <cell r="JJ51" t="str">
            <v/>
          </cell>
          <cell r="JK51" t="str">
            <v/>
          </cell>
          <cell r="JL51" t="str">
            <v/>
          </cell>
          <cell r="JM51" t="str">
            <v/>
          </cell>
          <cell r="JN51" t="str">
            <v/>
          </cell>
          <cell r="JO51" t="str">
            <v/>
          </cell>
          <cell r="JP51" t="str">
            <v/>
          </cell>
          <cell r="JQ51" t="str">
            <v/>
          </cell>
          <cell r="JR51" t="str">
            <v/>
          </cell>
          <cell r="JS51" t="str">
            <v/>
          </cell>
          <cell r="JT51" t="str">
            <v/>
          </cell>
          <cell r="JU51" t="str">
            <v/>
          </cell>
          <cell r="JV51" t="str">
            <v/>
          </cell>
          <cell r="JW51" t="str">
            <v/>
          </cell>
          <cell r="JX51">
            <v>20</v>
          </cell>
          <cell r="JY51">
            <v>19</v>
          </cell>
          <cell r="JZ51" t="str">
            <v/>
          </cell>
        </row>
        <row r="52">
          <cell r="C52" t="str">
            <v/>
          </cell>
          <cell r="D52" t="str">
            <v/>
          </cell>
          <cell r="E52" t="str">
            <v/>
          </cell>
          <cell r="I52">
            <v>44</v>
          </cell>
          <cell r="M52" t="str">
            <v>令和２年度旧伊丹市立中央公民館廃棄物収集運搬委託業務</v>
          </cell>
          <cell r="Q52" t="str">
            <v>公民館廃棄</v>
          </cell>
          <cell r="Y52">
            <v>1</v>
          </cell>
          <cell r="AC52">
            <v>8</v>
          </cell>
          <cell r="AD52">
            <v>8</v>
          </cell>
          <cell r="AI52" t="str">
            <v>旧伊丹市立中央公民館</v>
          </cell>
          <cell r="AQ52">
            <v>1</v>
          </cell>
          <cell r="AY52">
            <v>43984</v>
          </cell>
          <cell r="AZ52">
            <v>43985</v>
          </cell>
          <cell r="BA52">
            <v>28</v>
          </cell>
          <cell r="BB52">
            <v>44012</v>
          </cell>
          <cell r="BC52" t="str">
            <v/>
          </cell>
          <cell r="BD52" t="str">
            <v/>
          </cell>
          <cell r="BE52" t="str">
            <v/>
          </cell>
          <cell r="BF52">
            <v>0.41736111111111113</v>
          </cell>
          <cell r="BG52">
            <v>4711</v>
          </cell>
          <cell r="BH52" t="str">
            <v>池田  真美</v>
          </cell>
          <cell r="BI52" t="str">
            <v>公民館</v>
          </cell>
          <cell r="BJ52">
            <v>5811</v>
          </cell>
          <cell r="BN52" t="str">
            <v>他</v>
          </cell>
          <cell r="BO52">
            <v>21</v>
          </cell>
          <cell r="BS52">
            <v>2295480</v>
          </cell>
          <cell r="BT52">
            <v>2080000</v>
          </cell>
          <cell r="BU52" t="str">
            <v/>
          </cell>
          <cell r="BV52" t="str">
            <v/>
          </cell>
          <cell r="CD52" t="str">
            <v/>
          </cell>
          <cell r="CH52">
            <v>-19</v>
          </cell>
          <cell r="CI52">
            <v>43966</v>
          </cell>
          <cell r="CP52">
            <v>70420</v>
          </cell>
          <cell r="CW52" t="str">
            <v/>
          </cell>
          <cell r="CX52" t="str">
            <v/>
          </cell>
          <cell r="CY52" t="str">
            <v/>
          </cell>
          <cell r="CZ52" t="str">
            <v/>
          </cell>
          <cell r="DA52">
            <v>43976</v>
          </cell>
          <cell r="DB52">
            <v>43979</v>
          </cell>
          <cell r="DD52" t="str">
            <v/>
          </cell>
          <cell r="DL52">
            <v>10273</v>
          </cell>
          <cell r="DM52">
            <v>10353</v>
          </cell>
          <cell r="DN52">
            <v>10514</v>
          </cell>
          <cell r="DO52">
            <v>10886</v>
          </cell>
          <cell r="DP52">
            <v>10969</v>
          </cell>
          <cell r="DQ52">
            <v>11082</v>
          </cell>
          <cell r="DR52">
            <v>11266</v>
          </cell>
          <cell r="DS52">
            <v>11843</v>
          </cell>
          <cell r="DT52">
            <v>10019</v>
          </cell>
          <cell r="DU52">
            <v>10072</v>
          </cell>
          <cell r="EZ52">
            <v>10</v>
          </cell>
          <cell r="FA52">
            <v>6</v>
          </cell>
          <cell r="FI52">
            <v>5</v>
          </cell>
          <cell r="FJ52" t="str">
            <v>指名競争入札（簡易認証）</v>
          </cell>
          <cell r="FN52">
            <v>4</v>
          </cell>
          <cell r="FO52" t="str">
            <v>電子入札</v>
          </cell>
          <cell r="FS52">
            <v>5</v>
          </cell>
          <cell r="FT52" t="str">
            <v/>
          </cell>
          <cell r="FU52" t="str">
            <v/>
          </cell>
          <cell r="FW52" t="str">
            <v/>
          </cell>
          <cell r="FY52" t="str">
            <v/>
          </cell>
          <cell r="GC52">
            <v>1</v>
          </cell>
          <cell r="GD52">
            <v>1</v>
          </cell>
          <cell r="GE52" t="str">
            <v>契約・検査課長　松本　嘉博</v>
          </cell>
          <cell r="GF52">
            <v>10514</v>
          </cell>
          <cell r="GG52" t="str">
            <v>エアーポート企業(株)</v>
          </cell>
          <cell r="GH52">
            <v>2174480</v>
          </cell>
          <cell r="GI52">
            <v>197680</v>
          </cell>
          <cell r="GJ52">
            <v>218000</v>
          </cell>
          <cell r="GL52" t="str">
            <v>普通自動車第一種運転免許</v>
          </cell>
          <cell r="GM52" t="str">
            <v>林　哲也</v>
          </cell>
          <cell r="GN52" t="str">
            <v>普通自動車第一種運転免許</v>
          </cell>
          <cell r="GO52" t="str">
            <v>林　哲也</v>
          </cell>
          <cell r="GT52" t="str">
            <v/>
          </cell>
          <cell r="GW52" t="str">
            <v/>
          </cell>
          <cell r="HO52" t="str">
            <v/>
          </cell>
          <cell r="HP52" t="str">
            <v>-</v>
          </cell>
          <cell r="HQ52">
            <v>2080000</v>
          </cell>
          <cell r="HR52">
            <v>1976800</v>
          </cell>
          <cell r="HS52">
            <v>2038000</v>
          </cell>
          <cell r="HT52">
            <v>2050000</v>
          </cell>
          <cell r="HU52">
            <v>2080000</v>
          </cell>
          <cell r="HV52">
            <v>2080000</v>
          </cell>
          <cell r="HW52">
            <v>2080000</v>
          </cell>
          <cell r="HX52" t="str">
            <v>-</v>
          </cell>
          <cell r="HY52" t="str">
            <v>-</v>
          </cell>
          <cell r="JD52" t="str">
            <v/>
          </cell>
          <cell r="JE52" t="str">
            <v/>
          </cell>
          <cell r="JF52" t="str">
            <v/>
          </cell>
          <cell r="JG52" t="str">
            <v/>
          </cell>
          <cell r="JH52" t="str">
            <v/>
          </cell>
          <cell r="JI52" t="str">
            <v/>
          </cell>
          <cell r="JJ52" t="str">
            <v/>
          </cell>
          <cell r="JK52" t="str">
            <v/>
          </cell>
          <cell r="JL52" t="str">
            <v/>
          </cell>
          <cell r="JM52" t="str">
            <v/>
          </cell>
          <cell r="JN52" t="str">
            <v/>
          </cell>
          <cell r="JO52" t="str">
            <v/>
          </cell>
          <cell r="JP52" t="str">
            <v/>
          </cell>
          <cell r="JQ52" t="str">
            <v/>
          </cell>
          <cell r="JR52" t="str">
            <v/>
          </cell>
          <cell r="JS52" t="str">
            <v/>
          </cell>
          <cell r="JT52" t="str">
            <v/>
          </cell>
          <cell r="JU52" t="str">
            <v/>
          </cell>
          <cell r="JV52" t="str">
            <v/>
          </cell>
          <cell r="JW52" t="str">
            <v/>
          </cell>
          <cell r="JX52">
            <v>21</v>
          </cell>
          <cell r="JY52">
            <v>20</v>
          </cell>
          <cell r="JZ52">
            <v>0.95038461538461527</v>
          </cell>
        </row>
        <row r="53">
          <cell r="C53" t="str">
            <v/>
          </cell>
          <cell r="D53" t="str">
            <v/>
          </cell>
          <cell r="E53" t="str">
            <v/>
          </cell>
          <cell r="I53">
            <v>45</v>
          </cell>
          <cell r="M53" t="str">
            <v>令和２年度産業廃棄物運搬・処理委託業務（天神川幼稚園）</v>
          </cell>
          <cell r="Q53" t="str">
            <v>天神川幼廃棄</v>
          </cell>
          <cell r="Y53">
            <v>1</v>
          </cell>
          <cell r="AC53">
            <v>8</v>
          </cell>
          <cell r="AD53">
            <v>8</v>
          </cell>
          <cell r="AI53" t="str">
            <v>伊丹市荒牧南３丁目１番地２１号</v>
          </cell>
          <cell r="AQ53">
            <v>1</v>
          </cell>
          <cell r="AY53">
            <v>43984</v>
          </cell>
          <cell r="AZ53">
            <v>43985</v>
          </cell>
          <cell r="BA53">
            <v>17</v>
          </cell>
          <cell r="BB53">
            <v>44001</v>
          </cell>
          <cell r="BC53" t="str">
            <v/>
          </cell>
          <cell r="BD53" t="str">
            <v/>
          </cell>
          <cell r="BE53" t="str">
            <v/>
          </cell>
          <cell r="BF53">
            <v>0.41805555555555557</v>
          </cell>
          <cell r="BG53">
            <v>6095</v>
          </cell>
          <cell r="BH53" t="str">
            <v>竹中  やよい</v>
          </cell>
          <cell r="BI53" t="str">
            <v>幼児教育推進課</v>
          </cell>
          <cell r="BJ53">
            <v>4268</v>
          </cell>
          <cell r="BN53" t="str">
            <v>他</v>
          </cell>
          <cell r="BO53">
            <v>22</v>
          </cell>
          <cell r="BS53">
            <v>2068000</v>
          </cell>
          <cell r="BT53">
            <v>1879999.9999999998</v>
          </cell>
          <cell r="BU53" t="str">
            <v/>
          </cell>
          <cell r="BV53" t="str">
            <v/>
          </cell>
          <cell r="CD53" t="str">
            <v/>
          </cell>
          <cell r="CH53">
            <v>-20</v>
          </cell>
          <cell r="CI53">
            <v>43966</v>
          </cell>
          <cell r="CP53">
            <v>56022</v>
          </cell>
          <cell r="CW53" t="str">
            <v/>
          </cell>
          <cell r="CX53" t="str">
            <v/>
          </cell>
          <cell r="CY53" t="str">
            <v/>
          </cell>
          <cell r="CZ53" t="str">
            <v/>
          </cell>
          <cell r="DA53">
            <v>43976</v>
          </cell>
          <cell r="DB53">
            <v>43979</v>
          </cell>
          <cell r="DD53" t="str">
            <v/>
          </cell>
          <cell r="DL53">
            <v>10273</v>
          </cell>
          <cell r="DM53">
            <v>10353</v>
          </cell>
          <cell r="DN53">
            <v>10514</v>
          </cell>
          <cell r="DO53">
            <v>10886</v>
          </cell>
          <cell r="DP53">
            <v>10969</v>
          </cell>
          <cell r="DQ53">
            <v>11082</v>
          </cell>
          <cell r="DR53">
            <v>11266</v>
          </cell>
          <cell r="DS53">
            <v>11843</v>
          </cell>
          <cell r="DT53">
            <v>10019</v>
          </cell>
          <cell r="DU53">
            <v>10072</v>
          </cell>
          <cell r="EZ53">
            <v>10</v>
          </cell>
          <cell r="FA53">
            <v>6</v>
          </cell>
          <cell r="FI53">
            <v>5</v>
          </cell>
          <cell r="FJ53" t="str">
            <v>指名競争入札（簡易認証）</v>
          </cell>
          <cell r="FN53">
            <v>4</v>
          </cell>
          <cell r="FO53" t="str">
            <v>電子入札</v>
          </cell>
          <cell r="FS53">
            <v>5</v>
          </cell>
          <cell r="FT53" t="str">
            <v/>
          </cell>
          <cell r="FU53" t="str">
            <v/>
          </cell>
          <cell r="FW53" t="str">
            <v/>
          </cell>
          <cell r="FY53" t="str">
            <v/>
          </cell>
          <cell r="GD53">
            <v>1</v>
          </cell>
          <cell r="GE53" t="str">
            <v>契約・検査課長　松本　嘉博</v>
          </cell>
          <cell r="GF53">
            <v>10886</v>
          </cell>
          <cell r="GG53" t="str">
            <v>(株)大協</v>
          </cell>
          <cell r="GH53">
            <v>1441000</v>
          </cell>
          <cell r="GI53">
            <v>131000</v>
          </cell>
          <cell r="GJ53" t="str">
            <v/>
          </cell>
          <cell r="GL53" t="str">
            <v>大型自動車,普通自動二輪</v>
          </cell>
          <cell r="GM53" t="str">
            <v>奥野　智一</v>
          </cell>
          <cell r="GN53" t="str">
            <v>大型自動車,普通自動二輪</v>
          </cell>
          <cell r="GO53" t="str">
            <v>奥野　智一</v>
          </cell>
          <cell r="GT53" t="str">
            <v/>
          </cell>
          <cell r="GW53" t="str">
            <v/>
          </cell>
          <cell r="HO53" t="str">
            <v/>
          </cell>
          <cell r="HP53" t="str">
            <v>-</v>
          </cell>
          <cell r="HQ53">
            <v>1850000</v>
          </cell>
          <cell r="HR53">
            <v>1880000</v>
          </cell>
          <cell r="HS53">
            <v>1310000</v>
          </cell>
          <cell r="HT53">
            <v>1850000</v>
          </cell>
          <cell r="HU53">
            <v>1880000</v>
          </cell>
          <cell r="HV53">
            <v>1880000</v>
          </cell>
          <cell r="HW53">
            <v>1880000</v>
          </cell>
          <cell r="HX53" t="str">
            <v>-</v>
          </cell>
          <cell r="HY53" t="str">
            <v>-</v>
          </cell>
          <cell r="JD53" t="str">
            <v/>
          </cell>
          <cell r="JE53" t="str">
            <v/>
          </cell>
          <cell r="JF53" t="str">
            <v/>
          </cell>
          <cell r="JG53" t="str">
            <v/>
          </cell>
          <cell r="JH53" t="str">
            <v/>
          </cell>
          <cell r="JI53" t="str">
            <v/>
          </cell>
          <cell r="JJ53" t="str">
            <v/>
          </cell>
          <cell r="JK53" t="str">
            <v/>
          </cell>
          <cell r="JL53" t="str">
            <v/>
          </cell>
          <cell r="JM53" t="str">
            <v/>
          </cell>
          <cell r="JN53" t="str">
            <v/>
          </cell>
          <cell r="JO53" t="str">
            <v/>
          </cell>
          <cell r="JP53" t="str">
            <v/>
          </cell>
          <cell r="JQ53" t="str">
            <v/>
          </cell>
          <cell r="JR53" t="str">
            <v/>
          </cell>
          <cell r="JS53" t="str">
            <v/>
          </cell>
          <cell r="JT53" t="str">
            <v/>
          </cell>
          <cell r="JU53" t="str">
            <v/>
          </cell>
          <cell r="JV53" t="str">
            <v/>
          </cell>
          <cell r="JW53" t="str">
            <v/>
          </cell>
          <cell r="JX53">
            <v>22</v>
          </cell>
          <cell r="JY53">
            <v>21</v>
          </cell>
          <cell r="JZ53">
            <v>0.69680851063829796</v>
          </cell>
        </row>
        <row r="54">
          <cell r="C54" t="str">
            <v/>
          </cell>
          <cell r="D54" t="str">
            <v/>
          </cell>
          <cell r="E54" t="str">
            <v/>
          </cell>
          <cell r="I54">
            <v>46</v>
          </cell>
          <cell r="M54" t="str">
            <v>令和２年度伊丹市紙分別促進袋作成・印刷業務（製造請負）</v>
          </cell>
          <cell r="Q54" t="str">
            <v>紙分別促進袋</v>
          </cell>
          <cell r="Y54">
            <v>1</v>
          </cell>
          <cell r="AC54">
            <v>8</v>
          </cell>
          <cell r="AD54">
            <v>3</v>
          </cell>
          <cell r="AI54" t="str">
            <v>伊丹市岩屋２丁目２番８号</v>
          </cell>
          <cell r="AQ54">
            <v>1</v>
          </cell>
          <cell r="AY54">
            <v>43984</v>
          </cell>
          <cell r="AZ54">
            <v>43985</v>
          </cell>
          <cell r="BA54">
            <v>84</v>
          </cell>
          <cell r="BB54">
            <v>44068</v>
          </cell>
          <cell r="BC54" t="str">
            <v/>
          </cell>
          <cell r="BD54" t="str">
            <v/>
          </cell>
          <cell r="BE54" t="str">
            <v/>
          </cell>
          <cell r="BF54">
            <v>0.41875000000000001</v>
          </cell>
          <cell r="BG54">
            <v>5817</v>
          </cell>
          <cell r="BH54" t="str">
            <v>吉田  伸矢</v>
          </cell>
          <cell r="BI54" t="str">
            <v>減量推進課</v>
          </cell>
          <cell r="BJ54" t="str">
            <v>782-0968</v>
          </cell>
          <cell r="BN54" t="str">
            <v>他</v>
          </cell>
          <cell r="BO54">
            <v>23</v>
          </cell>
          <cell r="BS54">
            <v>2035000</v>
          </cell>
          <cell r="BT54">
            <v>1850000</v>
          </cell>
          <cell r="BU54">
            <v>1</v>
          </cell>
          <cell r="BV54" t="str">
            <v/>
          </cell>
          <cell r="CD54" t="str">
            <v/>
          </cell>
          <cell r="CH54">
            <v>-21</v>
          </cell>
          <cell r="CI54">
            <v>43969</v>
          </cell>
          <cell r="CP54">
            <v>28099</v>
          </cell>
          <cell r="CW54" t="str">
            <v/>
          </cell>
          <cell r="CX54" t="str">
            <v/>
          </cell>
          <cell r="CY54" t="str">
            <v/>
          </cell>
          <cell r="CZ54" t="str">
            <v/>
          </cell>
          <cell r="DA54">
            <v>43976</v>
          </cell>
          <cell r="DB54">
            <v>43979</v>
          </cell>
          <cell r="DD54" t="str">
            <v/>
          </cell>
          <cell r="DL54">
            <v>10996</v>
          </cell>
          <cell r="DM54">
            <v>12735</v>
          </cell>
          <cell r="DN54">
            <v>10594</v>
          </cell>
          <cell r="DO54">
            <v>10606</v>
          </cell>
          <cell r="DP54">
            <v>12917</v>
          </cell>
          <cell r="DQ54">
            <v>12799</v>
          </cell>
          <cell r="DR54">
            <v>10945</v>
          </cell>
          <cell r="DS54">
            <v>10501</v>
          </cell>
          <cell r="EZ54">
            <v>8</v>
          </cell>
          <cell r="FA54">
            <v>6</v>
          </cell>
          <cell r="FI54">
            <v>5</v>
          </cell>
          <cell r="FJ54" t="str">
            <v>指名競争入札（簡易認証）</v>
          </cell>
          <cell r="FN54">
            <v>4</v>
          </cell>
          <cell r="FO54" t="str">
            <v>電子入札</v>
          </cell>
          <cell r="FS54">
            <v>3</v>
          </cell>
          <cell r="FT54" t="str">
            <v/>
          </cell>
          <cell r="FU54" t="str">
            <v/>
          </cell>
          <cell r="FW54" t="str">
            <v/>
          </cell>
          <cell r="FY54" t="str">
            <v/>
          </cell>
          <cell r="GD54">
            <v>1</v>
          </cell>
          <cell r="GE54" t="str">
            <v>契約・検査課長　松本　嘉博</v>
          </cell>
          <cell r="GF54">
            <v>10594</v>
          </cell>
          <cell r="GG54" t="str">
            <v>アイシー印刷(株)</v>
          </cell>
          <cell r="GH54">
            <v>1796300</v>
          </cell>
          <cell r="GI54">
            <v>163300</v>
          </cell>
          <cell r="GJ54" t="str">
            <v/>
          </cell>
          <cell r="GM54" t="str">
            <v>向井　康博</v>
          </cell>
          <cell r="GO54" t="str">
            <v>向井　康博</v>
          </cell>
          <cell r="GT54" t="str">
            <v/>
          </cell>
          <cell r="GW54" t="str">
            <v/>
          </cell>
          <cell r="HO54" t="str">
            <v/>
          </cell>
          <cell r="HP54" t="str">
            <v>-</v>
          </cell>
          <cell r="HQ54">
            <v>1800000</v>
          </cell>
          <cell r="HR54">
            <v>1633000</v>
          </cell>
          <cell r="HS54">
            <v>2100000</v>
          </cell>
          <cell r="HT54">
            <v>1939600</v>
          </cell>
          <cell r="HU54">
            <v>2350000</v>
          </cell>
          <cell r="HV54" t="str">
            <v>-</v>
          </cell>
          <cell r="HW54" t="str">
            <v>-</v>
          </cell>
          <cell r="JD54" t="str">
            <v/>
          </cell>
          <cell r="JE54" t="str">
            <v/>
          </cell>
          <cell r="JF54" t="str">
            <v/>
          </cell>
          <cell r="JG54" t="str">
            <v/>
          </cell>
          <cell r="JH54" t="str">
            <v/>
          </cell>
          <cell r="JI54" t="str">
            <v/>
          </cell>
          <cell r="JJ54" t="str">
            <v/>
          </cell>
          <cell r="JK54" t="str">
            <v/>
          </cell>
          <cell r="JL54" t="str">
            <v/>
          </cell>
          <cell r="JM54" t="str">
            <v/>
          </cell>
          <cell r="JN54" t="str">
            <v/>
          </cell>
          <cell r="JO54" t="str">
            <v/>
          </cell>
          <cell r="JP54" t="str">
            <v/>
          </cell>
          <cell r="JQ54" t="str">
            <v/>
          </cell>
          <cell r="JR54" t="str">
            <v/>
          </cell>
          <cell r="JS54" t="str">
            <v/>
          </cell>
          <cell r="JT54" t="str">
            <v/>
          </cell>
          <cell r="JU54" t="str">
            <v/>
          </cell>
          <cell r="JV54" t="str">
            <v/>
          </cell>
          <cell r="JW54" t="str">
            <v/>
          </cell>
          <cell r="JX54">
            <v>23</v>
          </cell>
          <cell r="JY54">
            <v>22</v>
          </cell>
          <cell r="JZ54">
            <v>0.88270270270270257</v>
          </cell>
        </row>
        <row r="55">
          <cell r="C55" t="str">
            <v/>
          </cell>
          <cell r="D55" t="str">
            <v/>
          </cell>
          <cell r="E55" t="str">
            <v/>
          </cell>
          <cell r="I55">
            <v>47</v>
          </cell>
          <cell r="M55" t="str">
            <v>令和２年度伊丹市財務会計システムリース</v>
          </cell>
          <cell r="Q55" t="str">
            <v>財務会計ﾘｰｽ</v>
          </cell>
          <cell r="Y55">
            <v>1</v>
          </cell>
          <cell r="AC55">
            <v>8</v>
          </cell>
          <cell r="AD55">
            <v>7</v>
          </cell>
          <cell r="AI55" t="str">
            <v>伊丹市役所本庁舎</v>
          </cell>
          <cell r="AQ55">
            <v>7</v>
          </cell>
          <cell r="AU55">
            <v>60</v>
          </cell>
          <cell r="AY55">
            <v>43979</v>
          </cell>
          <cell r="AZ55">
            <v>43980</v>
          </cell>
          <cell r="BA55">
            <v>1951</v>
          </cell>
          <cell r="BB55">
            <v>45930</v>
          </cell>
          <cell r="BC55" t="str">
            <v/>
          </cell>
          <cell r="BD55" t="str">
            <v/>
          </cell>
          <cell r="BE55" t="str">
            <v/>
          </cell>
          <cell r="BF55">
            <v>0.41805555555555557</v>
          </cell>
          <cell r="BG55">
            <v>6980</v>
          </cell>
          <cell r="BH55" t="str">
            <v>當眞  康嗣</v>
          </cell>
          <cell r="BI55" t="str">
            <v>情報管理課</v>
          </cell>
          <cell r="BJ55">
            <v>4493</v>
          </cell>
          <cell r="BN55" t="str">
            <v>リ</v>
          </cell>
          <cell r="BO55">
            <v>2</v>
          </cell>
          <cell r="BS55">
            <v>34808400</v>
          </cell>
          <cell r="BT55">
            <v>527400</v>
          </cell>
          <cell r="BU55">
            <v>1</v>
          </cell>
          <cell r="BV55" t="str">
            <v/>
          </cell>
          <cell r="CH55">
            <v>-18</v>
          </cell>
          <cell r="CI55">
            <v>43964</v>
          </cell>
          <cell r="CP55">
            <v>73797</v>
          </cell>
          <cell r="CW55" t="str">
            <v/>
          </cell>
          <cell r="CX55" t="str">
            <v/>
          </cell>
          <cell r="CY55" t="str">
            <v/>
          </cell>
          <cell r="CZ55" t="str">
            <v/>
          </cell>
          <cell r="DA55">
            <v>43971</v>
          </cell>
          <cell r="DB55">
            <v>43976</v>
          </cell>
          <cell r="DD55" t="str">
            <v/>
          </cell>
          <cell r="DL55">
            <v>10006</v>
          </cell>
          <cell r="DM55">
            <v>10064</v>
          </cell>
          <cell r="DN55">
            <v>10115</v>
          </cell>
          <cell r="DO55">
            <v>10126</v>
          </cell>
          <cell r="DP55">
            <v>10153</v>
          </cell>
          <cell r="DQ55">
            <v>10287</v>
          </cell>
          <cell r="DR55">
            <v>11587</v>
          </cell>
          <cell r="DS55">
            <v>10140</v>
          </cell>
          <cell r="DT55">
            <v>10200</v>
          </cell>
          <cell r="DU55">
            <v>10529</v>
          </cell>
          <cell r="DV55">
            <v>10689</v>
          </cell>
          <cell r="DW55">
            <v>12344</v>
          </cell>
          <cell r="DX55">
            <v>10070</v>
          </cell>
          <cell r="EZ55">
            <v>13</v>
          </cell>
          <cell r="FA55">
            <v>8</v>
          </cell>
          <cell r="FB55">
            <v>1</v>
          </cell>
          <cell r="FC55">
            <v>1</v>
          </cell>
          <cell r="FI55">
            <v>5</v>
          </cell>
          <cell r="FJ55" t="str">
            <v>指名競争入札（簡易認証）</v>
          </cell>
          <cell r="FN55">
            <v>4</v>
          </cell>
          <cell r="FO55" t="str">
            <v>電子入札</v>
          </cell>
          <cell r="FS55">
            <v>4</v>
          </cell>
          <cell r="FT55" t="str">
            <v/>
          </cell>
          <cell r="FU55" t="str">
            <v/>
          </cell>
          <cell r="FW55" t="str">
            <v/>
          </cell>
          <cell r="FY55" t="str">
            <v/>
          </cell>
          <cell r="GD55">
            <v>1</v>
          </cell>
          <cell r="GE55" t="str">
            <v>契約・検査課長　松本　嘉博</v>
          </cell>
          <cell r="GF55">
            <v>10153</v>
          </cell>
          <cell r="GG55" t="str">
            <v>日立キャピタル(株)</v>
          </cell>
          <cell r="GH55">
            <v>32373000</v>
          </cell>
          <cell r="GI55">
            <v>2943000</v>
          </cell>
          <cell r="GJ55" t="str">
            <v/>
          </cell>
          <cell r="GT55" t="str">
            <v>要</v>
          </cell>
          <cell r="GW55" t="str">
            <v/>
          </cell>
          <cell r="HO55" t="str">
            <v/>
          </cell>
          <cell r="HP55" t="str">
            <v>-</v>
          </cell>
          <cell r="HQ55" t="str">
            <v>-</v>
          </cell>
          <cell r="HR55" t="str">
            <v>-</v>
          </cell>
          <cell r="HS55" t="str">
            <v>-</v>
          </cell>
          <cell r="HT55">
            <v>490500</v>
          </cell>
          <cell r="HU55">
            <v>515700</v>
          </cell>
          <cell r="HV55" t="str">
            <v>-</v>
          </cell>
          <cell r="HW55" t="str">
            <v>-</v>
          </cell>
          <cell r="HX55">
            <v>498000</v>
          </cell>
          <cell r="HY55" t="str">
            <v>-</v>
          </cell>
          <cell r="HZ55" t="str">
            <v>-</v>
          </cell>
          <cell r="IA55" t="str">
            <v>-</v>
          </cell>
          <cell r="IB55" t="str">
            <v>-</v>
          </cell>
          <cell r="JD55" t="str">
            <v/>
          </cell>
          <cell r="JE55" t="str">
            <v/>
          </cell>
          <cell r="JF55" t="str">
            <v/>
          </cell>
          <cell r="JG55" t="str">
            <v/>
          </cell>
          <cell r="JH55" t="str">
            <v/>
          </cell>
          <cell r="JI55" t="str">
            <v/>
          </cell>
          <cell r="JJ55" t="str">
            <v/>
          </cell>
          <cell r="JK55" t="str">
            <v/>
          </cell>
          <cell r="JL55" t="str">
            <v/>
          </cell>
          <cell r="JM55" t="str">
            <v/>
          </cell>
          <cell r="JN55" t="str">
            <v/>
          </cell>
          <cell r="JO55" t="str">
            <v/>
          </cell>
          <cell r="JP55" t="str">
            <v/>
          </cell>
          <cell r="JQ55" t="str">
            <v/>
          </cell>
          <cell r="JR55" t="str">
            <v/>
          </cell>
          <cell r="JS55" t="str">
            <v/>
          </cell>
          <cell r="JT55" t="str">
            <v/>
          </cell>
          <cell r="JU55" t="str">
            <v/>
          </cell>
          <cell r="JV55" t="str">
            <v/>
          </cell>
          <cell r="JW55" t="str">
            <v/>
          </cell>
          <cell r="JX55" t="str">
            <v/>
          </cell>
          <cell r="JY55" t="str">
            <v/>
          </cell>
          <cell r="JZ55">
            <v>0.94725698331437236</v>
          </cell>
        </row>
        <row r="56">
          <cell r="C56" t="str">
            <v/>
          </cell>
          <cell r="D56" t="str">
            <v/>
          </cell>
          <cell r="E56" t="str">
            <v/>
          </cell>
          <cell r="I56">
            <v>48</v>
          </cell>
          <cell r="M56" t="str">
            <v>令和２年度昆陽池水質等調査委託業務</v>
          </cell>
          <cell r="Q56" t="str">
            <v>昆陽池水質</v>
          </cell>
          <cell r="Y56">
            <v>1</v>
          </cell>
          <cell r="AC56">
            <v>8</v>
          </cell>
          <cell r="AD56">
            <v>8</v>
          </cell>
          <cell r="AI56" t="str">
            <v>伊丹市昆陽池３丁目地内昆陽池公園</v>
          </cell>
          <cell r="AQ56">
            <v>1</v>
          </cell>
          <cell r="AY56">
            <v>43977</v>
          </cell>
          <cell r="AZ56">
            <v>43978</v>
          </cell>
          <cell r="BA56">
            <v>188</v>
          </cell>
          <cell r="BB56">
            <v>44165</v>
          </cell>
          <cell r="BC56" t="str">
            <v/>
          </cell>
          <cell r="BD56" t="str">
            <v/>
          </cell>
          <cell r="BE56" t="str">
            <v/>
          </cell>
          <cell r="BF56">
            <v>0.41805555555555557</v>
          </cell>
          <cell r="BG56">
            <v>7584</v>
          </cell>
          <cell r="BH56" t="str">
            <v>松岡　利奈</v>
          </cell>
          <cell r="BI56" t="str">
            <v>みどり自然課</v>
          </cell>
          <cell r="BJ56">
            <v>4664</v>
          </cell>
          <cell r="BN56" t="str">
            <v>他</v>
          </cell>
          <cell r="BO56">
            <v>19</v>
          </cell>
          <cell r="BS56">
            <v>948200</v>
          </cell>
          <cell r="BT56">
            <v>860000</v>
          </cell>
          <cell r="BU56" t="str">
            <v/>
          </cell>
          <cell r="BV56" t="str">
            <v/>
          </cell>
          <cell r="CD56" t="str">
            <v/>
          </cell>
          <cell r="CH56">
            <v>-17</v>
          </cell>
          <cell r="CI56">
            <v>43962</v>
          </cell>
          <cell r="CP56">
            <v>76905</v>
          </cell>
          <cell r="CX56" t="str">
            <v/>
          </cell>
          <cell r="CY56" t="str">
            <v/>
          </cell>
          <cell r="CZ56" t="str">
            <v/>
          </cell>
          <cell r="DA56">
            <v>43969</v>
          </cell>
          <cell r="DB56">
            <v>43972</v>
          </cell>
          <cell r="DD56" t="str">
            <v/>
          </cell>
          <cell r="DL56">
            <v>5066</v>
          </cell>
          <cell r="DM56">
            <v>5175</v>
          </cell>
          <cell r="DN56">
            <v>5265</v>
          </cell>
          <cell r="DO56">
            <v>5272</v>
          </cell>
          <cell r="DP56">
            <v>5278</v>
          </cell>
          <cell r="DQ56">
            <v>5522</v>
          </cell>
          <cell r="DR56">
            <v>5826</v>
          </cell>
          <cell r="DS56">
            <v>5863</v>
          </cell>
          <cell r="EZ56">
            <v>8</v>
          </cell>
          <cell r="FA56">
            <v>6</v>
          </cell>
          <cell r="FI56">
            <v>2</v>
          </cell>
          <cell r="FJ56" t="str">
            <v>指名競争入札</v>
          </cell>
          <cell r="FN56">
            <v>4</v>
          </cell>
          <cell r="FO56" t="str">
            <v>電子入札</v>
          </cell>
          <cell r="FS56">
            <v>2</v>
          </cell>
          <cell r="FT56" t="str">
            <v/>
          </cell>
          <cell r="FU56" t="str">
            <v/>
          </cell>
          <cell r="FW56" t="str">
            <v/>
          </cell>
          <cell r="FY56" t="str">
            <v/>
          </cell>
          <cell r="GD56">
            <v>1</v>
          </cell>
          <cell r="GE56" t="str">
            <v>契約・検査課長　松本　嘉博</v>
          </cell>
          <cell r="GF56">
            <v>5863</v>
          </cell>
          <cell r="GG56" t="str">
            <v>帝人エコ・サイエンス(株)</v>
          </cell>
          <cell r="GH56">
            <v>399300</v>
          </cell>
          <cell r="GI56">
            <v>36300</v>
          </cell>
          <cell r="GJ56" t="str">
            <v/>
          </cell>
          <cell r="GL56" t="str">
            <v>公害防止管理者(水質第1種)</v>
          </cell>
          <cell r="GM56" t="str">
            <v>末吉　智人</v>
          </cell>
          <cell r="GN56" t="str">
            <v>技術士(建設部門 建設環境)他</v>
          </cell>
          <cell r="GO56" t="str">
            <v>坪田　智子</v>
          </cell>
          <cell r="GT56" t="str">
            <v/>
          </cell>
          <cell r="GW56" t="str">
            <v/>
          </cell>
          <cell r="HO56" t="str">
            <v/>
          </cell>
          <cell r="HP56">
            <v>860000</v>
          </cell>
          <cell r="HQ56">
            <v>374000</v>
          </cell>
          <cell r="HR56" t="str">
            <v>-</v>
          </cell>
          <cell r="HS56" t="str">
            <v>-</v>
          </cell>
          <cell r="HT56">
            <v>800000</v>
          </cell>
          <cell r="HU56" t="str">
            <v>-</v>
          </cell>
          <cell r="HV56">
            <v>747000</v>
          </cell>
          <cell r="HW56">
            <v>363000</v>
          </cell>
          <cell r="JD56" t="str">
            <v/>
          </cell>
          <cell r="JE56" t="str">
            <v/>
          </cell>
          <cell r="JF56" t="str">
            <v/>
          </cell>
          <cell r="JG56" t="str">
            <v/>
          </cell>
          <cell r="JH56" t="str">
            <v/>
          </cell>
          <cell r="JI56" t="str">
            <v/>
          </cell>
          <cell r="JJ56" t="str">
            <v/>
          </cell>
          <cell r="JK56" t="str">
            <v/>
          </cell>
          <cell r="JL56" t="str">
            <v/>
          </cell>
          <cell r="JM56" t="str">
            <v/>
          </cell>
          <cell r="JN56" t="str">
            <v/>
          </cell>
          <cell r="JO56" t="str">
            <v/>
          </cell>
          <cell r="JP56" t="str">
            <v/>
          </cell>
          <cell r="JQ56" t="str">
            <v/>
          </cell>
          <cell r="JR56" t="str">
            <v/>
          </cell>
          <cell r="JS56" t="str">
            <v/>
          </cell>
          <cell r="JT56" t="str">
            <v/>
          </cell>
          <cell r="JU56" t="str">
            <v/>
          </cell>
          <cell r="JV56" t="str">
            <v/>
          </cell>
          <cell r="JW56" t="str">
            <v/>
          </cell>
          <cell r="JX56">
            <v>19</v>
          </cell>
          <cell r="JY56">
            <v>18</v>
          </cell>
          <cell r="JZ56">
            <v>0.42209302325581388</v>
          </cell>
        </row>
        <row r="57">
          <cell r="C57" t="str">
            <v/>
          </cell>
          <cell r="D57" t="str">
            <v/>
          </cell>
          <cell r="E57" t="str">
            <v/>
          </cell>
          <cell r="I57">
            <v>49</v>
          </cell>
          <cell r="M57" t="str">
            <v>令和２年度災害オペレーションシステム用パソコンの購入</v>
          </cell>
          <cell r="Q57" t="str">
            <v>ｵﾍﾟﾚｰｼｮﾝPC</v>
          </cell>
          <cell r="Y57">
            <v>1</v>
          </cell>
          <cell r="AC57">
            <v>8</v>
          </cell>
          <cell r="AD57">
            <v>1</v>
          </cell>
          <cell r="AI57" t="str">
            <v>伊丹市千僧１－１防災センター</v>
          </cell>
          <cell r="AQ57">
            <v>1</v>
          </cell>
          <cell r="AY57">
            <v>43984</v>
          </cell>
          <cell r="AZ57">
            <v>43985</v>
          </cell>
          <cell r="BA57">
            <v>59</v>
          </cell>
          <cell r="BB57">
            <v>44043</v>
          </cell>
          <cell r="BC57" t="str">
            <v/>
          </cell>
          <cell r="BD57" t="str">
            <v/>
          </cell>
          <cell r="BE57" t="str">
            <v/>
          </cell>
          <cell r="BF57">
            <v>0.41944444444444445</v>
          </cell>
          <cell r="BG57">
            <v>6650</v>
          </cell>
          <cell r="BH57" t="str">
            <v>宮﨑  芳典</v>
          </cell>
          <cell r="BI57" t="str">
            <v>危機管理室</v>
          </cell>
          <cell r="BJ57">
            <v>4387</v>
          </cell>
          <cell r="BN57" t="str">
            <v>他</v>
          </cell>
          <cell r="BO57">
            <v>24</v>
          </cell>
          <cell r="BS57">
            <v>2772000</v>
          </cell>
          <cell r="BT57">
            <v>2520000</v>
          </cell>
          <cell r="BU57">
            <v>1</v>
          </cell>
          <cell r="BV57" t="str">
            <v/>
          </cell>
          <cell r="CD57" t="str">
            <v/>
          </cell>
          <cell r="CH57">
            <v>-22</v>
          </cell>
          <cell r="CI57">
            <v>43966</v>
          </cell>
          <cell r="CP57">
            <v>38023</v>
          </cell>
          <cell r="CW57" t="str">
            <v/>
          </cell>
          <cell r="CX57" t="str">
            <v/>
          </cell>
          <cell r="CY57" t="str">
            <v/>
          </cell>
          <cell r="CZ57" t="str">
            <v/>
          </cell>
          <cell r="DA57">
            <v>43976</v>
          </cell>
          <cell r="DB57">
            <v>43979</v>
          </cell>
          <cell r="DD57" t="str">
            <v/>
          </cell>
          <cell r="DL57">
            <v>10793</v>
          </cell>
          <cell r="DM57">
            <v>11022</v>
          </cell>
          <cell r="DN57">
            <v>10556</v>
          </cell>
          <cell r="DO57">
            <v>10249</v>
          </cell>
          <cell r="DP57">
            <v>11598</v>
          </cell>
          <cell r="DQ57">
            <v>10075</v>
          </cell>
          <cell r="DR57">
            <v>11169</v>
          </cell>
          <cell r="DS57">
            <v>10669</v>
          </cell>
          <cell r="DT57">
            <v>10402</v>
          </cell>
          <cell r="EZ57">
            <v>9</v>
          </cell>
          <cell r="FA57">
            <v>6</v>
          </cell>
          <cell r="FI57">
            <v>5</v>
          </cell>
          <cell r="FJ57" t="str">
            <v>指名競争入札（簡易認証）</v>
          </cell>
          <cell r="FN57">
            <v>4</v>
          </cell>
          <cell r="FO57" t="str">
            <v>電子入札</v>
          </cell>
          <cell r="FS57">
            <v>3</v>
          </cell>
          <cell r="FT57" t="str">
            <v/>
          </cell>
          <cell r="FU57" t="str">
            <v/>
          </cell>
          <cell r="FW57" t="str">
            <v/>
          </cell>
          <cell r="FY57" t="str">
            <v/>
          </cell>
          <cell r="GD57">
            <v>1</v>
          </cell>
          <cell r="GE57" t="str">
            <v>契約・検査課長　松本　嘉博</v>
          </cell>
          <cell r="GF57" t="str">
            <v>-</v>
          </cell>
          <cell r="GG57" t="str">
            <v>×</v>
          </cell>
          <cell r="GI57" t="str">
            <v/>
          </cell>
          <cell r="GT57" t="str">
            <v/>
          </cell>
          <cell r="GW57" t="str">
            <v/>
          </cell>
          <cell r="HO57" t="str">
            <v/>
          </cell>
          <cell r="HP57" t="str">
            <v>-</v>
          </cell>
          <cell r="HQ57" t="str">
            <v>-</v>
          </cell>
          <cell r="HR57" t="str">
            <v>-</v>
          </cell>
          <cell r="HS57" t="str">
            <v>-</v>
          </cell>
          <cell r="HT57" t="str">
            <v>-</v>
          </cell>
          <cell r="HU57" t="str">
            <v>-</v>
          </cell>
          <cell r="HV57" t="str">
            <v>-</v>
          </cell>
          <cell r="HW57" t="str">
            <v>-</v>
          </cell>
          <cell r="HX57" t="str">
            <v>-</v>
          </cell>
          <cell r="JD57" t="str">
            <v/>
          </cell>
          <cell r="JE57" t="str">
            <v/>
          </cell>
          <cell r="JF57" t="str">
            <v/>
          </cell>
          <cell r="JG57" t="str">
            <v/>
          </cell>
          <cell r="JH57" t="str">
            <v/>
          </cell>
          <cell r="JI57" t="str">
            <v/>
          </cell>
          <cell r="JJ57" t="str">
            <v/>
          </cell>
          <cell r="JK57" t="str">
            <v/>
          </cell>
          <cell r="JL57" t="str">
            <v/>
          </cell>
          <cell r="JM57" t="str">
            <v/>
          </cell>
          <cell r="JN57" t="str">
            <v/>
          </cell>
          <cell r="JO57" t="str">
            <v/>
          </cell>
          <cell r="JP57" t="str">
            <v/>
          </cell>
          <cell r="JQ57" t="str">
            <v/>
          </cell>
          <cell r="JR57" t="str">
            <v/>
          </cell>
          <cell r="JS57" t="str">
            <v/>
          </cell>
          <cell r="JT57" t="str">
            <v/>
          </cell>
          <cell r="JU57" t="str">
            <v/>
          </cell>
          <cell r="JV57" t="str">
            <v/>
          </cell>
          <cell r="JW57" t="str">
            <v/>
          </cell>
          <cell r="JX57">
            <v>24</v>
          </cell>
          <cell r="JY57">
            <v>23</v>
          </cell>
          <cell r="JZ57" t="str">
            <v/>
          </cell>
        </row>
        <row r="58">
          <cell r="C58" t="str">
            <v/>
          </cell>
          <cell r="D58" t="str">
            <v/>
          </cell>
          <cell r="E58" t="str">
            <v/>
          </cell>
          <cell r="I58">
            <v>50</v>
          </cell>
          <cell r="M58" t="str">
            <v>令和２年度（都）山田伊丹線（昆陽泉町工区）用地測量等委託業務</v>
          </cell>
          <cell r="Q58" t="str">
            <v>山田伊丹測量</v>
          </cell>
          <cell r="Y58">
            <v>1</v>
          </cell>
          <cell r="AC58">
            <v>8</v>
          </cell>
          <cell r="AD58">
            <v>8</v>
          </cell>
          <cell r="AI58" t="str">
            <v>伊丹市昆陽南３丁目外地内</v>
          </cell>
          <cell r="AM58" t="str">
            <v>用地測量　N=一式
測量面積　A=2,500m2
調査面積　A=5,000m2</v>
          </cell>
          <cell r="AQ58">
            <v>1</v>
          </cell>
          <cell r="AY58">
            <v>43991</v>
          </cell>
          <cell r="AZ58">
            <v>43994</v>
          </cell>
          <cell r="BA58">
            <v>197</v>
          </cell>
          <cell r="BB58">
            <v>44190</v>
          </cell>
          <cell r="BC58">
            <v>13</v>
          </cell>
          <cell r="BD58" t="str">
            <v>　　　　</v>
          </cell>
          <cell r="BE58" t="str">
            <v/>
          </cell>
          <cell r="BF58">
            <v>0.41736111111111113</v>
          </cell>
          <cell r="BG58">
            <v>7435</v>
          </cell>
          <cell r="BH58" t="str">
            <v>北尾　真規</v>
          </cell>
          <cell r="BI58" t="str">
            <v>道路建設課</v>
          </cell>
          <cell r="BJ58">
            <v>4614</v>
          </cell>
          <cell r="BN58" t="str">
            <v>他</v>
          </cell>
          <cell r="BO58">
            <v>25</v>
          </cell>
          <cell r="BS58">
            <v>4847700</v>
          </cell>
          <cell r="BT58">
            <v>4400000</v>
          </cell>
          <cell r="BU58" t="str">
            <v/>
          </cell>
          <cell r="BV58" t="str">
            <v/>
          </cell>
          <cell r="CD58" t="str">
            <v/>
          </cell>
          <cell r="CH58">
            <v>22</v>
          </cell>
          <cell r="CI58">
            <v>43971</v>
          </cell>
          <cell r="CK58" t="str">
            <v>兵庫県内に本店</v>
          </cell>
          <cell r="CP58">
            <v>80967</v>
          </cell>
          <cell r="CT58" t="str">
            <v>請負金額が200万円以上</v>
          </cell>
          <cell r="CW58">
            <v>43979</v>
          </cell>
          <cell r="CX58" t="str">
            <v/>
          </cell>
          <cell r="CY58" t="str">
            <v/>
          </cell>
          <cell r="CZ58" t="str">
            <v/>
          </cell>
          <cell r="DA58">
            <v>43983</v>
          </cell>
          <cell r="DB58">
            <v>43986</v>
          </cell>
          <cell r="DC58">
            <v>34</v>
          </cell>
          <cell r="DL58">
            <v>5485</v>
          </cell>
          <cell r="DM58">
            <v>5583</v>
          </cell>
          <cell r="DN58">
            <v>6177</v>
          </cell>
          <cell r="DO58">
            <v>5293</v>
          </cell>
          <cell r="DP58">
            <v>6167</v>
          </cell>
          <cell r="DQ58">
            <v>6172</v>
          </cell>
          <cell r="DR58">
            <v>5017</v>
          </cell>
          <cell r="DS58">
            <v>5055</v>
          </cell>
          <cell r="DT58">
            <v>5879</v>
          </cell>
          <cell r="DU58">
            <v>5929</v>
          </cell>
          <cell r="EZ58">
            <v>10</v>
          </cell>
          <cell r="FA58">
            <v>6</v>
          </cell>
          <cell r="FI58">
            <v>4</v>
          </cell>
          <cell r="FJ58" t="str">
            <v>事後審査型一般競争入札</v>
          </cell>
          <cell r="FN58">
            <v>4</v>
          </cell>
          <cell r="FO58" t="str">
            <v>電子入札</v>
          </cell>
          <cell r="FS58">
            <v>2</v>
          </cell>
          <cell r="FT58" t="str">
            <v/>
          </cell>
          <cell r="FU58" t="str">
            <v/>
          </cell>
          <cell r="FW58" t="str">
            <v/>
          </cell>
          <cell r="FY58" t="str">
            <v/>
          </cell>
          <cell r="GD58">
            <v>1</v>
          </cell>
          <cell r="GE58" t="str">
            <v>契約・検査課長　松本　嘉博</v>
          </cell>
          <cell r="GF58">
            <v>5485</v>
          </cell>
          <cell r="GG58" t="str">
            <v>(株)コンサルタント関西</v>
          </cell>
          <cell r="GH58">
            <v>2420000</v>
          </cell>
          <cell r="GI58">
            <v>220000</v>
          </cell>
          <cell r="GJ58">
            <v>242000</v>
          </cell>
          <cell r="GL58" t="str">
            <v>測量士</v>
          </cell>
          <cell r="GM58" t="str">
            <v>清水　憲一</v>
          </cell>
          <cell r="GN58" t="str">
            <v>測量士,１級土木施工管理技士</v>
          </cell>
          <cell r="GO58" t="str">
            <v>大地　龍三</v>
          </cell>
          <cell r="GT58" t="str">
            <v/>
          </cell>
          <cell r="GW58" t="str">
            <v/>
          </cell>
          <cell r="GX58">
            <v>44179</v>
          </cell>
          <cell r="GY58">
            <v>4884000</v>
          </cell>
          <cell r="GZ58">
            <v>2437600</v>
          </cell>
          <cell r="HA58">
            <v>44274</v>
          </cell>
          <cell r="HB58">
            <v>44270</v>
          </cell>
          <cell r="HE58">
            <v>44286</v>
          </cell>
          <cell r="HF58">
            <v>44286</v>
          </cell>
          <cell r="HI58">
            <v>44347</v>
          </cell>
          <cell r="HM58">
            <v>44274</v>
          </cell>
          <cell r="HN58" t="str">
            <v>【変更理由】
第２回契約変更時点（令和３年３月１５日付）では、敷地境界の確認を３月中旬に予定していたが、関係地権者からの申し出（順延理由：体調不良）を受け、立会日を再度変更する必要が生じた等の理由によって、関連する作業に遅延が生じることとなったため、工期を変更しようとするものである。</v>
          </cell>
          <cell r="HO58">
            <v>3</v>
          </cell>
          <cell r="HP58">
            <v>2200000</v>
          </cell>
          <cell r="HQ58">
            <v>2640000</v>
          </cell>
          <cell r="HR58">
            <v>2647000</v>
          </cell>
          <cell r="HS58">
            <v>3250000</v>
          </cell>
          <cell r="HT58">
            <v>3410000</v>
          </cell>
          <cell r="HU58">
            <v>3500000</v>
          </cell>
          <cell r="HV58">
            <v>3900000</v>
          </cell>
          <cell r="HW58">
            <v>3970000</v>
          </cell>
          <cell r="HX58" t="str">
            <v>-</v>
          </cell>
          <cell r="HY58" t="str">
            <v>-</v>
          </cell>
          <cell r="JD58" t="str">
            <v/>
          </cell>
          <cell r="JE58" t="str">
            <v/>
          </cell>
          <cell r="JF58" t="str">
            <v/>
          </cell>
          <cell r="JG58" t="str">
            <v/>
          </cell>
          <cell r="JH58" t="str">
            <v/>
          </cell>
          <cell r="JI58" t="str">
            <v/>
          </cell>
          <cell r="JJ58" t="str">
            <v/>
          </cell>
          <cell r="JK58" t="str">
            <v/>
          </cell>
          <cell r="JL58" t="str">
            <v/>
          </cell>
          <cell r="JM58" t="str">
            <v/>
          </cell>
          <cell r="JN58" t="str">
            <v/>
          </cell>
          <cell r="JO58" t="str">
            <v/>
          </cell>
          <cell r="JP58" t="str">
            <v/>
          </cell>
          <cell r="JQ58" t="str">
            <v/>
          </cell>
          <cell r="JR58" t="str">
            <v/>
          </cell>
          <cell r="JS58" t="str">
            <v/>
          </cell>
          <cell r="JT58" t="str">
            <v/>
          </cell>
          <cell r="JU58" t="str">
            <v/>
          </cell>
          <cell r="JV58" t="str">
            <v/>
          </cell>
          <cell r="JW58" t="str">
            <v/>
          </cell>
          <cell r="JX58">
            <v>25</v>
          </cell>
          <cell r="JY58">
            <v>24</v>
          </cell>
          <cell r="JZ58">
            <v>0.5</v>
          </cell>
        </row>
        <row r="59">
          <cell r="C59" t="str">
            <v/>
          </cell>
          <cell r="D59" t="str">
            <v/>
          </cell>
          <cell r="E59" t="str">
            <v/>
          </cell>
          <cell r="I59">
            <v>51</v>
          </cell>
          <cell r="M59" t="str">
            <v>令和２年度市営住宅行基団地解体工事</v>
          </cell>
          <cell r="Q59" t="str">
            <v>市住行団解体</v>
          </cell>
          <cell r="Y59">
            <v>1</v>
          </cell>
          <cell r="AC59">
            <v>1</v>
          </cell>
          <cell r="AI59" t="str">
            <v>伊丹市行基町３丁目１７番地</v>
          </cell>
          <cell r="AM59" t="str">
            <v>行基団地の解体工事　一式</v>
          </cell>
          <cell r="AQ59">
            <v>2</v>
          </cell>
          <cell r="AY59">
            <v>43994</v>
          </cell>
          <cell r="AZ59">
            <v>43999</v>
          </cell>
          <cell r="BA59">
            <v>192</v>
          </cell>
          <cell r="BB59">
            <v>44190</v>
          </cell>
          <cell r="BC59">
            <v>15</v>
          </cell>
          <cell r="BD59" t="str">
            <v>○</v>
          </cell>
          <cell r="BE59" t="str">
            <v>○</v>
          </cell>
          <cell r="BF59">
            <v>0.41736111111111113</v>
          </cell>
          <cell r="BG59">
            <v>7442</v>
          </cell>
          <cell r="BH59" t="str">
            <v>前田　剛</v>
          </cell>
          <cell r="BI59" t="str">
            <v>営繕課</v>
          </cell>
          <cell r="BJ59">
            <v>4621</v>
          </cell>
          <cell r="BN59" t="str">
            <v>建</v>
          </cell>
          <cell r="BO59">
            <v>9</v>
          </cell>
          <cell r="BS59">
            <v>99990000</v>
          </cell>
          <cell r="BT59">
            <v>90900000</v>
          </cell>
          <cell r="BU59">
            <v>1</v>
          </cell>
          <cell r="BV59">
            <v>82930000</v>
          </cell>
          <cell r="BW59">
            <v>69637095</v>
          </cell>
          <cell r="BX59">
            <v>8200000</v>
          </cell>
          <cell r="BY59">
            <v>2363738</v>
          </cell>
          <cell r="BZ59">
            <v>10699167</v>
          </cell>
          <cell r="CH59">
            <v>23</v>
          </cell>
          <cell r="CI59">
            <v>43972</v>
          </cell>
          <cell r="CJ59" t="str">
            <v>特定</v>
          </cell>
          <cell r="CK59" t="str">
            <v>尼崎市、西宮市、芦屋市、宝塚市、川西市、伊丹市内に本店を有すること。又は伊丹市内に支店</v>
          </cell>
          <cell r="CL59" t="str">
            <v>伊丹市内に本店を有する者においては690点以上、その他の者においては1,000点以上</v>
          </cell>
          <cell r="CP59">
            <v>44748</v>
          </cell>
          <cell r="CT59" t="str">
            <v>請負金額が4,500万円以上(伊丹市内に本店を有する者においては2,200万円以上)</v>
          </cell>
          <cell r="CW59">
            <v>43980</v>
          </cell>
          <cell r="CX59" t="str">
            <v/>
          </cell>
          <cell r="CY59" t="str">
            <v/>
          </cell>
          <cell r="CZ59" t="str">
            <v/>
          </cell>
          <cell r="DA59">
            <v>43984</v>
          </cell>
          <cell r="DB59">
            <v>43987</v>
          </cell>
          <cell r="DC59">
            <v>21</v>
          </cell>
          <cell r="DD59" t="str">
            <v>○</v>
          </cell>
          <cell r="DL59">
            <v>2725</v>
          </cell>
          <cell r="DM59">
            <v>53</v>
          </cell>
          <cell r="DN59">
            <v>26</v>
          </cell>
          <cell r="DO59">
            <v>54</v>
          </cell>
          <cell r="DP59">
            <v>21</v>
          </cell>
          <cell r="DQ59">
            <v>48</v>
          </cell>
          <cell r="DR59">
            <v>6</v>
          </cell>
          <cell r="DS59">
            <v>23</v>
          </cell>
          <cell r="DT59">
            <v>2165</v>
          </cell>
          <cell r="EZ59">
            <v>9</v>
          </cell>
          <cell r="FA59">
            <v>10</v>
          </cell>
          <cell r="FI59">
            <v>4</v>
          </cell>
          <cell r="FJ59" t="str">
            <v>事後審査型一般競争入札</v>
          </cell>
          <cell r="FN59">
            <v>4</v>
          </cell>
          <cell r="FO59" t="str">
            <v>電子入札</v>
          </cell>
          <cell r="FS59">
            <v>1</v>
          </cell>
          <cell r="FT59" t="str">
            <v/>
          </cell>
          <cell r="FU59" t="str">
            <v/>
          </cell>
          <cell r="FW59">
            <v>1</v>
          </cell>
          <cell r="FX59">
            <v>1</v>
          </cell>
          <cell r="FY59" t="str">
            <v>了</v>
          </cell>
          <cell r="GB59">
            <v>1</v>
          </cell>
          <cell r="GD59">
            <v>1</v>
          </cell>
          <cell r="GE59" t="str">
            <v>契約・検査課長　松本　嘉博</v>
          </cell>
          <cell r="GF59">
            <v>2725</v>
          </cell>
          <cell r="GG59" t="str">
            <v>(株)巨勢工務店</v>
          </cell>
          <cell r="GH59">
            <v>91586000</v>
          </cell>
          <cell r="GI59">
            <v>8326000</v>
          </cell>
          <cell r="GJ59">
            <v>9159000</v>
          </cell>
          <cell r="GL59" t="str">
            <v>監理技術者資格証</v>
          </cell>
          <cell r="GM59" t="str">
            <v>福井　孝博</v>
          </cell>
          <cell r="GN59" t="str">
            <v>監理技術者資格証</v>
          </cell>
          <cell r="GO59" t="str">
            <v>福井　孝博</v>
          </cell>
          <cell r="GT59" t="str">
            <v>要</v>
          </cell>
          <cell r="GU59" t="str">
            <v>済</v>
          </cell>
          <cell r="GV59">
            <v>229090</v>
          </cell>
          <cell r="GW59">
            <v>2.5013648374205664</v>
          </cell>
          <cell r="HO59" t="str">
            <v/>
          </cell>
          <cell r="HP59">
            <v>83260000</v>
          </cell>
          <cell r="HQ59">
            <v>85000000</v>
          </cell>
          <cell r="HR59">
            <v>81690000</v>
          </cell>
          <cell r="HS59">
            <v>81850000</v>
          </cell>
          <cell r="HT59">
            <v>82170000</v>
          </cell>
          <cell r="HU59">
            <v>82260000</v>
          </cell>
          <cell r="HV59">
            <v>82300000</v>
          </cell>
          <cell r="HW59">
            <v>82490000</v>
          </cell>
          <cell r="HX59" t="str">
            <v>-</v>
          </cell>
          <cell r="JD59" t="str">
            <v/>
          </cell>
          <cell r="JE59" t="str">
            <v/>
          </cell>
          <cell r="JF59" t="str">
            <v/>
          </cell>
          <cell r="JG59" t="str">
            <v/>
          </cell>
          <cell r="JH59">
            <v>9</v>
          </cell>
          <cell r="JI59">
            <v>9</v>
          </cell>
          <cell r="JJ59" t="str">
            <v/>
          </cell>
          <cell r="JK59" t="str">
            <v/>
          </cell>
          <cell r="JL59" t="str">
            <v/>
          </cell>
          <cell r="JM59" t="str">
            <v/>
          </cell>
          <cell r="JN59" t="str">
            <v/>
          </cell>
          <cell r="JO59" t="str">
            <v/>
          </cell>
          <cell r="JP59" t="str">
            <v/>
          </cell>
          <cell r="JQ59" t="str">
            <v/>
          </cell>
          <cell r="JR59" t="str">
            <v/>
          </cell>
          <cell r="JS59" t="str">
            <v/>
          </cell>
          <cell r="JT59" t="str">
            <v/>
          </cell>
          <cell r="JU59" t="str">
            <v/>
          </cell>
          <cell r="JV59" t="str">
            <v/>
          </cell>
          <cell r="JW59" t="str">
            <v/>
          </cell>
          <cell r="JX59" t="str">
            <v/>
          </cell>
          <cell r="JY59" t="str">
            <v/>
          </cell>
          <cell r="JZ59">
            <v>0.91595159515951596</v>
          </cell>
        </row>
        <row r="60">
          <cell r="C60" t="str">
            <v/>
          </cell>
          <cell r="D60" t="str">
            <v/>
          </cell>
          <cell r="E60" t="str">
            <v/>
          </cell>
          <cell r="I60">
            <v>52</v>
          </cell>
          <cell r="M60" t="str">
            <v>令和２年度中野行浪公園遊具改修工事</v>
          </cell>
          <cell r="Q60" t="str">
            <v>中行公遊改工</v>
          </cell>
          <cell r="Y60">
            <v>1</v>
          </cell>
          <cell r="AC60">
            <v>6</v>
          </cell>
          <cell r="AI60" t="str">
            <v>伊丹市中野東２丁目地内</v>
          </cell>
          <cell r="AM60" t="str">
            <v>【本体工事】
公園土木一式　真砂土舗装233㎡　複合遊具更新1基　健康遊具更新3基
個別サイン撤去3基　暗渠排水管（透水管）36ｍ
【附帯工事】
公園土木一式　アスファルト舗装51㎡　健康遊具移設1基　個別サイン撤去1基</v>
          </cell>
          <cell r="AQ60">
            <v>2</v>
          </cell>
          <cell r="AY60">
            <v>43992</v>
          </cell>
          <cell r="AZ60">
            <v>43997</v>
          </cell>
          <cell r="BA60">
            <v>179</v>
          </cell>
          <cell r="BB60">
            <v>44175</v>
          </cell>
          <cell r="BC60">
            <v>13</v>
          </cell>
          <cell r="BD60" t="str">
            <v>○</v>
          </cell>
          <cell r="BE60" t="str">
            <v>○</v>
          </cell>
          <cell r="BF60">
            <v>0.41736111111111113</v>
          </cell>
          <cell r="BG60">
            <v>7439</v>
          </cell>
          <cell r="BH60" t="str">
            <v>余田　寛樹</v>
          </cell>
          <cell r="BI60" t="str">
            <v>公園課</v>
          </cell>
          <cell r="BJ60">
            <v>4618</v>
          </cell>
          <cell r="BN60" t="str">
            <v>緑</v>
          </cell>
          <cell r="BO60">
            <v>2</v>
          </cell>
          <cell r="BS60">
            <v>20241100</v>
          </cell>
          <cell r="BT60">
            <v>18400000</v>
          </cell>
          <cell r="BU60">
            <v>1</v>
          </cell>
          <cell r="BV60">
            <v>16190000</v>
          </cell>
          <cell r="BW60">
            <v>10218000</v>
          </cell>
          <cell r="BX60">
            <v>404000</v>
          </cell>
          <cell r="BY60">
            <v>4700000</v>
          </cell>
          <cell r="BZ60">
            <v>3079000</v>
          </cell>
          <cell r="CH60">
            <v>24</v>
          </cell>
          <cell r="CI60">
            <v>43972</v>
          </cell>
          <cell r="CJ60" t="str">
            <v>一般</v>
          </cell>
          <cell r="CK60" t="str">
            <v>尼崎市、西宮市、芦屋市、宝塚市、川西市、伊丹市内に本店</v>
          </cell>
          <cell r="CL60" t="str">
            <v>伊丹市内に本店を有する者においては400点以上、その他の者においては900点以上</v>
          </cell>
          <cell r="CP60">
            <v>34154</v>
          </cell>
          <cell r="CT60" t="str">
            <v>請負金額が900万円以上(伊丹市内に本店を有する者においては400万円以上)</v>
          </cell>
          <cell r="CW60">
            <v>43980</v>
          </cell>
          <cell r="CX60" t="str">
            <v/>
          </cell>
          <cell r="CY60" t="str">
            <v/>
          </cell>
          <cell r="CZ60" t="str">
            <v/>
          </cell>
          <cell r="DA60">
            <v>43984</v>
          </cell>
          <cell r="DB60">
            <v>43987</v>
          </cell>
          <cell r="DC60">
            <v>11</v>
          </cell>
          <cell r="DD60" t="str">
            <v>○</v>
          </cell>
          <cell r="DL60">
            <v>3808</v>
          </cell>
          <cell r="DM60">
            <v>287</v>
          </cell>
          <cell r="DN60">
            <v>544</v>
          </cell>
          <cell r="DO60">
            <v>74</v>
          </cell>
          <cell r="DP60">
            <v>91</v>
          </cell>
          <cell r="EZ60">
            <v>5</v>
          </cell>
          <cell r="FA60">
            <v>8</v>
          </cell>
          <cell r="FI60">
            <v>4</v>
          </cell>
          <cell r="FJ60" t="str">
            <v>事後審査型一般競争入札</v>
          </cell>
          <cell r="FN60">
            <v>4</v>
          </cell>
          <cell r="FO60" t="str">
            <v>電子入札</v>
          </cell>
          <cell r="FS60">
            <v>1</v>
          </cell>
          <cell r="FT60" t="str">
            <v/>
          </cell>
          <cell r="FU60" t="str">
            <v/>
          </cell>
          <cell r="FW60" t="str">
            <v/>
          </cell>
          <cell r="FY60" t="str">
            <v/>
          </cell>
          <cell r="GD60">
            <v>1</v>
          </cell>
          <cell r="GE60" t="str">
            <v>契約・検査課長　松本　嘉博</v>
          </cell>
          <cell r="GF60">
            <v>3808</v>
          </cell>
          <cell r="GG60" t="str">
            <v>阪神園芸(株)</v>
          </cell>
          <cell r="GH60">
            <v>17809000</v>
          </cell>
          <cell r="GI60">
            <v>1619000</v>
          </cell>
          <cell r="GJ60">
            <v>1781000</v>
          </cell>
          <cell r="GM60" t="str">
            <v>川上　航平</v>
          </cell>
          <cell r="GN60" t="str">
            <v>造園</v>
          </cell>
          <cell r="GO60" t="str">
            <v>松本　勉</v>
          </cell>
          <cell r="GT60" t="str">
            <v/>
          </cell>
          <cell r="GU60" t="str">
            <v>済</v>
          </cell>
          <cell r="GW60" t="str">
            <v/>
          </cell>
          <cell r="GX60">
            <v>44152</v>
          </cell>
          <cell r="GY60">
            <v>20840600</v>
          </cell>
          <cell r="GZ60">
            <v>18335900</v>
          </cell>
          <cell r="HN60" t="str">
            <v>舗装数量の増（舗装劣化箇所の追加）</v>
          </cell>
          <cell r="HO60">
            <v>1</v>
          </cell>
          <cell r="HP60">
            <v>16190000</v>
          </cell>
          <cell r="HQ60">
            <v>16200000</v>
          </cell>
          <cell r="HR60">
            <v>16210000</v>
          </cell>
          <cell r="HS60">
            <v>17480000</v>
          </cell>
          <cell r="HT60">
            <v>18000000</v>
          </cell>
          <cell r="JD60" t="str">
            <v/>
          </cell>
          <cell r="JE60" t="str">
            <v/>
          </cell>
          <cell r="JF60" t="str">
            <v/>
          </cell>
          <cell r="JG60" t="str">
            <v/>
          </cell>
          <cell r="JH60" t="str">
            <v/>
          </cell>
          <cell r="JI60" t="str">
            <v/>
          </cell>
          <cell r="JJ60">
            <v>2</v>
          </cell>
          <cell r="JK60">
            <v>2</v>
          </cell>
          <cell r="JL60" t="str">
            <v/>
          </cell>
          <cell r="JM60" t="str">
            <v/>
          </cell>
          <cell r="JN60" t="str">
            <v/>
          </cell>
          <cell r="JO60" t="str">
            <v/>
          </cell>
          <cell r="JP60" t="str">
            <v/>
          </cell>
          <cell r="JQ60" t="str">
            <v/>
          </cell>
          <cell r="JR60" t="str">
            <v/>
          </cell>
          <cell r="JS60" t="str">
            <v/>
          </cell>
          <cell r="JT60" t="str">
            <v/>
          </cell>
          <cell r="JU60" t="str">
            <v/>
          </cell>
          <cell r="JV60" t="str">
            <v/>
          </cell>
          <cell r="JW60" t="str">
            <v/>
          </cell>
          <cell r="JX60" t="str">
            <v/>
          </cell>
          <cell r="JY60" t="str">
            <v/>
          </cell>
          <cell r="JZ60">
            <v>0.87989130434782603</v>
          </cell>
        </row>
        <row r="61">
          <cell r="C61" t="str">
            <v/>
          </cell>
          <cell r="D61" t="str">
            <v/>
          </cell>
          <cell r="E61" t="str">
            <v/>
          </cell>
          <cell r="I61">
            <v>53</v>
          </cell>
          <cell r="M61" t="str">
            <v>令和２年度伊丹市立中学校給食センター廃水処理施設汚泥処理委託業務（単価契約）</v>
          </cell>
          <cell r="Q61" t="str">
            <v>中学汚泥委託</v>
          </cell>
          <cell r="Y61">
            <v>1</v>
          </cell>
          <cell r="AC61">
            <v>8</v>
          </cell>
          <cell r="AD61">
            <v>8</v>
          </cell>
          <cell r="AI61" t="str">
            <v>伊丹市北本町３丁目４５番１中学校給食センター</v>
          </cell>
          <cell r="AQ61">
            <v>3</v>
          </cell>
          <cell r="AX61">
            <v>1</v>
          </cell>
          <cell r="AY61">
            <v>44005</v>
          </cell>
          <cell r="AZ61">
            <v>44005</v>
          </cell>
          <cell r="BA61">
            <v>282</v>
          </cell>
          <cell r="BB61">
            <v>44286</v>
          </cell>
          <cell r="BC61" t="str">
            <v/>
          </cell>
          <cell r="BD61" t="str">
            <v/>
          </cell>
          <cell r="BE61" t="str">
            <v/>
          </cell>
          <cell r="BF61">
            <v>0.58402777777777781</v>
          </cell>
          <cell r="BG61">
            <v>5948</v>
          </cell>
          <cell r="BH61" t="str">
            <v>矢野  真路</v>
          </cell>
          <cell r="BI61" t="str">
            <v>中学校給食センター</v>
          </cell>
          <cell r="BN61" t="str">
            <v>他</v>
          </cell>
          <cell r="BO61">
            <v>26</v>
          </cell>
          <cell r="BS61">
            <v>55.55</v>
          </cell>
          <cell r="BT61">
            <v>55.55</v>
          </cell>
          <cell r="BU61" t="str">
            <v/>
          </cell>
          <cell r="BV61" t="str">
            <v/>
          </cell>
          <cell r="CD61" t="str">
            <v/>
          </cell>
          <cell r="CH61">
            <v>-23</v>
          </cell>
          <cell r="CI61">
            <v>43990</v>
          </cell>
          <cell r="CP61">
            <v>39616</v>
          </cell>
          <cell r="CW61" t="str">
            <v/>
          </cell>
          <cell r="CX61" t="str">
            <v/>
          </cell>
          <cell r="CY61" t="str">
            <v/>
          </cell>
          <cell r="CZ61" t="str">
            <v/>
          </cell>
          <cell r="DA61">
            <v>43997</v>
          </cell>
          <cell r="DB61">
            <v>44000</v>
          </cell>
          <cell r="DD61" t="str">
            <v/>
          </cell>
          <cell r="DL61">
            <v>11843</v>
          </cell>
          <cell r="DM61">
            <v>10273</v>
          </cell>
          <cell r="DN61">
            <v>10577</v>
          </cell>
          <cell r="DO61">
            <v>10672</v>
          </cell>
          <cell r="DP61">
            <v>11027</v>
          </cell>
          <cell r="DQ61">
            <v>11266</v>
          </cell>
          <cell r="DR61">
            <v>11082</v>
          </cell>
          <cell r="DS61">
            <v>11115</v>
          </cell>
          <cell r="DT61">
            <v>10470</v>
          </cell>
          <cell r="DU61">
            <v>10573</v>
          </cell>
          <cell r="DV61">
            <v>10420</v>
          </cell>
          <cell r="DW61">
            <v>10344</v>
          </cell>
          <cell r="EZ61">
            <v>12</v>
          </cell>
          <cell r="FA61">
            <v>6</v>
          </cell>
          <cell r="FE61">
            <v>2200000</v>
          </cell>
          <cell r="FI61">
            <v>5</v>
          </cell>
          <cell r="FJ61" t="str">
            <v>指名競争入札（簡易認証）</v>
          </cell>
          <cell r="FN61">
            <v>4</v>
          </cell>
          <cell r="FO61" t="str">
            <v>電子入札</v>
          </cell>
          <cell r="FS61">
            <v>5</v>
          </cell>
          <cell r="FT61">
            <v>1</v>
          </cell>
          <cell r="FU61" t="str">
            <v/>
          </cell>
          <cell r="FW61" t="str">
            <v/>
          </cell>
          <cell r="FY61" t="str">
            <v/>
          </cell>
          <cell r="GD61">
            <v>1</v>
          </cell>
          <cell r="GE61" t="str">
            <v>契約・検査課長　松本　嘉博</v>
          </cell>
          <cell r="GF61">
            <v>11115</v>
          </cell>
          <cell r="GG61" t="str">
            <v>白瀬浚渫興業(株)</v>
          </cell>
          <cell r="GH61">
            <v>54.5</v>
          </cell>
          <cell r="GI61" t="str">
            <v/>
          </cell>
          <cell r="GJ61">
            <v>216000</v>
          </cell>
          <cell r="GL61" t="str">
            <v>2級建設機械施工技士</v>
          </cell>
          <cell r="GM61" t="str">
            <v>白瀬　貴司</v>
          </cell>
          <cell r="GN61" t="str">
            <v>2級建設機械施工技士</v>
          </cell>
          <cell r="GO61" t="str">
            <v>白瀬　貴司</v>
          </cell>
          <cell r="GT61" t="str">
            <v/>
          </cell>
          <cell r="GW61" t="str">
            <v/>
          </cell>
          <cell r="HO61" t="str">
            <v/>
          </cell>
          <cell r="HP61">
            <v>55.38</v>
          </cell>
          <cell r="HQ61">
            <v>55.55</v>
          </cell>
          <cell r="HR61">
            <v>55.55</v>
          </cell>
          <cell r="HS61">
            <v>55.55</v>
          </cell>
          <cell r="HT61">
            <v>55.55</v>
          </cell>
          <cell r="HU61">
            <v>55.55</v>
          </cell>
          <cell r="HV61">
            <v>55.55</v>
          </cell>
          <cell r="HW61">
            <v>54.5</v>
          </cell>
          <cell r="HX61">
            <v>55.55</v>
          </cell>
          <cell r="HY61" t="str">
            <v>-</v>
          </cell>
          <cell r="HZ61" t="str">
            <v>-</v>
          </cell>
          <cell r="IA61" t="str">
            <v>-</v>
          </cell>
          <cell r="JD61" t="str">
            <v/>
          </cell>
          <cell r="JE61" t="str">
            <v/>
          </cell>
          <cell r="JF61" t="str">
            <v/>
          </cell>
          <cell r="JG61" t="str">
            <v/>
          </cell>
          <cell r="JH61" t="str">
            <v/>
          </cell>
          <cell r="JI61" t="str">
            <v/>
          </cell>
          <cell r="JJ61" t="str">
            <v/>
          </cell>
          <cell r="JK61" t="str">
            <v/>
          </cell>
          <cell r="JL61" t="str">
            <v/>
          </cell>
          <cell r="JM61" t="str">
            <v/>
          </cell>
          <cell r="JN61" t="str">
            <v/>
          </cell>
          <cell r="JO61" t="str">
            <v/>
          </cell>
          <cell r="JP61" t="str">
            <v/>
          </cell>
          <cell r="JQ61" t="str">
            <v/>
          </cell>
          <cell r="JR61" t="str">
            <v/>
          </cell>
          <cell r="JS61" t="str">
            <v/>
          </cell>
          <cell r="JT61" t="str">
            <v/>
          </cell>
          <cell r="JU61" t="str">
            <v/>
          </cell>
          <cell r="JV61" t="str">
            <v/>
          </cell>
          <cell r="JW61" t="str">
            <v/>
          </cell>
          <cell r="JX61">
            <v>26</v>
          </cell>
          <cell r="JY61">
            <v>25</v>
          </cell>
          <cell r="JZ61" t="str">
            <v/>
          </cell>
        </row>
        <row r="62">
          <cell r="C62" t="str">
            <v/>
          </cell>
          <cell r="D62" t="str">
            <v/>
          </cell>
          <cell r="E62" t="str">
            <v/>
          </cell>
          <cell r="I62">
            <v>54</v>
          </cell>
          <cell r="M62" t="str">
            <v>令和２年度伊丹市立天王寺川中学校大規模改造及び空調設備改修工事設計委託業務</v>
          </cell>
          <cell r="Q62" t="str">
            <v>天中改造設計</v>
          </cell>
          <cell r="Y62">
            <v>1</v>
          </cell>
          <cell r="AC62">
            <v>8</v>
          </cell>
          <cell r="AD62">
            <v>11</v>
          </cell>
          <cell r="AI62" t="str">
            <v>伊丹市鴻池３丁目４番２８号</v>
          </cell>
          <cell r="AM62" t="str">
            <v>・ 実施設計業務及び各種積算業務（建築、電気設備、機械設備工事）
・ ライフサイクルコスト比較検討業務
・ 熱源コスト比較検討業務　　
・ その他各種業務にかかる書類作成及び申請手続き業務</v>
          </cell>
          <cell r="AQ62">
            <v>1</v>
          </cell>
          <cell r="AY62">
            <v>44005</v>
          </cell>
          <cell r="AZ62">
            <v>44008</v>
          </cell>
          <cell r="BA62">
            <v>263</v>
          </cell>
          <cell r="BB62">
            <v>44270</v>
          </cell>
          <cell r="BC62">
            <v>14</v>
          </cell>
          <cell r="BD62" t="str">
            <v>○</v>
          </cell>
          <cell r="BE62" t="str">
            <v/>
          </cell>
          <cell r="BF62">
            <v>0.41736111111111113</v>
          </cell>
          <cell r="BG62">
            <v>7579</v>
          </cell>
          <cell r="BH62" t="str">
            <v>星野　和佐</v>
          </cell>
          <cell r="BI62" t="str">
            <v>営繕課</v>
          </cell>
          <cell r="BJ62">
            <v>4661</v>
          </cell>
          <cell r="BN62" t="str">
            <v>建設</v>
          </cell>
          <cell r="BO62">
            <v>6</v>
          </cell>
          <cell r="BS62">
            <v>53592000</v>
          </cell>
          <cell r="BT62">
            <v>48720000</v>
          </cell>
          <cell r="BU62" t="str">
            <v/>
          </cell>
          <cell r="BV62" t="str">
            <v/>
          </cell>
          <cell r="CD62">
            <v>43979</v>
          </cell>
          <cell r="CH62">
            <v>25</v>
          </cell>
          <cell r="CI62">
            <v>43984</v>
          </cell>
          <cell r="CJ62" t="str">
            <v>一級建築士事務所の登録</v>
          </cell>
          <cell r="CK62" t="str">
            <v>兵庫県内又は、大阪府内に本店又は支店</v>
          </cell>
          <cell r="CP62">
            <v>14771</v>
          </cell>
          <cell r="CT62" t="str">
            <v>請負金額が2,400万円以上</v>
          </cell>
          <cell r="CW62">
            <v>43994</v>
          </cell>
          <cell r="CX62" t="str">
            <v/>
          </cell>
          <cell r="CY62" t="str">
            <v/>
          </cell>
          <cell r="CZ62" t="str">
            <v/>
          </cell>
          <cell r="DA62">
            <v>43991</v>
          </cell>
          <cell r="DB62">
            <v>43999</v>
          </cell>
          <cell r="DC62">
            <v>48</v>
          </cell>
          <cell r="DD62" t="str">
            <v/>
          </cell>
          <cell r="DL62">
            <v>6258</v>
          </cell>
          <cell r="DM62">
            <v>5948</v>
          </cell>
          <cell r="DN62">
            <v>5049</v>
          </cell>
          <cell r="DO62">
            <v>5705</v>
          </cell>
          <cell r="DP62">
            <v>5539</v>
          </cell>
          <cell r="DQ62">
            <v>5607</v>
          </cell>
          <cell r="DR62">
            <v>5213</v>
          </cell>
          <cell r="DS62">
            <v>5857</v>
          </cell>
          <cell r="DT62">
            <v>6189</v>
          </cell>
          <cell r="DU62">
            <v>5216</v>
          </cell>
          <cell r="DV62">
            <v>5910</v>
          </cell>
          <cell r="DW62">
            <v>5020</v>
          </cell>
          <cell r="DX62">
            <v>5112</v>
          </cell>
          <cell r="DY62">
            <v>6506</v>
          </cell>
          <cell r="DZ62">
            <v>6364</v>
          </cell>
          <cell r="EA62">
            <v>5608</v>
          </cell>
          <cell r="EB62">
            <v>6354</v>
          </cell>
          <cell r="EC62">
            <v>5230</v>
          </cell>
          <cell r="ED62">
            <v>5478</v>
          </cell>
          <cell r="EE62">
            <v>5724</v>
          </cell>
          <cell r="EF62">
            <v>6301</v>
          </cell>
          <cell r="EZ62">
            <v>21</v>
          </cell>
          <cell r="FA62">
            <v>10</v>
          </cell>
          <cell r="FI62">
            <v>4</v>
          </cell>
          <cell r="FJ62" t="str">
            <v>事後審査型一般競争入札</v>
          </cell>
          <cell r="FN62">
            <v>4</v>
          </cell>
          <cell r="FO62" t="str">
            <v>電子入札</v>
          </cell>
          <cell r="FS62">
            <v>2</v>
          </cell>
          <cell r="FT62" t="str">
            <v/>
          </cell>
          <cell r="FU62" t="str">
            <v/>
          </cell>
          <cell r="FW62" t="str">
            <v/>
          </cell>
          <cell r="FY62" t="str">
            <v/>
          </cell>
          <cell r="GD62">
            <v>1</v>
          </cell>
          <cell r="GE62" t="str">
            <v>契約・検査課長　松本　嘉博</v>
          </cell>
          <cell r="GF62">
            <v>6258</v>
          </cell>
          <cell r="GG62" t="str">
            <v>(株)二神建築事務所</v>
          </cell>
          <cell r="GH62">
            <v>22000000</v>
          </cell>
          <cell r="GI62">
            <v>2000000</v>
          </cell>
          <cell r="GJ62">
            <v>2200000</v>
          </cell>
          <cell r="GL62" t="str">
            <v>１級建築士 第331118号</v>
          </cell>
          <cell r="GM62" t="str">
            <v>久保田　直之（管理技術者）</v>
          </cell>
          <cell r="GN62" t="str">
            <v>１級建築士 第331118号</v>
          </cell>
          <cell r="GO62" t="str">
            <v>久保田　直之（管理技術者）</v>
          </cell>
          <cell r="GT62" t="str">
            <v/>
          </cell>
          <cell r="GW62" t="str">
            <v/>
          </cell>
          <cell r="HO62" t="str">
            <v/>
          </cell>
          <cell r="HP62">
            <v>20000000</v>
          </cell>
          <cell r="HQ62">
            <v>21900000</v>
          </cell>
          <cell r="HR62">
            <v>24359000</v>
          </cell>
          <cell r="HS62">
            <v>24450000</v>
          </cell>
          <cell r="HT62">
            <v>24840000</v>
          </cell>
          <cell r="HU62">
            <v>25437000</v>
          </cell>
          <cell r="HV62">
            <v>26000000</v>
          </cell>
          <cell r="HW62">
            <v>26500000</v>
          </cell>
          <cell r="HX62">
            <v>28500000</v>
          </cell>
          <cell r="HY62">
            <v>29200000</v>
          </cell>
          <cell r="HZ62">
            <v>32300000</v>
          </cell>
          <cell r="IA62">
            <v>35000000</v>
          </cell>
          <cell r="IB62">
            <v>35000000</v>
          </cell>
          <cell r="IC62">
            <v>36540000</v>
          </cell>
          <cell r="ID62">
            <v>41400000</v>
          </cell>
          <cell r="IE62">
            <v>45000000</v>
          </cell>
          <cell r="IF62">
            <v>46000000</v>
          </cell>
          <cell r="IG62">
            <v>47800000</v>
          </cell>
          <cell r="IH62" t="str">
            <v>-</v>
          </cell>
          <cell r="II62" t="str">
            <v>-</v>
          </cell>
          <cell r="IJ62" t="str">
            <v>-</v>
          </cell>
          <cell r="JD62" t="str">
            <v/>
          </cell>
          <cell r="JE62" t="str">
            <v/>
          </cell>
          <cell r="JF62" t="str">
            <v/>
          </cell>
          <cell r="JG62" t="str">
            <v/>
          </cell>
          <cell r="JH62" t="str">
            <v/>
          </cell>
          <cell r="JI62" t="str">
            <v/>
          </cell>
          <cell r="JJ62" t="str">
            <v/>
          </cell>
          <cell r="JK62" t="str">
            <v/>
          </cell>
          <cell r="JL62" t="str">
            <v/>
          </cell>
          <cell r="JM62" t="str">
            <v/>
          </cell>
          <cell r="JN62" t="str">
            <v/>
          </cell>
          <cell r="JO62" t="str">
            <v/>
          </cell>
          <cell r="JP62" t="str">
            <v/>
          </cell>
          <cell r="JQ62" t="str">
            <v/>
          </cell>
          <cell r="JR62" t="str">
            <v/>
          </cell>
          <cell r="JS62" t="str">
            <v/>
          </cell>
          <cell r="JT62">
            <v>6</v>
          </cell>
          <cell r="JU62">
            <v>6</v>
          </cell>
          <cell r="JV62" t="str">
            <v/>
          </cell>
          <cell r="JW62" t="str">
            <v/>
          </cell>
          <cell r="JX62" t="str">
            <v/>
          </cell>
          <cell r="JY62" t="str">
            <v/>
          </cell>
          <cell r="JZ62">
            <v>0.41050903119868637</v>
          </cell>
        </row>
        <row r="63">
          <cell r="C63" t="str">
            <v/>
          </cell>
          <cell r="D63" t="str">
            <v/>
          </cell>
          <cell r="E63" t="str">
            <v/>
          </cell>
          <cell r="I63">
            <v>55</v>
          </cell>
          <cell r="M63" t="str">
            <v>令和２年度伊丹市立伊丹小学校大規模改造工事設計委託業務</v>
          </cell>
          <cell r="Q63" t="str">
            <v>伊丹小改造設計</v>
          </cell>
          <cell r="Y63">
            <v>1</v>
          </cell>
          <cell r="AC63">
            <v>8</v>
          </cell>
          <cell r="AD63">
            <v>11</v>
          </cell>
          <cell r="AI63" t="str">
            <v>伊丹市船原１丁目１番１号</v>
          </cell>
          <cell r="AM63" t="str">
            <v xml:space="preserve">・ 実施設計業務及び各種積算業務（建築、電気設備、機械設備工事）
・ ライフサイクルコスト比較検討業務
・ その他各種業務にかかる書類作成及び申請手続き業務
</v>
          </cell>
          <cell r="AQ63">
            <v>1</v>
          </cell>
          <cell r="AY63">
            <v>44005</v>
          </cell>
          <cell r="AZ63">
            <v>44008</v>
          </cell>
          <cell r="BA63">
            <v>260</v>
          </cell>
          <cell r="BB63">
            <v>44267</v>
          </cell>
          <cell r="BC63">
            <v>14</v>
          </cell>
          <cell r="BD63" t="str">
            <v>○</v>
          </cell>
          <cell r="BE63" t="str">
            <v/>
          </cell>
          <cell r="BF63">
            <v>0.41805555555555557</v>
          </cell>
          <cell r="BG63">
            <v>7642</v>
          </cell>
          <cell r="BH63" t="str">
            <v>助田  輝</v>
          </cell>
          <cell r="BI63" t="str">
            <v>営繕課</v>
          </cell>
          <cell r="BJ63">
            <v>4670</v>
          </cell>
          <cell r="BN63" t="str">
            <v>建設</v>
          </cell>
          <cell r="BO63">
            <v>7</v>
          </cell>
          <cell r="BS63">
            <v>49775000</v>
          </cell>
          <cell r="BT63">
            <v>45250000</v>
          </cell>
          <cell r="BU63" t="str">
            <v/>
          </cell>
          <cell r="BV63" t="str">
            <v/>
          </cell>
          <cell r="CD63">
            <v>43979</v>
          </cell>
          <cell r="CH63">
            <v>26</v>
          </cell>
          <cell r="CI63">
            <v>43984</v>
          </cell>
          <cell r="CJ63" t="str">
            <v>一級建築士事務所の登録</v>
          </cell>
          <cell r="CK63" t="str">
            <v>兵庫県内又は、大阪府内に本店又は支店</v>
          </cell>
          <cell r="CP63">
            <v>34916</v>
          </cell>
          <cell r="CT63" t="str">
            <v>請負金額が2,200万円以上</v>
          </cell>
          <cell r="CW63">
            <v>43994</v>
          </cell>
          <cell r="CX63" t="str">
            <v/>
          </cell>
          <cell r="CY63" t="str">
            <v/>
          </cell>
          <cell r="CZ63" t="str">
            <v/>
          </cell>
          <cell r="DA63">
            <v>43991</v>
          </cell>
          <cell r="DB63">
            <v>43999</v>
          </cell>
          <cell r="DC63">
            <v>51</v>
          </cell>
          <cell r="DD63" t="str">
            <v/>
          </cell>
          <cell r="DL63">
            <v>5948</v>
          </cell>
          <cell r="DM63">
            <v>5705</v>
          </cell>
          <cell r="DN63">
            <v>5390</v>
          </cell>
          <cell r="DO63">
            <v>5607</v>
          </cell>
          <cell r="DP63">
            <v>5539</v>
          </cell>
          <cell r="DQ63">
            <v>5049</v>
          </cell>
          <cell r="DR63">
            <v>5857</v>
          </cell>
          <cell r="DS63">
            <v>6189</v>
          </cell>
          <cell r="DT63">
            <v>6364</v>
          </cell>
          <cell r="DU63">
            <v>6346</v>
          </cell>
          <cell r="DV63">
            <v>5213</v>
          </cell>
          <cell r="DW63">
            <v>5216</v>
          </cell>
          <cell r="DX63">
            <v>5020</v>
          </cell>
          <cell r="DY63">
            <v>6506</v>
          </cell>
          <cell r="DZ63">
            <v>5910</v>
          </cell>
          <cell r="EA63">
            <v>6354</v>
          </cell>
          <cell r="EB63">
            <v>5230</v>
          </cell>
          <cell r="EC63">
            <v>5608</v>
          </cell>
          <cell r="ED63">
            <v>5214</v>
          </cell>
          <cell r="EE63">
            <v>5478</v>
          </cell>
          <cell r="EF63">
            <v>5724</v>
          </cell>
          <cell r="EG63">
            <v>5988</v>
          </cell>
          <cell r="EH63">
            <v>6162</v>
          </cell>
          <cell r="EI63">
            <v>6258</v>
          </cell>
          <cell r="EJ63">
            <v>6301</v>
          </cell>
          <cell r="EZ63">
            <v>25</v>
          </cell>
          <cell r="FA63">
            <v>8</v>
          </cell>
          <cell r="FI63">
            <v>4</v>
          </cell>
          <cell r="FJ63" t="str">
            <v>事後審査型一般競争入札</v>
          </cell>
          <cell r="FN63">
            <v>4</v>
          </cell>
          <cell r="FO63" t="str">
            <v>電子入札</v>
          </cell>
          <cell r="FS63">
            <v>2</v>
          </cell>
          <cell r="FT63" t="str">
            <v/>
          </cell>
          <cell r="FU63" t="str">
            <v/>
          </cell>
          <cell r="FW63" t="str">
            <v/>
          </cell>
          <cell r="FY63" t="str">
            <v/>
          </cell>
          <cell r="GD63">
            <v>1</v>
          </cell>
          <cell r="GE63" t="str">
            <v>契約・検査課長　松本　嘉博</v>
          </cell>
          <cell r="GF63">
            <v>5948</v>
          </cell>
          <cell r="GG63" t="str">
            <v>(株)トクオ</v>
          </cell>
          <cell r="GH63">
            <v>21780000</v>
          </cell>
          <cell r="GI63">
            <v>1980000</v>
          </cell>
          <cell r="GJ63">
            <v>2178000</v>
          </cell>
          <cell r="GL63" t="str">
            <v>一級建築士 第366289号</v>
          </cell>
          <cell r="GM63" t="str">
            <v>溝川　誠（管理技術者）</v>
          </cell>
          <cell r="GN63" t="str">
            <v>一級建築士 第366289号</v>
          </cell>
          <cell r="GO63" t="str">
            <v>溝川　誠（管理技術者）</v>
          </cell>
          <cell r="GT63" t="str">
            <v/>
          </cell>
          <cell r="GW63" t="str">
            <v/>
          </cell>
          <cell r="HO63" t="str">
            <v/>
          </cell>
          <cell r="HP63">
            <v>19800000</v>
          </cell>
          <cell r="HQ63">
            <v>22000000</v>
          </cell>
          <cell r="HR63">
            <v>22370000</v>
          </cell>
          <cell r="HS63">
            <v>22437000</v>
          </cell>
          <cell r="HT63">
            <v>23230000</v>
          </cell>
          <cell r="HU63">
            <v>23988000</v>
          </cell>
          <cell r="HV63">
            <v>26500000</v>
          </cell>
          <cell r="HW63">
            <v>26500000</v>
          </cell>
          <cell r="HX63">
            <v>27150000</v>
          </cell>
          <cell r="HY63">
            <v>27800000</v>
          </cell>
          <cell r="HZ63">
            <v>28000000</v>
          </cell>
          <cell r="IA63">
            <v>31700000</v>
          </cell>
          <cell r="IB63">
            <v>32000000</v>
          </cell>
          <cell r="IC63">
            <v>33900000</v>
          </cell>
          <cell r="ID63">
            <v>34200000</v>
          </cell>
          <cell r="IE63">
            <v>44000000</v>
          </cell>
          <cell r="IF63">
            <v>44800000</v>
          </cell>
          <cell r="IG63">
            <v>45000000</v>
          </cell>
          <cell r="IH63" t="str">
            <v>-</v>
          </cell>
          <cell r="II63" t="str">
            <v>-</v>
          </cell>
          <cell r="IJ63" t="str">
            <v>-</v>
          </cell>
          <cell r="IK63" t="str">
            <v>-</v>
          </cell>
          <cell r="IL63" t="str">
            <v>-</v>
          </cell>
          <cell r="IM63" t="str">
            <v>-</v>
          </cell>
          <cell r="IN63" t="str">
            <v>-</v>
          </cell>
          <cell r="JD63" t="str">
            <v/>
          </cell>
          <cell r="JE63" t="str">
            <v/>
          </cell>
          <cell r="JF63" t="str">
            <v/>
          </cell>
          <cell r="JG63" t="str">
            <v/>
          </cell>
          <cell r="JH63" t="str">
            <v/>
          </cell>
          <cell r="JI63" t="str">
            <v/>
          </cell>
          <cell r="JJ63" t="str">
            <v/>
          </cell>
          <cell r="JK63" t="str">
            <v/>
          </cell>
          <cell r="JL63" t="str">
            <v/>
          </cell>
          <cell r="JM63" t="str">
            <v/>
          </cell>
          <cell r="JN63" t="str">
            <v/>
          </cell>
          <cell r="JO63" t="str">
            <v/>
          </cell>
          <cell r="JP63" t="str">
            <v/>
          </cell>
          <cell r="JQ63" t="str">
            <v/>
          </cell>
          <cell r="JR63" t="str">
            <v/>
          </cell>
          <cell r="JS63" t="str">
            <v/>
          </cell>
          <cell r="JT63">
            <v>7</v>
          </cell>
          <cell r="JU63">
            <v>7</v>
          </cell>
          <cell r="JV63" t="str">
            <v/>
          </cell>
          <cell r="JW63" t="str">
            <v/>
          </cell>
          <cell r="JX63" t="str">
            <v/>
          </cell>
          <cell r="JY63" t="str">
            <v/>
          </cell>
          <cell r="JZ63">
            <v>0.43756906077348068</v>
          </cell>
        </row>
        <row r="64">
          <cell r="C64" t="str">
            <v/>
          </cell>
          <cell r="D64" t="str">
            <v/>
          </cell>
          <cell r="E64" t="str">
            <v/>
          </cell>
          <cell r="I64">
            <v>56</v>
          </cell>
          <cell r="M64" t="str">
            <v>令和２年度伊丹市立サンシティホール大規模改造工事設計委託業務</v>
          </cell>
          <cell r="Q64" t="str">
            <v>ｻﾝｼﾃｨ改造設計</v>
          </cell>
          <cell r="Y64">
            <v>1</v>
          </cell>
          <cell r="AC64">
            <v>8</v>
          </cell>
          <cell r="AD64">
            <v>11</v>
          </cell>
          <cell r="AI64" t="str">
            <v>伊丹市中野西１丁目１４８番地の１</v>
          </cell>
          <cell r="AM64" t="str">
            <v xml:space="preserve">・ 実施設計業務及び各種積算業務（建築、電気設備、機械設備工事）
・ ライフサイクルコスト比較検討業務
・ その他各種業務にかかる書類作成及び申請手続き業務
</v>
          </cell>
          <cell r="AQ64">
            <v>1</v>
          </cell>
          <cell r="AY64">
            <v>44005</v>
          </cell>
          <cell r="AZ64">
            <v>44008</v>
          </cell>
          <cell r="BA64">
            <v>260</v>
          </cell>
          <cell r="BB64">
            <v>44267</v>
          </cell>
          <cell r="BC64">
            <v>14</v>
          </cell>
          <cell r="BD64" t="str">
            <v>○</v>
          </cell>
          <cell r="BE64" t="str">
            <v/>
          </cell>
          <cell r="BF64">
            <v>0.41875000000000001</v>
          </cell>
          <cell r="BG64">
            <v>7640</v>
          </cell>
          <cell r="BH64" t="str">
            <v>上野　竜</v>
          </cell>
          <cell r="BI64" t="str">
            <v>営繕課</v>
          </cell>
          <cell r="BJ64">
            <v>4668</v>
          </cell>
          <cell r="BN64" t="str">
            <v>建設</v>
          </cell>
          <cell r="BO64">
            <v>8</v>
          </cell>
          <cell r="BS64">
            <v>22759000</v>
          </cell>
          <cell r="BT64">
            <v>20690000</v>
          </cell>
          <cell r="BU64" t="str">
            <v/>
          </cell>
          <cell r="BV64" t="str">
            <v/>
          </cell>
          <cell r="CH64">
            <v>27</v>
          </cell>
          <cell r="CI64">
            <v>43984</v>
          </cell>
          <cell r="CK64" t="str">
            <v>兵庫県内に本店又は支店</v>
          </cell>
          <cell r="CP64">
            <v>10352</v>
          </cell>
          <cell r="CT64" t="str">
            <v>請負金額が1,000万円以上</v>
          </cell>
          <cell r="CW64">
            <v>43994</v>
          </cell>
          <cell r="CX64" t="str">
            <v/>
          </cell>
          <cell r="CY64" t="str">
            <v/>
          </cell>
          <cell r="CZ64" t="str">
            <v/>
          </cell>
          <cell r="DA64">
            <v>43991</v>
          </cell>
          <cell r="DB64">
            <v>43999</v>
          </cell>
          <cell r="DC64">
            <v>32</v>
          </cell>
          <cell r="DD64" t="str">
            <v/>
          </cell>
          <cell r="DL64">
            <v>5131</v>
          </cell>
          <cell r="DM64">
            <v>6364</v>
          </cell>
          <cell r="DN64">
            <v>6346</v>
          </cell>
          <cell r="DO64">
            <v>5216</v>
          </cell>
          <cell r="DP64">
            <v>5038</v>
          </cell>
          <cell r="DQ64">
            <v>6506</v>
          </cell>
          <cell r="DR64">
            <v>5049</v>
          </cell>
          <cell r="DS64">
            <v>5608</v>
          </cell>
          <cell r="DT64">
            <v>5140</v>
          </cell>
          <cell r="DU64">
            <v>6162</v>
          </cell>
          <cell r="DV64">
            <v>6258</v>
          </cell>
          <cell r="DW64">
            <v>6301</v>
          </cell>
          <cell r="EZ64">
            <v>12</v>
          </cell>
          <cell r="FA64">
            <v>8</v>
          </cell>
          <cell r="FI64">
            <v>4</v>
          </cell>
          <cell r="FJ64" t="str">
            <v>事後審査型一般競争入札</v>
          </cell>
          <cell r="FN64">
            <v>4</v>
          </cell>
          <cell r="FO64" t="str">
            <v>電子入札</v>
          </cell>
          <cell r="FS64">
            <v>2</v>
          </cell>
          <cell r="FT64" t="str">
            <v/>
          </cell>
          <cell r="FU64" t="str">
            <v/>
          </cell>
          <cell r="FW64" t="str">
            <v/>
          </cell>
          <cell r="FY64" t="str">
            <v/>
          </cell>
          <cell r="GD64">
            <v>1</v>
          </cell>
          <cell r="GE64" t="str">
            <v>契約・検査課長　松本　嘉博</v>
          </cell>
          <cell r="GF64">
            <v>6364</v>
          </cell>
          <cell r="GG64" t="str">
            <v>(株)村上建築設計室</v>
          </cell>
          <cell r="GH64">
            <v>15840000</v>
          </cell>
          <cell r="GI64">
            <v>1440000</v>
          </cell>
          <cell r="GJ64">
            <v>1584000</v>
          </cell>
          <cell r="GL64" t="str">
            <v>一級建築士</v>
          </cell>
          <cell r="GM64" t="str">
            <v>坂本　晃一（管理技術者）</v>
          </cell>
          <cell r="GN64" t="str">
            <v>一級建築士</v>
          </cell>
          <cell r="GO64" t="str">
            <v>坂本　晃一（管理技術者）</v>
          </cell>
          <cell r="GT64" t="str">
            <v/>
          </cell>
          <cell r="GW64" t="str">
            <v/>
          </cell>
          <cell r="HO64" t="str">
            <v/>
          </cell>
          <cell r="HP64">
            <v>11800000</v>
          </cell>
          <cell r="HQ64">
            <v>14400000</v>
          </cell>
          <cell r="HR64">
            <v>14690000</v>
          </cell>
          <cell r="HS64">
            <v>15500000</v>
          </cell>
          <cell r="HT64">
            <v>16340000</v>
          </cell>
          <cell r="HU64">
            <v>16500000</v>
          </cell>
          <cell r="HV64">
            <v>16989000</v>
          </cell>
          <cell r="HW64">
            <v>20000000</v>
          </cell>
          <cell r="HX64" t="str">
            <v>-</v>
          </cell>
          <cell r="HY64" t="str">
            <v>-</v>
          </cell>
          <cell r="HZ64" t="str">
            <v>-</v>
          </cell>
          <cell r="IA64" t="str">
            <v>-</v>
          </cell>
          <cell r="JD64" t="str">
            <v/>
          </cell>
          <cell r="JE64" t="str">
            <v/>
          </cell>
          <cell r="JF64" t="str">
            <v/>
          </cell>
          <cell r="JG64" t="str">
            <v/>
          </cell>
          <cell r="JH64" t="str">
            <v/>
          </cell>
          <cell r="JI64" t="str">
            <v/>
          </cell>
          <cell r="JJ64" t="str">
            <v/>
          </cell>
          <cell r="JK64" t="str">
            <v/>
          </cell>
          <cell r="JL64" t="str">
            <v/>
          </cell>
          <cell r="JM64" t="str">
            <v/>
          </cell>
          <cell r="JN64" t="str">
            <v/>
          </cell>
          <cell r="JO64" t="str">
            <v/>
          </cell>
          <cell r="JP64" t="str">
            <v/>
          </cell>
          <cell r="JQ64" t="str">
            <v/>
          </cell>
          <cell r="JR64" t="str">
            <v/>
          </cell>
          <cell r="JS64" t="str">
            <v/>
          </cell>
          <cell r="JT64">
            <v>8</v>
          </cell>
          <cell r="JU64">
            <v>8</v>
          </cell>
          <cell r="JV64" t="str">
            <v/>
          </cell>
          <cell r="JW64" t="str">
            <v/>
          </cell>
          <cell r="JX64" t="str">
            <v/>
          </cell>
          <cell r="JY64" t="str">
            <v/>
          </cell>
          <cell r="JZ64">
            <v>0.69598840019332997</v>
          </cell>
        </row>
        <row r="65">
          <cell r="C65" t="str">
            <v/>
          </cell>
          <cell r="D65" t="str">
            <v/>
          </cell>
          <cell r="E65" t="str">
            <v/>
          </cell>
          <cell r="I65">
            <v>57</v>
          </cell>
          <cell r="M65" t="str">
            <v>令和２年度伊丹市立文化会館パッケージエアコン更新工事設計委託業務</v>
          </cell>
          <cell r="Q65" t="str">
            <v>文化会館設計</v>
          </cell>
          <cell r="Y65">
            <v>1</v>
          </cell>
          <cell r="AC65">
            <v>8</v>
          </cell>
          <cell r="AD65">
            <v>11</v>
          </cell>
          <cell r="AI65" t="str">
            <v>伊丹市宮ノ前１丁目１番地３号</v>
          </cell>
          <cell r="AM65" t="str">
            <v>・ 実施設計業務及び各種積算業務（建築、電気設備、機械設備工事）
・ ライフサイクルコスト比較検討業務
・ 熱源コスト比較検討業務　　
・ その他各種業務にかかる書類作成及び申請手続き業務</v>
          </cell>
          <cell r="AQ65">
            <v>1</v>
          </cell>
          <cell r="AY65">
            <v>44005</v>
          </cell>
          <cell r="AZ65">
            <v>44008</v>
          </cell>
          <cell r="BA65">
            <v>260</v>
          </cell>
          <cell r="BB65">
            <v>44267</v>
          </cell>
          <cell r="BC65">
            <v>14</v>
          </cell>
          <cell r="BD65" t="str">
            <v>○</v>
          </cell>
          <cell r="BE65" t="str">
            <v/>
          </cell>
          <cell r="BF65">
            <v>0.41944444444444401</v>
          </cell>
          <cell r="BG65">
            <v>7195</v>
          </cell>
          <cell r="BH65" t="str">
            <v>鎌倉　弘貴</v>
          </cell>
          <cell r="BI65" t="str">
            <v>営繕課</v>
          </cell>
          <cell r="BJ65">
            <v>4559</v>
          </cell>
          <cell r="BN65" t="str">
            <v>建設</v>
          </cell>
          <cell r="BO65">
            <v>9</v>
          </cell>
          <cell r="BS65">
            <v>12848000</v>
          </cell>
          <cell r="BT65">
            <v>11680000</v>
          </cell>
          <cell r="BU65" t="str">
            <v/>
          </cell>
          <cell r="BV65" t="str">
            <v/>
          </cell>
          <cell r="CH65">
            <v>28</v>
          </cell>
          <cell r="CI65">
            <v>43984</v>
          </cell>
          <cell r="CK65" t="str">
            <v>兵庫県内に本店又は支店</v>
          </cell>
          <cell r="CP65">
            <v>98120</v>
          </cell>
          <cell r="CT65" t="str">
            <v>請負金額が500万円以上</v>
          </cell>
          <cell r="CW65">
            <v>43994</v>
          </cell>
          <cell r="CX65" t="str">
            <v/>
          </cell>
          <cell r="CY65" t="str">
            <v/>
          </cell>
          <cell r="CZ65" t="str">
            <v/>
          </cell>
          <cell r="DA65">
            <v>43991</v>
          </cell>
          <cell r="DB65">
            <v>43999</v>
          </cell>
          <cell r="DC65">
            <v>40</v>
          </cell>
          <cell r="DD65" t="str">
            <v/>
          </cell>
          <cell r="DL65">
            <v>5963</v>
          </cell>
          <cell r="DM65">
            <v>5131</v>
          </cell>
          <cell r="DN65">
            <v>5049</v>
          </cell>
          <cell r="DO65">
            <v>6506</v>
          </cell>
          <cell r="DP65">
            <v>6065</v>
          </cell>
          <cell r="DQ65">
            <v>5140</v>
          </cell>
          <cell r="DR65">
            <v>6258</v>
          </cell>
          <cell r="EZ65">
            <v>7</v>
          </cell>
          <cell r="FA65">
            <v>8</v>
          </cell>
          <cell r="FI65">
            <v>4</v>
          </cell>
          <cell r="FJ65" t="str">
            <v>事後審査型一般競争入札</v>
          </cell>
          <cell r="FN65">
            <v>4</v>
          </cell>
          <cell r="FO65" t="str">
            <v>電子入札</v>
          </cell>
          <cell r="FS65">
            <v>2</v>
          </cell>
          <cell r="FT65" t="str">
            <v/>
          </cell>
          <cell r="FU65" t="str">
            <v/>
          </cell>
          <cell r="FW65" t="str">
            <v/>
          </cell>
          <cell r="FY65" t="str">
            <v/>
          </cell>
          <cell r="GD65">
            <v>1</v>
          </cell>
          <cell r="GE65" t="str">
            <v>契約・検査課長　松本　嘉博</v>
          </cell>
          <cell r="GF65">
            <v>5963</v>
          </cell>
          <cell r="GG65" t="str">
            <v>(株)内藤設計</v>
          </cell>
          <cell r="GH65">
            <v>7150000</v>
          </cell>
          <cell r="GI65">
            <v>650000</v>
          </cell>
          <cell r="GJ65">
            <v>715000</v>
          </cell>
          <cell r="GL65" t="str">
            <v>一級建築士 第188381号</v>
          </cell>
          <cell r="GM65" t="str">
            <v>藤原　順造（管理技術者</v>
          </cell>
          <cell r="GN65" t="str">
            <v>一級建築士 第188381号</v>
          </cell>
          <cell r="GO65" t="str">
            <v>藤原　順造（管理技術者</v>
          </cell>
          <cell r="GT65" t="str">
            <v/>
          </cell>
          <cell r="GW65" t="str">
            <v/>
          </cell>
          <cell r="HO65" t="str">
            <v/>
          </cell>
          <cell r="HP65">
            <v>6500000</v>
          </cell>
          <cell r="HQ65">
            <v>8680000</v>
          </cell>
          <cell r="HR65">
            <v>9799000</v>
          </cell>
          <cell r="HS65">
            <v>11090000</v>
          </cell>
          <cell r="HT65">
            <v>11680000</v>
          </cell>
          <cell r="HU65" t="str">
            <v>-</v>
          </cell>
          <cell r="HV65" t="str">
            <v>-</v>
          </cell>
          <cell r="JD65" t="str">
            <v/>
          </cell>
          <cell r="JE65" t="str">
            <v/>
          </cell>
          <cell r="JF65" t="str">
            <v/>
          </cell>
          <cell r="JG65" t="str">
            <v/>
          </cell>
          <cell r="JH65" t="str">
            <v/>
          </cell>
          <cell r="JI65" t="str">
            <v/>
          </cell>
          <cell r="JJ65" t="str">
            <v/>
          </cell>
          <cell r="JK65" t="str">
            <v/>
          </cell>
          <cell r="JL65" t="str">
            <v/>
          </cell>
          <cell r="JM65" t="str">
            <v/>
          </cell>
          <cell r="JN65" t="str">
            <v/>
          </cell>
          <cell r="JO65" t="str">
            <v/>
          </cell>
          <cell r="JP65" t="str">
            <v/>
          </cell>
          <cell r="JQ65" t="str">
            <v/>
          </cell>
          <cell r="JR65" t="str">
            <v/>
          </cell>
          <cell r="JS65" t="str">
            <v/>
          </cell>
          <cell r="JT65">
            <v>9</v>
          </cell>
          <cell r="JU65">
            <v>9</v>
          </cell>
          <cell r="JV65" t="str">
            <v/>
          </cell>
          <cell r="JW65" t="str">
            <v/>
          </cell>
          <cell r="JX65" t="str">
            <v/>
          </cell>
          <cell r="JY65" t="str">
            <v/>
          </cell>
          <cell r="JZ65">
            <v>0.55650684931506844</v>
          </cell>
        </row>
        <row r="66">
          <cell r="C66" t="str">
            <v/>
          </cell>
          <cell r="D66" t="str">
            <v/>
          </cell>
          <cell r="E66" t="str">
            <v/>
          </cell>
          <cell r="I66">
            <v>58</v>
          </cell>
          <cell r="M66" t="str">
            <v>令和２年度伊丹市立池尻小学校空調設備改修工事設計委託業務</v>
          </cell>
          <cell r="Q66" t="str">
            <v>池尻空調設計</v>
          </cell>
          <cell r="Y66">
            <v>1</v>
          </cell>
          <cell r="AC66">
            <v>8</v>
          </cell>
          <cell r="AD66">
            <v>11</v>
          </cell>
          <cell r="AI66" t="str">
            <v>伊丹市池尻６丁目２２１番地</v>
          </cell>
          <cell r="AM66" t="str">
            <v>・ 実施設計業務及び各種積算業務（建築、電気設備、機械設備工事）
・ ライフサイクルコスト比較検討業務
・ 熱源コスト比較検討業務　　
・ その他各種業務にかかる書類作成及び申請手続き業務</v>
          </cell>
          <cell r="AQ66">
            <v>1</v>
          </cell>
          <cell r="AY66">
            <v>44006</v>
          </cell>
          <cell r="AZ66">
            <v>44011</v>
          </cell>
          <cell r="BA66">
            <v>257</v>
          </cell>
          <cell r="BB66">
            <v>44267</v>
          </cell>
          <cell r="BC66">
            <v>15</v>
          </cell>
          <cell r="BD66" t="str">
            <v>○</v>
          </cell>
          <cell r="BE66" t="str">
            <v/>
          </cell>
          <cell r="BF66">
            <v>0.41805555555555557</v>
          </cell>
          <cell r="BG66">
            <v>6877</v>
          </cell>
          <cell r="BH66" t="str">
            <v>井上  祐貴</v>
          </cell>
          <cell r="BI66" t="str">
            <v>営繕課</v>
          </cell>
          <cell r="BJ66">
            <v>3237</v>
          </cell>
          <cell r="BN66" t="str">
            <v>建設</v>
          </cell>
          <cell r="BO66">
            <v>10</v>
          </cell>
          <cell r="BS66">
            <v>5896000</v>
          </cell>
          <cell r="BT66">
            <v>5360000</v>
          </cell>
          <cell r="BU66" t="str">
            <v/>
          </cell>
          <cell r="BV66" t="str">
            <v/>
          </cell>
          <cell r="CD66" t="str">
            <v/>
          </cell>
          <cell r="CH66">
            <v>30</v>
          </cell>
          <cell r="CI66">
            <v>43984</v>
          </cell>
          <cell r="CK66" t="str">
            <v>兵庫県内に本店又は支店</v>
          </cell>
          <cell r="CP66">
            <v>44246</v>
          </cell>
          <cell r="CT66" t="str">
            <v>請負金額が200万円以上</v>
          </cell>
          <cell r="CW66">
            <v>43994</v>
          </cell>
          <cell r="CX66" t="str">
            <v/>
          </cell>
          <cell r="CY66" t="str">
            <v/>
          </cell>
          <cell r="CZ66" t="str">
            <v/>
          </cell>
          <cell r="DA66">
            <v>43991</v>
          </cell>
          <cell r="DB66">
            <v>43999</v>
          </cell>
          <cell r="DC66">
            <v>42</v>
          </cell>
          <cell r="DD66" t="str">
            <v/>
          </cell>
          <cell r="DL66">
            <v>5049</v>
          </cell>
          <cell r="DM66">
            <v>5406</v>
          </cell>
          <cell r="DN66">
            <v>5690</v>
          </cell>
          <cell r="DO66">
            <v>6065</v>
          </cell>
          <cell r="DP66">
            <v>6255</v>
          </cell>
          <cell r="DQ66">
            <v>6506</v>
          </cell>
          <cell r="DR66">
            <v>5140</v>
          </cell>
          <cell r="DS66">
            <v>5131</v>
          </cell>
          <cell r="EZ66">
            <v>8</v>
          </cell>
          <cell r="FA66">
            <v>8</v>
          </cell>
          <cell r="FI66">
            <v>4</v>
          </cell>
          <cell r="FJ66" t="str">
            <v>事後審査型一般競争入札</v>
          </cell>
          <cell r="FN66">
            <v>4</v>
          </cell>
          <cell r="FO66" t="str">
            <v>電子入札</v>
          </cell>
          <cell r="FS66">
            <v>2</v>
          </cell>
          <cell r="FT66" t="str">
            <v/>
          </cell>
          <cell r="FU66" t="str">
            <v/>
          </cell>
          <cell r="FW66" t="str">
            <v/>
          </cell>
          <cell r="FY66" t="str">
            <v/>
          </cell>
          <cell r="GD66">
            <v>1</v>
          </cell>
          <cell r="GE66" t="str">
            <v>契約・検査課長　松本　嘉博</v>
          </cell>
          <cell r="GF66">
            <v>5049</v>
          </cell>
          <cell r="GG66" t="str">
            <v>(株)アルト建築設計事務所</v>
          </cell>
          <cell r="GH66">
            <v>4620000</v>
          </cell>
          <cell r="GI66">
            <v>420000</v>
          </cell>
          <cell r="GJ66">
            <v>462000</v>
          </cell>
          <cell r="GL66" t="str">
            <v>一級建築士 第258412号</v>
          </cell>
          <cell r="GM66" t="str">
            <v>水元　兼司（管理技術者）</v>
          </cell>
          <cell r="GN66" t="str">
            <v>一級建築士 第258412号</v>
          </cell>
          <cell r="GO66" t="str">
            <v>水元　兼司（管理技術者）</v>
          </cell>
          <cell r="GT66" t="str">
            <v/>
          </cell>
          <cell r="GW66" t="str">
            <v/>
          </cell>
          <cell r="HO66" t="str">
            <v/>
          </cell>
          <cell r="HP66">
            <v>4200000</v>
          </cell>
          <cell r="HQ66">
            <v>4670000</v>
          </cell>
          <cell r="HR66">
            <v>4780000</v>
          </cell>
          <cell r="HS66">
            <v>5300000</v>
          </cell>
          <cell r="HT66">
            <v>4260000</v>
          </cell>
          <cell r="HU66" t="str">
            <v>-</v>
          </cell>
          <cell r="HV66" t="str">
            <v>-</v>
          </cell>
          <cell r="HW66" t="str">
            <v>-</v>
          </cell>
          <cell r="JD66" t="str">
            <v/>
          </cell>
          <cell r="JE66" t="str">
            <v/>
          </cell>
          <cell r="JF66" t="str">
            <v/>
          </cell>
          <cell r="JG66" t="str">
            <v/>
          </cell>
          <cell r="JH66" t="str">
            <v/>
          </cell>
          <cell r="JI66" t="str">
            <v/>
          </cell>
          <cell r="JJ66" t="str">
            <v/>
          </cell>
          <cell r="JK66" t="str">
            <v/>
          </cell>
          <cell r="JL66" t="str">
            <v/>
          </cell>
          <cell r="JM66" t="str">
            <v/>
          </cell>
          <cell r="JN66" t="str">
            <v/>
          </cell>
          <cell r="JO66" t="str">
            <v/>
          </cell>
          <cell r="JP66" t="str">
            <v/>
          </cell>
          <cell r="JQ66" t="str">
            <v/>
          </cell>
          <cell r="JR66" t="str">
            <v/>
          </cell>
          <cell r="JS66" t="str">
            <v/>
          </cell>
          <cell r="JT66">
            <v>10</v>
          </cell>
          <cell r="JU66">
            <v>10</v>
          </cell>
          <cell r="JV66" t="str">
            <v/>
          </cell>
          <cell r="JW66" t="str">
            <v/>
          </cell>
          <cell r="JX66" t="str">
            <v/>
          </cell>
          <cell r="JY66" t="str">
            <v/>
          </cell>
          <cell r="JZ66">
            <v>0.78358208955223885</v>
          </cell>
        </row>
        <row r="67">
          <cell r="C67" t="str">
            <v/>
          </cell>
          <cell r="D67" t="str">
            <v/>
          </cell>
          <cell r="E67" t="str">
            <v/>
          </cell>
          <cell r="I67">
            <v>59</v>
          </cell>
          <cell r="M67" t="str">
            <v>令和２年度市営玉田団地６・９号館エレベーター設置及び住戸２室化工事基本設計委託業務</v>
          </cell>
          <cell r="Q67" t="str">
            <v>玉田ｴﾚ2室化設計</v>
          </cell>
          <cell r="Y67">
            <v>1</v>
          </cell>
          <cell r="AC67">
            <v>8</v>
          </cell>
          <cell r="AD67">
            <v>11</v>
          </cell>
          <cell r="AI67" t="str">
            <v>伊丹市中野東１丁目２番地・７番地</v>
          </cell>
          <cell r="AM67" t="str">
            <v xml:space="preserve">・ 基本設計業務
・ ライフサイクルコスト比較検討業務
・ その他各種業務にかかる書類作成及び申請手続き業務
</v>
          </cell>
          <cell r="AQ67">
            <v>1</v>
          </cell>
          <cell r="AY67">
            <v>44006</v>
          </cell>
          <cell r="AZ67">
            <v>44011</v>
          </cell>
          <cell r="BA67">
            <v>180</v>
          </cell>
          <cell r="BB67">
            <v>44190</v>
          </cell>
          <cell r="BC67">
            <v>15</v>
          </cell>
          <cell r="BD67" t="str">
            <v>○</v>
          </cell>
          <cell r="BE67" t="str">
            <v/>
          </cell>
          <cell r="BF67">
            <v>0.41875000000000001</v>
          </cell>
          <cell r="BG67">
            <v>6448</v>
          </cell>
          <cell r="BH67" t="str">
            <v>村上  進</v>
          </cell>
          <cell r="BI67" t="str">
            <v>営繕課</v>
          </cell>
          <cell r="BJ67">
            <v>4326</v>
          </cell>
          <cell r="BN67" t="str">
            <v>建設</v>
          </cell>
          <cell r="BO67">
            <v>11</v>
          </cell>
          <cell r="BS67">
            <v>3902800</v>
          </cell>
          <cell r="BT67">
            <v>3540000</v>
          </cell>
          <cell r="BU67" t="str">
            <v/>
          </cell>
          <cell r="BV67" t="str">
            <v/>
          </cell>
          <cell r="CD67" t="str">
            <v/>
          </cell>
          <cell r="CH67">
            <v>31</v>
          </cell>
          <cell r="CI67">
            <v>43984</v>
          </cell>
          <cell r="CK67" t="str">
            <v>兵庫県内に本店又は支店</v>
          </cell>
          <cell r="CP67">
            <v>50791</v>
          </cell>
          <cell r="CT67" t="str">
            <v>請負金額が100万円以上</v>
          </cell>
          <cell r="CW67">
            <v>43994</v>
          </cell>
          <cell r="CX67" t="str">
            <v/>
          </cell>
          <cell r="CY67" t="str">
            <v/>
          </cell>
          <cell r="CZ67" t="str">
            <v/>
          </cell>
          <cell r="DA67">
            <v>43991</v>
          </cell>
          <cell r="DB67">
            <v>43999</v>
          </cell>
          <cell r="DC67">
            <v>47</v>
          </cell>
          <cell r="DD67" t="str">
            <v/>
          </cell>
          <cell r="DL67">
            <v>5049</v>
          </cell>
          <cell r="DM67">
            <v>5446</v>
          </cell>
          <cell r="DN67">
            <v>5608</v>
          </cell>
          <cell r="DO67">
            <v>5690</v>
          </cell>
          <cell r="DP67">
            <v>5724</v>
          </cell>
          <cell r="DQ67">
            <v>6506</v>
          </cell>
          <cell r="EZ67">
            <v>6</v>
          </cell>
          <cell r="FA67">
            <v>6</v>
          </cell>
          <cell r="FI67">
            <v>4</v>
          </cell>
          <cell r="FJ67" t="str">
            <v>事後審査型一般競争入札</v>
          </cell>
          <cell r="FN67">
            <v>4</v>
          </cell>
          <cell r="FO67" t="str">
            <v>電子入札</v>
          </cell>
          <cell r="FS67">
            <v>2</v>
          </cell>
          <cell r="FT67" t="str">
            <v/>
          </cell>
          <cell r="FU67" t="str">
            <v/>
          </cell>
          <cell r="FW67" t="str">
            <v/>
          </cell>
          <cell r="FY67" t="str">
            <v/>
          </cell>
          <cell r="GC67">
            <v>1</v>
          </cell>
          <cell r="GD67">
            <v>1</v>
          </cell>
          <cell r="GE67" t="str">
            <v>契約・検査課長　松本　嘉博</v>
          </cell>
          <cell r="GF67">
            <v>5446</v>
          </cell>
          <cell r="GG67" t="str">
            <v>(株)工藤建築環境設計室</v>
          </cell>
          <cell r="GH67">
            <v>3135000</v>
          </cell>
          <cell r="GI67">
            <v>285000</v>
          </cell>
          <cell r="GJ67">
            <v>314000</v>
          </cell>
          <cell r="GL67" t="str">
            <v>一級建築士</v>
          </cell>
          <cell r="GM67" t="str">
            <v>工藤　晃久（管理技術者）</v>
          </cell>
          <cell r="GN67" t="str">
            <v>一級建築士</v>
          </cell>
          <cell r="GO67" t="str">
            <v>工藤　晃久（管理技術者）</v>
          </cell>
          <cell r="GT67" t="str">
            <v/>
          </cell>
          <cell r="GW67" t="str">
            <v/>
          </cell>
          <cell r="HO67" t="str">
            <v/>
          </cell>
          <cell r="HP67" t="str">
            <v>-</v>
          </cell>
          <cell r="HQ67">
            <v>2850000</v>
          </cell>
          <cell r="HR67">
            <v>3500000</v>
          </cell>
          <cell r="HS67">
            <v>3520000</v>
          </cell>
          <cell r="HT67" t="str">
            <v>-</v>
          </cell>
          <cell r="HU67" t="str">
            <v>-</v>
          </cell>
          <cell r="JD67" t="str">
            <v/>
          </cell>
          <cell r="JE67" t="str">
            <v/>
          </cell>
          <cell r="JF67" t="str">
            <v/>
          </cell>
          <cell r="JG67" t="str">
            <v/>
          </cell>
          <cell r="JH67" t="str">
            <v/>
          </cell>
          <cell r="JI67" t="str">
            <v/>
          </cell>
          <cell r="JJ67" t="str">
            <v/>
          </cell>
          <cell r="JK67" t="str">
            <v/>
          </cell>
          <cell r="JL67" t="str">
            <v/>
          </cell>
          <cell r="JM67" t="str">
            <v/>
          </cell>
          <cell r="JN67" t="str">
            <v/>
          </cell>
          <cell r="JO67" t="str">
            <v/>
          </cell>
          <cell r="JP67" t="str">
            <v/>
          </cell>
          <cell r="JQ67" t="str">
            <v/>
          </cell>
          <cell r="JR67" t="str">
            <v/>
          </cell>
          <cell r="JS67" t="str">
            <v/>
          </cell>
          <cell r="JT67">
            <v>11</v>
          </cell>
          <cell r="JU67">
            <v>11</v>
          </cell>
          <cell r="JV67" t="str">
            <v/>
          </cell>
          <cell r="JW67" t="str">
            <v/>
          </cell>
          <cell r="JX67" t="str">
            <v/>
          </cell>
          <cell r="JY67" t="str">
            <v/>
          </cell>
          <cell r="JZ67">
            <v>0.80508474576271183</v>
          </cell>
        </row>
        <row r="68">
          <cell r="C68" t="str">
            <v/>
          </cell>
          <cell r="D68" t="str">
            <v/>
          </cell>
          <cell r="E68" t="str">
            <v/>
          </cell>
          <cell r="I68">
            <v>60</v>
          </cell>
          <cell r="M68" t="str">
            <v>令和２年度伊丹市立みずほ幼稚園空調設備改修工事設計委託業務</v>
          </cell>
          <cell r="Q68" t="str">
            <v>みずほ空調設計</v>
          </cell>
          <cell r="Y68">
            <v>1</v>
          </cell>
          <cell r="AC68">
            <v>8</v>
          </cell>
          <cell r="AD68">
            <v>11</v>
          </cell>
          <cell r="AI68" t="str">
            <v>伊丹市瑞穂町３丁目４６番地</v>
          </cell>
          <cell r="AM68" t="str">
            <v>・ 実施設計業務及び各種積算業務（建築、電気設備、機械設備工事）
・ ライフサイクルコスト比較検討業務
・ 熱源コスト比較検討業務　　
・ その他各種業務にかかる書類作成及び申請手続き業務</v>
          </cell>
          <cell r="AQ68">
            <v>1</v>
          </cell>
          <cell r="AY68">
            <v>44006</v>
          </cell>
          <cell r="AZ68">
            <v>44011</v>
          </cell>
          <cell r="BA68">
            <v>217</v>
          </cell>
          <cell r="BB68">
            <v>44227</v>
          </cell>
          <cell r="BC68">
            <v>15</v>
          </cell>
          <cell r="BD68" t="str">
            <v>○</v>
          </cell>
          <cell r="BE68" t="str">
            <v/>
          </cell>
          <cell r="BF68">
            <v>0.41944444444444445</v>
          </cell>
          <cell r="BG68">
            <v>7801</v>
          </cell>
          <cell r="BH68" t="str">
            <v>堀江　仁美</v>
          </cell>
          <cell r="BI68" t="str">
            <v>営繕課</v>
          </cell>
          <cell r="BJ68">
            <v>4810</v>
          </cell>
          <cell r="BN68" t="str">
            <v>建設</v>
          </cell>
          <cell r="BO68">
            <v>12</v>
          </cell>
          <cell r="BS68">
            <v>2860000</v>
          </cell>
          <cell r="BT68">
            <v>2600000</v>
          </cell>
          <cell r="BU68" t="str">
            <v/>
          </cell>
          <cell r="BV68" t="str">
            <v/>
          </cell>
          <cell r="CD68" t="str">
            <v/>
          </cell>
          <cell r="CH68">
            <v>32</v>
          </cell>
          <cell r="CI68">
            <v>43984</v>
          </cell>
          <cell r="CK68" t="str">
            <v>兵庫県内に本店又は支店</v>
          </cell>
          <cell r="CP68">
            <v>11424</v>
          </cell>
          <cell r="CT68" t="str">
            <v>請負金額が100万円以上</v>
          </cell>
          <cell r="CW68">
            <v>43994</v>
          </cell>
          <cell r="CX68" t="str">
            <v/>
          </cell>
          <cell r="CY68" t="str">
            <v/>
          </cell>
          <cell r="CZ68" t="str">
            <v/>
          </cell>
          <cell r="DA68">
            <v>43991</v>
          </cell>
          <cell r="DB68">
            <v>43999</v>
          </cell>
          <cell r="DC68">
            <v>47</v>
          </cell>
          <cell r="DD68" t="str">
            <v/>
          </cell>
          <cell r="DL68">
            <v>5049</v>
          </cell>
          <cell r="DM68">
            <v>5406</v>
          </cell>
          <cell r="DN68">
            <v>5690</v>
          </cell>
          <cell r="DO68">
            <v>6255</v>
          </cell>
          <cell r="DP68">
            <v>5140</v>
          </cell>
          <cell r="EZ68">
            <v>5</v>
          </cell>
          <cell r="FA68">
            <v>6</v>
          </cell>
          <cell r="FI68">
            <v>4</v>
          </cell>
          <cell r="FJ68" t="str">
            <v>事後審査型一般競争入札</v>
          </cell>
          <cell r="FN68">
            <v>4</v>
          </cell>
          <cell r="FO68" t="str">
            <v>電子入札</v>
          </cell>
          <cell r="FS68">
            <v>2</v>
          </cell>
          <cell r="FT68" t="str">
            <v/>
          </cell>
          <cell r="FU68" t="str">
            <v/>
          </cell>
          <cell r="FW68" t="str">
            <v/>
          </cell>
          <cell r="FY68" t="str">
            <v/>
          </cell>
          <cell r="GC68">
            <v>1</v>
          </cell>
          <cell r="GD68">
            <v>1</v>
          </cell>
          <cell r="GE68" t="str">
            <v>契約・検査課長　松本　嘉博</v>
          </cell>
          <cell r="GF68">
            <v>5690</v>
          </cell>
          <cell r="GG68" t="str">
            <v>(有)ゼン建築設計</v>
          </cell>
          <cell r="GH68">
            <v>2574000</v>
          </cell>
          <cell r="GI68">
            <v>234000</v>
          </cell>
          <cell r="GJ68">
            <v>258000</v>
          </cell>
          <cell r="GL68" t="str">
            <v>一級建築士</v>
          </cell>
          <cell r="GM68" t="str">
            <v>星野　成男（管理技術者）</v>
          </cell>
          <cell r="GN68" t="str">
            <v>一級建築士</v>
          </cell>
          <cell r="GO68" t="str">
            <v>星野　成男（管理技術者）</v>
          </cell>
          <cell r="GT68" t="str">
            <v/>
          </cell>
          <cell r="GW68" t="str">
            <v/>
          </cell>
          <cell r="HO68" t="str">
            <v/>
          </cell>
          <cell r="HP68" t="str">
            <v>-</v>
          </cell>
          <cell r="HQ68">
            <v>2570000</v>
          </cell>
          <cell r="HR68">
            <v>2340000</v>
          </cell>
          <cell r="HS68">
            <v>2460000</v>
          </cell>
          <cell r="HT68" t="str">
            <v>-</v>
          </cell>
          <cell r="JD68" t="str">
            <v/>
          </cell>
          <cell r="JE68" t="str">
            <v/>
          </cell>
          <cell r="JF68" t="str">
            <v/>
          </cell>
          <cell r="JG68" t="str">
            <v/>
          </cell>
          <cell r="JH68" t="str">
            <v/>
          </cell>
          <cell r="JI68" t="str">
            <v/>
          </cell>
          <cell r="JJ68" t="str">
            <v/>
          </cell>
          <cell r="JK68" t="str">
            <v/>
          </cell>
          <cell r="JL68" t="str">
            <v/>
          </cell>
          <cell r="JM68" t="str">
            <v/>
          </cell>
          <cell r="JN68" t="str">
            <v/>
          </cell>
          <cell r="JO68" t="str">
            <v/>
          </cell>
          <cell r="JP68" t="str">
            <v/>
          </cell>
          <cell r="JQ68" t="str">
            <v/>
          </cell>
          <cell r="JR68" t="str">
            <v/>
          </cell>
          <cell r="JS68" t="str">
            <v/>
          </cell>
          <cell r="JT68">
            <v>12</v>
          </cell>
          <cell r="JU68">
            <v>12</v>
          </cell>
          <cell r="JV68" t="str">
            <v/>
          </cell>
          <cell r="JW68" t="str">
            <v/>
          </cell>
          <cell r="JX68" t="str">
            <v/>
          </cell>
          <cell r="JY68" t="str">
            <v/>
          </cell>
          <cell r="JZ68">
            <v>0.9</v>
          </cell>
        </row>
        <row r="69">
          <cell r="C69" t="str">
            <v/>
          </cell>
          <cell r="D69" t="str">
            <v/>
          </cell>
          <cell r="E69" t="str">
            <v/>
          </cell>
          <cell r="I69">
            <v>61</v>
          </cell>
          <cell r="M69" t="str">
            <v>令和２年度伊丹市一般公共施設（特定建築物・特定建築設備等）定期点検委託業務</v>
          </cell>
          <cell r="Q69" t="str">
            <v>公共施設点検</v>
          </cell>
          <cell r="Y69">
            <v>1</v>
          </cell>
          <cell r="AB69">
            <v>1</v>
          </cell>
          <cell r="AC69">
            <v>8</v>
          </cell>
          <cell r="AD69">
            <v>11</v>
          </cell>
          <cell r="AI69" t="str">
            <v>伊丹市千僧１丁目１番地他</v>
          </cell>
          <cell r="AM69" t="str">
            <v>建築基準法第１２条第２項に基づく建築物の定期点検　　　　　　　　　　　　　　　　　　　　　　建築基準法第１２条第４項に基づく建築設備等の定期点検</v>
          </cell>
          <cell r="AQ69">
            <v>1</v>
          </cell>
          <cell r="AY69">
            <v>44007</v>
          </cell>
          <cell r="AZ69">
            <v>44012</v>
          </cell>
          <cell r="BA69">
            <v>242</v>
          </cell>
          <cell r="BB69">
            <v>44253</v>
          </cell>
          <cell r="BC69">
            <v>14</v>
          </cell>
          <cell r="BD69" t="str">
            <v>○</v>
          </cell>
          <cell r="BE69" t="str">
            <v/>
          </cell>
          <cell r="BF69">
            <v>0.41736111111111113</v>
          </cell>
          <cell r="BG69">
            <v>7579</v>
          </cell>
          <cell r="BH69" t="str">
            <v>星野　和佐</v>
          </cell>
          <cell r="BI69" t="str">
            <v>営繕課</v>
          </cell>
          <cell r="BJ69">
            <v>4661</v>
          </cell>
          <cell r="BN69" t="str">
            <v>建設</v>
          </cell>
          <cell r="BO69">
            <v>13</v>
          </cell>
          <cell r="BS69">
            <v>13827000</v>
          </cell>
          <cell r="BT69">
            <v>12570000</v>
          </cell>
          <cell r="BU69" t="str">
            <v/>
          </cell>
          <cell r="BV69" t="str">
            <v/>
          </cell>
          <cell r="CH69">
            <v>33</v>
          </cell>
          <cell r="CI69">
            <v>43986</v>
          </cell>
          <cell r="CK69" t="str">
            <v>兵庫県内に本店又は支店</v>
          </cell>
          <cell r="CP69">
            <v>96945</v>
          </cell>
          <cell r="CT69" t="str">
            <v>請負金額が600万円以上</v>
          </cell>
          <cell r="CW69">
            <v>43998</v>
          </cell>
          <cell r="CX69" t="str">
            <v/>
          </cell>
          <cell r="CY69" t="str">
            <v/>
          </cell>
          <cell r="CZ69" t="str">
            <v/>
          </cell>
          <cell r="DA69">
            <v>43993</v>
          </cell>
          <cell r="DB69">
            <v>44001</v>
          </cell>
          <cell r="DC69">
            <v>40</v>
          </cell>
          <cell r="DD69" t="str">
            <v/>
          </cell>
          <cell r="DL69">
            <v>5049</v>
          </cell>
          <cell r="DM69">
            <v>5079</v>
          </cell>
          <cell r="DN69">
            <v>5140</v>
          </cell>
          <cell r="EZ69">
            <v>3</v>
          </cell>
          <cell r="FA69">
            <v>8</v>
          </cell>
          <cell r="FI69">
            <v>4</v>
          </cell>
          <cell r="FJ69" t="str">
            <v>事後審査型一般競争入札</v>
          </cell>
          <cell r="FN69">
            <v>4</v>
          </cell>
          <cell r="FO69" t="str">
            <v>電子入札</v>
          </cell>
          <cell r="FS69">
            <v>2</v>
          </cell>
          <cell r="FT69" t="str">
            <v/>
          </cell>
          <cell r="FU69" t="str">
            <v/>
          </cell>
          <cell r="FW69" t="str">
            <v/>
          </cell>
          <cell r="FY69" t="str">
            <v/>
          </cell>
          <cell r="GD69">
            <v>1</v>
          </cell>
          <cell r="GE69" t="str">
            <v>契約・検査課長　松本　嘉博</v>
          </cell>
          <cell r="GF69">
            <v>5049</v>
          </cell>
          <cell r="GG69" t="str">
            <v>(株)アルト建築設計事務所</v>
          </cell>
          <cell r="GH69">
            <v>10998900</v>
          </cell>
          <cell r="GI69">
            <v>999900</v>
          </cell>
          <cell r="GJ69">
            <v>1100000</v>
          </cell>
          <cell r="GL69" t="str">
            <v>一級建築士 第361080号</v>
          </cell>
          <cell r="GM69" t="str">
            <v>小西　保行（管理技術者）</v>
          </cell>
          <cell r="GN69" t="str">
            <v>一級建築士 第361080号</v>
          </cell>
          <cell r="GO69" t="str">
            <v>小西　保行（管理技術者）</v>
          </cell>
          <cell r="GT69" t="str">
            <v/>
          </cell>
          <cell r="GW69" t="str">
            <v/>
          </cell>
          <cell r="HO69" t="str">
            <v/>
          </cell>
          <cell r="HP69">
            <v>9999000</v>
          </cell>
          <cell r="HQ69">
            <v>12560000</v>
          </cell>
          <cell r="HR69" t="str">
            <v>-</v>
          </cell>
          <cell r="JD69" t="str">
            <v/>
          </cell>
          <cell r="JE69" t="str">
            <v/>
          </cell>
          <cell r="JF69" t="str">
            <v/>
          </cell>
          <cell r="JG69" t="str">
            <v/>
          </cell>
          <cell r="JH69" t="str">
            <v/>
          </cell>
          <cell r="JI69" t="str">
            <v/>
          </cell>
          <cell r="JJ69" t="str">
            <v/>
          </cell>
          <cell r="JK69" t="str">
            <v/>
          </cell>
          <cell r="JL69" t="str">
            <v/>
          </cell>
          <cell r="JM69" t="str">
            <v/>
          </cell>
          <cell r="JN69" t="str">
            <v/>
          </cell>
          <cell r="JO69" t="str">
            <v/>
          </cell>
          <cell r="JP69" t="str">
            <v/>
          </cell>
          <cell r="JQ69" t="str">
            <v/>
          </cell>
          <cell r="JR69" t="str">
            <v/>
          </cell>
          <cell r="JS69" t="str">
            <v/>
          </cell>
          <cell r="JT69">
            <v>13</v>
          </cell>
          <cell r="JU69">
            <v>13</v>
          </cell>
          <cell r="JV69" t="str">
            <v/>
          </cell>
          <cell r="JW69" t="str">
            <v/>
          </cell>
          <cell r="JX69" t="str">
            <v/>
          </cell>
          <cell r="JY69" t="str">
            <v/>
          </cell>
          <cell r="JZ69">
            <v>0.79546539379474945</v>
          </cell>
        </row>
        <row r="70">
          <cell r="C70" t="str">
            <v/>
          </cell>
          <cell r="D70" t="str">
            <v/>
          </cell>
          <cell r="E70" t="str">
            <v/>
          </cell>
          <cell r="I70">
            <v>62</v>
          </cell>
          <cell r="M70" t="str">
            <v>令和２年度伊丹市立生涯学習センター大規模改修工事監理委託業務</v>
          </cell>
          <cell r="Q70" t="str">
            <v>生涯学習ｾﾝﾀｰ監理</v>
          </cell>
          <cell r="Y70">
            <v>1</v>
          </cell>
          <cell r="AC70">
            <v>8</v>
          </cell>
          <cell r="AD70">
            <v>13</v>
          </cell>
          <cell r="AI70" t="str">
            <v>伊丹市南野２丁目３番２５号</v>
          </cell>
          <cell r="AM70" t="str">
            <v xml:space="preserve">・工事内容の把握及び工事改修方針の説明
・施工図及び完成図並びに施工計画書の検討と報告
・工事と設計図書との照合及び確認並びに報告
・業務報告書等の提出
</v>
          </cell>
          <cell r="AQ70">
            <v>1</v>
          </cell>
          <cell r="AY70">
            <v>44033</v>
          </cell>
          <cell r="AZ70">
            <v>44040</v>
          </cell>
          <cell r="BA70">
            <v>242</v>
          </cell>
          <cell r="BB70">
            <v>44281</v>
          </cell>
          <cell r="BC70">
            <v>13</v>
          </cell>
          <cell r="BD70" t="str">
            <v>○</v>
          </cell>
          <cell r="BE70" t="str">
            <v/>
          </cell>
          <cell r="BF70">
            <v>0.41736111111111113</v>
          </cell>
          <cell r="BG70">
            <v>7640</v>
          </cell>
          <cell r="BH70" t="str">
            <v>上野　竜</v>
          </cell>
          <cell r="BI70" t="str">
            <v>営繕課</v>
          </cell>
          <cell r="BJ70">
            <v>4668</v>
          </cell>
          <cell r="BN70" t="str">
            <v>建設</v>
          </cell>
          <cell r="BO70">
            <v>14</v>
          </cell>
          <cell r="BS70">
            <v>12507000</v>
          </cell>
          <cell r="BT70">
            <v>11370000</v>
          </cell>
          <cell r="BV70" t="str">
            <v/>
          </cell>
          <cell r="CH70">
            <v>37</v>
          </cell>
          <cell r="CI70">
            <v>44013</v>
          </cell>
          <cell r="CK70" t="str">
            <v>兵庫県内又は、大阪府内に本店又は支店</v>
          </cell>
          <cell r="CP70">
            <v>21067</v>
          </cell>
          <cell r="CT70" t="str">
            <v>請負金額が500万円以上</v>
          </cell>
          <cell r="CW70">
            <v>44022</v>
          </cell>
          <cell r="CX70" t="str">
            <v/>
          </cell>
          <cell r="CY70" t="str">
            <v/>
          </cell>
          <cell r="CZ70" t="str">
            <v/>
          </cell>
          <cell r="DA70">
            <v>44020</v>
          </cell>
          <cell r="DB70">
            <v>44027</v>
          </cell>
          <cell r="DC70">
            <v>41</v>
          </cell>
          <cell r="DD70" t="str">
            <v/>
          </cell>
          <cell r="DL70">
            <v>5422</v>
          </cell>
          <cell r="DM70">
            <v>6364</v>
          </cell>
          <cell r="DN70">
            <v>5607</v>
          </cell>
          <cell r="DO70">
            <v>6506</v>
          </cell>
          <cell r="DP70">
            <v>5724</v>
          </cell>
          <cell r="DQ70">
            <v>6301</v>
          </cell>
          <cell r="EZ70">
            <v>6</v>
          </cell>
          <cell r="FA70">
            <v>8</v>
          </cell>
          <cell r="FI70">
            <v>4</v>
          </cell>
          <cell r="FJ70" t="str">
            <v>事後審査型一般競争入札</v>
          </cell>
          <cell r="FN70">
            <v>4</v>
          </cell>
          <cell r="FO70" t="str">
            <v>電子入札</v>
          </cell>
          <cell r="FS70">
            <v>2</v>
          </cell>
          <cell r="FT70" t="str">
            <v/>
          </cell>
          <cell r="FU70" t="str">
            <v/>
          </cell>
          <cell r="FW70" t="str">
            <v/>
          </cell>
          <cell r="FY70" t="str">
            <v/>
          </cell>
          <cell r="GD70">
            <v>1</v>
          </cell>
          <cell r="GE70" t="str">
            <v>契約・検査課長　松本　嘉博</v>
          </cell>
          <cell r="GF70">
            <v>5422</v>
          </cell>
          <cell r="GG70" t="str">
            <v>(株)ヴェネックス</v>
          </cell>
          <cell r="GH70">
            <v>7007000</v>
          </cell>
          <cell r="GI70">
            <v>637000</v>
          </cell>
          <cell r="GJ70">
            <v>701000</v>
          </cell>
          <cell r="GL70" t="str">
            <v>一級建築士免許証 第202082号,建築積算士 第74270</v>
          </cell>
          <cell r="GM70" t="str">
            <v>中尾　康彦（管理技術者）</v>
          </cell>
          <cell r="GN70" t="str">
            <v>一級建築士免許証 第202082号,建築積算士 第74270</v>
          </cell>
          <cell r="GO70" t="str">
            <v>中尾　康彦（管理技術者）</v>
          </cell>
          <cell r="GT70" t="str">
            <v/>
          </cell>
          <cell r="GW70" t="str">
            <v/>
          </cell>
          <cell r="HO70" t="str">
            <v/>
          </cell>
          <cell r="HP70">
            <v>6370000</v>
          </cell>
          <cell r="HQ70">
            <v>6400000</v>
          </cell>
          <cell r="HR70">
            <v>6647000</v>
          </cell>
          <cell r="HS70">
            <v>9670000</v>
          </cell>
          <cell r="HT70" t="str">
            <v>-</v>
          </cell>
          <cell r="HU70" t="str">
            <v>-</v>
          </cell>
          <cell r="JD70" t="str">
            <v/>
          </cell>
          <cell r="JE70" t="str">
            <v/>
          </cell>
          <cell r="JF70" t="str">
            <v/>
          </cell>
          <cell r="JG70" t="str">
            <v/>
          </cell>
          <cell r="JH70" t="str">
            <v/>
          </cell>
          <cell r="JI70" t="str">
            <v/>
          </cell>
          <cell r="JJ70" t="str">
            <v/>
          </cell>
          <cell r="JK70" t="str">
            <v/>
          </cell>
          <cell r="JL70" t="str">
            <v/>
          </cell>
          <cell r="JM70" t="str">
            <v/>
          </cell>
          <cell r="JN70" t="str">
            <v/>
          </cell>
          <cell r="JO70" t="str">
            <v/>
          </cell>
          <cell r="JP70" t="str">
            <v/>
          </cell>
          <cell r="JQ70" t="str">
            <v/>
          </cell>
          <cell r="JR70" t="str">
            <v/>
          </cell>
          <cell r="JS70" t="str">
            <v/>
          </cell>
          <cell r="JT70">
            <v>14</v>
          </cell>
          <cell r="JU70">
            <v>14</v>
          </cell>
          <cell r="JV70" t="str">
            <v/>
          </cell>
          <cell r="JW70" t="str">
            <v/>
          </cell>
          <cell r="JX70" t="str">
            <v/>
          </cell>
          <cell r="JY70" t="str">
            <v/>
          </cell>
          <cell r="JZ70">
            <v>0.5602462620932277</v>
          </cell>
        </row>
        <row r="71">
          <cell r="C71" t="str">
            <v/>
          </cell>
          <cell r="D71" t="str">
            <v/>
          </cell>
          <cell r="E71" t="str">
            <v/>
          </cell>
          <cell r="I71">
            <v>63</v>
          </cell>
          <cell r="M71" t="str">
            <v>令和２年度ＩＣタグ（図書用）購入</v>
          </cell>
          <cell r="Q71" t="str">
            <v>ＩＣタグ</v>
          </cell>
          <cell r="Y71">
            <v>1</v>
          </cell>
          <cell r="AC71">
            <v>8</v>
          </cell>
          <cell r="AD71">
            <v>1</v>
          </cell>
          <cell r="AI71" t="str">
            <v>伊丹市立図書館本館　伊丹市宮ノ前３丁目７番４号</v>
          </cell>
          <cell r="AM71" t="str">
            <v xml:space="preserve">・工事内容の把握及び工事改修方針の説明
・施工図及び完成図並びに施工計画書の検討と報告
・工事と設計図書との照合及び確認並びに報告
・業務報告書等の提出
</v>
          </cell>
          <cell r="AQ71">
            <v>1</v>
          </cell>
          <cell r="AY71">
            <v>43998</v>
          </cell>
          <cell r="AZ71">
            <v>43999</v>
          </cell>
          <cell r="BA71">
            <v>75</v>
          </cell>
          <cell r="BB71">
            <v>44073</v>
          </cell>
          <cell r="BC71" t="str">
            <v/>
          </cell>
          <cell r="BD71" t="str">
            <v/>
          </cell>
          <cell r="BE71" t="str">
            <v/>
          </cell>
          <cell r="BF71">
            <v>0.41736111111111113</v>
          </cell>
          <cell r="BG71">
            <v>5109</v>
          </cell>
          <cell r="BH71" t="str">
            <v>藤原　由美</v>
          </cell>
          <cell r="BI71" t="str">
            <v>図書館</v>
          </cell>
          <cell r="BJ71" t="str">
            <v>783-2775</v>
          </cell>
          <cell r="BN71" t="str">
            <v>物</v>
          </cell>
          <cell r="BO71">
            <v>1</v>
          </cell>
          <cell r="BS71">
            <v>851400</v>
          </cell>
          <cell r="BT71">
            <v>770000</v>
          </cell>
          <cell r="BU71">
            <v>1</v>
          </cell>
          <cell r="BV71" t="str">
            <v/>
          </cell>
          <cell r="CD71" t="str">
            <v/>
          </cell>
          <cell r="CH71">
            <v>-25</v>
          </cell>
          <cell r="CI71">
            <v>43983</v>
          </cell>
          <cell r="CP71">
            <v>90341</v>
          </cell>
          <cell r="CW71" t="str">
            <v/>
          </cell>
          <cell r="CX71" t="str">
            <v/>
          </cell>
          <cell r="CY71" t="str">
            <v/>
          </cell>
          <cell r="CZ71" t="str">
            <v/>
          </cell>
          <cell r="DA71">
            <v>43990</v>
          </cell>
          <cell r="DB71">
            <v>43993</v>
          </cell>
          <cell r="DD71" t="str">
            <v/>
          </cell>
          <cell r="DL71">
            <v>10167</v>
          </cell>
          <cell r="DM71">
            <v>10428</v>
          </cell>
          <cell r="DN71">
            <v>11187</v>
          </cell>
          <cell r="DO71">
            <v>10511</v>
          </cell>
          <cell r="DP71">
            <v>10761</v>
          </cell>
          <cell r="DQ71">
            <v>10793</v>
          </cell>
          <cell r="DR71">
            <v>11595</v>
          </cell>
          <cell r="DS71">
            <v>11598</v>
          </cell>
          <cell r="DT71">
            <v>12387</v>
          </cell>
          <cell r="DU71">
            <v>10249</v>
          </cell>
          <cell r="EZ71">
            <v>10</v>
          </cell>
          <cell r="FA71">
            <v>6</v>
          </cell>
          <cell r="FI71">
            <v>5</v>
          </cell>
          <cell r="FJ71" t="str">
            <v>指名競争入札（簡易認証）</v>
          </cell>
          <cell r="FN71">
            <v>4</v>
          </cell>
          <cell r="FO71" t="str">
            <v>電子入札</v>
          </cell>
          <cell r="FS71">
            <v>3</v>
          </cell>
          <cell r="FT71" t="str">
            <v/>
          </cell>
          <cell r="FU71" t="str">
            <v/>
          </cell>
          <cell r="FW71" t="str">
            <v/>
          </cell>
          <cell r="FY71" t="str">
            <v/>
          </cell>
          <cell r="GD71">
            <v>1</v>
          </cell>
          <cell r="GE71" t="str">
            <v>契約・検査課長　松本　嘉博</v>
          </cell>
          <cell r="GF71">
            <v>12387</v>
          </cell>
          <cell r="GG71" t="str">
            <v>高千穂交易(株)</v>
          </cell>
          <cell r="GH71">
            <v>712800</v>
          </cell>
          <cell r="GI71">
            <v>64800</v>
          </cell>
          <cell r="GJ71" t="str">
            <v/>
          </cell>
          <cell r="GT71" t="str">
            <v/>
          </cell>
          <cell r="GW71" t="str">
            <v/>
          </cell>
          <cell r="HO71" t="str">
            <v/>
          </cell>
          <cell r="HP71">
            <v>735000</v>
          </cell>
          <cell r="HQ71">
            <v>993000</v>
          </cell>
          <cell r="HR71" t="str">
            <v>-</v>
          </cell>
          <cell r="HS71" t="str">
            <v>-</v>
          </cell>
          <cell r="HT71" t="str">
            <v>-</v>
          </cell>
          <cell r="HU71" t="str">
            <v>-</v>
          </cell>
          <cell r="HV71">
            <v>771000</v>
          </cell>
          <cell r="HW71" t="str">
            <v>-</v>
          </cell>
          <cell r="HX71">
            <v>648000</v>
          </cell>
          <cell r="HY71">
            <v>900000</v>
          </cell>
          <cell r="JD71" t="str">
            <v/>
          </cell>
          <cell r="JE71" t="str">
            <v/>
          </cell>
          <cell r="JF71" t="str">
            <v/>
          </cell>
          <cell r="JG71" t="str">
            <v/>
          </cell>
          <cell r="JH71" t="str">
            <v/>
          </cell>
          <cell r="JI71" t="str">
            <v/>
          </cell>
          <cell r="JJ71" t="str">
            <v/>
          </cell>
          <cell r="JK71" t="str">
            <v/>
          </cell>
          <cell r="JL71" t="str">
            <v/>
          </cell>
          <cell r="JM71" t="str">
            <v/>
          </cell>
          <cell r="JN71" t="str">
            <v/>
          </cell>
          <cell r="JO71" t="str">
            <v/>
          </cell>
          <cell r="JP71">
            <v>1</v>
          </cell>
          <cell r="JQ71">
            <v>1</v>
          </cell>
          <cell r="JR71" t="str">
            <v/>
          </cell>
          <cell r="JS71" t="str">
            <v/>
          </cell>
          <cell r="JT71" t="str">
            <v/>
          </cell>
          <cell r="JU71" t="str">
            <v/>
          </cell>
          <cell r="JV71" t="str">
            <v/>
          </cell>
          <cell r="JW71" t="str">
            <v/>
          </cell>
          <cell r="JX71" t="str">
            <v/>
          </cell>
          <cell r="JY71" t="str">
            <v/>
          </cell>
          <cell r="JZ71">
            <v>0.84155844155844151</v>
          </cell>
        </row>
        <row r="72">
          <cell r="C72" t="str">
            <v/>
          </cell>
          <cell r="D72" t="str">
            <v/>
          </cell>
          <cell r="E72" t="str">
            <v/>
          </cell>
          <cell r="I72">
            <v>64</v>
          </cell>
          <cell r="M72" t="str">
            <v>令和２年度伊丹市立瑞穂小学校体育館高天井用照明器具更新工事</v>
          </cell>
          <cell r="Q72" t="str">
            <v>瑞小照明更新</v>
          </cell>
          <cell r="Y72">
            <v>1</v>
          </cell>
          <cell r="AC72">
            <v>5</v>
          </cell>
          <cell r="AI72" t="str">
            <v>伊丹市瑞穂町３丁目５０番地の１</v>
          </cell>
          <cell r="AM72" t="str">
            <v>高天井用照明器具更新工事　一式</v>
          </cell>
          <cell r="AQ72">
            <v>1</v>
          </cell>
          <cell r="AY72">
            <v>44000</v>
          </cell>
          <cell r="AZ72">
            <v>44005</v>
          </cell>
          <cell r="BA72">
            <v>70</v>
          </cell>
          <cell r="BB72">
            <v>44074</v>
          </cell>
          <cell r="BC72">
            <v>15</v>
          </cell>
          <cell r="BD72" t="str">
            <v>○</v>
          </cell>
          <cell r="BE72" t="str">
            <v>○</v>
          </cell>
          <cell r="BF72">
            <v>0.41875000000000001</v>
          </cell>
          <cell r="BG72">
            <v>6449</v>
          </cell>
          <cell r="BH72" t="str">
            <v>山田  実</v>
          </cell>
          <cell r="BI72" t="str">
            <v>施設課</v>
          </cell>
          <cell r="BJ72">
            <v>4327</v>
          </cell>
          <cell r="BN72" t="str">
            <v>教</v>
          </cell>
          <cell r="BO72">
            <v>1</v>
          </cell>
          <cell r="BS72">
            <v>4125000</v>
          </cell>
          <cell r="BT72">
            <v>3750000</v>
          </cell>
          <cell r="BU72">
            <v>1</v>
          </cell>
          <cell r="BV72">
            <v>3360000</v>
          </cell>
          <cell r="BW72">
            <v>2574378</v>
          </cell>
          <cell r="BX72">
            <v>58820</v>
          </cell>
          <cell r="BY72">
            <v>567255</v>
          </cell>
          <cell r="BZ72">
            <v>549547</v>
          </cell>
          <cell r="CD72" t="str">
            <v/>
          </cell>
          <cell r="CH72">
            <v>34</v>
          </cell>
          <cell r="CI72">
            <v>43978</v>
          </cell>
          <cell r="CJ72" t="str">
            <v>一般</v>
          </cell>
          <cell r="CK72" t="str">
            <v>伊丹市内に本店</v>
          </cell>
          <cell r="CL72" t="str">
            <v>400点以上</v>
          </cell>
          <cell r="CP72">
            <v>13236</v>
          </cell>
          <cell r="CT72" t="str">
            <v>右記</v>
          </cell>
          <cell r="CU72" t="str">
            <v>電気工事の施工実績を有すること。</v>
          </cell>
          <cell r="CW72">
            <v>43986</v>
          </cell>
          <cell r="CX72" t="str">
            <v/>
          </cell>
          <cell r="CY72" t="str">
            <v/>
          </cell>
          <cell r="CZ72" t="str">
            <v/>
          </cell>
          <cell r="DA72">
            <v>43990</v>
          </cell>
          <cell r="DB72">
            <v>43993</v>
          </cell>
          <cell r="DC72">
            <v>17</v>
          </cell>
          <cell r="DD72" t="str">
            <v>○</v>
          </cell>
          <cell r="DL72">
            <v>93</v>
          </cell>
          <cell r="DM72">
            <v>557</v>
          </cell>
          <cell r="DN72">
            <v>63</v>
          </cell>
          <cell r="DO72">
            <v>562</v>
          </cell>
          <cell r="DP72">
            <v>128</v>
          </cell>
          <cell r="DQ72">
            <v>545</v>
          </cell>
          <cell r="DR72">
            <v>549</v>
          </cell>
          <cell r="DS72">
            <v>83</v>
          </cell>
          <cell r="EZ72">
            <v>8</v>
          </cell>
          <cell r="FA72">
            <v>6</v>
          </cell>
          <cell r="FI72">
            <v>4</v>
          </cell>
          <cell r="FJ72" t="str">
            <v>事後審査型一般競争入札</v>
          </cell>
          <cell r="FN72">
            <v>4</v>
          </cell>
          <cell r="FO72" t="str">
            <v>電子入札</v>
          </cell>
          <cell r="FS72">
            <v>1</v>
          </cell>
          <cell r="FT72" t="str">
            <v/>
          </cell>
          <cell r="FU72" t="str">
            <v/>
          </cell>
          <cell r="FW72" t="str">
            <v/>
          </cell>
          <cell r="FY72" t="str">
            <v/>
          </cell>
          <cell r="GB72">
            <v>1</v>
          </cell>
          <cell r="GD72">
            <v>1</v>
          </cell>
          <cell r="GE72" t="str">
            <v>契約・検査課長　松本　嘉博</v>
          </cell>
          <cell r="GF72">
            <v>93</v>
          </cell>
          <cell r="GG72" t="str">
            <v>つかさ電機</v>
          </cell>
          <cell r="GH72">
            <v>3707000</v>
          </cell>
          <cell r="GI72">
            <v>337000</v>
          </cell>
          <cell r="GJ72">
            <v>371000</v>
          </cell>
          <cell r="GL72" t="str">
            <v>第一種電気工事士 兵12826,1級電気工事施工管理技士00040483847号</v>
          </cell>
          <cell r="GM72" t="str">
            <v>政　康夫</v>
          </cell>
          <cell r="GN72" t="str">
            <v>第一種電気工事士 兵12826,1級電気工事施工管理技士00040483847号</v>
          </cell>
          <cell r="GO72" t="str">
            <v>政　康夫</v>
          </cell>
          <cell r="GP72">
            <v>44055</v>
          </cell>
          <cell r="GQ72">
            <v>65</v>
          </cell>
          <cell r="GT72" t="str">
            <v/>
          </cell>
          <cell r="GV72">
            <v>3720</v>
          </cell>
          <cell r="GW72">
            <v>1.0035068788777988</v>
          </cell>
          <cell r="HO72" t="str">
            <v/>
          </cell>
          <cell r="HP72">
            <v>3370000</v>
          </cell>
          <cell r="HQ72">
            <v>3390000</v>
          </cell>
          <cell r="HR72">
            <v>3420000</v>
          </cell>
          <cell r="HS72">
            <v>3420000</v>
          </cell>
          <cell r="HT72">
            <v>3430000</v>
          </cell>
          <cell r="HU72">
            <v>3230000</v>
          </cell>
          <cell r="HV72">
            <v>3230000</v>
          </cell>
          <cell r="HW72">
            <v>3320000</v>
          </cell>
          <cell r="JD72" t="str">
            <v/>
          </cell>
          <cell r="JE72" t="str">
            <v/>
          </cell>
          <cell r="JF72" t="str">
            <v/>
          </cell>
          <cell r="JG72" t="str">
            <v/>
          </cell>
          <cell r="JH72" t="str">
            <v/>
          </cell>
          <cell r="JI72" t="str">
            <v/>
          </cell>
          <cell r="JJ72" t="str">
            <v/>
          </cell>
          <cell r="JK72" t="str">
            <v/>
          </cell>
          <cell r="JL72">
            <v>1</v>
          </cell>
          <cell r="JM72">
            <v>1</v>
          </cell>
          <cell r="JN72" t="str">
            <v/>
          </cell>
          <cell r="JO72" t="str">
            <v/>
          </cell>
          <cell r="JP72" t="str">
            <v/>
          </cell>
          <cell r="JQ72" t="str">
            <v/>
          </cell>
          <cell r="JR72" t="str">
            <v/>
          </cell>
          <cell r="JS72" t="str">
            <v/>
          </cell>
          <cell r="JT72" t="str">
            <v/>
          </cell>
          <cell r="JU72" t="str">
            <v/>
          </cell>
          <cell r="JV72" t="str">
            <v/>
          </cell>
          <cell r="JW72" t="str">
            <v/>
          </cell>
          <cell r="JX72" t="str">
            <v/>
          </cell>
          <cell r="JY72" t="str">
            <v/>
          </cell>
          <cell r="JZ72">
            <v>0.8986666666666665</v>
          </cell>
        </row>
        <row r="73">
          <cell r="C73" t="str">
            <v/>
          </cell>
          <cell r="D73" t="str">
            <v/>
          </cell>
          <cell r="E73" t="str">
            <v/>
          </cell>
          <cell r="I73">
            <v>65</v>
          </cell>
          <cell r="M73" t="str">
            <v>令和２年度市道中央６００３号線道路改良工事</v>
          </cell>
          <cell r="Q73" t="str">
            <v>６００３改良</v>
          </cell>
          <cell r="Y73">
            <v>1</v>
          </cell>
          <cell r="AC73">
            <v>2</v>
          </cell>
          <cell r="AI73" t="str">
            <v>伊丹市中央３丁目外地内</v>
          </cell>
          <cell r="AM73" t="str">
            <v>施工延長L=109.6m　道路幅員W=10.0m
（本工事）
道路土工一式　構造物撤去工一式　舗装工一式　縁石工一式　防護柵工一式
舗装版撤去工一式　開削土工一式　電線共同溝工一式（管路工（幹線部）L=2008.0m
管路工（幹線部以外）L=995.0m　プレキャストボックス工N=12基）　仮設工一式
（附帯工事）
構造物撤去工一式　区画線工一式　道路植栽工一式　道路付属施設工一式</v>
          </cell>
          <cell r="AQ73">
            <v>2</v>
          </cell>
          <cell r="AY73">
            <v>44000</v>
          </cell>
          <cell r="AZ73">
            <v>44005</v>
          </cell>
          <cell r="BA73">
            <v>268</v>
          </cell>
          <cell r="BB73">
            <v>44272</v>
          </cell>
          <cell r="BC73">
            <v>15</v>
          </cell>
          <cell r="BD73" t="str">
            <v>○</v>
          </cell>
          <cell r="BE73" t="str">
            <v>○</v>
          </cell>
          <cell r="BF73">
            <v>0.41736111111111113</v>
          </cell>
          <cell r="BG73">
            <v>7437</v>
          </cell>
          <cell r="BH73" t="str">
            <v>三谷　幸弘</v>
          </cell>
          <cell r="BI73" t="str">
            <v>道路建設課</v>
          </cell>
          <cell r="BJ73">
            <v>3026</v>
          </cell>
          <cell r="BN73" t="str">
            <v>土</v>
          </cell>
          <cell r="BO73">
            <v>2</v>
          </cell>
          <cell r="BS73">
            <v>88155100</v>
          </cell>
          <cell r="BT73">
            <v>80140000</v>
          </cell>
          <cell r="BU73">
            <v>1</v>
          </cell>
          <cell r="BV73">
            <v>71060000</v>
          </cell>
          <cell r="BW73">
            <v>41587000</v>
          </cell>
          <cell r="BX73">
            <v>5670000</v>
          </cell>
          <cell r="BY73">
            <v>21528000</v>
          </cell>
          <cell r="BZ73">
            <v>11356000</v>
          </cell>
          <cell r="CH73">
            <v>35</v>
          </cell>
          <cell r="CI73">
            <v>43978</v>
          </cell>
          <cell r="CJ73" t="str">
            <v>特定</v>
          </cell>
          <cell r="CK73" t="str">
            <v>尼崎市、西宮市、芦屋市、宝塚市、川西市、伊丹市内に本店を有すること。又は伊丹市内に支店</v>
          </cell>
          <cell r="CL73" t="str">
            <v>伊丹市内に本店を有する者においては690点以上、伊丹市内に支店を有する者においては900点以上、その他の者においては1,100点以上</v>
          </cell>
          <cell r="CP73">
            <v>77407</v>
          </cell>
          <cell r="CT73" t="str">
            <v>請負金額が4,000万円以上(伊丹市内に本店を有する者においては1,500万円以上)</v>
          </cell>
          <cell r="CW73">
            <v>43986</v>
          </cell>
          <cell r="CX73" t="str">
            <v/>
          </cell>
          <cell r="CY73" t="str">
            <v/>
          </cell>
          <cell r="CZ73" t="str">
            <v/>
          </cell>
          <cell r="DA73">
            <v>43990</v>
          </cell>
          <cell r="DB73">
            <v>43993</v>
          </cell>
          <cell r="DC73">
            <v>20</v>
          </cell>
          <cell r="DD73" t="str">
            <v>○</v>
          </cell>
          <cell r="DL73">
            <v>411</v>
          </cell>
          <cell r="DM73">
            <v>59</v>
          </cell>
          <cell r="DN73">
            <v>165</v>
          </cell>
          <cell r="DO73">
            <v>261</v>
          </cell>
          <cell r="DP73">
            <v>161</v>
          </cell>
          <cell r="DQ73">
            <v>26</v>
          </cell>
          <cell r="DR73">
            <v>16</v>
          </cell>
          <cell r="DS73">
            <v>174</v>
          </cell>
          <cell r="EZ73">
            <v>8</v>
          </cell>
          <cell r="FA73">
            <v>10</v>
          </cell>
          <cell r="FI73">
            <v>4</v>
          </cell>
          <cell r="FJ73" t="str">
            <v>事後審査型一般競争入札</v>
          </cell>
          <cell r="FN73">
            <v>4</v>
          </cell>
          <cell r="FO73" t="str">
            <v>電子入札</v>
          </cell>
          <cell r="FS73">
            <v>1</v>
          </cell>
          <cell r="FT73" t="str">
            <v/>
          </cell>
          <cell r="FU73" t="str">
            <v/>
          </cell>
          <cell r="FW73">
            <v>1</v>
          </cell>
          <cell r="FX73">
            <v>1</v>
          </cell>
          <cell r="FY73" t="str">
            <v>了</v>
          </cell>
          <cell r="GD73">
            <v>1</v>
          </cell>
          <cell r="GE73" t="str">
            <v>契約・検査課長　松本　嘉博</v>
          </cell>
          <cell r="GF73">
            <v>411</v>
          </cell>
          <cell r="GG73" t="str">
            <v>(株)宮本商店</v>
          </cell>
          <cell r="GH73">
            <v>78166000</v>
          </cell>
          <cell r="GI73">
            <v>7106000</v>
          </cell>
          <cell r="GJ73">
            <v>7817000</v>
          </cell>
          <cell r="GL73" t="str">
            <v>１級土木施工管理技士</v>
          </cell>
          <cell r="GM73" t="str">
            <v>望月　孝将</v>
          </cell>
          <cell r="GN73" t="str">
            <v>１級土木施工管理技士</v>
          </cell>
          <cell r="GO73" t="str">
            <v>望月　孝将</v>
          </cell>
          <cell r="GT73" t="str">
            <v>要</v>
          </cell>
          <cell r="GW73" t="str">
            <v/>
          </cell>
          <cell r="GX73">
            <v>44243</v>
          </cell>
          <cell r="HA73">
            <v>44286</v>
          </cell>
          <cell r="HB73">
            <v>44286</v>
          </cell>
          <cell r="HC73">
            <v>92416500</v>
          </cell>
          <cell r="HD73">
            <v>81944500</v>
          </cell>
          <cell r="HE73">
            <v>44316</v>
          </cell>
          <cell r="HN73" t="str">
            <v>【工期延伸の理由について】
（１）NTT新設柱設置の遅れ
　連系設備の立上に必要なNTT電柱の設置について、コロナ禍の影響もあり入札不調が生じたため、再入札が必要となり電柱の施工に遅れが生じた。（３０日間の遅れ）
【増額変更の理由について】
（１）電力桝の仕様変更について
　試掘調査の結果、占用管が支障となることが判明したため、電力桝１基を歩道用から車道用に変更する必要が生じた。
（２）管路延長の増加
　連系設備の立上管について、当初計画していた電柱に設置できないことが判明したため、管路を延長して当初計画とは別の電柱に設置する必要が生じた。</v>
          </cell>
          <cell r="HO73">
            <v>2</v>
          </cell>
          <cell r="HP73">
            <v>71060000</v>
          </cell>
          <cell r="HQ73">
            <v>71070000</v>
          </cell>
          <cell r="HR73">
            <v>54540000</v>
          </cell>
          <cell r="HS73">
            <v>70840000</v>
          </cell>
          <cell r="HT73">
            <v>71030000</v>
          </cell>
          <cell r="HU73">
            <v>71040000</v>
          </cell>
          <cell r="HV73" t="str">
            <v>-</v>
          </cell>
          <cell r="HW73" t="str">
            <v>-</v>
          </cell>
          <cell r="JD73">
            <v>2</v>
          </cell>
          <cell r="JE73">
            <v>2</v>
          </cell>
          <cell r="JF73" t="str">
            <v/>
          </cell>
          <cell r="JG73" t="str">
            <v/>
          </cell>
          <cell r="JH73" t="str">
            <v/>
          </cell>
          <cell r="JI73" t="str">
            <v/>
          </cell>
          <cell r="JJ73" t="str">
            <v/>
          </cell>
          <cell r="JK73" t="str">
            <v/>
          </cell>
          <cell r="JL73" t="str">
            <v/>
          </cell>
          <cell r="JM73" t="str">
            <v/>
          </cell>
          <cell r="JN73" t="str">
            <v/>
          </cell>
          <cell r="JO73" t="str">
            <v/>
          </cell>
          <cell r="JP73" t="str">
            <v/>
          </cell>
          <cell r="JQ73" t="str">
            <v/>
          </cell>
          <cell r="JR73" t="str">
            <v/>
          </cell>
          <cell r="JS73" t="str">
            <v/>
          </cell>
          <cell r="JT73" t="str">
            <v/>
          </cell>
          <cell r="JU73" t="str">
            <v/>
          </cell>
          <cell r="JV73" t="str">
            <v/>
          </cell>
          <cell r="JW73" t="str">
            <v/>
          </cell>
          <cell r="JX73" t="str">
            <v/>
          </cell>
          <cell r="JY73" t="str">
            <v/>
          </cell>
          <cell r="JZ73">
            <v>0.88669827801347645</v>
          </cell>
        </row>
        <row r="74">
          <cell r="C74" t="str">
            <v/>
          </cell>
          <cell r="D74" t="str">
            <v/>
          </cell>
          <cell r="E74" t="str">
            <v/>
          </cell>
          <cell r="I74">
            <v>66</v>
          </cell>
          <cell r="M74" t="str">
            <v>令和２年度市道中央６００４号線道路改良工事</v>
          </cell>
          <cell r="Q74" t="str">
            <v>６００４改良</v>
          </cell>
          <cell r="Y74">
            <v>1</v>
          </cell>
          <cell r="AC74">
            <v>2</v>
          </cell>
          <cell r="AI74" t="str">
            <v>伊丹市中央３丁目外地内</v>
          </cell>
          <cell r="AM74" t="str">
            <v>施工延長L=100.0m　道路幅員W=10.0m
構造物撤去工一式　舗装工一式（アスファルト舗装工A=1.0㎡　ブロック舗装工A=40.0㎡）
縁石工一式　防護柵工一式　区画線工一式　舗装版撤去工一式　開削土工一式
電線共同溝工一式（管路工（幹線部）L=1401m　管路工（幹線部以外）L=470m）
プレキャストボックス工N=12基　仮設工一式　道路植栽工一式　道路付属施設工一式</v>
          </cell>
          <cell r="AQ74">
            <v>2</v>
          </cell>
          <cell r="AY74">
            <v>44000</v>
          </cell>
          <cell r="AZ74">
            <v>44005</v>
          </cell>
          <cell r="BA74">
            <v>245</v>
          </cell>
          <cell r="BB74">
            <v>44249</v>
          </cell>
          <cell r="BC74">
            <v>15</v>
          </cell>
          <cell r="BD74" t="str">
            <v>○</v>
          </cell>
          <cell r="BE74" t="str">
            <v>○</v>
          </cell>
          <cell r="BF74">
            <v>0.41805555555555557</v>
          </cell>
          <cell r="BG74">
            <v>6870</v>
          </cell>
          <cell r="BH74" t="str">
            <v>井上  亮</v>
          </cell>
          <cell r="BI74" t="str">
            <v>道路建設課</v>
          </cell>
          <cell r="BJ74">
            <v>3019</v>
          </cell>
          <cell r="BN74" t="str">
            <v>土</v>
          </cell>
          <cell r="BO74">
            <v>3</v>
          </cell>
          <cell r="BS74">
            <v>67420100</v>
          </cell>
          <cell r="BT74">
            <v>61290000</v>
          </cell>
          <cell r="BU74">
            <v>1</v>
          </cell>
          <cell r="BV74">
            <v>54130000</v>
          </cell>
          <cell r="BW74">
            <v>30181000</v>
          </cell>
          <cell r="BX74">
            <v>4758000</v>
          </cell>
          <cell r="BY74">
            <v>17376000</v>
          </cell>
          <cell r="BZ74">
            <v>8976000</v>
          </cell>
          <cell r="CH74">
            <v>36</v>
          </cell>
          <cell r="CI74">
            <v>43978</v>
          </cell>
          <cell r="CJ74" t="str">
            <v>一般</v>
          </cell>
          <cell r="CK74" t="str">
            <v>伊丹市内に本店</v>
          </cell>
          <cell r="CL74" t="str">
            <v>670点以上</v>
          </cell>
          <cell r="CP74">
            <v>83245</v>
          </cell>
          <cell r="CT74" t="str">
            <v>請負金額が1,500万円以上</v>
          </cell>
          <cell r="CW74">
            <v>43986</v>
          </cell>
          <cell r="CX74" t="str">
            <v/>
          </cell>
          <cell r="CY74" t="str">
            <v/>
          </cell>
          <cell r="CZ74" t="str">
            <v/>
          </cell>
          <cell r="DA74">
            <v>43990</v>
          </cell>
          <cell r="DB74">
            <v>43993</v>
          </cell>
          <cell r="DC74">
            <v>20</v>
          </cell>
          <cell r="DD74" t="str">
            <v>○</v>
          </cell>
          <cell r="DL74">
            <v>26</v>
          </cell>
          <cell r="DM74">
            <v>59</v>
          </cell>
          <cell r="DN74">
            <v>161</v>
          </cell>
          <cell r="DO74">
            <v>411</v>
          </cell>
          <cell r="DP74">
            <v>306</v>
          </cell>
          <cell r="DQ74">
            <v>287</v>
          </cell>
          <cell r="DR74">
            <v>261</v>
          </cell>
          <cell r="DS74">
            <v>165</v>
          </cell>
          <cell r="DT74">
            <v>16</v>
          </cell>
          <cell r="DU74">
            <v>174</v>
          </cell>
          <cell r="EZ74">
            <v>10</v>
          </cell>
          <cell r="FA74">
            <v>10</v>
          </cell>
          <cell r="FI74">
            <v>4</v>
          </cell>
          <cell r="FJ74" t="str">
            <v>事後審査型一般競争入札</v>
          </cell>
          <cell r="FN74">
            <v>4</v>
          </cell>
          <cell r="FO74" t="str">
            <v>電子入札</v>
          </cell>
          <cell r="FS74">
            <v>1</v>
          </cell>
          <cell r="FT74" t="str">
            <v/>
          </cell>
          <cell r="FU74" t="str">
            <v/>
          </cell>
          <cell r="FW74">
            <v>1</v>
          </cell>
          <cell r="FX74">
            <v>1</v>
          </cell>
          <cell r="FY74" t="str">
            <v>了</v>
          </cell>
          <cell r="GD74">
            <v>1</v>
          </cell>
          <cell r="GE74" t="str">
            <v>契約・検査課長　松本　嘉博</v>
          </cell>
          <cell r="GF74">
            <v>411</v>
          </cell>
          <cell r="GG74" t="str">
            <v>(株)宮本商店</v>
          </cell>
          <cell r="GH74">
            <v>59543000</v>
          </cell>
          <cell r="GI74">
            <v>5413000</v>
          </cell>
          <cell r="GJ74">
            <v>5955000</v>
          </cell>
          <cell r="GL74" t="str">
            <v>２級土木施工管理技士</v>
          </cell>
          <cell r="GM74" t="str">
            <v>柳川　基秀</v>
          </cell>
          <cell r="GN74" t="str">
            <v>２級土木施工管理技士</v>
          </cell>
          <cell r="GO74" t="str">
            <v>柳川　基秀</v>
          </cell>
          <cell r="GT74" t="str">
            <v>要</v>
          </cell>
          <cell r="GW74" t="str">
            <v/>
          </cell>
          <cell r="GX74">
            <v>44243</v>
          </cell>
          <cell r="HA74">
            <v>44286</v>
          </cell>
          <cell r="HB74">
            <v>44286</v>
          </cell>
          <cell r="HE74">
            <v>44316</v>
          </cell>
          <cell r="HN74" t="str">
            <v>【工期延伸の理由について】
（１）出来形数量表作成の遅れ
第1 回契約変更（令和3 年2 月22 日付）後に、出来形数量表を令和3 年3 月12 日までの提出
を求めたが、関西電力送配電㈱委託分の連系設備工事の完了報告が令和3 年3 月18 日となったた
め、委託区間の導通延長が確定しなかったため、受注者が出来形数量表の作成に向けて期日以降
も作業する必要が生じた。
また、唯一施工が残っていた植栽工の施工完了（令和3 年3 月22 日付）に伴い、その後1 ヵ月間
の後片付け期間（30 日）及び設計変更期間を設ける必要があるため、工期を変更しようとするも
のである。（３０日間の遅れ）</v>
          </cell>
          <cell r="HO74">
            <v>2</v>
          </cell>
          <cell r="HP74">
            <v>54130000</v>
          </cell>
          <cell r="HQ74">
            <v>54130000</v>
          </cell>
          <cell r="HR74">
            <v>54130000</v>
          </cell>
          <cell r="HS74">
            <v>54130000</v>
          </cell>
          <cell r="HT74">
            <v>54180000</v>
          </cell>
          <cell r="HU74">
            <v>59150000</v>
          </cell>
          <cell r="HV74">
            <v>53970000</v>
          </cell>
          <cell r="HW74">
            <v>71350000</v>
          </cell>
          <cell r="HX74" t="str">
            <v>-</v>
          </cell>
          <cell r="HY74" t="str">
            <v>-</v>
          </cell>
          <cell r="JD74">
            <v>3</v>
          </cell>
          <cell r="JE74">
            <v>3</v>
          </cell>
          <cell r="JF74" t="str">
            <v/>
          </cell>
          <cell r="JG74" t="str">
            <v/>
          </cell>
          <cell r="JH74" t="str">
            <v/>
          </cell>
          <cell r="JI74" t="str">
            <v/>
          </cell>
          <cell r="JJ74" t="str">
            <v/>
          </cell>
          <cell r="JK74" t="str">
            <v/>
          </cell>
          <cell r="JL74" t="str">
            <v/>
          </cell>
          <cell r="JM74" t="str">
            <v/>
          </cell>
          <cell r="JN74" t="str">
            <v/>
          </cell>
          <cell r="JO74" t="str">
            <v/>
          </cell>
          <cell r="JP74" t="str">
            <v/>
          </cell>
          <cell r="JQ74" t="str">
            <v/>
          </cell>
          <cell r="JR74" t="str">
            <v/>
          </cell>
          <cell r="JS74" t="str">
            <v/>
          </cell>
          <cell r="JT74" t="str">
            <v/>
          </cell>
          <cell r="JU74" t="str">
            <v/>
          </cell>
          <cell r="JV74" t="str">
            <v/>
          </cell>
          <cell r="JW74" t="str">
            <v/>
          </cell>
          <cell r="JX74" t="str">
            <v/>
          </cell>
          <cell r="JY74" t="str">
            <v/>
          </cell>
          <cell r="JZ74">
            <v>0.88317833251753941</v>
          </cell>
        </row>
        <row r="75">
          <cell r="C75" t="str">
            <v/>
          </cell>
          <cell r="D75" t="str">
            <v/>
          </cell>
          <cell r="E75" t="str">
            <v/>
          </cell>
          <cell r="I75">
            <v>67</v>
          </cell>
          <cell r="M75" t="str">
            <v>令和２年度伊丹市立学校施設空調設備冷媒フロン漏洩点検委託業務</v>
          </cell>
          <cell r="Q75" t="str">
            <v>冷房フロン</v>
          </cell>
          <cell r="Y75">
            <v>1</v>
          </cell>
          <cell r="AB75">
            <v>1</v>
          </cell>
          <cell r="AC75">
            <v>8</v>
          </cell>
          <cell r="AD75">
            <v>8</v>
          </cell>
          <cell r="AI75" t="str">
            <v>伊丹市船原１丁目１番１号他２６箇所</v>
          </cell>
          <cell r="AQ75">
            <v>3</v>
          </cell>
          <cell r="AU75">
            <v>4</v>
          </cell>
          <cell r="AY75">
            <v>44001</v>
          </cell>
          <cell r="AZ75">
            <v>44004</v>
          </cell>
          <cell r="BA75">
            <v>283</v>
          </cell>
          <cell r="BB75">
            <v>44286</v>
          </cell>
          <cell r="BC75" t="str">
            <v/>
          </cell>
          <cell r="BD75" t="str">
            <v/>
          </cell>
          <cell r="BE75" t="str">
            <v/>
          </cell>
          <cell r="BF75">
            <v>0.41736111111111113</v>
          </cell>
          <cell r="BG75">
            <v>7641</v>
          </cell>
          <cell r="BH75" t="str">
            <v>安木　亮太</v>
          </cell>
          <cell r="BI75" t="str">
            <v>施設課</v>
          </cell>
          <cell r="BJ75">
            <v>4669</v>
          </cell>
          <cell r="BN75" t="str">
            <v>他</v>
          </cell>
          <cell r="BO75">
            <v>27</v>
          </cell>
          <cell r="BS75">
            <v>8901200</v>
          </cell>
          <cell r="BT75">
            <v>8090000</v>
          </cell>
          <cell r="BU75" t="str">
            <v/>
          </cell>
          <cell r="BV75" t="str">
            <v/>
          </cell>
          <cell r="CD75" t="str">
            <v/>
          </cell>
          <cell r="CH75">
            <v>-26</v>
          </cell>
          <cell r="CI75">
            <v>43986</v>
          </cell>
          <cell r="CP75">
            <v>83874</v>
          </cell>
          <cell r="CW75" t="str">
            <v/>
          </cell>
          <cell r="CX75" t="str">
            <v/>
          </cell>
          <cell r="CY75" t="str">
            <v/>
          </cell>
          <cell r="CZ75" t="str">
            <v/>
          </cell>
          <cell r="DA75">
            <v>43993</v>
          </cell>
          <cell r="DB75">
            <v>43998</v>
          </cell>
          <cell r="DD75" t="str">
            <v/>
          </cell>
          <cell r="DL75">
            <v>10221</v>
          </cell>
          <cell r="DM75">
            <v>10468</v>
          </cell>
          <cell r="DN75">
            <v>10950</v>
          </cell>
          <cell r="DO75">
            <v>10972</v>
          </cell>
          <cell r="DP75">
            <v>11266</v>
          </cell>
          <cell r="DQ75">
            <v>11964</v>
          </cell>
          <cell r="DR75">
            <v>10385</v>
          </cell>
          <cell r="DS75">
            <v>11241</v>
          </cell>
          <cell r="DT75">
            <v>10533</v>
          </cell>
          <cell r="DU75">
            <v>11739</v>
          </cell>
          <cell r="DV75">
            <v>11319</v>
          </cell>
          <cell r="DW75">
            <v>11588</v>
          </cell>
          <cell r="EZ75">
            <v>12</v>
          </cell>
          <cell r="FA75">
            <v>8</v>
          </cell>
          <cell r="FI75">
            <v>5</v>
          </cell>
          <cell r="FJ75" t="str">
            <v>指名競争入札（簡易認証）</v>
          </cell>
          <cell r="FN75">
            <v>4</v>
          </cell>
          <cell r="FO75" t="str">
            <v>電子入札</v>
          </cell>
          <cell r="FS75">
            <v>5</v>
          </cell>
          <cell r="FT75" t="str">
            <v/>
          </cell>
          <cell r="FU75" t="str">
            <v/>
          </cell>
          <cell r="FW75" t="str">
            <v/>
          </cell>
          <cell r="FY75" t="str">
            <v/>
          </cell>
          <cell r="GD75">
            <v>1</v>
          </cell>
          <cell r="GE75" t="str">
            <v>契約・検査課長　松本　嘉博</v>
          </cell>
          <cell r="GF75">
            <v>11739</v>
          </cell>
          <cell r="GG75" t="str">
            <v>日本ビルコン(株)</v>
          </cell>
          <cell r="GH75">
            <v>7150000</v>
          </cell>
          <cell r="GI75">
            <v>650000</v>
          </cell>
          <cell r="GJ75">
            <v>715000</v>
          </cell>
          <cell r="GL75" t="str">
            <v>２級管工事施工管理技士,第一冷媒フロン取扱技術者</v>
          </cell>
          <cell r="GM75" t="str">
            <v>石田　善紀</v>
          </cell>
          <cell r="GN75" t="str">
            <v>２級管工事施工管理技士,第一冷媒フロン取扱技術者</v>
          </cell>
          <cell r="GO75" t="str">
            <v>石田　善紀</v>
          </cell>
          <cell r="GT75" t="str">
            <v/>
          </cell>
          <cell r="GW75" t="str">
            <v/>
          </cell>
          <cell r="HO75" t="str">
            <v/>
          </cell>
          <cell r="HP75">
            <v>7600000</v>
          </cell>
          <cell r="HQ75" t="str">
            <v>-</v>
          </cell>
          <cell r="HR75">
            <v>7250000</v>
          </cell>
          <cell r="HS75" t="str">
            <v>-</v>
          </cell>
          <cell r="HT75" t="str">
            <v>-</v>
          </cell>
          <cell r="HU75">
            <v>6880000</v>
          </cell>
          <cell r="HV75" t="str">
            <v>-</v>
          </cell>
          <cell r="HW75">
            <v>7100000</v>
          </cell>
          <cell r="HX75">
            <v>7900000</v>
          </cell>
          <cell r="HY75">
            <v>6500000</v>
          </cell>
          <cell r="HZ75">
            <v>7920000</v>
          </cell>
          <cell r="IA75" t="str">
            <v>-</v>
          </cell>
          <cell r="JD75" t="str">
            <v/>
          </cell>
          <cell r="JE75" t="str">
            <v/>
          </cell>
          <cell r="JF75" t="str">
            <v/>
          </cell>
          <cell r="JG75" t="str">
            <v/>
          </cell>
          <cell r="JH75" t="str">
            <v/>
          </cell>
          <cell r="JI75" t="str">
            <v/>
          </cell>
          <cell r="JJ75" t="str">
            <v/>
          </cell>
          <cell r="JK75" t="str">
            <v/>
          </cell>
          <cell r="JL75" t="str">
            <v/>
          </cell>
          <cell r="JM75" t="str">
            <v/>
          </cell>
          <cell r="JN75" t="str">
            <v/>
          </cell>
          <cell r="JO75" t="str">
            <v/>
          </cell>
          <cell r="JP75" t="str">
            <v/>
          </cell>
          <cell r="JQ75" t="str">
            <v/>
          </cell>
          <cell r="JR75" t="str">
            <v/>
          </cell>
          <cell r="JS75" t="str">
            <v/>
          </cell>
          <cell r="JT75" t="str">
            <v/>
          </cell>
          <cell r="JU75" t="str">
            <v/>
          </cell>
          <cell r="JV75" t="str">
            <v/>
          </cell>
          <cell r="JW75" t="str">
            <v/>
          </cell>
          <cell r="JX75">
            <v>27</v>
          </cell>
          <cell r="JY75">
            <v>26</v>
          </cell>
          <cell r="JZ75">
            <v>0.80346106304079101</v>
          </cell>
        </row>
        <row r="76">
          <cell r="C76" t="str">
            <v/>
          </cell>
          <cell r="D76" t="str">
            <v/>
          </cell>
          <cell r="E76" t="str">
            <v/>
          </cell>
          <cell r="I76">
            <v>68</v>
          </cell>
          <cell r="M76" t="str">
            <v>令和２年度伊丹市庁舎東館インフラ独立化工事設計委託業務</v>
          </cell>
          <cell r="Q76" t="str">
            <v>ｲﾝﾌﾗ独立化</v>
          </cell>
          <cell r="Y76">
            <v>1</v>
          </cell>
          <cell r="AC76">
            <v>8</v>
          </cell>
          <cell r="AD76">
            <v>11</v>
          </cell>
          <cell r="AI76" t="str">
            <v>伊丹市千僧１丁目１番地</v>
          </cell>
          <cell r="AM76" t="str">
            <v xml:space="preserve">①現況建物及び建築設備の調査業務
②実施設計業務及び各種積算業務（建築、電気設備、機械設備）
③その他、各種業務にかかる書類作成業務
</v>
          </cell>
          <cell r="AQ76">
            <v>1</v>
          </cell>
          <cell r="AY76">
            <v>44006</v>
          </cell>
          <cell r="AZ76">
            <v>44011</v>
          </cell>
          <cell r="BA76">
            <v>232</v>
          </cell>
          <cell r="BB76">
            <v>44242</v>
          </cell>
          <cell r="BC76">
            <v>15</v>
          </cell>
          <cell r="BD76" t="str">
            <v>○</v>
          </cell>
          <cell r="BE76" t="str">
            <v/>
          </cell>
          <cell r="BF76">
            <v>0.41736111111111113</v>
          </cell>
          <cell r="BG76">
            <v>6752</v>
          </cell>
          <cell r="BH76" t="str">
            <v>中村  康人</v>
          </cell>
          <cell r="BI76" t="str">
            <v>新庁舎等整備室</v>
          </cell>
          <cell r="BJ76">
            <v>4423</v>
          </cell>
          <cell r="BN76" t="str">
            <v>建設</v>
          </cell>
          <cell r="BO76">
            <v>15</v>
          </cell>
          <cell r="BS76">
            <v>5992360</v>
          </cell>
          <cell r="BT76">
            <v>5440000</v>
          </cell>
          <cell r="BU76" t="str">
            <v/>
          </cell>
          <cell r="BV76" t="str">
            <v/>
          </cell>
          <cell r="CD76" t="str">
            <v/>
          </cell>
          <cell r="CH76">
            <v>29</v>
          </cell>
          <cell r="CI76">
            <v>43984</v>
          </cell>
          <cell r="CK76" t="str">
            <v>兵庫県内に本店又は支店</v>
          </cell>
          <cell r="CP76">
            <v>44072</v>
          </cell>
          <cell r="CT76" t="str">
            <v>請負金額が200万円以上</v>
          </cell>
          <cell r="CW76">
            <v>43994</v>
          </cell>
          <cell r="CX76" t="str">
            <v/>
          </cell>
          <cell r="CY76" t="str">
            <v/>
          </cell>
          <cell r="CZ76" t="str">
            <v/>
          </cell>
          <cell r="DA76">
            <v>43991</v>
          </cell>
          <cell r="DB76">
            <v>43999</v>
          </cell>
          <cell r="DC76">
            <v>42</v>
          </cell>
          <cell r="DD76" t="str">
            <v/>
          </cell>
          <cell r="DL76">
            <v>5049</v>
          </cell>
          <cell r="DM76">
            <v>5690</v>
          </cell>
          <cell r="DN76">
            <v>6506</v>
          </cell>
          <cell r="DO76">
            <v>5131</v>
          </cell>
          <cell r="DP76">
            <v>6258</v>
          </cell>
          <cell r="EZ76">
            <v>5</v>
          </cell>
          <cell r="FA76">
            <v>8</v>
          </cell>
          <cell r="FI76">
            <v>4</v>
          </cell>
          <cell r="FJ76" t="str">
            <v>事後審査型一般競争入札</v>
          </cell>
          <cell r="FN76">
            <v>4</v>
          </cell>
          <cell r="FO76" t="str">
            <v>電子入札</v>
          </cell>
          <cell r="FS76">
            <v>2</v>
          </cell>
          <cell r="FT76" t="str">
            <v/>
          </cell>
          <cell r="FU76" t="str">
            <v/>
          </cell>
          <cell r="FW76" t="str">
            <v/>
          </cell>
          <cell r="FY76" t="str">
            <v/>
          </cell>
          <cell r="GD76">
            <v>1</v>
          </cell>
          <cell r="GE76" t="str">
            <v>契約・検査課長　松本　嘉博</v>
          </cell>
          <cell r="GF76">
            <v>6506</v>
          </cell>
          <cell r="GG76" t="str">
            <v>(株)鷲尾建築設計事務所</v>
          </cell>
          <cell r="GH76">
            <v>5676000</v>
          </cell>
          <cell r="GI76">
            <v>516000</v>
          </cell>
          <cell r="GJ76">
            <v>568000</v>
          </cell>
          <cell r="GL76" t="str">
            <v>二級建築士 第450207号</v>
          </cell>
          <cell r="GM76" t="str">
            <v>折野　弘和（管理技術者）</v>
          </cell>
          <cell r="GN76" t="str">
            <v>二級建築士 第450207号</v>
          </cell>
          <cell r="GO76" t="str">
            <v>折野　弘和（管理技術者）</v>
          </cell>
          <cell r="GT76" t="str">
            <v/>
          </cell>
          <cell r="GW76" t="str">
            <v/>
          </cell>
          <cell r="GX76">
            <v>44231</v>
          </cell>
          <cell r="GY76">
            <v>3935910</v>
          </cell>
          <cell r="GZ76">
            <v>3718000</v>
          </cell>
          <cell r="HN76" t="str">
            <v>空調設備改修工事分の設計業務取り止めの為。</v>
          </cell>
          <cell r="HO76">
            <v>1</v>
          </cell>
          <cell r="HP76">
            <v>5440000</v>
          </cell>
          <cell r="HQ76">
            <v>5370000</v>
          </cell>
          <cell r="HR76">
            <v>5160000</v>
          </cell>
          <cell r="HS76" t="str">
            <v>-</v>
          </cell>
          <cell r="HT76" t="str">
            <v>-</v>
          </cell>
          <cell r="JD76" t="str">
            <v/>
          </cell>
          <cell r="JE76" t="str">
            <v/>
          </cell>
          <cell r="JF76" t="str">
            <v/>
          </cell>
          <cell r="JG76" t="str">
            <v/>
          </cell>
          <cell r="JH76" t="str">
            <v/>
          </cell>
          <cell r="JI76" t="str">
            <v/>
          </cell>
          <cell r="JJ76" t="str">
            <v/>
          </cell>
          <cell r="JK76" t="str">
            <v/>
          </cell>
          <cell r="JL76" t="str">
            <v/>
          </cell>
          <cell r="JM76" t="str">
            <v/>
          </cell>
          <cell r="JN76" t="str">
            <v/>
          </cell>
          <cell r="JO76" t="str">
            <v/>
          </cell>
          <cell r="JP76" t="str">
            <v/>
          </cell>
          <cell r="JQ76" t="str">
            <v/>
          </cell>
          <cell r="JR76" t="str">
            <v/>
          </cell>
          <cell r="JS76" t="str">
            <v/>
          </cell>
          <cell r="JT76">
            <v>15</v>
          </cell>
          <cell r="JU76">
            <v>15</v>
          </cell>
          <cell r="JV76" t="str">
            <v/>
          </cell>
          <cell r="JW76" t="str">
            <v/>
          </cell>
          <cell r="JX76" t="str">
            <v/>
          </cell>
          <cell r="JY76" t="str">
            <v/>
          </cell>
          <cell r="JZ76">
            <v>0.94852941176470584</v>
          </cell>
        </row>
        <row r="77">
          <cell r="C77" t="str">
            <v/>
          </cell>
          <cell r="D77" t="str">
            <v/>
          </cell>
          <cell r="E77" t="str">
            <v/>
          </cell>
          <cell r="I77">
            <v>69</v>
          </cell>
          <cell r="M77" t="str">
            <v>令和２年度旧伊丹市立こばと保育所廃棄物運搬・処理委託業務</v>
          </cell>
          <cell r="Q77" t="str">
            <v>こばと廃棄</v>
          </cell>
          <cell r="Y77">
            <v>1</v>
          </cell>
          <cell r="AC77">
            <v>8</v>
          </cell>
          <cell r="AD77">
            <v>8</v>
          </cell>
          <cell r="AI77" t="str">
            <v>伊丹市稲野町５丁目７６番地</v>
          </cell>
          <cell r="AQ77">
            <v>1</v>
          </cell>
          <cell r="AY77">
            <v>43998</v>
          </cell>
          <cell r="AZ77">
            <v>43999</v>
          </cell>
          <cell r="BA77">
            <v>14</v>
          </cell>
          <cell r="BB77">
            <v>44012</v>
          </cell>
          <cell r="BC77" t="str">
            <v/>
          </cell>
          <cell r="BD77" t="str">
            <v/>
          </cell>
          <cell r="BE77" t="str">
            <v/>
          </cell>
          <cell r="BF77">
            <v>0.41736111111111113</v>
          </cell>
          <cell r="BG77">
            <v>4146</v>
          </cell>
          <cell r="BH77" t="str">
            <v>柳田  三世子</v>
          </cell>
          <cell r="BI77" t="str">
            <v>教育保育課</v>
          </cell>
          <cell r="BJ77">
            <v>4021</v>
          </cell>
          <cell r="BN77" t="str">
            <v>他</v>
          </cell>
          <cell r="BO77">
            <v>28</v>
          </cell>
          <cell r="BS77">
            <v>1742000</v>
          </cell>
          <cell r="BT77">
            <v>1580000</v>
          </cell>
          <cell r="BU77" t="str">
            <v/>
          </cell>
          <cell r="BV77" t="str">
            <v/>
          </cell>
          <cell r="CD77" t="str">
            <v/>
          </cell>
          <cell r="CH77">
            <v>-27</v>
          </cell>
          <cell r="CI77">
            <v>43980</v>
          </cell>
          <cell r="CP77">
            <v>33460</v>
          </cell>
          <cell r="CW77" t="str">
            <v/>
          </cell>
          <cell r="CX77" t="str">
            <v/>
          </cell>
          <cell r="CY77" t="str">
            <v/>
          </cell>
          <cell r="CZ77" t="str">
            <v/>
          </cell>
          <cell r="DA77">
            <v>43990</v>
          </cell>
          <cell r="DB77">
            <v>43993</v>
          </cell>
          <cell r="DD77" t="str">
            <v/>
          </cell>
          <cell r="DL77">
            <v>10273</v>
          </cell>
          <cell r="DM77">
            <v>10353</v>
          </cell>
          <cell r="DN77">
            <v>10514</v>
          </cell>
          <cell r="DO77">
            <v>10886</v>
          </cell>
          <cell r="DP77">
            <v>10969</v>
          </cell>
          <cell r="DQ77">
            <v>11082</v>
          </cell>
          <cell r="DR77">
            <v>11266</v>
          </cell>
          <cell r="DS77">
            <v>11843</v>
          </cell>
          <cell r="DT77">
            <v>10019</v>
          </cell>
          <cell r="DU77">
            <v>10072</v>
          </cell>
          <cell r="EZ77">
            <v>10</v>
          </cell>
          <cell r="FA77">
            <v>6</v>
          </cell>
          <cell r="FI77">
            <v>5</v>
          </cell>
          <cell r="FJ77" t="str">
            <v>指名競争入札（簡易認証）</v>
          </cell>
          <cell r="FN77">
            <v>4</v>
          </cell>
          <cell r="FO77" t="str">
            <v>電子入札</v>
          </cell>
          <cell r="FS77">
            <v>5</v>
          </cell>
          <cell r="FT77" t="str">
            <v/>
          </cell>
          <cell r="FU77" t="str">
            <v/>
          </cell>
          <cell r="FW77" t="str">
            <v/>
          </cell>
          <cell r="FY77" t="str">
            <v/>
          </cell>
          <cell r="GD77">
            <v>1</v>
          </cell>
          <cell r="GE77" t="str">
            <v>契約・検査課長　松本　嘉博</v>
          </cell>
          <cell r="GF77">
            <v>10886</v>
          </cell>
          <cell r="GG77" t="str">
            <v>(株)大協</v>
          </cell>
          <cell r="GH77">
            <v>1650000</v>
          </cell>
          <cell r="GI77">
            <v>150000</v>
          </cell>
          <cell r="GJ77" t="str">
            <v/>
          </cell>
          <cell r="GL77" t="str">
            <v>大型自動車免許,普通自動二輪車免許</v>
          </cell>
          <cell r="GM77" t="str">
            <v>奥野　智一</v>
          </cell>
          <cell r="GN77" t="str">
            <v>大型自動車免許,普通自動二輪車免許</v>
          </cell>
          <cell r="GO77" t="str">
            <v>奥野　智一</v>
          </cell>
          <cell r="GT77" t="str">
            <v/>
          </cell>
          <cell r="GW77" t="str">
            <v/>
          </cell>
          <cell r="HO77" t="str">
            <v/>
          </cell>
          <cell r="HP77">
            <v>1580000</v>
          </cell>
          <cell r="HQ77">
            <v>1580000</v>
          </cell>
          <cell r="HR77">
            <v>1580000</v>
          </cell>
          <cell r="HS77">
            <v>1500000</v>
          </cell>
          <cell r="HT77" t="str">
            <v>-</v>
          </cell>
          <cell r="HU77">
            <v>1580000</v>
          </cell>
          <cell r="HV77">
            <v>1580000</v>
          </cell>
          <cell r="HW77">
            <v>1580000</v>
          </cell>
          <cell r="HX77" t="str">
            <v>-</v>
          </cell>
          <cell r="HY77" t="str">
            <v>-</v>
          </cell>
          <cell r="JD77" t="str">
            <v/>
          </cell>
          <cell r="JE77" t="str">
            <v/>
          </cell>
          <cell r="JF77" t="str">
            <v/>
          </cell>
          <cell r="JG77" t="str">
            <v/>
          </cell>
          <cell r="JH77" t="str">
            <v/>
          </cell>
          <cell r="JI77" t="str">
            <v/>
          </cell>
          <cell r="JJ77" t="str">
            <v/>
          </cell>
          <cell r="JK77" t="str">
            <v/>
          </cell>
          <cell r="JL77" t="str">
            <v/>
          </cell>
          <cell r="JM77" t="str">
            <v/>
          </cell>
          <cell r="JN77" t="str">
            <v/>
          </cell>
          <cell r="JO77" t="str">
            <v/>
          </cell>
          <cell r="JP77" t="str">
            <v/>
          </cell>
          <cell r="JQ77" t="str">
            <v/>
          </cell>
          <cell r="JR77" t="str">
            <v/>
          </cell>
          <cell r="JS77" t="str">
            <v/>
          </cell>
          <cell r="JT77" t="str">
            <v/>
          </cell>
          <cell r="JU77" t="str">
            <v/>
          </cell>
          <cell r="JV77" t="str">
            <v/>
          </cell>
          <cell r="JW77" t="str">
            <v/>
          </cell>
          <cell r="JX77">
            <v>28</v>
          </cell>
          <cell r="JY77">
            <v>27</v>
          </cell>
          <cell r="JZ77">
            <v>0.94936708860759478</v>
          </cell>
        </row>
        <row r="78">
          <cell r="C78" t="str">
            <v/>
          </cell>
          <cell r="D78" t="str">
            <v/>
          </cell>
          <cell r="E78" t="str">
            <v/>
          </cell>
          <cell r="I78">
            <v>70</v>
          </cell>
          <cell r="M78" t="str">
            <v>令和２年度高規格救急自動車（製造請負）</v>
          </cell>
          <cell r="Q78" t="str">
            <v>高規格救急自動車</v>
          </cell>
          <cell r="Y78">
            <v>1</v>
          </cell>
          <cell r="AC78">
            <v>8</v>
          </cell>
          <cell r="AD78">
            <v>3</v>
          </cell>
          <cell r="AI78" t="str">
            <v>伊丹市昆陽１丁目１－１伊丹市消防局</v>
          </cell>
          <cell r="AQ78">
            <v>1</v>
          </cell>
          <cell r="AY78">
            <v>44019</v>
          </cell>
          <cell r="AZ78">
            <v>44019</v>
          </cell>
          <cell r="BA78">
            <v>235</v>
          </cell>
          <cell r="BB78">
            <v>44253</v>
          </cell>
          <cell r="BC78" t="str">
            <v/>
          </cell>
          <cell r="BD78" t="str">
            <v/>
          </cell>
          <cell r="BE78" t="str">
            <v/>
          </cell>
          <cell r="BF78">
            <v>0.58402777777777781</v>
          </cell>
          <cell r="BG78">
            <v>5520</v>
          </cell>
          <cell r="BH78" t="str">
            <v>岩村　賢一</v>
          </cell>
          <cell r="BI78" t="str">
            <v>救急課</v>
          </cell>
          <cell r="BJ78">
            <v>6680224</v>
          </cell>
          <cell r="BN78" t="str">
            <v>物</v>
          </cell>
          <cell r="BO78">
            <v>2</v>
          </cell>
          <cell r="BS78">
            <v>36040000</v>
          </cell>
          <cell r="BT78">
            <v>32760000</v>
          </cell>
          <cell r="BU78">
            <v>1</v>
          </cell>
          <cell r="BV78" t="str">
            <v/>
          </cell>
          <cell r="CD78" t="str">
            <v>●</v>
          </cell>
          <cell r="CH78">
            <v>-28</v>
          </cell>
          <cell r="CI78">
            <v>44000</v>
          </cell>
          <cell r="CP78">
            <v>80036</v>
          </cell>
          <cell r="CW78" t="str">
            <v/>
          </cell>
          <cell r="CX78" t="str">
            <v/>
          </cell>
          <cell r="CY78" t="str">
            <v/>
          </cell>
          <cell r="CZ78" t="str">
            <v/>
          </cell>
          <cell r="DA78">
            <v>44011</v>
          </cell>
          <cell r="DB78">
            <v>44014</v>
          </cell>
          <cell r="DD78" t="str">
            <v/>
          </cell>
          <cell r="DL78">
            <v>10624</v>
          </cell>
          <cell r="DM78">
            <v>10768</v>
          </cell>
          <cell r="DN78">
            <v>10032</v>
          </cell>
          <cell r="DO78">
            <v>10422</v>
          </cell>
          <cell r="DP78">
            <v>12520</v>
          </cell>
          <cell r="DQ78">
            <v>10175</v>
          </cell>
          <cell r="DR78">
            <v>11592</v>
          </cell>
          <cell r="DS78">
            <v>10269</v>
          </cell>
          <cell r="DT78">
            <v>10426</v>
          </cell>
          <cell r="EZ78">
            <v>9</v>
          </cell>
          <cell r="FA78">
            <v>8</v>
          </cell>
          <cell r="FI78">
            <v>5</v>
          </cell>
          <cell r="FJ78" t="str">
            <v>指名競争入札（簡易認証）</v>
          </cell>
          <cell r="FN78">
            <v>4</v>
          </cell>
          <cell r="FO78" t="str">
            <v>電子入札</v>
          </cell>
          <cell r="FS78">
            <v>3</v>
          </cell>
          <cell r="FT78" t="str">
            <v/>
          </cell>
          <cell r="FU78" t="str">
            <v/>
          </cell>
          <cell r="FW78" t="str">
            <v/>
          </cell>
          <cell r="FY78" t="str">
            <v/>
          </cell>
          <cell r="GD78">
            <v>1</v>
          </cell>
          <cell r="GE78" t="str">
            <v>契約・検査課長　松本　嘉博</v>
          </cell>
          <cell r="GF78">
            <v>10624</v>
          </cell>
          <cell r="GG78" t="str">
            <v>兵庫トヨタ自動車(株)</v>
          </cell>
          <cell r="GH78">
            <v>33880000</v>
          </cell>
          <cell r="GI78">
            <v>3080000</v>
          </cell>
          <cell r="GJ78">
            <v>3388000</v>
          </cell>
          <cell r="GM78" t="str">
            <v>水口　裕弘</v>
          </cell>
          <cell r="GO78" t="str">
            <v>水口　裕弘</v>
          </cell>
          <cell r="GT78" t="str">
            <v>要</v>
          </cell>
          <cell r="GW78" t="str">
            <v/>
          </cell>
          <cell r="HO78" t="str">
            <v/>
          </cell>
          <cell r="HP78">
            <v>30800000</v>
          </cell>
          <cell r="HQ78">
            <v>31100000</v>
          </cell>
          <cell r="HR78">
            <v>30800000</v>
          </cell>
          <cell r="HS78">
            <v>31500000</v>
          </cell>
          <cell r="HT78" t="str">
            <v>-</v>
          </cell>
          <cell r="HU78" t="str">
            <v>-</v>
          </cell>
          <cell r="HV78" t="str">
            <v>-</v>
          </cell>
          <cell r="HW78" t="str">
            <v>-</v>
          </cell>
          <cell r="HX78" t="str">
            <v>-</v>
          </cell>
          <cell r="JD78" t="str">
            <v/>
          </cell>
          <cell r="JE78" t="str">
            <v/>
          </cell>
          <cell r="JF78" t="str">
            <v/>
          </cell>
          <cell r="JG78" t="str">
            <v/>
          </cell>
          <cell r="JH78" t="str">
            <v/>
          </cell>
          <cell r="JI78" t="str">
            <v/>
          </cell>
          <cell r="JJ78" t="str">
            <v/>
          </cell>
          <cell r="JK78" t="str">
            <v/>
          </cell>
          <cell r="JL78" t="str">
            <v/>
          </cell>
          <cell r="JM78" t="str">
            <v/>
          </cell>
          <cell r="JN78" t="str">
            <v/>
          </cell>
          <cell r="JO78" t="str">
            <v/>
          </cell>
          <cell r="JP78">
            <v>2</v>
          </cell>
          <cell r="JQ78">
            <v>2</v>
          </cell>
          <cell r="JR78" t="str">
            <v/>
          </cell>
          <cell r="JS78" t="str">
            <v/>
          </cell>
          <cell r="JT78" t="str">
            <v/>
          </cell>
          <cell r="JU78" t="str">
            <v/>
          </cell>
          <cell r="JV78" t="str">
            <v/>
          </cell>
          <cell r="JW78" t="str">
            <v/>
          </cell>
          <cell r="JX78" t="str">
            <v/>
          </cell>
          <cell r="JY78" t="str">
            <v/>
          </cell>
          <cell r="JZ78">
            <v>0.94017094017094005</v>
          </cell>
        </row>
        <row r="79">
          <cell r="C79" t="str">
            <v/>
          </cell>
          <cell r="D79" t="str">
            <v/>
          </cell>
          <cell r="E79" t="str">
            <v/>
          </cell>
          <cell r="I79">
            <v>71</v>
          </cell>
          <cell r="M79" t="str">
            <v>令和２年度道路作業用車輌の購入</v>
          </cell>
          <cell r="Q79" t="str">
            <v>道路車輌購入</v>
          </cell>
          <cell r="Y79">
            <v>1</v>
          </cell>
          <cell r="AC79">
            <v>8</v>
          </cell>
          <cell r="AD79">
            <v>1</v>
          </cell>
          <cell r="AF79">
            <v>1</v>
          </cell>
          <cell r="AI79" t="str">
            <v>伊丹市役所内</v>
          </cell>
          <cell r="AQ79">
            <v>1</v>
          </cell>
          <cell r="AY79">
            <v>44012</v>
          </cell>
          <cell r="AZ79">
            <v>44013</v>
          </cell>
          <cell r="BA79">
            <v>123</v>
          </cell>
          <cell r="BB79">
            <v>44135</v>
          </cell>
          <cell r="BC79" t="str">
            <v/>
          </cell>
          <cell r="BD79" t="str">
            <v/>
          </cell>
          <cell r="BE79" t="str">
            <v/>
          </cell>
          <cell r="BF79">
            <v>0.41736111111111113</v>
          </cell>
          <cell r="BG79">
            <v>5512</v>
          </cell>
          <cell r="BH79" t="str">
            <v>小中  留美子</v>
          </cell>
          <cell r="BI79" t="str">
            <v>道路保全課</v>
          </cell>
          <cell r="BJ79">
            <v>4736</v>
          </cell>
          <cell r="BN79" t="str">
            <v>物</v>
          </cell>
          <cell r="BO79">
            <v>3</v>
          </cell>
          <cell r="BS79">
            <v>1971200</v>
          </cell>
          <cell r="BT79">
            <v>1790000</v>
          </cell>
          <cell r="BU79">
            <v>1</v>
          </cell>
          <cell r="BV79" t="str">
            <v/>
          </cell>
          <cell r="CD79" t="str">
            <v/>
          </cell>
          <cell r="CH79">
            <v>-29</v>
          </cell>
          <cell r="CI79">
            <v>43992</v>
          </cell>
          <cell r="CP79">
            <v>35503</v>
          </cell>
          <cell r="CW79" t="str">
            <v/>
          </cell>
          <cell r="CX79" t="str">
            <v/>
          </cell>
          <cell r="CY79" t="str">
            <v/>
          </cell>
          <cell r="CZ79" t="str">
            <v/>
          </cell>
          <cell r="DA79">
            <v>44001</v>
          </cell>
          <cell r="DB79">
            <v>44007</v>
          </cell>
          <cell r="DD79" t="str">
            <v/>
          </cell>
          <cell r="DL79">
            <v>10462</v>
          </cell>
          <cell r="DM79">
            <v>11042</v>
          </cell>
          <cell r="DN79">
            <v>12675</v>
          </cell>
          <cell r="DO79">
            <v>10608</v>
          </cell>
          <cell r="DP79">
            <v>11592</v>
          </cell>
          <cell r="DQ79">
            <v>12666</v>
          </cell>
          <cell r="DR79">
            <v>10026</v>
          </cell>
          <cell r="DS79">
            <v>11539</v>
          </cell>
          <cell r="DT79">
            <v>11437</v>
          </cell>
          <cell r="EZ79">
            <v>9</v>
          </cell>
          <cell r="FA79">
            <v>6</v>
          </cell>
          <cell r="FI79">
            <v>5</v>
          </cell>
          <cell r="FJ79" t="str">
            <v>指名競争入札（簡易認証）</v>
          </cell>
          <cell r="FN79">
            <v>4</v>
          </cell>
          <cell r="FO79" t="str">
            <v>電子入札</v>
          </cell>
          <cell r="FS79">
            <v>3</v>
          </cell>
          <cell r="FT79" t="str">
            <v/>
          </cell>
          <cell r="FU79" t="str">
            <v/>
          </cell>
          <cell r="FW79" t="str">
            <v/>
          </cell>
          <cell r="FY79" t="str">
            <v/>
          </cell>
          <cell r="GD79">
            <v>1</v>
          </cell>
          <cell r="GE79" t="str">
            <v>契約・検査課長　松本　嘉博</v>
          </cell>
          <cell r="GF79" t="str">
            <v>-</v>
          </cell>
          <cell r="GG79" t="str">
            <v>×</v>
          </cell>
          <cell r="GI79" t="str">
            <v/>
          </cell>
          <cell r="GJ79" t="str">
            <v/>
          </cell>
          <cell r="GT79" t="str">
            <v/>
          </cell>
          <cell r="GW79" t="str">
            <v/>
          </cell>
          <cell r="HO79" t="str">
            <v/>
          </cell>
          <cell r="HP79" t="str">
            <v>-</v>
          </cell>
          <cell r="HQ79" t="str">
            <v>-</v>
          </cell>
          <cell r="HR79" t="str">
            <v>-</v>
          </cell>
          <cell r="HS79" t="str">
            <v>-</v>
          </cell>
          <cell r="HT79" t="str">
            <v>-</v>
          </cell>
          <cell r="HU79" t="str">
            <v>-</v>
          </cell>
          <cell r="HV79" t="str">
            <v>-</v>
          </cell>
          <cell r="HW79" t="str">
            <v>-</v>
          </cell>
          <cell r="HX79">
            <v>2003427</v>
          </cell>
          <cell r="JD79" t="str">
            <v/>
          </cell>
          <cell r="JE79" t="str">
            <v/>
          </cell>
          <cell r="JF79" t="str">
            <v/>
          </cell>
          <cell r="JG79" t="str">
            <v/>
          </cell>
          <cell r="JH79" t="str">
            <v/>
          </cell>
          <cell r="JI79" t="str">
            <v/>
          </cell>
          <cell r="JJ79" t="str">
            <v/>
          </cell>
          <cell r="JK79" t="str">
            <v/>
          </cell>
          <cell r="JL79" t="str">
            <v/>
          </cell>
          <cell r="JM79" t="str">
            <v/>
          </cell>
          <cell r="JN79" t="str">
            <v/>
          </cell>
          <cell r="JO79" t="str">
            <v/>
          </cell>
          <cell r="JP79">
            <v>3</v>
          </cell>
          <cell r="JQ79">
            <v>3</v>
          </cell>
          <cell r="JR79" t="str">
            <v/>
          </cell>
          <cell r="JS79" t="str">
            <v/>
          </cell>
          <cell r="JT79" t="str">
            <v/>
          </cell>
          <cell r="JU79" t="str">
            <v/>
          </cell>
          <cell r="JV79" t="str">
            <v/>
          </cell>
          <cell r="JW79" t="str">
            <v/>
          </cell>
          <cell r="JX79" t="str">
            <v/>
          </cell>
          <cell r="JY79" t="str">
            <v/>
          </cell>
          <cell r="JZ79" t="str">
            <v/>
          </cell>
        </row>
        <row r="80">
          <cell r="C80" t="str">
            <v/>
          </cell>
          <cell r="D80" t="str">
            <v/>
          </cell>
          <cell r="E80" t="str">
            <v/>
          </cell>
          <cell r="I80">
            <v>72</v>
          </cell>
          <cell r="M80" t="str">
            <v>令和２年度小型貨物（１台）の購入</v>
          </cell>
          <cell r="Q80" t="str">
            <v>小型貨物購入</v>
          </cell>
          <cell r="Y80">
            <v>1</v>
          </cell>
          <cell r="AC80">
            <v>8</v>
          </cell>
          <cell r="AD80">
            <v>1</v>
          </cell>
          <cell r="AF80">
            <v>1</v>
          </cell>
          <cell r="AI80" t="str">
            <v>伊丹市千僧１丁目１番地</v>
          </cell>
          <cell r="AQ80">
            <v>1</v>
          </cell>
          <cell r="AY80">
            <v>44008</v>
          </cell>
          <cell r="AZ80">
            <v>44011</v>
          </cell>
          <cell r="BA80">
            <v>124</v>
          </cell>
          <cell r="BB80">
            <v>44134</v>
          </cell>
          <cell r="BC80" t="str">
            <v/>
          </cell>
          <cell r="BD80" t="str">
            <v/>
          </cell>
          <cell r="BE80" t="str">
            <v/>
          </cell>
          <cell r="BF80">
            <v>0.41736111111111113</v>
          </cell>
          <cell r="BG80">
            <v>4633</v>
          </cell>
          <cell r="BH80" t="str">
            <v>須磨  治夫</v>
          </cell>
          <cell r="BI80" t="str">
            <v>管財課</v>
          </cell>
          <cell r="BJ80">
            <v>4061</v>
          </cell>
          <cell r="BN80" t="str">
            <v>物</v>
          </cell>
          <cell r="BO80">
            <v>4</v>
          </cell>
          <cell r="BS80">
            <v>2571470</v>
          </cell>
          <cell r="BT80">
            <v>2320000</v>
          </cell>
          <cell r="BU80">
            <v>1</v>
          </cell>
          <cell r="BV80" t="str">
            <v/>
          </cell>
          <cell r="CD80" t="str">
            <v/>
          </cell>
          <cell r="CH80">
            <v>-30</v>
          </cell>
          <cell r="CI80">
            <v>43991</v>
          </cell>
          <cell r="CP80">
            <v>24076</v>
          </cell>
          <cell r="CW80" t="str">
            <v/>
          </cell>
          <cell r="CX80" t="str">
            <v/>
          </cell>
          <cell r="CY80" t="str">
            <v/>
          </cell>
          <cell r="CZ80" t="str">
            <v/>
          </cell>
          <cell r="DA80">
            <v>43999</v>
          </cell>
          <cell r="DB80">
            <v>44005</v>
          </cell>
          <cell r="DD80" t="str">
            <v/>
          </cell>
          <cell r="DL80">
            <v>10462</v>
          </cell>
          <cell r="DM80">
            <v>10608</v>
          </cell>
          <cell r="DN80">
            <v>12520</v>
          </cell>
          <cell r="DO80">
            <v>10624</v>
          </cell>
          <cell r="DP80">
            <v>10026</v>
          </cell>
          <cell r="DQ80">
            <v>11539</v>
          </cell>
          <cell r="DR80">
            <v>12675</v>
          </cell>
          <cell r="EZ80">
            <v>7</v>
          </cell>
          <cell r="FA80">
            <v>6</v>
          </cell>
          <cell r="FI80">
            <v>5</v>
          </cell>
          <cell r="FJ80" t="str">
            <v>指名競争入札（簡易認証）</v>
          </cell>
          <cell r="FN80">
            <v>4</v>
          </cell>
          <cell r="FO80" t="str">
            <v>電子入札</v>
          </cell>
          <cell r="FS80">
            <v>3</v>
          </cell>
          <cell r="FT80" t="str">
            <v/>
          </cell>
          <cell r="FU80" t="str">
            <v/>
          </cell>
          <cell r="FW80" t="str">
            <v/>
          </cell>
          <cell r="FY80" t="str">
            <v/>
          </cell>
          <cell r="GD80">
            <v>1</v>
          </cell>
          <cell r="GE80" t="str">
            <v>契約・検査課長　松本　嘉博</v>
          </cell>
          <cell r="GF80">
            <v>10624</v>
          </cell>
          <cell r="GG80" t="str">
            <v>兵庫トヨタ自動車(株)</v>
          </cell>
          <cell r="GH80">
            <v>2544854</v>
          </cell>
          <cell r="GI80">
            <v>224854</v>
          </cell>
          <cell r="GJ80">
            <v>255000</v>
          </cell>
          <cell r="GT80" t="str">
            <v/>
          </cell>
          <cell r="GW80" t="str">
            <v/>
          </cell>
          <cell r="HO80" t="str">
            <v/>
          </cell>
          <cell r="HP80">
            <v>2430307</v>
          </cell>
          <cell r="HQ80">
            <v>2346760</v>
          </cell>
          <cell r="HR80" t="str">
            <v>-</v>
          </cell>
          <cell r="HS80">
            <v>2320000</v>
          </cell>
          <cell r="HT80" t="str">
            <v>-</v>
          </cell>
          <cell r="HU80" t="str">
            <v>-</v>
          </cell>
          <cell r="HV80">
            <v>2736698</v>
          </cell>
          <cell r="JD80" t="str">
            <v/>
          </cell>
          <cell r="JE80" t="str">
            <v/>
          </cell>
          <cell r="JF80" t="str">
            <v/>
          </cell>
          <cell r="JG80" t="str">
            <v/>
          </cell>
          <cell r="JH80" t="str">
            <v/>
          </cell>
          <cell r="JI80" t="str">
            <v/>
          </cell>
          <cell r="JJ80" t="str">
            <v/>
          </cell>
          <cell r="JK80" t="str">
            <v/>
          </cell>
          <cell r="JL80" t="str">
            <v/>
          </cell>
          <cell r="JM80" t="str">
            <v/>
          </cell>
          <cell r="JN80" t="str">
            <v/>
          </cell>
          <cell r="JO80" t="str">
            <v/>
          </cell>
          <cell r="JP80">
            <v>4</v>
          </cell>
          <cell r="JQ80">
            <v>4</v>
          </cell>
          <cell r="JR80" t="str">
            <v/>
          </cell>
          <cell r="JS80" t="str">
            <v/>
          </cell>
          <cell r="JT80" t="str">
            <v/>
          </cell>
          <cell r="JU80" t="str">
            <v/>
          </cell>
          <cell r="JV80" t="str">
            <v/>
          </cell>
          <cell r="JW80" t="str">
            <v/>
          </cell>
          <cell r="JX80" t="str">
            <v/>
          </cell>
          <cell r="JY80" t="str">
            <v/>
          </cell>
          <cell r="JZ80">
            <v>0.99719984326018807</v>
          </cell>
        </row>
        <row r="81">
          <cell r="C81" t="str">
            <v/>
          </cell>
          <cell r="D81" t="str">
            <v/>
          </cell>
          <cell r="E81" t="str">
            <v/>
          </cell>
          <cell r="I81">
            <v>73</v>
          </cell>
          <cell r="M81" t="str">
            <v>令和２年度公園遊具定期点検委託業務</v>
          </cell>
          <cell r="Q81" t="str">
            <v>遊具定期点検</v>
          </cell>
          <cell r="Y81">
            <v>1</v>
          </cell>
          <cell r="AC81">
            <v>8</v>
          </cell>
          <cell r="AD81">
            <v>8</v>
          </cell>
          <cell r="AF81">
            <v>1</v>
          </cell>
          <cell r="AI81" t="str">
            <v>伊丹市内全域</v>
          </cell>
          <cell r="AQ81">
            <v>1</v>
          </cell>
          <cell r="AY81">
            <v>43998</v>
          </cell>
          <cell r="AZ81">
            <v>43999</v>
          </cell>
          <cell r="BA81">
            <v>115</v>
          </cell>
          <cell r="BB81">
            <v>44113</v>
          </cell>
          <cell r="BC81" t="str">
            <v/>
          </cell>
          <cell r="BD81" t="str">
            <v/>
          </cell>
          <cell r="BE81" t="str">
            <v/>
          </cell>
          <cell r="BF81">
            <v>0.41875000000000001</v>
          </cell>
          <cell r="BG81">
            <v>7680</v>
          </cell>
          <cell r="BH81" t="str">
            <v>田中　駿</v>
          </cell>
          <cell r="BI81" t="str">
            <v>公園課</v>
          </cell>
          <cell r="BJ81">
            <v>4727</v>
          </cell>
          <cell r="BN81" t="str">
            <v>他</v>
          </cell>
          <cell r="BO81">
            <v>29</v>
          </cell>
          <cell r="BS81">
            <v>7196200</v>
          </cell>
          <cell r="BT81">
            <v>6540000</v>
          </cell>
          <cell r="BU81" t="str">
            <v/>
          </cell>
          <cell r="BV81" t="str">
            <v/>
          </cell>
          <cell r="CD81" t="str">
            <v/>
          </cell>
          <cell r="CH81">
            <v>-31</v>
          </cell>
          <cell r="CI81">
            <v>43983</v>
          </cell>
          <cell r="CP81">
            <v>70815</v>
          </cell>
          <cell r="CW81" t="str">
            <v/>
          </cell>
          <cell r="CX81" t="str">
            <v/>
          </cell>
          <cell r="CY81" t="str">
            <v/>
          </cell>
          <cell r="CZ81" t="str">
            <v/>
          </cell>
          <cell r="DA81">
            <v>43990</v>
          </cell>
          <cell r="DB81">
            <v>43993</v>
          </cell>
          <cell r="DD81" t="str">
            <v/>
          </cell>
          <cell r="DL81">
            <v>10560</v>
          </cell>
          <cell r="DM81">
            <v>11358</v>
          </cell>
          <cell r="DN81">
            <v>10081</v>
          </cell>
          <cell r="DO81">
            <v>12501</v>
          </cell>
          <cell r="DP81">
            <v>12459</v>
          </cell>
          <cell r="DQ81">
            <v>12606</v>
          </cell>
          <cell r="DR81">
            <v>12565</v>
          </cell>
          <cell r="DS81">
            <v>12614</v>
          </cell>
          <cell r="DT81">
            <v>11976</v>
          </cell>
          <cell r="DU81">
            <v>12091</v>
          </cell>
          <cell r="EZ81">
            <v>10</v>
          </cell>
          <cell r="FA81">
            <v>8</v>
          </cell>
          <cell r="FI81">
            <v>5</v>
          </cell>
          <cell r="FJ81" t="str">
            <v>指名競争入札（簡易認証）</v>
          </cell>
          <cell r="FN81">
            <v>4</v>
          </cell>
          <cell r="FO81" t="str">
            <v>電子入札</v>
          </cell>
          <cell r="FS81">
            <v>5</v>
          </cell>
          <cell r="FT81" t="str">
            <v/>
          </cell>
          <cell r="FU81" t="str">
            <v/>
          </cell>
          <cell r="FW81" t="str">
            <v/>
          </cell>
          <cell r="FY81" t="str">
            <v/>
          </cell>
          <cell r="GC81">
            <v>1</v>
          </cell>
          <cell r="GD81">
            <v>1</v>
          </cell>
          <cell r="GE81" t="str">
            <v>契約・検査課長　松本　嘉博</v>
          </cell>
          <cell r="GF81">
            <v>11976</v>
          </cell>
          <cell r="GG81" t="str">
            <v>(株)コンパスサービス</v>
          </cell>
          <cell r="GH81">
            <v>5324000</v>
          </cell>
          <cell r="GI81">
            <v>484000</v>
          </cell>
          <cell r="GJ81">
            <v>533000</v>
          </cell>
          <cell r="GL81" t="str">
            <v>公園施設製品整備士(第2130029号)</v>
          </cell>
          <cell r="GM81" t="str">
            <v>本名　一雄</v>
          </cell>
          <cell r="GN81" t="str">
            <v>公園施設製品安全管理士(1110020号)</v>
          </cell>
          <cell r="GO81" t="str">
            <v>西海　大介</v>
          </cell>
          <cell r="GT81" t="str">
            <v/>
          </cell>
          <cell r="GW81" t="str">
            <v/>
          </cell>
          <cell r="GX81">
            <v>44069</v>
          </cell>
          <cell r="GY81">
            <v>7268800</v>
          </cell>
          <cell r="GZ81">
            <v>5376800</v>
          </cell>
          <cell r="HN81" t="str">
            <v>公園の遊具整備及び破損による数量の変更のため。</v>
          </cell>
          <cell r="HO81">
            <v>1</v>
          </cell>
          <cell r="HP81" t="str">
            <v>-</v>
          </cell>
          <cell r="HQ81">
            <v>5950000</v>
          </cell>
          <cell r="HR81">
            <v>6000000</v>
          </cell>
          <cell r="HS81" t="str">
            <v>-</v>
          </cell>
          <cell r="HT81">
            <v>6468000</v>
          </cell>
          <cell r="HU81">
            <v>5880000</v>
          </cell>
          <cell r="HV81">
            <v>6500000</v>
          </cell>
          <cell r="HW81" t="str">
            <v>-</v>
          </cell>
          <cell r="HX81">
            <v>4840000</v>
          </cell>
          <cell r="HY81">
            <v>5120000</v>
          </cell>
          <cell r="JD81" t="str">
            <v/>
          </cell>
          <cell r="JE81" t="str">
            <v/>
          </cell>
          <cell r="JF81" t="str">
            <v/>
          </cell>
          <cell r="JG81" t="str">
            <v/>
          </cell>
          <cell r="JH81" t="str">
            <v/>
          </cell>
          <cell r="JI81" t="str">
            <v/>
          </cell>
          <cell r="JJ81" t="str">
            <v/>
          </cell>
          <cell r="JK81" t="str">
            <v/>
          </cell>
          <cell r="JL81" t="str">
            <v/>
          </cell>
          <cell r="JM81" t="str">
            <v/>
          </cell>
          <cell r="JN81" t="str">
            <v/>
          </cell>
          <cell r="JO81" t="str">
            <v/>
          </cell>
          <cell r="JP81" t="str">
            <v/>
          </cell>
          <cell r="JQ81" t="str">
            <v/>
          </cell>
          <cell r="JR81" t="str">
            <v/>
          </cell>
          <cell r="JS81" t="str">
            <v/>
          </cell>
          <cell r="JT81" t="str">
            <v/>
          </cell>
          <cell r="JU81" t="str">
            <v/>
          </cell>
          <cell r="JV81" t="str">
            <v/>
          </cell>
          <cell r="JW81" t="str">
            <v/>
          </cell>
          <cell r="JX81">
            <v>29</v>
          </cell>
          <cell r="JY81">
            <v>28</v>
          </cell>
          <cell r="JZ81">
            <v>0.74006116207951067</v>
          </cell>
        </row>
        <row r="82">
          <cell r="C82" t="str">
            <v/>
          </cell>
          <cell r="D82" t="str">
            <v/>
          </cell>
          <cell r="E82" t="str">
            <v/>
          </cell>
          <cell r="I82">
            <v>74</v>
          </cell>
          <cell r="M82" t="str">
            <v>令和２年度市道平松６２６３号線歩道設計委託業務</v>
          </cell>
          <cell r="Q82" t="str">
            <v>6263号線設計</v>
          </cell>
          <cell r="Y82">
            <v>1</v>
          </cell>
          <cell r="AC82">
            <v>8</v>
          </cell>
          <cell r="AD82">
            <v>12</v>
          </cell>
          <cell r="AI82" t="str">
            <v>伊丹市南町２丁目地内</v>
          </cell>
          <cell r="AM82" t="str">
            <v xml:space="preserve">① 測量業務
・路線測量　0.04㎞
・現地測量　一式
② 設計業務
・打ち合わせ　一式
・歩道詳細設計　0.02㎞
</v>
          </cell>
          <cell r="AQ82">
            <v>1</v>
          </cell>
          <cell r="AY82">
            <v>44012</v>
          </cell>
          <cell r="AZ82">
            <v>44014</v>
          </cell>
          <cell r="BA82">
            <v>30</v>
          </cell>
          <cell r="BB82">
            <v>44043</v>
          </cell>
          <cell r="BC82">
            <v>12</v>
          </cell>
          <cell r="BD82" t="str">
            <v>○</v>
          </cell>
          <cell r="BE82" t="str">
            <v/>
          </cell>
          <cell r="BF82">
            <v>0.58402777777777781</v>
          </cell>
          <cell r="BG82">
            <v>6870</v>
          </cell>
          <cell r="BH82" t="str">
            <v>井上  亮</v>
          </cell>
          <cell r="BI82" t="str">
            <v>道路建設課</v>
          </cell>
          <cell r="BJ82">
            <v>3019</v>
          </cell>
          <cell r="BN82" t="str">
            <v>土設</v>
          </cell>
          <cell r="BO82">
            <v>4</v>
          </cell>
          <cell r="BS82">
            <v>2294600</v>
          </cell>
          <cell r="BT82">
            <v>2080000</v>
          </cell>
          <cell r="BU82" t="str">
            <v/>
          </cell>
          <cell r="BV82" t="str">
            <v/>
          </cell>
          <cell r="CD82" t="str">
            <v/>
          </cell>
          <cell r="CH82">
            <v>46</v>
          </cell>
          <cell r="CI82">
            <v>43993</v>
          </cell>
          <cell r="CK82" t="str">
            <v>兵庫県内に本店又は支店</v>
          </cell>
          <cell r="CP82">
            <v>94364</v>
          </cell>
          <cell r="CW82">
            <v>44005</v>
          </cell>
          <cell r="CX82" t="str">
            <v/>
          </cell>
          <cell r="CY82" t="str">
            <v/>
          </cell>
          <cell r="CZ82" t="str">
            <v/>
          </cell>
          <cell r="DA82">
            <v>44000</v>
          </cell>
          <cell r="DB82">
            <v>44007</v>
          </cell>
          <cell r="DC82">
            <v>42</v>
          </cell>
          <cell r="DD82" t="str">
            <v/>
          </cell>
          <cell r="DL82">
            <v>6177</v>
          </cell>
          <cell r="DM82">
            <v>6167</v>
          </cell>
          <cell r="DN82">
            <v>6384</v>
          </cell>
          <cell r="DO82">
            <v>5368</v>
          </cell>
          <cell r="DP82">
            <v>6302</v>
          </cell>
          <cell r="DQ82">
            <v>5428</v>
          </cell>
          <cell r="EZ82">
            <v>6</v>
          </cell>
          <cell r="FA82">
            <v>6</v>
          </cell>
          <cell r="FI82">
            <v>4</v>
          </cell>
          <cell r="FJ82" t="str">
            <v>事後審査型一般競争入札</v>
          </cell>
          <cell r="FN82">
            <v>4</v>
          </cell>
          <cell r="FO82" t="str">
            <v>電子入札</v>
          </cell>
          <cell r="FS82">
            <v>2</v>
          </cell>
          <cell r="FT82" t="str">
            <v/>
          </cell>
          <cell r="FU82" t="str">
            <v/>
          </cell>
          <cell r="FW82" t="str">
            <v/>
          </cell>
          <cell r="FY82" t="str">
            <v/>
          </cell>
          <cell r="GD82">
            <v>1</v>
          </cell>
          <cell r="GE82" t="str">
            <v>契約・検査課長　松本　嘉博</v>
          </cell>
          <cell r="GF82">
            <v>6177</v>
          </cell>
          <cell r="GG82" t="str">
            <v>(株)バンス</v>
          </cell>
          <cell r="GH82">
            <v>1386000</v>
          </cell>
          <cell r="GI82">
            <v>126000</v>
          </cell>
          <cell r="GJ82" t="str">
            <v/>
          </cell>
          <cell r="GL82" t="str">
            <v>測量士S56-4304号,1級土木施工管理技士NO.5711097,土地区画整理士860097,一級建築士第236545号,補償業務管理士(物件部門)H17-Ⅱ-6-第733号,1級管工事施工管理技士P081003463,RCCM道路部門第13-2040139号,地籍調査監理技術者14-033</v>
          </cell>
          <cell r="GM82" t="str">
            <v>佐藤　安男（監理技術者）</v>
          </cell>
          <cell r="GN82" t="str">
            <v>技術士（建設部門）第36848号</v>
          </cell>
          <cell r="GO82" t="str">
            <v>倉原　良民（照査技術者）</v>
          </cell>
          <cell r="GT82" t="str">
            <v/>
          </cell>
          <cell r="GW82" t="str">
            <v/>
          </cell>
          <cell r="HO82" t="str">
            <v/>
          </cell>
          <cell r="HP82">
            <v>1260000</v>
          </cell>
          <cell r="HQ82">
            <v>1590000</v>
          </cell>
          <cell r="HR82">
            <v>1800000</v>
          </cell>
          <cell r="HS82">
            <v>2050000</v>
          </cell>
          <cell r="HT82">
            <v>2080000</v>
          </cell>
          <cell r="HU82" t="str">
            <v>-</v>
          </cell>
          <cell r="JD82" t="str">
            <v/>
          </cell>
          <cell r="JE82" t="str">
            <v/>
          </cell>
          <cell r="JF82" t="str">
            <v/>
          </cell>
          <cell r="JG82" t="str">
            <v/>
          </cell>
          <cell r="JH82" t="str">
            <v/>
          </cell>
          <cell r="JI82" t="str">
            <v/>
          </cell>
          <cell r="JJ82" t="str">
            <v/>
          </cell>
          <cell r="JK82" t="str">
            <v/>
          </cell>
          <cell r="JL82" t="str">
            <v/>
          </cell>
          <cell r="JM82" t="str">
            <v/>
          </cell>
          <cell r="JN82" t="str">
            <v/>
          </cell>
          <cell r="JO82" t="str">
            <v/>
          </cell>
          <cell r="JP82" t="str">
            <v/>
          </cell>
          <cell r="JQ82" t="str">
            <v/>
          </cell>
          <cell r="JR82" t="str">
            <v/>
          </cell>
          <cell r="JS82" t="str">
            <v/>
          </cell>
          <cell r="JT82" t="str">
            <v/>
          </cell>
          <cell r="JU82" t="str">
            <v/>
          </cell>
          <cell r="JV82">
            <v>4</v>
          </cell>
          <cell r="JW82">
            <v>4</v>
          </cell>
          <cell r="JX82" t="str">
            <v/>
          </cell>
          <cell r="JY82" t="str">
            <v/>
          </cell>
          <cell r="JZ82">
            <v>0.60576923076923073</v>
          </cell>
        </row>
        <row r="83">
          <cell r="C83" t="str">
            <v/>
          </cell>
          <cell r="D83" t="str">
            <v/>
          </cell>
          <cell r="E83" t="str">
            <v/>
          </cell>
          <cell r="I83">
            <v>75</v>
          </cell>
          <cell r="M83" t="str">
            <v>令和２年度市道野間北５３１０号線ほか舗装補修工事</v>
          </cell>
          <cell r="Q83" t="str">
            <v>５３１０舗装</v>
          </cell>
          <cell r="Y83">
            <v>1</v>
          </cell>
          <cell r="AC83">
            <v>3</v>
          </cell>
          <cell r="AI83" t="str">
            <v>伊丹市野間北３丁目ほか地内</v>
          </cell>
          <cell r="AM83" t="str">
            <v>施工延長L=444.5m
舗装工
　舗装版切断L=99m　舗装版破砕A=2,780㎡　不陸整正A=2,780㎡
　表層（プライムコート）A=2,780㎡　カラー舗装工A=1㎡
区画線工一式</v>
          </cell>
          <cell r="AQ83">
            <v>2</v>
          </cell>
          <cell r="AY83">
            <v>44001</v>
          </cell>
          <cell r="AZ83">
            <v>44006</v>
          </cell>
          <cell r="BA83">
            <v>129</v>
          </cell>
          <cell r="BB83">
            <v>44134</v>
          </cell>
          <cell r="BC83">
            <v>12</v>
          </cell>
          <cell r="BD83" t="str">
            <v>○</v>
          </cell>
          <cell r="BE83" t="str">
            <v>○</v>
          </cell>
          <cell r="BF83">
            <v>0.41736111111111113</v>
          </cell>
          <cell r="BG83">
            <v>7575</v>
          </cell>
          <cell r="BH83" t="str">
            <v>中村　敏幸</v>
          </cell>
          <cell r="BI83" t="str">
            <v>道路保全課</v>
          </cell>
          <cell r="BJ83">
            <v>4659</v>
          </cell>
          <cell r="BN83" t="str">
            <v>土</v>
          </cell>
          <cell r="BO83">
            <v>4</v>
          </cell>
          <cell r="BS83">
            <v>14798300</v>
          </cell>
          <cell r="BT83">
            <v>13450000</v>
          </cell>
          <cell r="BU83">
            <v>1</v>
          </cell>
          <cell r="BV83">
            <v>11750000</v>
          </cell>
          <cell r="BW83">
            <v>6281000</v>
          </cell>
          <cell r="BX83">
            <v>1407000</v>
          </cell>
          <cell r="BY83">
            <v>3506000</v>
          </cell>
          <cell r="BZ83">
            <v>2259000</v>
          </cell>
          <cell r="CD83" t="str">
            <v/>
          </cell>
          <cell r="CH83">
            <v>38</v>
          </cell>
          <cell r="CI83">
            <v>43984</v>
          </cell>
          <cell r="CJ83" t="str">
            <v>一般</v>
          </cell>
          <cell r="CK83" t="str">
            <v>伊丹市内に本店</v>
          </cell>
          <cell r="CL83" t="str">
            <v>400点以上</v>
          </cell>
          <cell r="CP83">
            <v>95392</v>
          </cell>
          <cell r="CT83" t="str">
            <v>請負金額が300万円以上</v>
          </cell>
          <cell r="CW83">
            <v>43992</v>
          </cell>
          <cell r="CX83" t="str">
            <v/>
          </cell>
          <cell r="CY83" t="str">
            <v/>
          </cell>
          <cell r="CZ83" t="str">
            <v/>
          </cell>
          <cell r="DA83">
            <v>43994</v>
          </cell>
          <cell r="DB83">
            <v>43998</v>
          </cell>
          <cell r="DC83">
            <v>18</v>
          </cell>
          <cell r="DD83" t="str">
            <v>○</v>
          </cell>
          <cell r="DL83">
            <v>16</v>
          </cell>
          <cell r="DM83">
            <v>26</v>
          </cell>
          <cell r="DN83">
            <v>95</v>
          </cell>
          <cell r="DO83">
            <v>155</v>
          </cell>
          <cell r="DP83">
            <v>170</v>
          </cell>
          <cell r="DQ83">
            <v>261</v>
          </cell>
          <cell r="DR83">
            <v>527</v>
          </cell>
          <cell r="DS83">
            <v>541</v>
          </cell>
          <cell r="DT83">
            <v>235</v>
          </cell>
          <cell r="DU83">
            <v>306</v>
          </cell>
          <cell r="EZ83">
            <v>10</v>
          </cell>
          <cell r="FA83">
            <v>8</v>
          </cell>
          <cell r="FI83">
            <v>4</v>
          </cell>
          <cell r="FJ83" t="str">
            <v>事後審査型一般競争入札</v>
          </cell>
          <cell r="FN83">
            <v>4</v>
          </cell>
          <cell r="FO83" t="str">
            <v>電子入札</v>
          </cell>
          <cell r="FS83">
            <v>1</v>
          </cell>
          <cell r="FT83" t="str">
            <v/>
          </cell>
          <cell r="FU83" t="str">
            <v/>
          </cell>
          <cell r="FW83" t="str">
            <v/>
          </cell>
          <cell r="FY83" t="str">
            <v/>
          </cell>
          <cell r="GB83">
            <v>1</v>
          </cell>
          <cell r="GD83">
            <v>1</v>
          </cell>
          <cell r="GE83" t="str">
            <v>契約・検査課長　松本　嘉博</v>
          </cell>
          <cell r="GF83">
            <v>16</v>
          </cell>
          <cell r="GG83" t="str">
            <v>(株)新日本建設</v>
          </cell>
          <cell r="GH83">
            <v>12925000</v>
          </cell>
          <cell r="GI83">
            <v>1175000</v>
          </cell>
          <cell r="GJ83">
            <v>1293000</v>
          </cell>
          <cell r="GM83" t="str">
            <v>今村　正一</v>
          </cell>
          <cell r="GO83" t="str">
            <v>今村　正一</v>
          </cell>
          <cell r="GT83" t="str">
            <v/>
          </cell>
          <cell r="GW83" t="str">
            <v/>
          </cell>
          <cell r="GX83">
            <v>44132</v>
          </cell>
          <cell r="GY83">
            <v>15612300</v>
          </cell>
          <cell r="GZ83">
            <v>13635600</v>
          </cell>
          <cell r="HN83" t="str">
            <v>現地精査による精算変更</v>
          </cell>
          <cell r="HO83">
            <v>1</v>
          </cell>
          <cell r="HP83">
            <v>11750000</v>
          </cell>
          <cell r="HQ83">
            <v>11750000</v>
          </cell>
          <cell r="HR83">
            <v>11750000</v>
          </cell>
          <cell r="HS83">
            <v>11750000</v>
          </cell>
          <cell r="HT83">
            <v>11750000</v>
          </cell>
          <cell r="HU83">
            <v>11750000</v>
          </cell>
          <cell r="HV83">
            <v>11750000</v>
          </cell>
          <cell r="HW83">
            <v>11750000</v>
          </cell>
          <cell r="HX83">
            <v>11310000</v>
          </cell>
          <cell r="HY83" t="str">
            <v>-</v>
          </cell>
          <cell r="JD83">
            <v>4</v>
          </cell>
          <cell r="JE83">
            <v>4</v>
          </cell>
          <cell r="JF83" t="str">
            <v/>
          </cell>
          <cell r="JG83" t="str">
            <v/>
          </cell>
          <cell r="JH83" t="str">
            <v/>
          </cell>
          <cell r="JI83" t="str">
            <v/>
          </cell>
          <cell r="JJ83" t="str">
            <v/>
          </cell>
          <cell r="JK83" t="str">
            <v/>
          </cell>
          <cell r="JL83" t="str">
            <v/>
          </cell>
          <cell r="JM83" t="str">
            <v/>
          </cell>
          <cell r="JN83" t="str">
            <v/>
          </cell>
          <cell r="JO83" t="str">
            <v/>
          </cell>
          <cell r="JP83" t="str">
            <v/>
          </cell>
          <cell r="JQ83" t="str">
            <v/>
          </cell>
          <cell r="JR83" t="str">
            <v/>
          </cell>
          <cell r="JS83" t="str">
            <v/>
          </cell>
          <cell r="JT83" t="str">
            <v/>
          </cell>
          <cell r="JU83" t="str">
            <v/>
          </cell>
          <cell r="JV83" t="str">
            <v/>
          </cell>
          <cell r="JW83" t="str">
            <v/>
          </cell>
          <cell r="JX83" t="str">
            <v/>
          </cell>
          <cell r="JY83" t="str">
            <v/>
          </cell>
          <cell r="JZ83">
            <v>0.87360594795539015</v>
          </cell>
        </row>
        <row r="84">
          <cell r="C84" t="str">
            <v/>
          </cell>
          <cell r="D84" t="str">
            <v/>
          </cell>
          <cell r="E84" t="str">
            <v/>
          </cell>
          <cell r="I84">
            <v>76</v>
          </cell>
          <cell r="M84" t="str">
            <v>令和２年度市道宝塚池田線ほか舗装補修工事</v>
          </cell>
          <cell r="Q84" t="str">
            <v>宝塚池田舗装</v>
          </cell>
          <cell r="Y84">
            <v>1</v>
          </cell>
          <cell r="AC84">
            <v>3</v>
          </cell>
          <cell r="AI84" t="str">
            <v>伊丹市西野３丁目ほか地内</v>
          </cell>
          <cell r="AM84" t="str">
            <v>施工延長L=304.3m
舗装工
　舗装版切断L=360m　舗装版切断(夜間)L=100m　舗装版破砕A=1,630㎡
　路面切削(夜間)A=550㎡　不陸整正A=1,630㎡　不陸整正(夜間)A=15㎡
　表層(プライムコート)A=1,630㎡　表層(プライムコート)(夜間)A=15㎡
　表層(タックコート)(夜間)A=550㎡　区画線工一式</v>
          </cell>
          <cell r="AQ84">
            <v>2</v>
          </cell>
          <cell r="AY84">
            <v>44001</v>
          </cell>
          <cell r="AZ84">
            <v>44006</v>
          </cell>
          <cell r="BA84">
            <v>129</v>
          </cell>
          <cell r="BB84">
            <v>44134</v>
          </cell>
          <cell r="BC84">
            <v>12</v>
          </cell>
          <cell r="BD84" t="str">
            <v>○</v>
          </cell>
          <cell r="BE84" t="str">
            <v>○</v>
          </cell>
          <cell r="BF84">
            <v>0.41805555555555557</v>
          </cell>
          <cell r="BG84">
            <v>7795</v>
          </cell>
          <cell r="BH84" t="str">
            <v>野口　聖矢</v>
          </cell>
          <cell r="BI84" t="str">
            <v>道路保全課</v>
          </cell>
          <cell r="BJ84">
            <v>4844</v>
          </cell>
          <cell r="BN84" t="str">
            <v>土</v>
          </cell>
          <cell r="BO84">
            <v>5</v>
          </cell>
          <cell r="BS84">
            <v>14641000</v>
          </cell>
          <cell r="BT84">
            <v>13310000</v>
          </cell>
          <cell r="BU84">
            <v>1</v>
          </cell>
          <cell r="BV84">
            <v>11600000</v>
          </cell>
          <cell r="BW84">
            <v>5932000</v>
          </cell>
          <cell r="BX84">
            <v>1620000</v>
          </cell>
          <cell r="BY84">
            <v>3502000</v>
          </cell>
          <cell r="BZ84">
            <v>2256000</v>
          </cell>
          <cell r="CD84" t="str">
            <v/>
          </cell>
          <cell r="CH84">
            <v>39</v>
          </cell>
          <cell r="CI84">
            <v>43984</v>
          </cell>
          <cell r="CJ84" t="str">
            <v>一般</v>
          </cell>
          <cell r="CK84" t="str">
            <v>伊丹市内に本店</v>
          </cell>
          <cell r="CL84" t="str">
            <v>400点以上</v>
          </cell>
          <cell r="CP84">
            <v>25040</v>
          </cell>
          <cell r="CT84" t="str">
            <v>請負金額が300万円以上</v>
          </cell>
          <cell r="CW84">
            <v>43992</v>
          </cell>
          <cell r="CX84" t="str">
            <v/>
          </cell>
          <cell r="CY84" t="str">
            <v/>
          </cell>
          <cell r="CZ84" t="str">
            <v/>
          </cell>
          <cell r="DA84">
            <v>43994</v>
          </cell>
          <cell r="DB84">
            <v>43998</v>
          </cell>
          <cell r="DC84">
            <v>18</v>
          </cell>
          <cell r="DD84" t="str">
            <v>○</v>
          </cell>
          <cell r="DL84">
            <v>16</v>
          </cell>
          <cell r="DM84">
            <v>527</v>
          </cell>
          <cell r="DN84">
            <v>155</v>
          </cell>
          <cell r="DO84">
            <v>541</v>
          </cell>
          <cell r="DP84">
            <v>261</v>
          </cell>
          <cell r="DQ84">
            <v>95</v>
          </cell>
          <cell r="DR84">
            <v>235</v>
          </cell>
          <cell r="DS84">
            <v>26</v>
          </cell>
          <cell r="DT84">
            <v>306</v>
          </cell>
          <cell r="EZ84">
            <v>9</v>
          </cell>
          <cell r="FA84">
            <v>8</v>
          </cell>
          <cell r="FI84">
            <v>4</v>
          </cell>
          <cell r="FJ84" t="str">
            <v>事後審査型一般競争入札</v>
          </cell>
          <cell r="FN84">
            <v>4</v>
          </cell>
          <cell r="FO84" t="str">
            <v>電子入札</v>
          </cell>
          <cell r="FS84">
            <v>1</v>
          </cell>
          <cell r="FT84" t="str">
            <v/>
          </cell>
          <cell r="FU84" t="str">
            <v/>
          </cell>
          <cell r="FW84" t="str">
            <v/>
          </cell>
          <cell r="FY84" t="str">
            <v/>
          </cell>
          <cell r="GC84">
            <v>1</v>
          </cell>
          <cell r="GD84">
            <v>1</v>
          </cell>
          <cell r="GE84" t="str">
            <v>契約・検査課長　松本　嘉博</v>
          </cell>
          <cell r="GF84">
            <v>527</v>
          </cell>
          <cell r="GG84" t="str">
            <v>(株)マエダコンストラクション</v>
          </cell>
          <cell r="GH84">
            <v>12771000</v>
          </cell>
          <cell r="GI84">
            <v>1161000</v>
          </cell>
          <cell r="GJ84">
            <v>1278000</v>
          </cell>
          <cell r="GM84" t="str">
            <v>中田　恭文←冨岡　信雄</v>
          </cell>
          <cell r="GN84" t="str">
            <v>1級土木施工</v>
          </cell>
          <cell r="GO84" t="str">
            <v>冨岡　信雄</v>
          </cell>
          <cell r="GT84" t="str">
            <v/>
          </cell>
          <cell r="GV84">
            <v>124000</v>
          </cell>
          <cell r="GW84">
            <v>9.7094980815911036</v>
          </cell>
          <cell r="GX84">
            <v>44130</v>
          </cell>
          <cell r="GY84">
            <v>16634200</v>
          </cell>
          <cell r="GZ84">
            <v>14509000</v>
          </cell>
          <cell r="HN84" t="str">
            <v>現地精査による精算変更</v>
          </cell>
          <cell r="HO84">
            <v>1</v>
          </cell>
          <cell r="HP84">
            <v>11610000</v>
          </cell>
          <cell r="HQ84">
            <v>11610000</v>
          </cell>
          <cell r="HR84">
            <v>11640000</v>
          </cell>
          <cell r="HS84">
            <v>11640000</v>
          </cell>
          <cell r="HT84">
            <v>11650000</v>
          </cell>
          <cell r="HU84">
            <v>12000000</v>
          </cell>
          <cell r="HV84">
            <v>11190000</v>
          </cell>
          <cell r="HW84" t="str">
            <v>-</v>
          </cell>
          <cell r="HX84" t="str">
            <v>-</v>
          </cell>
          <cell r="JD84">
            <v>5</v>
          </cell>
          <cell r="JE84">
            <v>5</v>
          </cell>
          <cell r="JF84" t="str">
            <v/>
          </cell>
          <cell r="JG84" t="str">
            <v/>
          </cell>
          <cell r="JH84" t="str">
            <v/>
          </cell>
          <cell r="JI84" t="str">
            <v/>
          </cell>
          <cell r="JJ84" t="str">
            <v/>
          </cell>
          <cell r="JK84" t="str">
            <v/>
          </cell>
          <cell r="JL84" t="str">
            <v/>
          </cell>
          <cell r="JM84" t="str">
            <v/>
          </cell>
          <cell r="JN84" t="str">
            <v/>
          </cell>
          <cell r="JO84" t="str">
            <v/>
          </cell>
          <cell r="JP84" t="str">
            <v/>
          </cell>
          <cell r="JQ84" t="str">
            <v/>
          </cell>
          <cell r="JR84" t="str">
            <v/>
          </cell>
          <cell r="JS84" t="str">
            <v/>
          </cell>
          <cell r="JT84" t="str">
            <v/>
          </cell>
          <cell r="JU84" t="str">
            <v/>
          </cell>
          <cell r="JV84" t="str">
            <v/>
          </cell>
          <cell r="JW84" t="str">
            <v/>
          </cell>
          <cell r="JX84" t="str">
            <v/>
          </cell>
          <cell r="JY84" t="str">
            <v/>
          </cell>
          <cell r="JZ84">
            <v>0.87227648384673162</v>
          </cell>
        </row>
        <row r="85">
          <cell r="C85" t="str">
            <v/>
          </cell>
          <cell r="D85" t="str">
            <v/>
          </cell>
          <cell r="E85" t="str">
            <v/>
          </cell>
          <cell r="I85">
            <v>77</v>
          </cell>
          <cell r="M85" t="str">
            <v>令和２年度市道荻野１２７９号線ほか舗装補修工事</v>
          </cell>
          <cell r="Q85" t="str">
            <v>１２７９舗装</v>
          </cell>
          <cell r="Y85">
            <v>1</v>
          </cell>
          <cell r="AC85">
            <v>3</v>
          </cell>
          <cell r="AI85" t="str">
            <v>伊丹市荒牧６丁目ほか地内</v>
          </cell>
          <cell r="AM85" t="str">
            <v>施工延長L=767m
　荻野1279号線L=91m　荻野1280号線L=105m　荒牧鴻池1053号線L=571m
舗装工
　舗装版切断(As)L=58m　舗装版破砕A=2,720㎡
　表層(プライムコート)3m超A=1,420㎡　1.4m以上3.0m未満A=1,300㎡
　表層(タックコート)1.4m未満A=5㎡　不陸整正A=2,720m2
構造物撤去工一式
交通管理工一式</v>
          </cell>
          <cell r="AQ85">
            <v>2</v>
          </cell>
          <cell r="AY85">
            <v>44001</v>
          </cell>
          <cell r="AZ85">
            <v>44006</v>
          </cell>
          <cell r="BA85">
            <v>129</v>
          </cell>
          <cell r="BB85">
            <v>44134</v>
          </cell>
          <cell r="BC85">
            <v>12</v>
          </cell>
          <cell r="BD85" t="str">
            <v>○</v>
          </cell>
          <cell r="BE85" t="str">
            <v>○</v>
          </cell>
          <cell r="BF85">
            <v>0.41875000000000001</v>
          </cell>
          <cell r="BG85">
            <v>6996</v>
          </cell>
          <cell r="BH85" t="str">
            <v>三宅  貴章</v>
          </cell>
          <cell r="BI85" t="str">
            <v xml:space="preserve">道路保全課 </v>
          </cell>
          <cell r="BJ85">
            <v>4507</v>
          </cell>
          <cell r="BN85" t="str">
            <v>土</v>
          </cell>
          <cell r="BO85">
            <v>6</v>
          </cell>
          <cell r="BS85">
            <v>14533200</v>
          </cell>
          <cell r="BT85">
            <v>13210000</v>
          </cell>
          <cell r="BU85">
            <v>1</v>
          </cell>
          <cell r="BV85">
            <v>11540000</v>
          </cell>
          <cell r="BW85">
            <v>6159000</v>
          </cell>
          <cell r="BX85">
            <v>1380000</v>
          </cell>
          <cell r="BY85">
            <v>3451000</v>
          </cell>
          <cell r="BZ85">
            <v>2222000</v>
          </cell>
          <cell r="CD85" t="str">
            <v/>
          </cell>
          <cell r="CH85">
            <v>40</v>
          </cell>
          <cell r="CI85">
            <v>43984</v>
          </cell>
          <cell r="CJ85" t="str">
            <v>一般</v>
          </cell>
          <cell r="CK85" t="str">
            <v>伊丹市内に本店</v>
          </cell>
          <cell r="CL85" t="str">
            <v>400点以上</v>
          </cell>
          <cell r="CP85">
            <v>62680</v>
          </cell>
          <cell r="CT85" t="str">
            <v>請負金額が300万円以上</v>
          </cell>
          <cell r="CW85">
            <v>43992</v>
          </cell>
          <cell r="CX85" t="str">
            <v/>
          </cell>
          <cell r="CY85" t="str">
            <v/>
          </cell>
          <cell r="CZ85" t="str">
            <v/>
          </cell>
          <cell r="DA85">
            <v>43994</v>
          </cell>
          <cell r="DB85">
            <v>43998</v>
          </cell>
          <cell r="DC85">
            <v>18</v>
          </cell>
          <cell r="DD85" t="str">
            <v>○</v>
          </cell>
          <cell r="DL85">
            <v>16</v>
          </cell>
          <cell r="DM85">
            <v>26</v>
          </cell>
          <cell r="DN85">
            <v>95</v>
          </cell>
          <cell r="DO85">
            <v>155</v>
          </cell>
          <cell r="DP85">
            <v>170</v>
          </cell>
          <cell r="DQ85">
            <v>261</v>
          </cell>
          <cell r="DR85">
            <v>527</v>
          </cell>
          <cell r="DS85">
            <v>541</v>
          </cell>
          <cell r="DT85">
            <v>235</v>
          </cell>
          <cell r="DU85">
            <v>306</v>
          </cell>
          <cell r="EZ85">
            <v>10</v>
          </cell>
          <cell r="FA85">
            <v>8</v>
          </cell>
          <cell r="FI85">
            <v>4</v>
          </cell>
          <cell r="FJ85" t="str">
            <v>事後審査型一般競争入札</v>
          </cell>
          <cell r="FN85">
            <v>4</v>
          </cell>
          <cell r="FO85" t="str">
            <v>電子入札</v>
          </cell>
          <cell r="FS85">
            <v>1</v>
          </cell>
          <cell r="FT85" t="str">
            <v/>
          </cell>
          <cell r="FU85" t="str">
            <v/>
          </cell>
          <cell r="FW85" t="str">
            <v/>
          </cell>
          <cell r="FY85" t="str">
            <v/>
          </cell>
          <cell r="GB85">
            <v>1</v>
          </cell>
          <cell r="GD85">
            <v>1</v>
          </cell>
          <cell r="GE85" t="str">
            <v>契約・検査課長　松本　嘉博</v>
          </cell>
          <cell r="GF85">
            <v>16</v>
          </cell>
          <cell r="GG85" t="str">
            <v>(株)新日本建設</v>
          </cell>
          <cell r="GH85">
            <v>12694000</v>
          </cell>
          <cell r="GI85">
            <v>1154000</v>
          </cell>
          <cell r="GJ85">
            <v>1270000</v>
          </cell>
          <cell r="GM85" t="str">
            <v>大野　大介</v>
          </cell>
          <cell r="GO85" t="str">
            <v>大野　大介</v>
          </cell>
          <cell r="GT85" t="str">
            <v/>
          </cell>
          <cell r="GW85" t="str">
            <v/>
          </cell>
          <cell r="GX85">
            <v>44085</v>
          </cell>
          <cell r="HA85">
            <v>44183</v>
          </cell>
          <cell r="HB85">
            <v>44172</v>
          </cell>
          <cell r="HC85">
            <v>15219600</v>
          </cell>
          <cell r="HD85">
            <v>13293500</v>
          </cell>
          <cell r="HN85" t="str">
            <v>現地精査による数量増加の為</v>
          </cell>
          <cell r="HO85">
            <v>2</v>
          </cell>
          <cell r="HP85">
            <v>11540000</v>
          </cell>
          <cell r="HQ85">
            <v>11540000</v>
          </cell>
          <cell r="HR85">
            <v>11540000</v>
          </cell>
          <cell r="HS85">
            <v>11540000</v>
          </cell>
          <cell r="HT85">
            <v>11540000</v>
          </cell>
          <cell r="HU85">
            <v>11540000</v>
          </cell>
          <cell r="HV85">
            <v>11540000</v>
          </cell>
          <cell r="HW85">
            <v>11540000</v>
          </cell>
          <cell r="HX85">
            <v>11110000</v>
          </cell>
          <cell r="HY85" t="str">
            <v>-</v>
          </cell>
          <cell r="JD85">
            <v>6</v>
          </cell>
          <cell r="JE85">
            <v>6</v>
          </cell>
          <cell r="JF85" t="str">
            <v/>
          </cell>
          <cell r="JG85" t="str">
            <v/>
          </cell>
          <cell r="JH85" t="str">
            <v/>
          </cell>
          <cell r="JI85" t="str">
            <v/>
          </cell>
          <cell r="JJ85" t="str">
            <v/>
          </cell>
          <cell r="JK85" t="str">
            <v/>
          </cell>
          <cell r="JL85" t="str">
            <v/>
          </cell>
          <cell r="JM85" t="str">
            <v/>
          </cell>
          <cell r="JN85" t="str">
            <v/>
          </cell>
          <cell r="JO85" t="str">
            <v/>
          </cell>
          <cell r="JP85" t="str">
            <v/>
          </cell>
          <cell r="JQ85" t="str">
            <v/>
          </cell>
          <cell r="JR85" t="str">
            <v/>
          </cell>
          <cell r="JS85" t="str">
            <v/>
          </cell>
          <cell r="JT85" t="str">
            <v/>
          </cell>
          <cell r="JU85" t="str">
            <v/>
          </cell>
          <cell r="JV85" t="str">
            <v/>
          </cell>
          <cell r="JW85" t="str">
            <v/>
          </cell>
          <cell r="JX85" t="str">
            <v/>
          </cell>
          <cell r="JY85" t="str">
            <v/>
          </cell>
          <cell r="JZ85">
            <v>0.87358062074186205</v>
          </cell>
        </row>
        <row r="86">
          <cell r="C86" t="str">
            <v/>
          </cell>
          <cell r="D86" t="str">
            <v/>
          </cell>
          <cell r="E86" t="str">
            <v/>
          </cell>
          <cell r="I86">
            <v>78</v>
          </cell>
          <cell r="M86" t="str">
            <v>令和２年度伊丹市立北中学校体育館屋根塗装改修工事</v>
          </cell>
          <cell r="Q86" t="str">
            <v>北中体屋塗装</v>
          </cell>
          <cell r="Y86">
            <v>1</v>
          </cell>
          <cell r="AC86">
            <v>7</v>
          </cell>
          <cell r="AI86" t="str">
            <v>伊丹市清水４丁目３番１号</v>
          </cell>
          <cell r="AM86" t="str">
            <v>体育館棟屋根塗装改修一式
北校舎棟屋外階段塗装改修一式</v>
          </cell>
          <cell r="AQ86">
            <v>1</v>
          </cell>
          <cell r="AY86">
            <v>44013</v>
          </cell>
          <cell r="AZ86">
            <v>44018</v>
          </cell>
          <cell r="BA86">
            <v>72</v>
          </cell>
          <cell r="BB86">
            <v>44089</v>
          </cell>
          <cell r="BC86">
            <v>14</v>
          </cell>
          <cell r="BD86" t="str">
            <v>○</v>
          </cell>
          <cell r="BE86" t="str">
            <v>○</v>
          </cell>
          <cell r="BF86">
            <v>0.41875000000000001</v>
          </cell>
          <cell r="BG86">
            <v>6346</v>
          </cell>
          <cell r="BH86" t="str">
            <v>野中  聡</v>
          </cell>
          <cell r="BI86" t="str">
            <v>施設課</v>
          </cell>
          <cell r="BJ86">
            <v>4312</v>
          </cell>
          <cell r="BN86" t="str">
            <v>教</v>
          </cell>
          <cell r="BO86">
            <v>2</v>
          </cell>
          <cell r="BS86">
            <v>6886000</v>
          </cell>
          <cell r="BT86">
            <v>6260000</v>
          </cell>
          <cell r="BU86">
            <v>1</v>
          </cell>
          <cell r="BV86">
            <v>5620000</v>
          </cell>
          <cell r="BW86">
            <v>4405935</v>
          </cell>
          <cell r="BX86">
            <v>186811</v>
          </cell>
          <cell r="BY86">
            <v>752291</v>
          </cell>
          <cell r="BZ86">
            <v>914963</v>
          </cell>
          <cell r="CD86" t="str">
            <v/>
          </cell>
          <cell r="CH86">
            <v>41</v>
          </cell>
          <cell r="CI86">
            <v>43992</v>
          </cell>
          <cell r="CJ86" t="str">
            <v>一般</v>
          </cell>
          <cell r="CK86" t="str">
            <v>伊丹市内に本店</v>
          </cell>
          <cell r="CL86" t="str">
            <v>400点以上</v>
          </cell>
          <cell r="CP86">
            <v>44302</v>
          </cell>
          <cell r="CT86" t="str">
            <v>右記</v>
          </cell>
          <cell r="CU86" t="str">
            <v>塗装工事の施工実績を有すること。</v>
          </cell>
          <cell r="CW86">
            <v>44000</v>
          </cell>
          <cell r="CX86" t="str">
            <v/>
          </cell>
          <cell r="CY86" t="str">
            <v/>
          </cell>
          <cell r="CZ86" t="str">
            <v/>
          </cell>
          <cell r="DA86">
            <v>44004</v>
          </cell>
          <cell r="DB86">
            <v>44006</v>
          </cell>
          <cell r="DC86">
            <v>14</v>
          </cell>
          <cell r="DD86" t="str">
            <v>○</v>
          </cell>
          <cell r="DL86">
            <v>49</v>
          </cell>
          <cell r="DM86">
            <v>48</v>
          </cell>
          <cell r="DN86">
            <v>211</v>
          </cell>
          <cell r="EZ86">
            <v>3</v>
          </cell>
          <cell r="FA86">
            <v>8</v>
          </cell>
          <cell r="FI86">
            <v>4</v>
          </cell>
          <cell r="FJ86" t="str">
            <v>事後審査型一般競争入札</v>
          </cell>
          <cell r="FN86">
            <v>4</v>
          </cell>
          <cell r="FO86" t="str">
            <v>電子入札</v>
          </cell>
          <cell r="FS86">
            <v>1</v>
          </cell>
          <cell r="FT86" t="str">
            <v/>
          </cell>
          <cell r="FU86" t="str">
            <v/>
          </cell>
          <cell r="FW86" t="str">
            <v/>
          </cell>
          <cell r="FY86" t="str">
            <v/>
          </cell>
          <cell r="GB86">
            <v>1</v>
          </cell>
          <cell r="GC86">
            <v>1</v>
          </cell>
          <cell r="GD86">
            <v>1</v>
          </cell>
          <cell r="GE86" t="str">
            <v>契約・検査課長　松本　嘉博</v>
          </cell>
          <cell r="GF86">
            <v>49</v>
          </cell>
          <cell r="GG86" t="str">
            <v>三晃(株)</v>
          </cell>
          <cell r="GH86">
            <v>6809000</v>
          </cell>
          <cell r="GI86">
            <v>619000</v>
          </cell>
          <cell r="GJ86">
            <v>681000</v>
          </cell>
          <cell r="GM86" t="str">
            <v>上村　真二</v>
          </cell>
          <cell r="GO86" t="str">
            <v>上村　真二</v>
          </cell>
          <cell r="GP86">
            <v>44089</v>
          </cell>
          <cell r="GQ86">
            <v>67.5</v>
          </cell>
          <cell r="GT86" t="str">
            <v/>
          </cell>
          <cell r="GU86" t="str">
            <v>済</v>
          </cell>
          <cell r="GV86">
            <v>20150</v>
          </cell>
          <cell r="GW86">
            <v>2.9593185489792919</v>
          </cell>
          <cell r="HO86" t="str">
            <v/>
          </cell>
          <cell r="HP86">
            <v>6190000</v>
          </cell>
          <cell r="HQ86">
            <v>6200000</v>
          </cell>
          <cell r="HR86" t="str">
            <v>-</v>
          </cell>
          <cell r="JD86" t="str">
            <v/>
          </cell>
          <cell r="JE86" t="str">
            <v/>
          </cell>
          <cell r="JF86" t="str">
            <v/>
          </cell>
          <cell r="JG86" t="str">
            <v/>
          </cell>
          <cell r="JH86" t="str">
            <v/>
          </cell>
          <cell r="JI86" t="str">
            <v/>
          </cell>
          <cell r="JJ86" t="str">
            <v/>
          </cell>
          <cell r="JK86" t="str">
            <v/>
          </cell>
          <cell r="JL86">
            <v>2</v>
          </cell>
          <cell r="JM86">
            <v>2</v>
          </cell>
          <cell r="JN86" t="str">
            <v/>
          </cell>
          <cell r="JO86" t="str">
            <v/>
          </cell>
          <cell r="JP86" t="str">
            <v/>
          </cell>
          <cell r="JQ86" t="str">
            <v/>
          </cell>
          <cell r="JR86" t="str">
            <v/>
          </cell>
          <cell r="JS86" t="str">
            <v/>
          </cell>
          <cell r="JT86" t="str">
            <v/>
          </cell>
          <cell r="JU86" t="str">
            <v/>
          </cell>
          <cell r="JV86" t="str">
            <v/>
          </cell>
          <cell r="JW86" t="str">
            <v/>
          </cell>
          <cell r="JX86" t="str">
            <v/>
          </cell>
          <cell r="JY86" t="str">
            <v/>
          </cell>
          <cell r="JZ86">
            <v>0.98881789137380172</v>
          </cell>
        </row>
        <row r="87">
          <cell r="C87" t="str">
            <v/>
          </cell>
          <cell r="D87" t="str">
            <v/>
          </cell>
          <cell r="E87" t="str">
            <v/>
          </cell>
          <cell r="I87">
            <v>79</v>
          </cell>
          <cell r="M87" t="str">
            <v>令和２年度伊丹市立緑丘小学校体育館床塗装改修工事</v>
          </cell>
          <cell r="Q87" t="str">
            <v>緑小体床塗装</v>
          </cell>
          <cell r="Y87">
            <v>1</v>
          </cell>
          <cell r="AC87">
            <v>7</v>
          </cell>
          <cell r="AI87" t="str">
            <v>伊丹市高台２丁目１４番地</v>
          </cell>
          <cell r="AM87" t="str">
            <v>床フローリングの塗装改修（部分張替え含む）
その他、床廻りの器具等一部更新</v>
          </cell>
          <cell r="AQ87">
            <v>1</v>
          </cell>
          <cell r="AY87">
            <v>44013</v>
          </cell>
          <cell r="AZ87">
            <v>44018</v>
          </cell>
          <cell r="BA87">
            <v>57</v>
          </cell>
          <cell r="BB87">
            <v>44074</v>
          </cell>
          <cell r="BC87">
            <v>14</v>
          </cell>
          <cell r="BD87" t="str">
            <v>○</v>
          </cell>
          <cell r="BE87" t="str">
            <v>○</v>
          </cell>
          <cell r="BF87">
            <v>0.41944444444444445</v>
          </cell>
          <cell r="BG87">
            <v>6265</v>
          </cell>
          <cell r="BH87" t="str">
            <v>山岸  徹哉</v>
          </cell>
          <cell r="BI87" t="str">
            <v>施設課</v>
          </cell>
          <cell r="BJ87">
            <v>4297</v>
          </cell>
          <cell r="BN87" t="str">
            <v>教</v>
          </cell>
          <cell r="BO87">
            <v>3</v>
          </cell>
          <cell r="BS87">
            <v>4114000</v>
          </cell>
          <cell r="BT87">
            <v>3740000</v>
          </cell>
          <cell r="BU87">
            <v>1</v>
          </cell>
          <cell r="BV87">
            <v>3360000</v>
          </cell>
          <cell r="BW87">
            <v>2704238</v>
          </cell>
          <cell r="BX87">
            <v>137758</v>
          </cell>
          <cell r="BY87">
            <v>354837</v>
          </cell>
          <cell r="BZ87">
            <v>543167</v>
          </cell>
          <cell r="CD87" t="str">
            <v/>
          </cell>
          <cell r="CH87">
            <v>42</v>
          </cell>
          <cell r="CI87">
            <v>43992</v>
          </cell>
          <cell r="CJ87" t="str">
            <v>一般</v>
          </cell>
          <cell r="CK87" t="str">
            <v>伊丹市内に本店</v>
          </cell>
          <cell r="CL87" t="str">
            <v>400点以上</v>
          </cell>
          <cell r="CP87">
            <v>28617</v>
          </cell>
          <cell r="CT87" t="str">
            <v>右記</v>
          </cell>
          <cell r="CU87" t="str">
            <v>塗装工事の施工実績を有すること。</v>
          </cell>
          <cell r="CW87">
            <v>44000</v>
          </cell>
          <cell r="CX87" t="str">
            <v/>
          </cell>
          <cell r="CY87" t="str">
            <v/>
          </cell>
          <cell r="CZ87" t="str">
            <v/>
          </cell>
          <cell r="DA87">
            <v>44004</v>
          </cell>
          <cell r="DB87">
            <v>44006</v>
          </cell>
          <cell r="DC87">
            <v>14</v>
          </cell>
          <cell r="DD87" t="str">
            <v>○</v>
          </cell>
          <cell r="DL87">
            <v>211</v>
          </cell>
          <cell r="DM87">
            <v>48</v>
          </cell>
          <cell r="EZ87">
            <v>2</v>
          </cell>
          <cell r="FA87">
            <v>6</v>
          </cell>
          <cell r="FI87">
            <v>4</v>
          </cell>
          <cell r="FJ87" t="str">
            <v>事後審査型一般競争入札</v>
          </cell>
          <cell r="FN87">
            <v>4</v>
          </cell>
          <cell r="FO87" t="str">
            <v>電子入札</v>
          </cell>
          <cell r="FS87">
            <v>1</v>
          </cell>
          <cell r="FT87" t="str">
            <v/>
          </cell>
          <cell r="FU87" t="str">
            <v/>
          </cell>
          <cell r="FW87" t="str">
            <v/>
          </cell>
          <cell r="FY87" t="str">
            <v/>
          </cell>
          <cell r="GC87">
            <v>1</v>
          </cell>
          <cell r="GD87">
            <v>1</v>
          </cell>
          <cell r="GE87" t="str">
            <v>契約・検査課長　松本　嘉博</v>
          </cell>
          <cell r="GF87">
            <v>211</v>
          </cell>
          <cell r="GG87" t="str">
            <v>(株)深津工務店</v>
          </cell>
          <cell r="GH87">
            <v>3701500</v>
          </cell>
          <cell r="GI87">
            <v>336500</v>
          </cell>
          <cell r="GJ87">
            <v>371000</v>
          </cell>
          <cell r="GL87" t="str">
            <v>二級建築士</v>
          </cell>
          <cell r="GM87" t="str">
            <v>木村　基福</v>
          </cell>
          <cell r="GN87" t="str">
            <v>二級建築士</v>
          </cell>
          <cell r="GO87" t="str">
            <v>木村　基福</v>
          </cell>
          <cell r="GP87">
            <v>44074</v>
          </cell>
          <cell r="GQ87">
            <v>71.2</v>
          </cell>
          <cell r="GT87" t="str">
            <v/>
          </cell>
          <cell r="GV87">
            <v>10850</v>
          </cell>
          <cell r="GW87">
            <v>2.9312440902336889</v>
          </cell>
          <cell r="HO87" t="str">
            <v/>
          </cell>
          <cell r="HP87">
            <v>3365000</v>
          </cell>
          <cell r="HQ87">
            <v>3380000</v>
          </cell>
          <cell r="JD87" t="str">
            <v/>
          </cell>
          <cell r="JE87" t="str">
            <v/>
          </cell>
          <cell r="JF87" t="str">
            <v/>
          </cell>
          <cell r="JG87" t="str">
            <v/>
          </cell>
          <cell r="JH87" t="str">
            <v/>
          </cell>
          <cell r="JI87" t="str">
            <v/>
          </cell>
          <cell r="JJ87" t="str">
            <v/>
          </cell>
          <cell r="JK87" t="str">
            <v/>
          </cell>
          <cell r="JL87">
            <v>3</v>
          </cell>
          <cell r="JM87">
            <v>3</v>
          </cell>
          <cell r="JN87" t="str">
            <v/>
          </cell>
          <cell r="JO87" t="str">
            <v/>
          </cell>
          <cell r="JP87" t="str">
            <v/>
          </cell>
          <cell r="JQ87" t="str">
            <v/>
          </cell>
          <cell r="JR87" t="str">
            <v/>
          </cell>
          <cell r="JS87" t="str">
            <v/>
          </cell>
          <cell r="JT87" t="str">
            <v/>
          </cell>
          <cell r="JU87" t="str">
            <v/>
          </cell>
          <cell r="JV87" t="str">
            <v/>
          </cell>
          <cell r="JW87" t="str">
            <v/>
          </cell>
          <cell r="JX87" t="str">
            <v/>
          </cell>
          <cell r="JY87" t="str">
            <v/>
          </cell>
          <cell r="JZ87">
            <v>0.89973262032085544</v>
          </cell>
        </row>
        <row r="88">
          <cell r="C88" t="str">
            <v/>
          </cell>
          <cell r="D88" t="str">
            <v/>
          </cell>
          <cell r="E88" t="str">
            <v/>
          </cell>
          <cell r="I88">
            <v>80</v>
          </cell>
          <cell r="M88" t="str">
            <v>令和２年度伊丹市立北保育所調理機器の購入</v>
          </cell>
          <cell r="Q88" t="str">
            <v>調理機器購入</v>
          </cell>
          <cell r="Y88">
            <v>1</v>
          </cell>
          <cell r="AC88">
            <v>8</v>
          </cell>
          <cell r="AD88">
            <v>1</v>
          </cell>
          <cell r="AI88" t="str">
            <v>仕様書のとおり</v>
          </cell>
          <cell r="AQ88">
            <v>1</v>
          </cell>
          <cell r="AY88">
            <v>44012</v>
          </cell>
          <cell r="AZ88">
            <v>44013</v>
          </cell>
          <cell r="BA88">
            <v>92</v>
          </cell>
          <cell r="BB88">
            <v>44104</v>
          </cell>
          <cell r="BC88" t="str">
            <v/>
          </cell>
          <cell r="BD88" t="str">
            <v/>
          </cell>
          <cell r="BE88" t="str">
            <v/>
          </cell>
          <cell r="BF88">
            <v>0.41805555555555557</v>
          </cell>
          <cell r="BG88">
            <v>5819</v>
          </cell>
          <cell r="BH88" t="str">
            <v>原田　佳子</v>
          </cell>
          <cell r="BI88" t="str">
            <v>幼児教育推進課</v>
          </cell>
          <cell r="BJ88">
            <v>4241</v>
          </cell>
          <cell r="BN88" t="str">
            <v>物</v>
          </cell>
          <cell r="BO88">
            <v>5</v>
          </cell>
          <cell r="BS88">
            <v>2625700</v>
          </cell>
          <cell r="BT88">
            <v>2380000</v>
          </cell>
          <cell r="BU88">
            <v>1</v>
          </cell>
          <cell r="BV88" t="str">
            <v/>
          </cell>
          <cell r="CD88" t="str">
            <v/>
          </cell>
          <cell r="CH88">
            <v>-33</v>
          </cell>
          <cell r="CI88">
            <v>43993</v>
          </cell>
          <cell r="CP88">
            <v>54659</v>
          </cell>
          <cell r="CW88" t="str">
            <v/>
          </cell>
          <cell r="CX88" t="str">
            <v/>
          </cell>
          <cell r="CY88" t="str">
            <v/>
          </cell>
          <cell r="CZ88" t="str">
            <v/>
          </cell>
          <cell r="DA88">
            <v>44004</v>
          </cell>
          <cell r="DB88">
            <v>44007</v>
          </cell>
          <cell r="DD88" t="str">
            <v/>
          </cell>
          <cell r="DL88">
            <v>10725</v>
          </cell>
          <cell r="DM88">
            <v>10744</v>
          </cell>
          <cell r="DN88">
            <v>11174</v>
          </cell>
          <cell r="DO88">
            <v>11527</v>
          </cell>
          <cell r="DP88">
            <v>11269</v>
          </cell>
          <cell r="DQ88">
            <v>11753</v>
          </cell>
          <cell r="DR88">
            <v>10946</v>
          </cell>
          <cell r="DS88">
            <v>10597</v>
          </cell>
          <cell r="DT88">
            <v>11709</v>
          </cell>
          <cell r="DU88">
            <v>11541</v>
          </cell>
          <cell r="DV88">
            <v>11623</v>
          </cell>
          <cell r="EZ88">
            <v>11</v>
          </cell>
          <cell r="FA88">
            <v>6</v>
          </cell>
          <cell r="FI88">
            <v>5</v>
          </cell>
          <cell r="FJ88" t="str">
            <v>指名競争入札（簡易認証）</v>
          </cell>
          <cell r="FN88">
            <v>4</v>
          </cell>
          <cell r="FO88" t="str">
            <v>電子入札</v>
          </cell>
          <cell r="FS88">
            <v>3</v>
          </cell>
          <cell r="FT88" t="str">
            <v/>
          </cell>
          <cell r="FU88" t="str">
            <v/>
          </cell>
          <cell r="FW88" t="str">
            <v/>
          </cell>
          <cell r="FY88" t="str">
            <v/>
          </cell>
          <cell r="GC88">
            <v>1</v>
          </cell>
          <cell r="GD88">
            <v>1</v>
          </cell>
          <cell r="GE88" t="str">
            <v>契約・検査課長　松本　嘉博</v>
          </cell>
          <cell r="GF88">
            <v>10597</v>
          </cell>
          <cell r="GG88" t="str">
            <v>ＡＣＥ厨設(株)</v>
          </cell>
          <cell r="GH88">
            <v>2585000</v>
          </cell>
          <cell r="GI88">
            <v>235000</v>
          </cell>
          <cell r="GJ88">
            <v>259000</v>
          </cell>
          <cell r="GT88" t="str">
            <v/>
          </cell>
          <cell r="GW88" t="str">
            <v/>
          </cell>
          <cell r="HO88" t="str">
            <v/>
          </cell>
          <cell r="HP88">
            <v>2500000</v>
          </cell>
          <cell r="HQ88">
            <v>2945000</v>
          </cell>
          <cell r="HR88">
            <v>2768000</v>
          </cell>
          <cell r="HS88">
            <v>2450000</v>
          </cell>
          <cell r="HT88">
            <v>2700000</v>
          </cell>
          <cell r="HU88" t="str">
            <v>-</v>
          </cell>
          <cell r="HV88" t="str">
            <v>-</v>
          </cell>
          <cell r="HW88">
            <v>2350000</v>
          </cell>
          <cell r="HX88" t="str">
            <v>-</v>
          </cell>
          <cell r="HY88" t="str">
            <v>-</v>
          </cell>
          <cell r="HZ88" t="str">
            <v>-</v>
          </cell>
          <cell r="JD88" t="str">
            <v/>
          </cell>
          <cell r="JE88" t="str">
            <v/>
          </cell>
          <cell r="JF88" t="str">
            <v/>
          </cell>
          <cell r="JG88" t="str">
            <v/>
          </cell>
          <cell r="JH88" t="str">
            <v/>
          </cell>
          <cell r="JI88" t="str">
            <v/>
          </cell>
          <cell r="JJ88" t="str">
            <v/>
          </cell>
          <cell r="JK88" t="str">
            <v/>
          </cell>
          <cell r="JL88" t="str">
            <v/>
          </cell>
          <cell r="JM88" t="str">
            <v/>
          </cell>
          <cell r="JN88" t="str">
            <v/>
          </cell>
          <cell r="JO88" t="str">
            <v/>
          </cell>
          <cell r="JP88">
            <v>5</v>
          </cell>
          <cell r="JQ88">
            <v>5</v>
          </cell>
          <cell r="JR88" t="str">
            <v/>
          </cell>
          <cell r="JS88" t="str">
            <v/>
          </cell>
          <cell r="JT88" t="str">
            <v/>
          </cell>
          <cell r="JU88" t="str">
            <v/>
          </cell>
          <cell r="JV88" t="str">
            <v/>
          </cell>
          <cell r="JW88" t="str">
            <v/>
          </cell>
          <cell r="JX88" t="str">
            <v/>
          </cell>
          <cell r="JY88" t="str">
            <v/>
          </cell>
          <cell r="JZ88">
            <v>0.98739495798319332</v>
          </cell>
        </row>
        <row r="89">
          <cell r="C89" t="str">
            <v/>
          </cell>
          <cell r="D89" t="str">
            <v/>
          </cell>
          <cell r="E89" t="str">
            <v/>
          </cell>
          <cell r="I89">
            <v>81</v>
          </cell>
          <cell r="M89" t="str">
            <v>令和２年度伊丹市小学校社会科副読本「のびる伊丹市」印刷等業務</v>
          </cell>
          <cell r="Q89" t="str">
            <v>副読本印刷</v>
          </cell>
          <cell r="Y89">
            <v>1</v>
          </cell>
          <cell r="AC89">
            <v>8</v>
          </cell>
          <cell r="AD89">
            <v>4</v>
          </cell>
          <cell r="AI89" t="str">
            <v>伊丹市船原１丁目１番１号伊丹市立伊丹小学校他１８校</v>
          </cell>
          <cell r="AQ89">
            <v>1</v>
          </cell>
          <cell r="AY89">
            <v>44013</v>
          </cell>
          <cell r="AZ89">
            <v>44014</v>
          </cell>
          <cell r="BA89">
            <v>61</v>
          </cell>
          <cell r="BB89">
            <v>44074</v>
          </cell>
          <cell r="BC89" t="str">
            <v/>
          </cell>
          <cell r="BD89" t="str">
            <v/>
          </cell>
          <cell r="BE89" t="str">
            <v/>
          </cell>
          <cell r="BF89">
            <v>0.41736111111111113</v>
          </cell>
          <cell r="BG89">
            <v>9865</v>
          </cell>
          <cell r="BH89" t="str">
            <v>戸田　征男</v>
          </cell>
          <cell r="BI89" t="str">
            <v>学校指導課</v>
          </cell>
          <cell r="BJ89" t="e">
            <v>#N/A</v>
          </cell>
          <cell r="BN89" t="str">
            <v>他</v>
          </cell>
          <cell r="BO89">
            <v>31</v>
          </cell>
          <cell r="BS89">
            <v>1524380</v>
          </cell>
          <cell r="BT89">
            <v>1380000</v>
          </cell>
          <cell r="BU89">
            <v>1</v>
          </cell>
          <cell r="BV89" t="str">
            <v/>
          </cell>
          <cell r="CD89" t="str">
            <v/>
          </cell>
          <cell r="CH89">
            <v>-34</v>
          </cell>
          <cell r="CI89">
            <v>43997</v>
          </cell>
          <cell r="CP89">
            <v>79782</v>
          </cell>
          <cell r="CW89" t="str">
            <v/>
          </cell>
          <cell r="CX89" t="str">
            <v/>
          </cell>
          <cell r="CY89" t="str">
            <v/>
          </cell>
          <cell r="CZ89" t="str">
            <v/>
          </cell>
          <cell r="DA89">
            <v>44005</v>
          </cell>
          <cell r="DB89">
            <v>44008</v>
          </cell>
          <cell r="DD89" t="str">
            <v/>
          </cell>
          <cell r="DL89">
            <v>10996</v>
          </cell>
          <cell r="DM89">
            <v>12735</v>
          </cell>
          <cell r="DN89">
            <v>10594</v>
          </cell>
          <cell r="DO89">
            <v>10606</v>
          </cell>
          <cell r="DP89">
            <v>12917</v>
          </cell>
          <cell r="DQ89">
            <v>12799</v>
          </cell>
          <cell r="DR89">
            <v>10945</v>
          </cell>
          <cell r="DS89">
            <v>10501</v>
          </cell>
          <cell r="DT89">
            <v>10851</v>
          </cell>
          <cell r="DU89">
            <v>11925</v>
          </cell>
          <cell r="EZ89">
            <v>10</v>
          </cell>
          <cell r="FA89">
            <v>6</v>
          </cell>
          <cell r="FI89">
            <v>5</v>
          </cell>
          <cell r="FJ89" t="str">
            <v>指名競争入札（簡易認証）</v>
          </cell>
          <cell r="FN89">
            <v>4</v>
          </cell>
          <cell r="FO89" t="str">
            <v>電子入札</v>
          </cell>
          <cell r="FS89">
            <v>3</v>
          </cell>
          <cell r="FT89" t="str">
            <v/>
          </cell>
          <cell r="FU89" t="str">
            <v/>
          </cell>
          <cell r="FW89" t="str">
            <v/>
          </cell>
          <cell r="FY89" t="str">
            <v/>
          </cell>
          <cell r="GD89">
            <v>1</v>
          </cell>
          <cell r="GE89" t="str">
            <v>契約・検査課長　松本　嘉博</v>
          </cell>
          <cell r="GF89">
            <v>12735</v>
          </cell>
          <cell r="GG89" t="str">
            <v>(株)パトナ</v>
          </cell>
          <cell r="GH89">
            <v>880000</v>
          </cell>
          <cell r="GI89">
            <v>80000</v>
          </cell>
          <cell r="GJ89" t="str">
            <v/>
          </cell>
          <cell r="GM89" t="str">
            <v>石橋　伯章</v>
          </cell>
          <cell r="GO89" t="str">
            <v>石橋　伯章</v>
          </cell>
          <cell r="GT89" t="str">
            <v/>
          </cell>
          <cell r="GW89" t="str">
            <v/>
          </cell>
          <cell r="HO89" t="str">
            <v/>
          </cell>
          <cell r="HP89" t="str">
            <v>-</v>
          </cell>
          <cell r="HQ89">
            <v>800000</v>
          </cell>
          <cell r="HR89">
            <v>1246400</v>
          </cell>
          <cell r="HS89">
            <v>1302200</v>
          </cell>
          <cell r="HT89" t="str">
            <v>-</v>
          </cell>
          <cell r="HU89" t="str">
            <v>-</v>
          </cell>
          <cell r="HV89" t="str">
            <v>-</v>
          </cell>
          <cell r="HW89" t="str">
            <v>-</v>
          </cell>
          <cell r="HX89" t="str">
            <v>-</v>
          </cell>
          <cell r="HY89" t="str">
            <v>-</v>
          </cell>
          <cell r="JD89" t="str">
            <v/>
          </cell>
          <cell r="JE89" t="str">
            <v/>
          </cell>
          <cell r="JF89" t="str">
            <v/>
          </cell>
          <cell r="JG89" t="str">
            <v/>
          </cell>
          <cell r="JH89" t="str">
            <v/>
          </cell>
          <cell r="JI89" t="str">
            <v/>
          </cell>
          <cell r="JJ89" t="str">
            <v/>
          </cell>
          <cell r="JK89" t="str">
            <v/>
          </cell>
          <cell r="JL89" t="str">
            <v/>
          </cell>
          <cell r="JM89" t="str">
            <v/>
          </cell>
          <cell r="JN89" t="str">
            <v/>
          </cell>
          <cell r="JO89" t="str">
            <v/>
          </cell>
          <cell r="JP89" t="str">
            <v/>
          </cell>
          <cell r="JQ89" t="str">
            <v/>
          </cell>
          <cell r="JR89" t="str">
            <v/>
          </cell>
          <cell r="JS89" t="str">
            <v/>
          </cell>
          <cell r="JT89" t="str">
            <v/>
          </cell>
          <cell r="JU89" t="str">
            <v/>
          </cell>
          <cell r="JV89" t="str">
            <v/>
          </cell>
          <cell r="JW89" t="str">
            <v/>
          </cell>
          <cell r="JX89">
            <v>31</v>
          </cell>
          <cell r="JY89">
            <v>29</v>
          </cell>
          <cell r="JZ89">
            <v>0.57971014492753614</v>
          </cell>
        </row>
        <row r="90">
          <cell r="C90" t="str">
            <v/>
          </cell>
          <cell r="D90" t="str">
            <v/>
          </cell>
          <cell r="E90" t="str">
            <v/>
          </cell>
          <cell r="I90">
            <v>82</v>
          </cell>
          <cell r="M90" t="str">
            <v>令和２年度伊丹市立生涯学習センター廃棄物運搬・処理委託業務</v>
          </cell>
          <cell r="Q90" t="str">
            <v>ラスタ廃棄</v>
          </cell>
          <cell r="Y90">
            <v>1</v>
          </cell>
          <cell r="AC90">
            <v>8</v>
          </cell>
          <cell r="AD90">
            <v>8</v>
          </cell>
          <cell r="AI90" t="str">
            <v>伊丹市南野２丁目３番２５号</v>
          </cell>
          <cell r="AQ90">
            <v>1</v>
          </cell>
          <cell r="AY90">
            <v>44007</v>
          </cell>
          <cell r="AZ90">
            <v>44008</v>
          </cell>
          <cell r="BA90">
            <v>22</v>
          </cell>
          <cell r="BB90">
            <v>44029</v>
          </cell>
          <cell r="BC90" t="str">
            <v/>
          </cell>
          <cell r="BD90" t="str">
            <v/>
          </cell>
          <cell r="BE90" t="str">
            <v/>
          </cell>
          <cell r="BF90">
            <v>0.41875000000000001</v>
          </cell>
          <cell r="BG90">
            <v>5742</v>
          </cell>
          <cell r="BH90" t="str">
            <v>吉田  卓</v>
          </cell>
          <cell r="BI90" t="str">
            <v>社会教育課</v>
          </cell>
          <cell r="BJ90">
            <v>2136</v>
          </cell>
          <cell r="BN90" t="str">
            <v>他</v>
          </cell>
          <cell r="BO90">
            <v>32</v>
          </cell>
          <cell r="BS90">
            <v>4373000</v>
          </cell>
          <cell r="BT90">
            <v>3970000</v>
          </cell>
          <cell r="BU90" t="str">
            <v/>
          </cell>
          <cell r="BV90" t="str">
            <v/>
          </cell>
          <cell r="CD90" t="str">
            <v/>
          </cell>
          <cell r="CH90">
            <v>-35</v>
          </cell>
          <cell r="CI90">
            <v>43990</v>
          </cell>
          <cell r="CP90">
            <v>32367</v>
          </cell>
          <cell r="CW90" t="str">
            <v/>
          </cell>
          <cell r="CX90" t="str">
            <v/>
          </cell>
          <cell r="CY90" t="str">
            <v/>
          </cell>
          <cell r="CZ90" t="str">
            <v/>
          </cell>
          <cell r="DA90">
            <v>43999</v>
          </cell>
          <cell r="DB90">
            <v>44004</v>
          </cell>
          <cell r="DD90" t="str">
            <v/>
          </cell>
          <cell r="DL90">
            <v>10273</v>
          </cell>
          <cell r="DM90">
            <v>10353</v>
          </cell>
          <cell r="DN90">
            <v>10514</v>
          </cell>
          <cell r="DO90">
            <v>10886</v>
          </cell>
          <cell r="DP90">
            <v>10969</v>
          </cell>
          <cell r="DQ90">
            <v>11082</v>
          </cell>
          <cell r="DR90">
            <v>11266</v>
          </cell>
          <cell r="DS90">
            <v>11843</v>
          </cell>
          <cell r="EZ90">
            <v>8</v>
          </cell>
          <cell r="FA90">
            <v>6</v>
          </cell>
          <cell r="FI90">
            <v>5</v>
          </cell>
          <cell r="FJ90" t="str">
            <v>指名競争入札（簡易認証）</v>
          </cell>
          <cell r="FN90">
            <v>4</v>
          </cell>
          <cell r="FO90" t="str">
            <v>電子入札</v>
          </cell>
          <cell r="FS90">
            <v>5</v>
          </cell>
          <cell r="FT90" t="str">
            <v/>
          </cell>
          <cell r="FU90" t="str">
            <v/>
          </cell>
          <cell r="FW90" t="str">
            <v/>
          </cell>
          <cell r="FY90" t="str">
            <v/>
          </cell>
          <cell r="GD90">
            <v>1</v>
          </cell>
          <cell r="GE90" t="str">
            <v>契約・検査課長　松本　嘉博</v>
          </cell>
          <cell r="GF90">
            <v>10886</v>
          </cell>
          <cell r="GG90" t="str">
            <v>(株)大協</v>
          </cell>
          <cell r="GH90">
            <v>4148100</v>
          </cell>
          <cell r="GI90">
            <v>377100</v>
          </cell>
          <cell r="GJ90">
            <v>415000</v>
          </cell>
          <cell r="GL90" t="str">
            <v>大型自動車免許,普通自動二輪車免許</v>
          </cell>
          <cell r="GM90" t="str">
            <v>奥野　智一</v>
          </cell>
          <cell r="GN90" t="str">
            <v>大型自動車免許,普通自動二輪車免許</v>
          </cell>
          <cell r="GO90" t="str">
            <v>奥野　智一</v>
          </cell>
          <cell r="GT90" t="str">
            <v/>
          </cell>
          <cell r="GW90" t="str">
            <v/>
          </cell>
          <cell r="HO90" t="str">
            <v/>
          </cell>
          <cell r="HP90">
            <v>3970000</v>
          </cell>
          <cell r="HQ90">
            <v>3970000</v>
          </cell>
          <cell r="HR90">
            <v>3970000</v>
          </cell>
          <cell r="HS90">
            <v>3771000</v>
          </cell>
          <cell r="HT90" t="str">
            <v>-</v>
          </cell>
          <cell r="HU90">
            <v>3970000</v>
          </cell>
          <cell r="HV90">
            <v>3970000</v>
          </cell>
          <cell r="HW90">
            <v>3900000</v>
          </cell>
          <cell r="JD90" t="str">
            <v/>
          </cell>
          <cell r="JE90" t="str">
            <v/>
          </cell>
          <cell r="JF90" t="str">
            <v/>
          </cell>
          <cell r="JG90" t="str">
            <v/>
          </cell>
          <cell r="JH90" t="str">
            <v/>
          </cell>
          <cell r="JI90" t="str">
            <v/>
          </cell>
          <cell r="JJ90" t="str">
            <v/>
          </cell>
          <cell r="JK90" t="str">
            <v/>
          </cell>
          <cell r="JL90" t="str">
            <v/>
          </cell>
          <cell r="JM90" t="str">
            <v/>
          </cell>
          <cell r="JN90" t="str">
            <v/>
          </cell>
          <cell r="JO90" t="str">
            <v/>
          </cell>
          <cell r="JP90" t="str">
            <v/>
          </cell>
          <cell r="JQ90" t="str">
            <v/>
          </cell>
          <cell r="JR90" t="str">
            <v/>
          </cell>
          <cell r="JS90" t="str">
            <v/>
          </cell>
          <cell r="JT90" t="str">
            <v/>
          </cell>
          <cell r="JU90" t="str">
            <v/>
          </cell>
          <cell r="JV90" t="str">
            <v/>
          </cell>
          <cell r="JW90" t="str">
            <v/>
          </cell>
          <cell r="JX90">
            <v>32</v>
          </cell>
          <cell r="JY90">
            <v>30</v>
          </cell>
          <cell r="JZ90">
            <v>0.94987405541561698</v>
          </cell>
        </row>
        <row r="91">
          <cell r="C91" t="str">
            <v/>
          </cell>
          <cell r="D91" t="str">
            <v/>
          </cell>
          <cell r="E91" t="str">
            <v/>
          </cell>
          <cell r="I91">
            <v>83</v>
          </cell>
          <cell r="M91" t="str">
            <v>令和２年度伊丹市立生涯学習センター備品等移設委託業務</v>
          </cell>
          <cell r="Q91" t="str">
            <v>ラスタ移設</v>
          </cell>
          <cell r="Y91">
            <v>1</v>
          </cell>
          <cell r="AC91">
            <v>8</v>
          </cell>
          <cell r="AD91">
            <v>8</v>
          </cell>
          <cell r="AI91" t="str">
            <v>伊丹市南野２丁目３番２５号／千僧１丁目１番地の１</v>
          </cell>
          <cell r="AQ91">
            <v>1</v>
          </cell>
          <cell r="AY91">
            <v>44007</v>
          </cell>
          <cell r="AZ91">
            <v>44008</v>
          </cell>
          <cell r="BA91">
            <v>272</v>
          </cell>
          <cell r="BB91">
            <v>44279</v>
          </cell>
          <cell r="BC91" t="str">
            <v/>
          </cell>
          <cell r="BD91" t="str">
            <v/>
          </cell>
          <cell r="BE91" t="str">
            <v/>
          </cell>
          <cell r="BF91">
            <v>0.41944444444444445</v>
          </cell>
          <cell r="BG91">
            <v>5742</v>
          </cell>
          <cell r="BH91" t="str">
            <v>吉田  卓</v>
          </cell>
          <cell r="BI91" t="str">
            <v>社会教育課</v>
          </cell>
          <cell r="BJ91">
            <v>2136</v>
          </cell>
          <cell r="BN91" t="str">
            <v>他</v>
          </cell>
          <cell r="BO91">
            <v>33</v>
          </cell>
          <cell r="BS91">
            <v>7975000</v>
          </cell>
          <cell r="BT91">
            <v>7250000</v>
          </cell>
          <cell r="BU91" t="str">
            <v/>
          </cell>
          <cell r="BV91" t="str">
            <v/>
          </cell>
          <cell r="CD91" t="str">
            <v/>
          </cell>
          <cell r="CH91">
            <v>-36</v>
          </cell>
          <cell r="CI91">
            <v>43992</v>
          </cell>
          <cell r="CP91">
            <v>42258</v>
          </cell>
          <cell r="CW91" t="str">
            <v/>
          </cell>
          <cell r="CX91" t="str">
            <v/>
          </cell>
          <cell r="CY91" t="str">
            <v/>
          </cell>
          <cell r="CZ91" t="str">
            <v/>
          </cell>
          <cell r="DA91">
            <v>43999</v>
          </cell>
          <cell r="DB91">
            <v>44004</v>
          </cell>
          <cell r="DD91" t="str">
            <v/>
          </cell>
          <cell r="DL91">
            <v>11056</v>
          </cell>
          <cell r="DM91">
            <v>11602</v>
          </cell>
          <cell r="DN91">
            <v>11078</v>
          </cell>
          <cell r="DO91">
            <v>11107</v>
          </cell>
          <cell r="DP91">
            <v>11163</v>
          </cell>
          <cell r="DQ91">
            <v>10886</v>
          </cell>
          <cell r="DR91">
            <v>12561</v>
          </cell>
          <cell r="DS91">
            <v>11845</v>
          </cell>
          <cell r="EZ91">
            <v>8</v>
          </cell>
          <cell r="FA91">
            <v>8</v>
          </cell>
          <cell r="FI91">
            <v>5</v>
          </cell>
          <cell r="FJ91" t="str">
            <v>指名競争入札（簡易認証）</v>
          </cell>
          <cell r="FN91">
            <v>4</v>
          </cell>
          <cell r="FO91" t="str">
            <v>電子入札</v>
          </cell>
          <cell r="FS91">
            <v>5</v>
          </cell>
          <cell r="FT91" t="str">
            <v/>
          </cell>
          <cell r="FU91" t="str">
            <v/>
          </cell>
          <cell r="FW91" t="str">
            <v/>
          </cell>
          <cell r="FY91" t="str">
            <v/>
          </cell>
          <cell r="GC91">
            <v>1</v>
          </cell>
          <cell r="GD91">
            <v>1</v>
          </cell>
          <cell r="GE91" t="str">
            <v>契約・検査課長　松本　嘉博</v>
          </cell>
          <cell r="GF91">
            <v>11078</v>
          </cell>
          <cell r="GG91" t="str">
            <v>(株)中国トラック</v>
          </cell>
          <cell r="GH91">
            <v>5445000</v>
          </cell>
          <cell r="GI91">
            <v>495000</v>
          </cell>
          <cell r="GJ91">
            <v>545000</v>
          </cell>
          <cell r="GM91" t="str">
            <v>川辺　隆昭</v>
          </cell>
          <cell r="GO91" t="str">
            <v>江本　信之</v>
          </cell>
          <cell r="GT91" t="str">
            <v/>
          </cell>
          <cell r="GW91" t="str">
            <v/>
          </cell>
          <cell r="HO91" t="str">
            <v/>
          </cell>
          <cell r="HP91">
            <v>5910000</v>
          </cell>
          <cell r="HQ91" t="str">
            <v>-</v>
          </cell>
          <cell r="HR91">
            <v>4950000</v>
          </cell>
          <cell r="HS91">
            <v>5950000</v>
          </cell>
          <cell r="HT91" t="str">
            <v>-</v>
          </cell>
          <cell r="HU91" t="str">
            <v>-</v>
          </cell>
          <cell r="HV91" t="str">
            <v>-</v>
          </cell>
          <cell r="HW91" t="str">
            <v>-</v>
          </cell>
          <cell r="JD91" t="str">
            <v/>
          </cell>
          <cell r="JE91" t="str">
            <v/>
          </cell>
          <cell r="JF91" t="str">
            <v/>
          </cell>
          <cell r="JG91" t="str">
            <v/>
          </cell>
          <cell r="JH91" t="str">
            <v/>
          </cell>
          <cell r="JI91" t="str">
            <v/>
          </cell>
          <cell r="JJ91" t="str">
            <v/>
          </cell>
          <cell r="JK91" t="str">
            <v/>
          </cell>
          <cell r="JL91" t="str">
            <v/>
          </cell>
          <cell r="JM91" t="str">
            <v/>
          </cell>
          <cell r="JN91" t="str">
            <v/>
          </cell>
          <cell r="JO91" t="str">
            <v/>
          </cell>
          <cell r="JP91" t="str">
            <v/>
          </cell>
          <cell r="JQ91" t="str">
            <v/>
          </cell>
          <cell r="JR91" t="str">
            <v/>
          </cell>
          <cell r="JS91" t="str">
            <v/>
          </cell>
          <cell r="JT91" t="str">
            <v/>
          </cell>
          <cell r="JU91" t="str">
            <v/>
          </cell>
          <cell r="JV91" t="str">
            <v/>
          </cell>
          <cell r="JW91" t="str">
            <v/>
          </cell>
          <cell r="JX91">
            <v>33</v>
          </cell>
          <cell r="JY91">
            <v>31</v>
          </cell>
          <cell r="JZ91">
            <v>0.6827586206896552</v>
          </cell>
        </row>
        <row r="92">
          <cell r="C92" t="str">
            <v/>
          </cell>
          <cell r="D92" t="str">
            <v/>
          </cell>
          <cell r="E92" t="str">
            <v/>
          </cell>
          <cell r="I92">
            <v>84</v>
          </cell>
          <cell r="M92" t="str">
            <v>令和２年度市道宮ノ前４０８５号線電線共同溝管理台帳作成委託業務</v>
          </cell>
          <cell r="Q92" t="str">
            <v>4085線台帳作成</v>
          </cell>
          <cell r="Y92">
            <v>1</v>
          </cell>
          <cell r="AC92">
            <v>8</v>
          </cell>
          <cell r="AD92">
            <v>12</v>
          </cell>
          <cell r="AI92" t="str">
            <v>伊丹市宮ノ前３丁目外地内</v>
          </cell>
          <cell r="AM92" t="str">
            <v xml:space="preserve">・作業計画（資料整理）
・現地調査（写真撮影・実測）
・台帳作成（調書）
・台帳作成（図面類作成）
</v>
          </cell>
          <cell r="AQ92">
            <v>1</v>
          </cell>
          <cell r="AY92">
            <v>44022</v>
          </cell>
          <cell r="AZ92">
            <v>44027</v>
          </cell>
          <cell r="BA92">
            <v>69</v>
          </cell>
          <cell r="BB92">
            <v>44097</v>
          </cell>
          <cell r="BC92">
            <v>14</v>
          </cell>
          <cell r="BD92" t="str">
            <v>○</v>
          </cell>
          <cell r="BE92" t="str">
            <v/>
          </cell>
          <cell r="BF92">
            <v>0.41736111111111113</v>
          </cell>
          <cell r="BG92">
            <v>7437</v>
          </cell>
          <cell r="BH92" t="str">
            <v>三谷　幸弘</v>
          </cell>
          <cell r="BI92" t="str">
            <v>道路建設課</v>
          </cell>
          <cell r="BJ92">
            <v>3026</v>
          </cell>
          <cell r="BN92" t="str">
            <v>土設</v>
          </cell>
          <cell r="BO92">
            <v>3</v>
          </cell>
          <cell r="BS92">
            <v>3542000</v>
          </cell>
          <cell r="BT92">
            <v>3220000</v>
          </cell>
          <cell r="BU92" t="str">
            <v/>
          </cell>
          <cell r="BV92" t="str">
            <v/>
          </cell>
          <cell r="CD92" t="str">
            <v/>
          </cell>
          <cell r="CH92">
            <v>47</v>
          </cell>
          <cell r="CI92">
            <v>44001</v>
          </cell>
          <cell r="CK92" t="str">
            <v>兵庫県内に本店又は支店</v>
          </cell>
          <cell r="CP92">
            <v>78802</v>
          </cell>
          <cell r="CW92">
            <v>44013</v>
          </cell>
          <cell r="CX92" t="str">
            <v/>
          </cell>
          <cell r="CY92" t="str">
            <v/>
          </cell>
          <cell r="CZ92" t="str">
            <v/>
          </cell>
          <cell r="DA92">
            <v>44008</v>
          </cell>
          <cell r="DB92">
            <v>44018</v>
          </cell>
          <cell r="DC92">
            <v>91</v>
          </cell>
          <cell r="DD92" t="str">
            <v/>
          </cell>
          <cell r="DL92">
            <v>5624</v>
          </cell>
          <cell r="DM92">
            <v>5350</v>
          </cell>
          <cell r="DN92">
            <v>5353</v>
          </cell>
          <cell r="EZ92">
            <v>3</v>
          </cell>
          <cell r="FA92">
            <v>6</v>
          </cell>
          <cell r="FI92">
            <v>4</v>
          </cell>
          <cell r="FJ92" t="str">
            <v>事後審査型一般競争入札</v>
          </cell>
          <cell r="FN92">
            <v>4</v>
          </cell>
          <cell r="FO92" t="str">
            <v>電子入札</v>
          </cell>
          <cell r="FS92">
            <v>2</v>
          </cell>
          <cell r="FT92" t="str">
            <v/>
          </cell>
          <cell r="FU92" t="str">
            <v/>
          </cell>
          <cell r="FW92" t="str">
            <v/>
          </cell>
          <cell r="FY92" t="str">
            <v/>
          </cell>
          <cell r="GD92">
            <v>1</v>
          </cell>
          <cell r="GE92" t="str">
            <v>契約・検査課長　松本　嘉博</v>
          </cell>
          <cell r="GF92">
            <v>5624</v>
          </cell>
          <cell r="GG92" t="str">
            <v>伸栄開発(株)</v>
          </cell>
          <cell r="GH92">
            <v>2244000</v>
          </cell>
          <cell r="GI92">
            <v>204000</v>
          </cell>
          <cell r="GJ92">
            <v>225000</v>
          </cell>
          <cell r="GL92" t="str">
            <v>技術士(建設部門:道路)(第69254号),測量士(第H14-3085号),RCCM(河川、砂防及び海岸・海洋)(第07-32-01005715号),RCCM(森林土木)(第16-29-09000833号),RCCM(土質及び基礎)(第17-30-13005431号),RCCM(施工計画、施工設備及び積算)(第18-31-16003076号)</v>
          </cell>
          <cell r="GM92" t="str">
            <v>田　幸男（監理技術者）</v>
          </cell>
          <cell r="GN92" t="str">
            <v>技術士(建設部門:道路)(第69254号),測量士(第H14-3085号),RCCM(河川、砂防及び海岸・海洋)(第07-32-01005715号),RCCM(森林土木)(第16-29-09000833号),RCCM(土質及び基礎)(第17-30-13005431号),RCCM(施工計画、施工設備及び積算)(第18-31-16003076号)</v>
          </cell>
          <cell r="GO92" t="str">
            <v>田　幸男（監理技術者）</v>
          </cell>
          <cell r="GT92" t="str">
            <v/>
          </cell>
          <cell r="GW92" t="str">
            <v/>
          </cell>
          <cell r="HO92" t="str">
            <v/>
          </cell>
          <cell r="HP92">
            <v>2040000</v>
          </cell>
          <cell r="HQ92">
            <v>2170000</v>
          </cell>
          <cell r="HR92">
            <v>3200000</v>
          </cell>
          <cell r="JD92" t="str">
            <v/>
          </cell>
          <cell r="JE92" t="str">
            <v/>
          </cell>
          <cell r="JF92" t="str">
            <v/>
          </cell>
          <cell r="JG92" t="str">
            <v/>
          </cell>
          <cell r="JH92" t="str">
            <v/>
          </cell>
          <cell r="JI92" t="str">
            <v/>
          </cell>
          <cell r="JJ92" t="str">
            <v/>
          </cell>
          <cell r="JK92" t="str">
            <v/>
          </cell>
          <cell r="JL92" t="str">
            <v/>
          </cell>
          <cell r="JM92" t="str">
            <v/>
          </cell>
          <cell r="JN92" t="str">
            <v/>
          </cell>
          <cell r="JO92" t="str">
            <v/>
          </cell>
          <cell r="JP92" t="str">
            <v/>
          </cell>
          <cell r="JQ92" t="str">
            <v/>
          </cell>
          <cell r="JR92" t="str">
            <v/>
          </cell>
          <cell r="JS92" t="str">
            <v/>
          </cell>
          <cell r="JT92" t="str">
            <v/>
          </cell>
          <cell r="JU92" t="str">
            <v/>
          </cell>
          <cell r="JV92">
            <v>3</v>
          </cell>
          <cell r="JW92">
            <v>3</v>
          </cell>
          <cell r="JX92" t="str">
            <v/>
          </cell>
          <cell r="JY92" t="str">
            <v/>
          </cell>
          <cell r="JZ92">
            <v>0.63354037267080743</v>
          </cell>
        </row>
        <row r="93">
          <cell r="C93" t="str">
            <v/>
          </cell>
          <cell r="D93" t="str">
            <v/>
          </cell>
          <cell r="E93" t="str">
            <v/>
          </cell>
          <cell r="I93">
            <v>85</v>
          </cell>
          <cell r="M93" t="str">
            <v>令和２年度廃棄物運搬・処理委託業務（旧伊丹市立ささはら幼稚園）</v>
          </cell>
          <cell r="Q93" t="str">
            <v>ささはら幼廃棄</v>
          </cell>
          <cell r="Y93">
            <v>1</v>
          </cell>
          <cell r="AC93">
            <v>8</v>
          </cell>
          <cell r="AD93">
            <v>8</v>
          </cell>
          <cell r="AI93" t="str">
            <v>伊丹市野間１丁目１０番１６号</v>
          </cell>
          <cell r="AQ93">
            <v>1</v>
          </cell>
          <cell r="AY93">
            <v>44015</v>
          </cell>
          <cell r="AZ93">
            <v>44018</v>
          </cell>
          <cell r="BA93">
            <v>25</v>
          </cell>
          <cell r="BB93">
            <v>44042</v>
          </cell>
          <cell r="BC93" t="str">
            <v/>
          </cell>
          <cell r="BD93" t="str">
            <v/>
          </cell>
          <cell r="BE93" t="str">
            <v/>
          </cell>
          <cell r="BF93">
            <v>0.41736111111111113</v>
          </cell>
          <cell r="BG93">
            <v>6095</v>
          </cell>
          <cell r="BH93" t="str">
            <v>竹中  やよい</v>
          </cell>
          <cell r="BI93" t="str">
            <v>幼児教育推進課</v>
          </cell>
          <cell r="BJ93">
            <v>4268</v>
          </cell>
          <cell r="BN93" t="str">
            <v>他</v>
          </cell>
          <cell r="BO93">
            <v>37</v>
          </cell>
          <cell r="BS93">
            <v>1734700</v>
          </cell>
          <cell r="BT93">
            <v>1570000</v>
          </cell>
          <cell r="BU93" t="str">
            <v/>
          </cell>
          <cell r="BV93" t="str">
            <v/>
          </cell>
          <cell r="CD93" t="str">
            <v/>
          </cell>
          <cell r="CH93">
            <v>-37</v>
          </cell>
          <cell r="CI93">
            <v>43997</v>
          </cell>
          <cell r="CP93">
            <v>34071</v>
          </cell>
          <cell r="CW93" t="str">
            <v/>
          </cell>
          <cell r="CX93" t="str">
            <v/>
          </cell>
          <cell r="CY93" t="str">
            <v/>
          </cell>
          <cell r="CZ93" t="str">
            <v/>
          </cell>
          <cell r="DA93">
            <v>44007</v>
          </cell>
          <cell r="DB93">
            <v>44012</v>
          </cell>
          <cell r="DD93" t="str">
            <v/>
          </cell>
          <cell r="DL93">
            <v>10273</v>
          </cell>
          <cell r="DM93">
            <v>10353</v>
          </cell>
          <cell r="DN93">
            <v>10514</v>
          </cell>
          <cell r="DO93">
            <v>10886</v>
          </cell>
          <cell r="DP93">
            <v>10969</v>
          </cell>
          <cell r="DQ93">
            <v>11082</v>
          </cell>
          <cell r="DR93">
            <v>11266</v>
          </cell>
          <cell r="DS93">
            <v>11843</v>
          </cell>
          <cell r="EZ93">
            <v>8</v>
          </cell>
          <cell r="FA93">
            <v>6</v>
          </cell>
          <cell r="FI93">
            <v>5</v>
          </cell>
          <cell r="FJ93" t="str">
            <v>指名競争入札（簡易認証）</v>
          </cell>
          <cell r="FN93">
            <v>4</v>
          </cell>
          <cell r="FO93" t="str">
            <v>電子入札</v>
          </cell>
          <cell r="FS93">
            <v>5</v>
          </cell>
          <cell r="FT93" t="str">
            <v/>
          </cell>
          <cell r="FU93" t="str">
            <v/>
          </cell>
          <cell r="FW93" t="str">
            <v/>
          </cell>
          <cell r="FY93" t="str">
            <v/>
          </cell>
          <cell r="GD93">
            <v>1</v>
          </cell>
          <cell r="GE93" t="str">
            <v>契約・検査課長　松本　嘉博</v>
          </cell>
          <cell r="GF93">
            <v>10886</v>
          </cell>
          <cell r="GG93" t="str">
            <v>(株)大協</v>
          </cell>
          <cell r="GH93">
            <v>1606000</v>
          </cell>
          <cell r="GI93">
            <v>146000</v>
          </cell>
          <cell r="GJ93" t="str">
            <v/>
          </cell>
          <cell r="GL93" t="str">
            <v>大型自動車免許,普通自動二輪車免許</v>
          </cell>
          <cell r="GM93" t="str">
            <v>奥野　智一</v>
          </cell>
          <cell r="GN93" t="str">
            <v>大型自動車免許,普通自動二輪車免許</v>
          </cell>
          <cell r="GO93" t="str">
            <v>奥野　智一</v>
          </cell>
          <cell r="GT93" t="str">
            <v/>
          </cell>
          <cell r="GW93" t="str">
            <v/>
          </cell>
          <cell r="HO93" t="str">
            <v/>
          </cell>
          <cell r="HP93">
            <v>1550000</v>
          </cell>
          <cell r="HQ93">
            <v>1570000</v>
          </cell>
          <cell r="HR93">
            <v>1570000</v>
          </cell>
          <cell r="HS93">
            <v>1460000</v>
          </cell>
          <cell r="HT93">
            <v>1570000</v>
          </cell>
          <cell r="HU93">
            <v>1570000</v>
          </cell>
          <cell r="HV93">
            <v>1570000</v>
          </cell>
          <cell r="HW93">
            <v>1560000</v>
          </cell>
          <cell r="JD93" t="str">
            <v/>
          </cell>
          <cell r="JE93" t="str">
            <v/>
          </cell>
          <cell r="JF93" t="str">
            <v/>
          </cell>
          <cell r="JG93" t="str">
            <v/>
          </cell>
          <cell r="JH93" t="str">
            <v/>
          </cell>
          <cell r="JI93" t="str">
            <v/>
          </cell>
          <cell r="JJ93" t="str">
            <v/>
          </cell>
          <cell r="JK93" t="str">
            <v/>
          </cell>
          <cell r="JL93" t="str">
            <v/>
          </cell>
          <cell r="JM93" t="str">
            <v/>
          </cell>
          <cell r="JN93" t="str">
            <v/>
          </cell>
          <cell r="JO93" t="str">
            <v/>
          </cell>
          <cell r="JP93" t="str">
            <v/>
          </cell>
          <cell r="JQ93" t="str">
            <v/>
          </cell>
          <cell r="JR93" t="str">
            <v/>
          </cell>
          <cell r="JS93" t="str">
            <v/>
          </cell>
          <cell r="JT93" t="str">
            <v/>
          </cell>
          <cell r="JU93" t="str">
            <v/>
          </cell>
          <cell r="JV93" t="str">
            <v/>
          </cell>
          <cell r="JW93" t="str">
            <v/>
          </cell>
          <cell r="JX93">
            <v>37</v>
          </cell>
          <cell r="JY93">
            <v>34</v>
          </cell>
          <cell r="JZ93">
            <v>0.92993630573248398</v>
          </cell>
        </row>
        <row r="94">
          <cell r="C94" t="str">
            <v/>
          </cell>
          <cell r="D94" t="str">
            <v/>
          </cell>
          <cell r="E94" t="str">
            <v/>
          </cell>
          <cell r="I94">
            <v>86</v>
          </cell>
          <cell r="M94" t="str">
            <v>令和２年度伊丹市立生涯学習センター大規模改修工事</v>
          </cell>
          <cell r="Q94" t="str">
            <v>生涯セ大改修</v>
          </cell>
          <cell r="Y94">
            <v>1</v>
          </cell>
          <cell r="AC94">
            <v>1</v>
          </cell>
          <cell r="AI94" t="str">
            <v>伊丹市南野２丁目３番２５号</v>
          </cell>
          <cell r="AM94" t="str">
            <v>伊丹市立生涯学習センターの大規模改修工事　一式
上記に伴う電気設備工事及び機械設備工事　一式</v>
          </cell>
          <cell r="AQ94">
            <v>2</v>
          </cell>
          <cell r="AY94">
            <v>44026</v>
          </cell>
          <cell r="AZ94">
            <v>44027</v>
          </cell>
          <cell r="BA94">
            <v>260</v>
          </cell>
          <cell r="BB94">
            <v>44286</v>
          </cell>
          <cell r="BC94">
            <v>15</v>
          </cell>
          <cell r="BD94" t="str">
            <v>○</v>
          </cell>
          <cell r="BE94" t="str">
            <v>○</v>
          </cell>
          <cell r="BF94">
            <v>0.41736111111111113</v>
          </cell>
          <cell r="BG94">
            <v>7640</v>
          </cell>
          <cell r="BH94" t="str">
            <v>上野　竜</v>
          </cell>
          <cell r="BI94" t="str">
            <v>営繕課</v>
          </cell>
          <cell r="BJ94">
            <v>4668</v>
          </cell>
          <cell r="BN94" t="str">
            <v>建</v>
          </cell>
          <cell r="BO94">
            <v>10</v>
          </cell>
          <cell r="BS94">
            <v>854700000</v>
          </cell>
          <cell r="BT94">
            <v>777000000</v>
          </cell>
          <cell r="BU94">
            <v>1</v>
          </cell>
          <cell r="BV94">
            <v>714840000</v>
          </cell>
          <cell r="BW94">
            <v>645946662</v>
          </cell>
          <cell r="BX94">
            <v>18693000</v>
          </cell>
          <cell r="BY94">
            <v>37063716</v>
          </cell>
          <cell r="BZ94">
            <v>75296622</v>
          </cell>
          <cell r="CD94">
            <v>43990</v>
          </cell>
          <cell r="CH94">
            <v>43</v>
          </cell>
          <cell r="CI94">
            <v>43992</v>
          </cell>
          <cell r="CJ94" t="str">
            <v>特定</v>
          </cell>
          <cell r="CK94" t="str">
            <v>兵庫県内に本店又は支店</v>
          </cell>
          <cell r="CL94" t="str">
            <v>伊丹市内に本店を有する者においては830点以上、伊丹市内に支店を有する者及び兵庫県内に本店を有する者（伊丹市内に本店を有する者は除く）については1,000点以上、その他の者においては1,300点以上</v>
          </cell>
          <cell r="CP94">
            <v>95722</v>
          </cell>
          <cell r="CT94" t="str">
            <v>請負金額が3億8,000万円以上(伊丹市内に本店を有する者においては1億7,000万円以上)</v>
          </cell>
          <cell r="CU94">
            <v>1</v>
          </cell>
          <cell r="CW94">
            <v>44000</v>
          </cell>
          <cell r="CX94">
            <v>44004</v>
          </cell>
          <cell r="CY94">
            <v>44005</v>
          </cell>
          <cell r="CZ94">
            <v>44006</v>
          </cell>
          <cell r="DA94">
            <v>44007</v>
          </cell>
          <cell r="DB94">
            <v>44013</v>
          </cell>
          <cell r="DC94">
            <v>68</v>
          </cell>
          <cell r="DD94" t="str">
            <v>○</v>
          </cell>
          <cell r="DL94">
            <v>6</v>
          </cell>
          <cell r="DM94">
            <v>21</v>
          </cell>
          <cell r="DN94">
            <v>2319</v>
          </cell>
          <cell r="DO94">
            <v>2407</v>
          </cell>
          <cell r="DP94">
            <v>4071</v>
          </cell>
          <cell r="DQ94">
            <v>4388</v>
          </cell>
          <cell r="DR94">
            <v>4415</v>
          </cell>
          <cell r="EZ94">
            <v>7</v>
          </cell>
          <cell r="FA94">
            <v>12</v>
          </cell>
          <cell r="FI94">
            <v>1</v>
          </cell>
          <cell r="FJ94" t="str">
            <v>制限付一般競争入札</v>
          </cell>
          <cell r="FN94">
            <v>4</v>
          </cell>
          <cell r="FO94" t="str">
            <v>電子入札</v>
          </cell>
          <cell r="FS94">
            <v>1</v>
          </cell>
          <cell r="FT94" t="str">
            <v/>
          </cell>
          <cell r="FU94">
            <v>1</v>
          </cell>
          <cell r="FW94" t="str">
            <v/>
          </cell>
          <cell r="FY94" t="str">
            <v/>
          </cell>
          <cell r="GB94">
            <v>1</v>
          </cell>
          <cell r="GD94">
            <v>1</v>
          </cell>
          <cell r="GE94" t="str">
            <v>契約・検査課長　松本　嘉博</v>
          </cell>
          <cell r="GF94">
            <v>2407</v>
          </cell>
          <cell r="GG94" t="str">
            <v>(株)柄谷工務店</v>
          </cell>
          <cell r="GH94">
            <v>802780000</v>
          </cell>
          <cell r="GI94">
            <v>72980000</v>
          </cell>
          <cell r="GJ94">
            <v>80278000</v>
          </cell>
          <cell r="GK94">
            <v>44028</v>
          </cell>
          <cell r="GL94" t="str">
            <v>一級建築士</v>
          </cell>
          <cell r="GM94" t="str">
            <v>福本　忠士</v>
          </cell>
          <cell r="GN94" t="str">
            <v>一級建築士</v>
          </cell>
          <cell r="GO94" t="str">
            <v>福本　忠士</v>
          </cell>
          <cell r="GT94" t="str">
            <v>要</v>
          </cell>
          <cell r="GU94" t="str">
            <v>済</v>
          </cell>
          <cell r="GV94">
            <v>1445220</v>
          </cell>
          <cell r="GW94">
            <v>1.800269064999128</v>
          </cell>
          <cell r="GX94">
            <v>44215</v>
          </cell>
          <cell r="GY94">
            <v>878372000</v>
          </cell>
          <cell r="GZ94">
            <v>825011000</v>
          </cell>
          <cell r="HN94" t="str">
            <v>床・壁・天井下地補修補強工事　他</v>
          </cell>
          <cell r="HO94">
            <v>1</v>
          </cell>
          <cell r="HP94" t="str">
            <v>-</v>
          </cell>
          <cell r="HQ94" t="str">
            <v>-</v>
          </cell>
          <cell r="HR94" t="str">
            <v>-</v>
          </cell>
          <cell r="HS94">
            <v>729800000</v>
          </cell>
          <cell r="HT94" t="str">
            <v>-</v>
          </cell>
          <cell r="HU94">
            <v>800000000</v>
          </cell>
          <cell r="HV94">
            <v>775700000</v>
          </cell>
          <cell r="JD94" t="str">
            <v/>
          </cell>
          <cell r="JE94" t="str">
            <v/>
          </cell>
          <cell r="JF94" t="str">
            <v/>
          </cell>
          <cell r="JG94" t="str">
            <v/>
          </cell>
          <cell r="JH94">
            <v>10</v>
          </cell>
          <cell r="JI94">
            <v>10</v>
          </cell>
          <cell r="JJ94" t="str">
            <v/>
          </cell>
          <cell r="JK94" t="str">
            <v/>
          </cell>
          <cell r="JL94" t="str">
            <v/>
          </cell>
          <cell r="JM94" t="str">
            <v/>
          </cell>
          <cell r="JN94" t="str">
            <v/>
          </cell>
          <cell r="JO94" t="str">
            <v/>
          </cell>
          <cell r="JP94" t="str">
            <v/>
          </cell>
          <cell r="JQ94" t="str">
            <v/>
          </cell>
          <cell r="JR94" t="str">
            <v/>
          </cell>
          <cell r="JS94" t="str">
            <v/>
          </cell>
          <cell r="JT94" t="str">
            <v/>
          </cell>
          <cell r="JU94" t="str">
            <v/>
          </cell>
          <cell r="JV94" t="str">
            <v/>
          </cell>
          <cell r="JW94" t="str">
            <v/>
          </cell>
          <cell r="JX94" t="str">
            <v/>
          </cell>
          <cell r="JY94" t="str">
            <v/>
          </cell>
          <cell r="JZ94">
            <v>0.93925353925353927</v>
          </cell>
        </row>
        <row r="95">
          <cell r="C95" t="str">
            <v/>
          </cell>
          <cell r="D95" t="str">
            <v/>
          </cell>
          <cell r="E95" t="str">
            <v/>
          </cell>
          <cell r="I95">
            <v>87</v>
          </cell>
          <cell r="M95" t="str">
            <v>令和２年度小学校給食センター配送車両購入（製造の請負）その２</v>
          </cell>
          <cell r="Q95" t="str">
            <v>給食配送車2</v>
          </cell>
          <cell r="Y95">
            <v>1</v>
          </cell>
          <cell r="AC95">
            <v>8</v>
          </cell>
          <cell r="AD95">
            <v>3</v>
          </cell>
          <cell r="AF95">
            <v>1</v>
          </cell>
          <cell r="AI95" t="str">
            <v>伊丹市鴻池３丁目４番５号</v>
          </cell>
          <cell r="AQ95">
            <v>1</v>
          </cell>
          <cell r="AY95">
            <v>44000</v>
          </cell>
          <cell r="AZ95">
            <v>44000</v>
          </cell>
          <cell r="BA95">
            <v>286</v>
          </cell>
          <cell r="BB95">
            <v>44285</v>
          </cell>
          <cell r="BC95" t="str">
            <v/>
          </cell>
          <cell r="BD95" t="str">
            <v/>
          </cell>
          <cell r="BE95" t="str">
            <v/>
          </cell>
          <cell r="BF95">
            <v>0.58402777777777781</v>
          </cell>
          <cell r="BG95">
            <v>6338</v>
          </cell>
          <cell r="BH95" t="str">
            <v>安福  奈津子</v>
          </cell>
          <cell r="BI95" t="str">
            <v>小学校給食センター</v>
          </cell>
          <cell r="BJ95" t="str">
            <v>782-0400</v>
          </cell>
          <cell r="BN95" t="str">
            <v>他</v>
          </cell>
          <cell r="BO95">
            <v>34</v>
          </cell>
          <cell r="BS95">
            <v>12126960</v>
          </cell>
          <cell r="BT95">
            <v>11030000</v>
          </cell>
          <cell r="BU95">
            <v>1</v>
          </cell>
          <cell r="BV95" t="str">
            <v/>
          </cell>
          <cell r="CD95" t="str">
            <v>●</v>
          </cell>
          <cell r="CH95">
            <v>-38</v>
          </cell>
          <cell r="CI95">
            <v>43990</v>
          </cell>
          <cell r="CP95">
            <v>95139</v>
          </cell>
          <cell r="CW95" t="str">
            <v/>
          </cell>
          <cell r="CX95" t="str">
            <v/>
          </cell>
          <cell r="CY95" t="str">
            <v/>
          </cell>
          <cell r="CZ95" t="str">
            <v/>
          </cell>
          <cell r="DA95">
            <v>43994</v>
          </cell>
          <cell r="DB95">
            <v>43997</v>
          </cell>
          <cell r="DD95" t="str">
            <v/>
          </cell>
          <cell r="DL95">
            <v>10269</v>
          </cell>
          <cell r="DM95">
            <v>10624</v>
          </cell>
          <cell r="DN95">
            <v>10763</v>
          </cell>
          <cell r="DO95">
            <v>10845</v>
          </cell>
          <cell r="DP95">
            <v>11539</v>
          </cell>
          <cell r="DQ95">
            <v>10608</v>
          </cell>
          <cell r="DR95">
            <v>10026</v>
          </cell>
          <cell r="DS95">
            <v>10462</v>
          </cell>
          <cell r="EZ95">
            <v>8</v>
          </cell>
          <cell r="FA95">
            <v>8</v>
          </cell>
          <cell r="FI95">
            <v>5</v>
          </cell>
          <cell r="FJ95" t="str">
            <v>指名競争入札（簡易認証）</v>
          </cell>
          <cell r="FN95">
            <v>4</v>
          </cell>
          <cell r="FO95" t="str">
            <v>電子入札</v>
          </cell>
          <cell r="FS95">
            <v>3</v>
          </cell>
          <cell r="FT95" t="str">
            <v/>
          </cell>
          <cell r="FU95" t="str">
            <v/>
          </cell>
          <cell r="FW95" t="str">
            <v/>
          </cell>
          <cell r="FY95" t="str">
            <v/>
          </cell>
          <cell r="GD95">
            <v>1</v>
          </cell>
          <cell r="GE95" t="str">
            <v>契約・検査課長　松本　嘉博</v>
          </cell>
          <cell r="GF95" t="str">
            <v>-</v>
          </cell>
          <cell r="GG95" t="str">
            <v>×</v>
          </cell>
          <cell r="GI95" t="str">
            <v/>
          </cell>
          <cell r="GJ95" t="str">
            <v/>
          </cell>
          <cell r="GT95" t="str">
            <v/>
          </cell>
          <cell r="GW95" t="str">
            <v/>
          </cell>
          <cell r="HO95" t="str">
            <v/>
          </cell>
          <cell r="HP95">
            <v>11195540</v>
          </cell>
          <cell r="HQ95" t="str">
            <v>-</v>
          </cell>
          <cell r="HR95" t="str">
            <v>-</v>
          </cell>
          <cell r="HS95" t="str">
            <v>-</v>
          </cell>
          <cell r="HT95" t="str">
            <v>-</v>
          </cell>
          <cell r="HU95" t="str">
            <v>-</v>
          </cell>
          <cell r="HV95" t="str">
            <v>-</v>
          </cell>
          <cell r="HW95">
            <v>11819700</v>
          </cell>
          <cell r="JD95" t="str">
            <v/>
          </cell>
          <cell r="JE95" t="str">
            <v/>
          </cell>
          <cell r="JF95" t="str">
            <v/>
          </cell>
          <cell r="JG95" t="str">
            <v/>
          </cell>
          <cell r="JH95" t="str">
            <v/>
          </cell>
          <cell r="JI95" t="str">
            <v/>
          </cell>
          <cell r="JJ95" t="str">
            <v/>
          </cell>
          <cell r="JK95" t="str">
            <v/>
          </cell>
          <cell r="JL95" t="str">
            <v/>
          </cell>
          <cell r="JM95" t="str">
            <v/>
          </cell>
          <cell r="JN95" t="str">
            <v/>
          </cell>
          <cell r="JO95" t="str">
            <v/>
          </cell>
          <cell r="JP95" t="str">
            <v/>
          </cell>
          <cell r="JQ95" t="str">
            <v/>
          </cell>
          <cell r="JR95" t="str">
            <v/>
          </cell>
          <cell r="JS95" t="str">
            <v/>
          </cell>
          <cell r="JT95" t="str">
            <v/>
          </cell>
          <cell r="JU95" t="str">
            <v/>
          </cell>
          <cell r="JV95" t="str">
            <v/>
          </cell>
          <cell r="JW95" t="str">
            <v/>
          </cell>
          <cell r="JX95">
            <v>34</v>
          </cell>
          <cell r="JY95">
            <v>32</v>
          </cell>
          <cell r="JZ95" t="str">
            <v/>
          </cell>
        </row>
        <row r="96">
          <cell r="C96" t="str">
            <v/>
          </cell>
          <cell r="D96" t="str">
            <v/>
          </cell>
          <cell r="E96" t="str">
            <v/>
          </cell>
          <cell r="I96">
            <v>88</v>
          </cell>
          <cell r="M96" t="str">
            <v>令和２年度相談支援システム一式にかかるリース追加分</v>
          </cell>
          <cell r="Q96" t="str">
            <v>相支シスﾘｰｽ</v>
          </cell>
          <cell r="Y96">
            <v>1</v>
          </cell>
          <cell r="AC96">
            <v>8</v>
          </cell>
          <cell r="AD96">
            <v>6</v>
          </cell>
          <cell r="AI96" t="str">
            <v>伊丹市立こども発達支援センター</v>
          </cell>
          <cell r="AQ96">
            <v>7</v>
          </cell>
          <cell r="AU96">
            <v>60</v>
          </cell>
          <cell r="AY96">
            <v>44013</v>
          </cell>
          <cell r="AZ96">
            <v>44014</v>
          </cell>
          <cell r="BA96">
            <v>1856</v>
          </cell>
          <cell r="BB96">
            <v>45869</v>
          </cell>
          <cell r="BC96" t="str">
            <v/>
          </cell>
          <cell r="BD96" t="str">
            <v/>
          </cell>
          <cell r="BE96" t="str">
            <v/>
          </cell>
          <cell r="BF96">
            <v>0.41736111111111113</v>
          </cell>
          <cell r="BG96">
            <v>5674</v>
          </cell>
          <cell r="BH96" t="str">
            <v>松平  典子</v>
          </cell>
          <cell r="BI96" t="str">
            <v>こども発達支援センター</v>
          </cell>
          <cell r="BJ96">
            <v>2698</v>
          </cell>
          <cell r="BN96" t="str">
            <v>リ</v>
          </cell>
          <cell r="BO96">
            <v>3</v>
          </cell>
          <cell r="BS96">
            <v>472970</v>
          </cell>
          <cell r="BT96">
            <v>7100</v>
          </cell>
          <cell r="BU96">
            <v>1</v>
          </cell>
          <cell r="BV96" t="str">
            <v/>
          </cell>
          <cell r="CD96" t="str">
            <v/>
          </cell>
          <cell r="CH96">
            <v>-39</v>
          </cell>
          <cell r="CI96">
            <v>43998</v>
          </cell>
          <cell r="CP96">
            <v>40822</v>
          </cell>
          <cell r="CW96" t="str">
            <v/>
          </cell>
          <cell r="CX96" t="str">
            <v/>
          </cell>
          <cell r="CY96" t="str">
            <v/>
          </cell>
          <cell r="CZ96" t="str">
            <v/>
          </cell>
          <cell r="DA96">
            <v>44005</v>
          </cell>
          <cell r="DB96">
            <v>44008</v>
          </cell>
          <cell r="DD96" t="str">
            <v/>
          </cell>
          <cell r="DL96">
            <v>10006</v>
          </cell>
          <cell r="DM96">
            <v>10064</v>
          </cell>
          <cell r="DN96">
            <v>10115</v>
          </cell>
          <cell r="DO96">
            <v>10126</v>
          </cell>
          <cell r="DP96">
            <v>10153</v>
          </cell>
          <cell r="DQ96">
            <v>10287</v>
          </cell>
          <cell r="DR96">
            <v>11587</v>
          </cell>
          <cell r="DS96">
            <v>10140</v>
          </cell>
          <cell r="DT96">
            <v>10200</v>
          </cell>
          <cell r="DU96">
            <v>10529</v>
          </cell>
          <cell r="DV96">
            <v>10689</v>
          </cell>
          <cell r="DW96">
            <v>12344</v>
          </cell>
          <cell r="DX96">
            <v>10070</v>
          </cell>
          <cell r="EZ96">
            <v>13</v>
          </cell>
          <cell r="FA96">
            <v>6</v>
          </cell>
          <cell r="FI96">
            <v>5</v>
          </cell>
          <cell r="FJ96" t="str">
            <v>指名競争入札（簡易認証）</v>
          </cell>
          <cell r="FN96">
            <v>4</v>
          </cell>
          <cell r="FO96" t="str">
            <v>電子入札</v>
          </cell>
          <cell r="FS96">
            <v>4</v>
          </cell>
          <cell r="FT96" t="str">
            <v/>
          </cell>
          <cell r="FU96" t="str">
            <v/>
          </cell>
          <cell r="FW96" t="str">
            <v/>
          </cell>
          <cell r="FY96" t="str">
            <v/>
          </cell>
          <cell r="GD96">
            <v>1</v>
          </cell>
          <cell r="GE96" t="str">
            <v>契約・検査課長　松本　嘉博</v>
          </cell>
          <cell r="GF96">
            <v>10115</v>
          </cell>
          <cell r="GG96" t="str">
            <v>ＮＥＣキャピタルソリューション(株)</v>
          </cell>
          <cell r="GH96">
            <v>465300</v>
          </cell>
          <cell r="GI96">
            <v>42300</v>
          </cell>
          <cell r="GJ96" t="str">
            <v/>
          </cell>
          <cell r="GT96" t="str">
            <v/>
          </cell>
          <cell r="GW96" t="str">
            <v/>
          </cell>
          <cell r="HO96" t="str">
            <v/>
          </cell>
          <cell r="HP96" t="str">
            <v>-</v>
          </cell>
          <cell r="HQ96" t="str">
            <v>-</v>
          </cell>
          <cell r="HR96">
            <v>7050</v>
          </cell>
          <cell r="HS96" t="str">
            <v>-</v>
          </cell>
          <cell r="HT96" t="str">
            <v>-</v>
          </cell>
          <cell r="HU96" t="str">
            <v>-</v>
          </cell>
          <cell r="HV96" t="str">
            <v>-</v>
          </cell>
          <cell r="HW96" t="str">
            <v>-</v>
          </cell>
          <cell r="HX96" t="str">
            <v>-</v>
          </cell>
          <cell r="HY96" t="str">
            <v>-</v>
          </cell>
          <cell r="HZ96" t="str">
            <v>-</v>
          </cell>
          <cell r="IA96" t="str">
            <v>-</v>
          </cell>
          <cell r="IB96" t="str">
            <v>-</v>
          </cell>
          <cell r="JD96" t="str">
            <v/>
          </cell>
          <cell r="JE96" t="str">
            <v/>
          </cell>
          <cell r="JF96" t="str">
            <v/>
          </cell>
          <cell r="JG96" t="str">
            <v/>
          </cell>
          <cell r="JH96" t="str">
            <v/>
          </cell>
          <cell r="JI96" t="str">
            <v/>
          </cell>
          <cell r="JJ96" t="str">
            <v/>
          </cell>
          <cell r="JK96" t="str">
            <v/>
          </cell>
          <cell r="JL96" t="str">
            <v/>
          </cell>
          <cell r="JM96" t="str">
            <v/>
          </cell>
          <cell r="JN96" t="str">
            <v/>
          </cell>
          <cell r="JO96" t="str">
            <v/>
          </cell>
          <cell r="JP96" t="str">
            <v/>
          </cell>
          <cell r="JQ96" t="str">
            <v/>
          </cell>
          <cell r="JR96" t="str">
            <v/>
          </cell>
          <cell r="JS96" t="str">
            <v/>
          </cell>
          <cell r="JT96" t="str">
            <v/>
          </cell>
          <cell r="JU96" t="str">
            <v/>
          </cell>
          <cell r="JV96" t="str">
            <v/>
          </cell>
          <cell r="JW96" t="str">
            <v/>
          </cell>
          <cell r="JX96" t="str">
            <v/>
          </cell>
          <cell r="JY96" t="str">
            <v/>
          </cell>
          <cell r="JZ96">
            <v>1.0113459154929576</v>
          </cell>
        </row>
        <row r="97">
          <cell r="C97" t="str">
            <v/>
          </cell>
          <cell r="D97" t="str">
            <v/>
          </cell>
          <cell r="E97" t="str">
            <v/>
          </cell>
          <cell r="I97">
            <v>89</v>
          </cell>
          <cell r="M97" t="str">
            <v>令和２年度下河原公園再整備工事</v>
          </cell>
          <cell r="Q97" t="str">
            <v>下河公再整備</v>
          </cell>
          <cell r="Y97">
            <v>1</v>
          </cell>
          <cell r="AC97">
            <v>6</v>
          </cell>
          <cell r="AI97" t="str">
            <v>伊丹市下河原１丁目地内</v>
          </cell>
          <cell r="AM97" t="str">
            <v>【本体工事】
公園土工一式　真砂土舗装232㎡　撤去工一式　滑り台新設1基　健康遊具新設2基
【附帯工事】
公園土工一式　真砂土舗装138㎡　雨水排水設備工一式　給水設備工一式
フェンス更新118m　防草コンクリート一式　縁石更新27m　伐採・抜根一式</v>
          </cell>
          <cell r="AQ97">
            <v>2</v>
          </cell>
          <cell r="AY97">
            <v>44013</v>
          </cell>
          <cell r="AZ97">
            <v>44018</v>
          </cell>
          <cell r="BA97">
            <v>128</v>
          </cell>
          <cell r="BB97">
            <v>44145</v>
          </cell>
          <cell r="BC97">
            <v>13</v>
          </cell>
          <cell r="BD97" t="str">
            <v>○</v>
          </cell>
          <cell r="BE97" t="str">
            <v>○</v>
          </cell>
          <cell r="BF97">
            <v>0.41736111111111113</v>
          </cell>
          <cell r="BG97">
            <v>7583</v>
          </cell>
          <cell r="BH97" t="str">
            <v>来代　紋菜</v>
          </cell>
          <cell r="BI97" t="str">
            <v>公園課</v>
          </cell>
          <cell r="BJ97">
            <v>4663</v>
          </cell>
          <cell r="BN97" t="str">
            <v>緑</v>
          </cell>
          <cell r="BO97">
            <v>3</v>
          </cell>
          <cell r="BS97">
            <v>13018500</v>
          </cell>
          <cell r="BT97">
            <v>11830000</v>
          </cell>
          <cell r="BU97">
            <v>1</v>
          </cell>
          <cell r="BV97">
            <v>10340000</v>
          </cell>
          <cell r="BW97">
            <v>5910000</v>
          </cell>
          <cell r="BX97">
            <v>760000</v>
          </cell>
          <cell r="BY97">
            <v>3106000</v>
          </cell>
          <cell r="BZ97">
            <v>2059000</v>
          </cell>
          <cell r="CD97" t="str">
            <v/>
          </cell>
          <cell r="CH97">
            <v>44</v>
          </cell>
          <cell r="CI97">
            <v>43993</v>
          </cell>
          <cell r="CJ97" t="str">
            <v>一般</v>
          </cell>
          <cell r="CK97" t="str">
            <v>尼崎市、西宮市、芦屋市、宝塚市、川西市、伊丹市内に本店</v>
          </cell>
          <cell r="CL97" t="str">
            <v>伊丹市内に本店を有する者においては400点以上、その他の者においては800点以上</v>
          </cell>
          <cell r="CP97">
            <v>31269</v>
          </cell>
          <cell r="CT97" t="str">
            <v>請負金額が600万円以上(伊丹市内に本店を有する者においては300万円以上)</v>
          </cell>
          <cell r="CW97">
            <v>44001</v>
          </cell>
          <cell r="CX97" t="str">
            <v/>
          </cell>
          <cell r="CY97" t="str">
            <v/>
          </cell>
          <cell r="CZ97" t="str">
            <v/>
          </cell>
          <cell r="DA97">
            <v>44005</v>
          </cell>
          <cell r="DB97">
            <v>44007</v>
          </cell>
          <cell r="DC97">
            <v>20</v>
          </cell>
          <cell r="DD97" t="str">
            <v>○</v>
          </cell>
          <cell r="DL97">
            <v>544</v>
          </cell>
          <cell r="DM97">
            <v>74</v>
          </cell>
          <cell r="DN97">
            <v>91</v>
          </cell>
          <cell r="DO97">
            <v>2859</v>
          </cell>
          <cell r="DP97">
            <v>4427</v>
          </cell>
          <cell r="DQ97">
            <v>287</v>
          </cell>
          <cell r="DR97">
            <v>2094</v>
          </cell>
          <cell r="DS97">
            <v>3808</v>
          </cell>
          <cell r="DT97">
            <v>2887</v>
          </cell>
          <cell r="EZ97">
            <v>9</v>
          </cell>
          <cell r="FA97">
            <v>8</v>
          </cell>
          <cell r="FI97">
            <v>4</v>
          </cell>
          <cell r="FJ97" t="str">
            <v>事後審査型一般競争入札</v>
          </cell>
          <cell r="FN97">
            <v>4</v>
          </cell>
          <cell r="FO97" t="str">
            <v>電子入札</v>
          </cell>
          <cell r="FS97">
            <v>1</v>
          </cell>
          <cell r="FT97" t="str">
            <v/>
          </cell>
          <cell r="FU97" t="str">
            <v/>
          </cell>
          <cell r="FW97" t="str">
            <v/>
          </cell>
          <cell r="FY97" t="str">
            <v/>
          </cell>
          <cell r="GD97">
            <v>1</v>
          </cell>
          <cell r="GE97" t="str">
            <v>契約・検査課長　松本　嘉博</v>
          </cell>
          <cell r="GF97">
            <v>74</v>
          </cell>
          <cell r="GG97" t="str">
            <v>(株)土井庭苑</v>
          </cell>
          <cell r="GH97">
            <v>12958000</v>
          </cell>
          <cell r="GI97">
            <v>1178000</v>
          </cell>
          <cell r="GJ97">
            <v>1296000</v>
          </cell>
          <cell r="GM97" t="str">
            <v>松木　湧</v>
          </cell>
          <cell r="GN97" t="str">
            <v>一級造園施工管理技士</v>
          </cell>
          <cell r="GO97" t="str">
            <v>後藤　雅史</v>
          </cell>
          <cell r="GT97" t="str">
            <v/>
          </cell>
          <cell r="GV97">
            <v>46810</v>
          </cell>
          <cell r="GW97">
            <v>3.6124401913875595</v>
          </cell>
          <cell r="GX97">
            <v>44141</v>
          </cell>
          <cell r="GY97">
            <v>13183500</v>
          </cell>
          <cell r="GZ97">
            <v>13121900</v>
          </cell>
          <cell r="HN97" t="str">
            <v>（本体工事）
現地精査の結果、コンクリート殻処分の数量・種別の変更を行うものである。
（付帯工事）
現地精査の結果、伐採工の増工及び真砂土舗装工の減工等による数量変更を行うものである。</v>
          </cell>
          <cell r="HO97">
            <v>1</v>
          </cell>
          <cell r="HP97">
            <v>10340000</v>
          </cell>
          <cell r="HQ97">
            <v>11780000</v>
          </cell>
          <cell r="HR97">
            <v>11800000</v>
          </cell>
          <cell r="HS97">
            <v>11830000</v>
          </cell>
          <cell r="HT97">
            <v>11830000</v>
          </cell>
          <cell r="HU97">
            <v>10330000</v>
          </cell>
          <cell r="HV97">
            <v>10330000</v>
          </cell>
          <cell r="HW97">
            <v>10330000</v>
          </cell>
          <cell r="HX97" t="str">
            <v>-</v>
          </cell>
          <cell r="JD97" t="str">
            <v/>
          </cell>
          <cell r="JE97" t="str">
            <v/>
          </cell>
          <cell r="JF97" t="str">
            <v/>
          </cell>
          <cell r="JG97" t="str">
            <v/>
          </cell>
          <cell r="JH97" t="str">
            <v/>
          </cell>
          <cell r="JI97" t="str">
            <v/>
          </cell>
          <cell r="JJ97">
            <v>3</v>
          </cell>
          <cell r="JK97">
            <v>3</v>
          </cell>
          <cell r="JL97" t="str">
            <v/>
          </cell>
          <cell r="JM97" t="str">
            <v/>
          </cell>
          <cell r="JN97" t="str">
            <v/>
          </cell>
          <cell r="JO97" t="str">
            <v/>
          </cell>
          <cell r="JP97" t="str">
            <v/>
          </cell>
          <cell r="JQ97" t="str">
            <v/>
          </cell>
          <cell r="JR97" t="str">
            <v/>
          </cell>
          <cell r="JS97" t="str">
            <v/>
          </cell>
          <cell r="JT97" t="str">
            <v/>
          </cell>
          <cell r="JU97" t="str">
            <v/>
          </cell>
          <cell r="JV97" t="str">
            <v/>
          </cell>
          <cell r="JW97" t="str">
            <v/>
          </cell>
          <cell r="JX97" t="str">
            <v/>
          </cell>
          <cell r="JY97" t="str">
            <v/>
          </cell>
          <cell r="JZ97">
            <v>0.99577345731191869</v>
          </cell>
        </row>
        <row r="98">
          <cell r="C98" t="str">
            <v/>
          </cell>
          <cell r="D98" t="str">
            <v/>
          </cell>
          <cell r="E98" t="str">
            <v/>
          </cell>
          <cell r="I98">
            <v>90</v>
          </cell>
          <cell r="M98" t="str">
            <v>令和２年度西野大谷公園遊具改修工事</v>
          </cell>
          <cell r="Q98" t="str">
            <v>西大公遊具改</v>
          </cell>
          <cell r="Y98">
            <v>1</v>
          </cell>
          <cell r="AC98">
            <v>6</v>
          </cell>
          <cell r="AI98" t="str">
            <v>伊丹市西野２丁目地内</v>
          </cell>
          <cell r="AM98" t="str">
            <v>【本体工事】
公園土工一式　真砂土舗装134㎡　複合遊具1基　撤去工一式
【附帯工事】
公園土工一式　雨水排水設備工一式　真砂土舗装29㎡　撤去工一式</v>
          </cell>
          <cell r="AQ98">
            <v>2</v>
          </cell>
          <cell r="AY98">
            <v>44013</v>
          </cell>
          <cell r="AZ98">
            <v>44018</v>
          </cell>
          <cell r="BA98">
            <v>128</v>
          </cell>
          <cell r="BB98">
            <v>44145</v>
          </cell>
          <cell r="BC98">
            <v>13</v>
          </cell>
          <cell r="BD98" t="str">
            <v>○</v>
          </cell>
          <cell r="BE98" t="str">
            <v>○</v>
          </cell>
          <cell r="BF98">
            <v>0.41805555555555557</v>
          </cell>
          <cell r="BG98">
            <v>7436</v>
          </cell>
          <cell r="BH98" t="str">
            <v>久保　琢史</v>
          </cell>
          <cell r="BI98" t="str">
            <v>公園課</v>
          </cell>
          <cell r="BJ98">
            <v>4615</v>
          </cell>
          <cell r="BN98" t="str">
            <v>緑</v>
          </cell>
          <cell r="BO98">
            <v>4</v>
          </cell>
          <cell r="BS98">
            <v>10807500</v>
          </cell>
          <cell r="BT98">
            <v>9820000</v>
          </cell>
          <cell r="BU98">
            <v>1</v>
          </cell>
          <cell r="BV98">
            <v>8600000</v>
          </cell>
          <cell r="BW98">
            <v>5334000</v>
          </cell>
          <cell r="BX98">
            <v>185000</v>
          </cell>
          <cell r="BY98">
            <v>2567000</v>
          </cell>
          <cell r="BZ98">
            <v>1739000</v>
          </cell>
          <cell r="CD98" t="str">
            <v/>
          </cell>
          <cell r="CH98">
            <v>45</v>
          </cell>
          <cell r="CI98">
            <v>43993</v>
          </cell>
          <cell r="CJ98" t="str">
            <v>一般</v>
          </cell>
          <cell r="CK98" t="str">
            <v>伊丹市内に本店</v>
          </cell>
          <cell r="CL98" t="str">
            <v>400点以上</v>
          </cell>
          <cell r="CP98">
            <v>20647</v>
          </cell>
          <cell r="CT98" t="str">
            <v>請負金額が200万円以上</v>
          </cell>
          <cell r="CW98">
            <v>44001</v>
          </cell>
          <cell r="CX98" t="str">
            <v/>
          </cell>
          <cell r="CY98" t="str">
            <v/>
          </cell>
          <cell r="CZ98" t="str">
            <v/>
          </cell>
          <cell r="DA98">
            <v>44005</v>
          </cell>
          <cell r="DB98">
            <v>44007</v>
          </cell>
          <cell r="DC98">
            <v>10</v>
          </cell>
          <cell r="DD98" t="str">
            <v>○</v>
          </cell>
          <cell r="DL98">
            <v>544</v>
          </cell>
          <cell r="DM98">
            <v>287</v>
          </cell>
          <cell r="DN98">
            <v>74</v>
          </cell>
          <cell r="DO98">
            <v>91</v>
          </cell>
          <cell r="EZ98">
            <v>4</v>
          </cell>
          <cell r="FA98">
            <v>8</v>
          </cell>
          <cell r="FI98">
            <v>4</v>
          </cell>
          <cell r="FJ98" t="str">
            <v>事後審査型一般競争入札</v>
          </cell>
          <cell r="FN98">
            <v>4</v>
          </cell>
          <cell r="FO98" t="str">
            <v>電子入札</v>
          </cell>
          <cell r="FS98">
            <v>1</v>
          </cell>
          <cell r="FT98" t="str">
            <v/>
          </cell>
          <cell r="FU98" t="str">
            <v/>
          </cell>
          <cell r="FW98" t="str">
            <v/>
          </cell>
          <cell r="FY98" t="str">
            <v/>
          </cell>
          <cell r="GC98">
            <v>1</v>
          </cell>
          <cell r="GD98">
            <v>1</v>
          </cell>
          <cell r="GE98" t="str">
            <v>契約・検査課長　松本　嘉博</v>
          </cell>
          <cell r="GF98">
            <v>287</v>
          </cell>
          <cell r="GG98" t="str">
            <v>伊藤造園土木(株)</v>
          </cell>
          <cell r="GH98">
            <v>10120000</v>
          </cell>
          <cell r="GI98">
            <v>920000</v>
          </cell>
          <cell r="GJ98">
            <v>1012000</v>
          </cell>
          <cell r="GM98" t="str">
            <v>加藤　誠</v>
          </cell>
          <cell r="GO98" t="str">
            <v>加藤　誠</v>
          </cell>
          <cell r="GT98" t="str">
            <v/>
          </cell>
          <cell r="GV98">
            <v>46500</v>
          </cell>
          <cell r="GW98">
            <v>4.5948616600790517</v>
          </cell>
          <cell r="GX98">
            <v>44131</v>
          </cell>
          <cell r="GY98">
            <v>10893300</v>
          </cell>
          <cell r="GZ98">
            <v>10200300</v>
          </cell>
          <cell r="HN98" t="str">
            <v>現地精査の結果、数量に増減が発生したため設計変更を行う。</v>
          </cell>
          <cell r="HO98">
            <v>1</v>
          </cell>
          <cell r="HP98">
            <v>8600000</v>
          </cell>
          <cell r="HQ98">
            <v>9200000</v>
          </cell>
          <cell r="HR98">
            <v>9780000</v>
          </cell>
          <cell r="HS98">
            <v>9800000</v>
          </cell>
          <cell r="JD98" t="str">
            <v/>
          </cell>
          <cell r="JE98" t="str">
            <v/>
          </cell>
          <cell r="JF98" t="str">
            <v/>
          </cell>
          <cell r="JG98" t="str">
            <v/>
          </cell>
          <cell r="JH98" t="str">
            <v/>
          </cell>
          <cell r="JI98" t="str">
            <v/>
          </cell>
          <cell r="JJ98">
            <v>4</v>
          </cell>
          <cell r="JK98">
            <v>4</v>
          </cell>
          <cell r="JL98" t="str">
            <v/>
          </cell>
          <cell r="JM98" t="str">
            <v/>
          </cell>
          <cell r="JN98" t="str">
            <v/>
          </cell>
          <cell r="JO98" t="str">
            <v/>
          </cell>
          <cell r="JP98" t="str">
            <v/>
          </cell>
          <cell r="JQ98" t="str">
            <v/>
          </cell>
          <cell r="JR98" t="str">
            <v/>
          </cell>
          <cell r="JS98" t="str">
            <v/>
          </cell>
          <cell r="JT98" t="str">
            <v/>
          </cell>
          <cell r="JU98" t="str">
            <v/>
          </cell>
          <cell r="JV98" t="str">
            <v/>
          </cell>
          <cell r="JW98" t="str">
            <v/>
          </cell>
          <cell r="JX98" t="str">
            <v/>
          </cell>
          <cell r="JY98" t="str">
            <v/>
          </cell>
          <cell r="JZ98">
            <v>0.93686354378818737</v>
          </cell>
        </row>
        <row r="99">
          <cell r="C99" t="str">
            <v/>
          </cell>
          <cell r="D99" t="str">
            <v/>
          </cell>
          <cell r="E99" t="str">
            <v/>
          </cell>
          <cell r="I99">
            <v>91</v>
          </cell>
          <cell r="M99" t="str">
            <v>令和２年度街区調査委託業務</v>
          </cell>
          <cell r="Q99" t="str">
            <v>街区調査</v>
          </cell>
          <cell r="Y99">
            <v>1</v>
          </cell>
          <cell r="AC99">
            <v>8</v>
          </cell>
          <cell r="AD99">
            <v>8</v>
          </cell>
          <cell r="AI99" t="str">
            <v>伊丹市瑞穂町５丁目の一部</v>
          </cell>
          <cell r="AM99" t="str">
            <v xml:space="preserve">・復元測量　０．０４ｋｍ2
・Ｅ工程（一筆地調査）　０．０４ｋｍ2
・Ｅ工程（筆界基準杭）　０．０４ｋｍ2
・Ｆ工程（地籍細部測量FⅠ）　０．０４ｋｍ2
・Ｆ工程（一筆地測量FⅡ-1）　０．０４ｋｍ2
・Ｆ工程（街区調査図作成等FⅡ-2）　０．０４ｋｍ2
・Ｇ工程（地籍測定）　０．０４ｋｍ2
・Ｈ工程（街区整理簿の作成）　０．０４ｋｍ2
・打合せ　一式
</v>
          </cell>
          <cell r="AQ99">
            <v>1</v>
          </cell>
          <cell r="AY99">
            <v>44019</v>
          </cell>
          <cell r="AZ99">
            <v>44022</v>
          </cell>
          <cell r="BA99">
            <v>249</v>
          </cell>
          <cell r="BB99">
            <v>44270</v>
          </cell>
          <cell r="BC99">
            <v>13</v>
          </cell>
          <cell r="BD99" t="str">
            <v>○</v>
          </cell>
          <cell r="BE99" t="str">
            <v/>
          </cell>
          <cell r="BF99">
            <v>0.41805555555555557</v>
          </cell>
          <cell r="BG99">
            <v>7184</v>
          </cell>
          <cell r="BH99" t="str">
            <v>松原　剛</v>
          </cell>
          <cell r="BI99" t="str">
            <v>土地調査課</v>
          </cell>
          <cell r="BJ99">
            <v>4554</v>
          </cell>
          <cell r="BN99" t="str">
            <v>他</v>
          </cell>
          <cell r="BO99">
            <v>36</v>
          </cell>
          <cell r="BS99">
            <v>4572000</v>
          </cell>
          <cell r="BT99">
            <v>4150000</v>
          </cell>
          <cell r="BU99" t="str">
            <v/>
          </cell>
          <cell r="BV99" t="str">
            <v/>
          </cell>
          <cell r="CD99" t="str">
            <v/>
          </cell>
          <cell r="CH99">
            <v>50</v>
          </cell>
          <cell r="CI99">
            <v>43999</v>
          </cell>
          <cell r="CK99" t="str">
            <v>兵庫県内に本店又は支店</v>
          </cell>
          <cell r="CP99">
            <v>97273</v>
          </cell>
          <cell r="CT99" t="str">
            <v>請負金額が200万円以上</v>
          </cell>
          <cell r="CW99">
            <v>44011</v>
          </cell>
          <cell r="CX99" t="str">
            <v/>
          </cell>
          <cell r="CY99" t="str">
            <v/>
          </cell>
          <cell r="CZ99" t="str">
            <v/>
          </cell>
          <cell r="DA99">
            <v>44006</v>
          </cell>
          <cell r="DB99">
            <v>44014</v>
          </cell>
          <cell r="DC99">
            <v>42</v>
          </cell>
          <cell r="DD99" t="str">
            <v/>
          </cell>
          <cell r="DL99">
            <v>5975</v>
          </cell>
          <cell r="DM99">
            <v>6158</v>
          </cell>
          <cell r="DN99">
            <v>5055</v>
          </cell>
          <cell r="DO99">
            <v>5397</v>
          </cell>
          <cell r="DP99">
            <v>5017</v>
          </cell>
          <cell r="DQ99">
            <v>5574</v>
          </cell>
          <cell r="EZ99">
            <v>6</v>
          </cell>
          <cell r="FA99">
            <v>6</v>
          </cell>
          <cell r="FI99">
            <v>4</v>
          </cell>
          <cell r="FJ99" t="str">
            <v>事後審査型一般競争入札</v>
          </cell>
          <cell r="FN99">
            <v>4</v>
          </cell>
          <cell r="FO99" t="str">
            <v>電子入札</v>
          </cell>
          <cell r="FS99">
            <v>2</v>
          </cell>
          <cell r="FT99" t="str">
            <v/>
          </cell>
          <cell r="FU99" t="str">
            <v/>
          </cell>
          <cell r="FW99" t="str">
            <v/>
          </cell>
          <cell r="FY99" t="str">
            <v/>
          </cell>
          <cell r="GD99">
            <v>1</v>
          </cell>
          <cell r="GE99" t="str">
            <v>契約・検査課長　松本　嘉博</v>
          </cell>
          <cell r="GF99">
            <v>5975</v>
          </cell>
          <cell r="GG99" t="str">
            <v>南海測量設計(株)</v>
          </cell>
          <cell r="GH99">
            <v>3905000</v>
          </cell>
          <cell r="GI99">
            <v>355000</v>
          </cell>
          <cell r="GJ99">
            <v>391000</v>
          </cell>
          <cell r="GL99" t="str">
            <v>測量士,地籍調査管理技術者,地籍主任調査員,地籍工程管理士</v>
          </cell>
          <cell r="GM99" t="str">
            <v>井関　哲郎</v>
          </cell>
          <cell r="GN99" t="str">
            <v>測量士,地籍総合技術監理者,地籍調査管理技術者,地籍主任調査員,地籍工程管理士</v>
          </cell>
          <cell r="GO99" t="str">
            <v>山本　学</v>
          </cell>
          <cell r="GT99" t="str">
            <v/>
          </cell>
          <cell r="GW99" t="str">
            <v/>
          </cell>
          <cell r="HO99" t="str">
            <v/>
          </cell>
          <cell r="HP99">
            <v>3550000</v>
          </cell>
          <cell r="HQ99">
            <v>3700000</v>
          </cell>
          <cell r="HR99">
            <v>3950000</v>
          </cell>
          <cell r="HS99">
            <v>4150000</v>
          </cell>
          <cell r="HT99" t="str">
            <v>-</v>
          </cell>
          <cell r="HU99" t="str">
            <v>-</v>
          </cell>
          <cell r="JD99" t="str">
            <v/>
          </cell>
          <cell r="JE99" t="str">
            <v/>
          </cell>
          <cell r="JF99" t="str">
            <v/>
          </cell>
          <cell r="JG99" t="str">
            <v/>
          </cell>
          <cell r="JH99" t="str">
            <v/>
          </cell>
          <cell r="JI99" t="str">
            <v/>
          </cell>
          <cell r="JJ99" t="str">
            <v/>
          </cell>
          <cell r="JK99" t="str">
            <v/>
          </cell>
          <cell r="JL99" t="str">
            <v/>
          </cell>
          <cell r="JM99" t="str">
            <v/>
          </cell>
          <cell r="JN99" t="str">
            <v/>
          </cell>
          <cell r="JO99" t="str">
            <v/>
          </cell>
          <cell r="JP99" t="str">
            <v/>
          </cell>
          <cell r="JQ99" t="str">
            <v/>
          </cell>
          <cell r="JR99" t="str">
            <v/>
          </cell>
          <cell r="JS99" t="str">
            <v/>
          </cell>
          <cell r="JT99" t="str">
            <v/>
          </cell>
          <cell r="JU99" t="str">
            <v/>
          </cell>
          <cell r="JV99" t="str">
            <v/>
          </cell>
          <cell r="JW99" t="str">
            <v/>
          </cell>
          <cell r="JX99">
            <v>36</v>
          </cell>
          <cell r="JY99">
            <v>33</v>
          </cell>
          <cell r="JZ99">
            <v>0.85542168674698782</v>
          </cell>
        </row>
        <row r="100">
          <cell r="C100" t="str">
            <v/>
          </cell>
          <cell r="D100" t="str">
            <v/>
          </cell>
          <cell r="E100" t="str">
            <v/>
          </cell>
          <cell r="I100">
            <v>92</v>
          </cell>
          <cell r="M100" t="str">
            <v>令和２年度（都）山田伊丹線（昆陽泉町工区）物件調査委託業務（その２）</v>
          </cell>
          <cell r="Q100" t="str">
            <v>山伊物件調査</v>
          </cell>
          <cell r="Y100">
            <v>1</v>
          </cell>
          <cell r="AC100">
            <v>8</v>
          </cell>
          <cell r="AD100">
            <v>14</v>
          </cell>
          <cell r="AI100" t="str">
            <v>伊丹市昆陽南３丁目外地内</v>
          </cell>
          <cell r="AM100" t="str">
            <v>建物調査
附帯工作物調査
補償費算定(物件補償）</v>
          </cell>
          <cell r="AQ100">
            <v>1</v>
          </cell>
          <cell r="AY100">
            <v>44019</v>
          </cell>
          <cell r="AZ100">
            <v>44022</v>
          </cell>
          <cell r="BA100">
            <v>144</v>
          </cell>
          <cell r="BB100">
            <v>44165</v>
          </cell>
          <cell r="BC100">
            <v>13</v>
          </cell>
          <cell r="BD100" t="str">
            <v>○</v>
          </cell>
          <cell r="BE100" t="str">
            <v/>
          </cell>
          <cell r="BF100">
            <v>0.41736111111111113</v>
          </cell>
          <cell r="BG100">
            <v>6632</v>
          </cell>
          <cell r="BH100" t="str">
            <v>笹部  琢也</v>
          </cell>
          <cell r="BI100" t="str">
            <v>道路建設課</v>
          </cell>
          <cell r="BJ100">
            <v>3071</v>
          </cell>
          <cell r="BN100" t="str">
            <v>他</v>
          </cell>
          <cell r="BO100">
            <v>38</v>
          </cell>
          <cell r="BS100">
            <v>4396700</v>
          </cell>
          <cell r="BT100">
            <v>3990000</v>
          </cell>
          <cell r="BU100" t="str">
            <v/>
          </cell>
          <cell r="BV100" t="str">
            <v/>
          </cell>
          <cell r="CD100" t="str">
            <v/>
          </cell>
          <cell r="CH100">
            <v>48</v>
          </cell>
          <cell r="CI100">
            <v>43999</v>
          </cell>
          <cell r="CK100" t="str">
            <v>兵庫県内又は、大阪府内に本店又は支店</v>
          </cell>
          <cell r="CP100">
            <v>76227</v>
          </cell>
          <cell r="CW100">
            <v>44011</v>
          </cell>
          <cell r="CX100" t="str">
            <v/>
          </cell>
          <cell r="CY100" t="str">
            <v/>
          </cell>
          <cell r="CZ100" t="str">
            <v/>
          </cell>
          <cell r="DA100">
            <v>44006</v>
          </cell>
          <cell r="DB100">
            <v>44013</v>
          </cell>
          <cell r="DC100">
            <v>52</v>
          </cell>
          <cell r="DD100" t="str">
            <v/>
          </cell>
          <cell r="DL100">
            <v>6161</v>
          </cell>
          <cell r="DM100">
            <v>6286</v>
          </cell>
          <cell r="DN100">
            <v>5596</v>
          </cell>
          <cell r="DO100">
            <v>5211</v>
          </cell>
          <cell r="DP100">
            <v>5368</v>
          </cell>
          <cell r="DQ100">
            <v>5485</v>
          </cell>
          <cell r="DR100">
            <v>5397</v>
          </cell>
          <cell r="DS100">
            <v>5630</v>
          </cell>
          <cell r="DT100">
            <v>6393</v>
          </cell>
          <cell r="DU100">
            <v>6306</v>
          </cell>
          <cell r="DV100">
            <v>6346</v>
          </cell>
          <cell r="DW100">
            <v>5183</v>
          </cell>
          <cell r="DX100">
            <v>5200</v>
          </cell>
          <cell r="EZ100">
            <v>13</v>
          </cell>
          <cell r="FA100">
            <v>6</v>
          </cell>
          <cell r="FI100">
            <v>4</v>
          </cell>
          <cell r="FJ100" t="str">
            <v>事後審査型一般競争入札</v>
          </cell>
          <cell r="FN100">
            <v>4</v>
          </cell>
          <cell r="FO100" t="str">
            <v>電子入札</v>
          </cell>
          <cell r="FS100">
            <v>2</v>
          </cell>
          <cell r="FT100" t="str">
            <v/>
          </cell>
          <cell r="FU100" t="str">
            <v/>
          </cell>
          <cell r="FW100" t="str">
            <v/>
          </cell>
          <cell r="FY100" t="str">
            <v/>
          </cell>
          <cell r="GD100">
            <v>1</v>
          </cell>
          <cell r="GE100" t="str">
            <v>契約・検査課長　松本　嘉博</v>
          </cell>
          <cell r="GF100">
            <v>6161</v>
          </cell>
          <cell r="GG100" t="str">
            <v>(株)浜名技術コンサルタント</v>
          </cell>
          <cell r="GH100">
            <v>3025000</v>
          </cell>
          <cell r="GI100">
            <v>275000</v>
          </cell>
          <cell r="GJ100">
            <v>303000</v>
          </cell>
          <cell r="GL100" t="str">
            <v>一級建築士,補償業務管理士(物件・事業損失)</v>
          </cell>
          <cell r="GM100" t="str">
            <v>田中　善次</v>
          </cell>
          <cell r="GN100" t="str">
            <v>一級建築士,補償業務管理士(物件・事業損失)</v>
          </cell>
          <cell r="GO100" t="str">
            <v>田中　善次</v>
          </cell>
          <cell r="GT100" t="str">
            <v/>
          </cell>
          <cell r="GW100" t="str">
            <v/>
          </cell>
          <cell r="HO100" t="str">
            <v/>
          </cell>
          <cell r="HP100">
            <v>2750000</v>
          </cell>
          <cell r="HQ100">
            <v>2790000</v>
          </cell>
          <cell r="HR100">
            <v>2950000</v>
          </cell>
          <cell r="HS100">
            <v>2990000</v>
          </cell>
          <cell r="HT100">
            <v>3140000</v>
          </cell>
          <cell r="HU100">
            <v>3190000</v>
          </cell>
          <cell r="HV100">
            <v>3192000</v>
          </cell>
          <cell r="HW100">
            <v>3200000</v>
          </cell>
          <cell r="HX100">
            <v>3400000</v>
          </cell>
          <cell r="HY100">
            <v>3591000</v>
          </cell>
          <cell r="HZ100">
            <v>3700000</v>
          </cell>
          <cell r="IA100">
            <v>3900000</v>
          </cell>
          <cell r="IB100">
            <v>3990000</v>
          </cell>
          <cell r="JD100" t="str">
            <v/>
          </cell>
          <cell r="JE100" t="str">
            <v/>
          </cell>
          <cell r="JF100" t="str">
            <v/>
          </cell>
          <cell r="JG100" t="str">
            <v/>
          </cell>
          <cell r="JH100" t="str">
            <v/>
          </cell>
          <cell r="JI100" t="str">
            <v/>
          </cell>
          <cell r="JJ100" t="str">
            <v/>
          </cell>
          <cell r="JK100" t="str">
            <v/>
          </cell>
          <cell r="JL100" t="str">
            <v/>
          </cell>
          <cell r="JM100" t="str">
            <v/>
          </cell>
          <cell r="JN100" t="str">
            <v/>
          </cell>
          <cell r="JO100" t="str">
            <v/>
          </cell>
          <cell r="JP100" t="str">
            <v/>
          </cell>
          <cell r="JQ100" t="str">
            <v/>
          </cell>
          <cell r="JR100" t="str">
            <v/>
          </cell>
          <cell r="JS100" t="str">
            <v/>
          </cell>
          <cell r="JT100" t="str">
            <v/>
          </cell>
          <cell r="JU100" t="str">
            <v/>
          </cell>
          <cell r="JV100" t="str">
            <v/>
          </cell>
          <cell r="JW100" t="str">
            <v/>
          </cell>
          <cell r="JX100">
            <v>38</v>
          </cell>
          <cell r="JY100">
            <v>35</v>
          </cell>
          <cell r="JZ100">
            <v>0.68922305764411029</v>
          </cell>
        </row>
        <row r="101">
          <cell r="C101" t="str">
            <v/>
          </cell>
          <cell r="D101" t="str">
            <v/>
          </cell>
          <cell r="E101" t="str">
            <v/>
          </cell>
          <cell r="I101">
            <v>93</v>
          </cell>
          <cell r="M101" t="str">
            <v>令和２年度旧伊丹市立桜台保育所廃棄物運搬・処理委託業務</v>
          </cell>
          <cell r="Q101" t="str">
            <v>桜台保育所廃棄</v>
          </cell>
          <cell r="Y101">
            <v>1</v>
          </cell>
          <cell r="AC101">
            <v>8</v>
          </cell>
          <cell r="AD101">
            <v>8</v>
          </cell>
          <cell r="AI101" t="str">
            <v>伊丹市西野２丁目８５番地</v>
          </cell>
          <cell r="AQ101">
            <v>1</v>
          </cell>
          <cell r="AY101">
            <v>44019</v>
          </cell>
          <cell r="AZ101">
            <v>44020</v>
          </cell>
          <cell r="BA101">
            <v>24</v>
          </cell>
          <cell r="BB101">
            <v>44043</v>
          </cell>
          <cell r="BC101" t="str">
            <v/>
          </cell>
          <cell r="BD101" t="str">
            <v/>
          </cell>
          <cell r="BE101" t="str">
            <v/>
          </cell>
          <cell r="BF101">
            <v>0.41875000000000001</v>
          </cell>
          <cell r="BG101">
            <v>4146</v>
          </cell>
          <cell r="BH101" t="str">
            <v>柳田  三世子</v>
          </cell>
          <cell r="BI101" t="str">
            <v>教育保育課</v>
          </cell>
          <cell r="BJ101">
            <v>4021</v>
          </cell>
          <cell r="BN101" t="str">
            <v>他</v>
          </cell>
          <cell r="BO101">
            <v>39</v>
          </cell>
          <cell r="BS101">
            <v>965000</v>
          </cell>
          <cell r="BT101">
            <v>870000</v>
          </cell>
          <cell r="BU101" t="str">
            <v/>
          </cell>
          <cell r="BV101" t="str">
            <v/>
          </cell>
          <cell r="CD101" t="str">
            <v/>
          </cell>
          <cell r="CH101">
            <v>-40</v>
          </cell>
          <cell r="CI101">
            <v>44000</v>
          </cell>
          <cell r="CP101">
            <v>81167</v>
          </cell>
          <cell r="CW101" t="str">
            <v/>
          </cell>
          <cell r="CX101" t="str">
            <v/>
          </cell>
          <cell r="CY101" t="str">
            <v/>
          </cell>
          <cell r="CZ101" t="str">
            <v/>
          </cell>
          <cell r="DA101">
            <v>44011</v>
          </cell>
          <cell r="DB101">
            <v>44014</v>
          </cell>
          <cell r="DD101" t="str">
            <v/>
          </cell>
          <cell r="DL101">
            <v>10273</v>
          </cell>
          <cell r="DM101">
            <v>10353</v>
          </cell>
          <cell r="DN101">
            <v>10514</v>
          </cell>
          <cell r="DO101">
            <v>10886</v>
          </cell>
          <cell r="DP101">
            <v>10969</v>
          </cell>
          <cell r="DQ101">
            <v>11082</v>
          </cell>
          <cell r="DR101">
            <v>11266</v>
          </cell>
          <cell r="DS101">
            <v>11843</v>
          </cell>
          <cell r="EZ101">
            <v>8</v>
          </cell>
          <cell r="FA101">
            <v>6</v>
          </cell>
          <cell r="FI101">
            <v>5</v>
          </cell>
          <cell r="FJ101" t="str">
            <v>指名競争入札（簡易認証）</v>
          </cell>
          <cell r="FN101">
            <v>4</v>
          </cell>
          <cell r="FO101" t="str">
            <v>電子入札</v>
          </cell>
          <cell r="FS101">
            <v>5</v>
          </cell>
          <cell r="FT101" t="str">
            <v/>
          </cell>
          <cell r="FU101" t="str">
            <v/>
          </cell>
          <cell r="FW101" t="str">
            <v/>
          </cell>
          <cell r="FY101" t="str">
            <v/>
          </cell>
          <cell r="GD101">
            <v>1</v>
          </cell>
          <cell r="GE101" t="str">
            <v>契約・検査課長　松本　嘉博</v>
          </cell>
          <cell r="GF101">
            <v>10886</v>
          </cell>
          <cell r="GG101" t="str">
            <v>(株)大協</v>
          </cell>
          <cell r="GH101">
            <v>861300</v>
          </cell>
          <cell r="GI101">
            <v>78300</v>
          </cell>
          <cell r="GJ101" t="str">
            <v/>
          </cell>
          <cell r="GL101" t="str">
            <v>大型自動車免許,普通自動二輪車免許</v>
          </cell>
          <cell r="GM101" t="str">
            <v>奥野　智一</v>
          </cell>
          <cell r="GN101" t="str">
            <v>大型自動車免許,普通自動二輪車免許</v>
          </cell>
          <cell r="GO101" t="str">
            <v>奥野　智一</v>
          </cell>
          <cell r="GT101" t="str">
            <v/>
          </cell>
          <cell r="GW101" t="str">
            <v/>
          </cell>
          <cell r="HO101" t="str">
            <v/>
          </cell>
          <cell r="HP101">
            <v>850000</v>
          </cell>
          <cell r="HQ101">
            <v>870000</v>
          </cell>
          <cell r="HR101">
            <v>870000</v>
          </cell>
          <cell r="HS101">
            <v>783000</v>
          </cell>
          <cell r="HT101">
            <v>870000</v>
          </cell>
          <cell r="HU101">
            <v>870000</v>
          </cell>
          <cell r="HV101">
            <v>870000</v>
          </cell>
          <cell r="HW101">
            <v>860000</v>
          </cell>
          <cell r="JD101" t="str">
            <v/>
          </cell>
          <cell r="JE101" t="str">
            <v/>
          </cell>
          <cell r="JF101" t="str">
            <v/>
          </cell>
          <cell r="JG101" t="str">
            <v/>
          </cell>
          <cell r="JH101" t="str">
            <v/>
          </cell>
          <cell r="JI101" t="str">
            <v/>
          </cell>
          <cell r="JJ101" t="str">
            <v/>
          </cell>
          <cell r="JK101" t="str">
            <v/>
          </cell>
          <cell r="JL101" t="str">
            <v/>
          </cell>
          <cell r="JM101" t="str">
            <v/>
          </cell>
          <cell r="JN101" t="str">
            <v/>
          </cell>
          <cell r="JO101" t="str">
            <v/>
          </cell>
          <cell r="JP101" t="str">
            <v/>
          </cell>
          <cell r="JQ101" t="str">
            <v/>
          </cell>
          <cell r="JR101" t="str">
            <v/>
          </cell>
          <cell r="JS101" t="str">
            <v/>
          </cell>
          <cell r="JT101" t="str">
            <v/>
          </cell>
          <cell r="JU101" t="str">
            <v/>
          </cell>
          <cell r="JV101" t="str">
            <v/>
          </cell>
          <cell r="JW101" t="str">
            <v/>
          </cell>
          <cell r="JX101">
            <v>39</v>
          </cell>
          <cell r="JY101">
            <v>36</v>
          </cell>
          <cell r="JZ101">
            <v>0.89999999999999991</v>
          </cell>
        </row>
        <row r="102">
          <cell r="C102" t="str">
            <v/>
          </cell>
          <cell r="D102" t="str">
            <v/>
          </cell>
          <cell r="E102" t="str">
            <v/>
          </cell>
          <cell r="I102">
            <v>94</v>
          </cell>
          <cell r="M102" t="str">
            <v>令和２年度汎用三つ折圧着はがき（製造請負）</v>
          </cell>
          <cell r="Q102" t="str">
            <v>圧着ハガキ</v>
          </cell>
          <cell r="Y102">
            <v>1</v>
          </cell>
          <cell r="AC102">
            <v>8</v>
          </cell>
          <cell r="AD102">
            <v>3</v>
          </cell>
          <cell r="AI102" t="str">
            <v>伊丹市千僧１丁目１番地本庁７階情報管理課</v>
          </cell>
          <cell r="AQ102">
            <v>3</v>
          </cell>
          <cell r="AU102">
            <v>3</v>
          </cell>
          <cell r="AY102">
            <v>44019</v>
          </cell>
          <cell r="AZ102">
            <v>44019</v>
          </cell>
          <cell r="BA102">
            <v>238</v>
          </cell>
          <cell r="BB102">
            <v>44256</v>
          </cell>
          <cell r="BC102" t="str">
            <v/>
          </cell>
          <cell r="BD102" t="str">
            <v/>
          </cell>
          <cell r="BE102" t="str">
            <v/>
          </cell>
          <cell r="BF102">
            <v>0.58472222222222225</v>
          </cell>
          <cell r="BG102">
            <v>6940</v>
          </cell>
          <cell r="BH102" t="str">
            <v>甲  峻英</v>
          </cell>
          <cell r="BI102" t="str">
            <v>情報管理課</v>
          </cell>
          <cell r="BJ102">
            <v>2710</v>
          </cell>
          <cell r="BN102" t="str">
            <v>他</v>
          </cell>
          <cell r="BO102">
            <v>40</v>
          </cell>
          <cell r="BS102">
            <v>1385230</v>
          </cell>
          <cell r="BT102">
            <v>1250000</v>
          </cell>
          <cell r="BU102">
            <v>1</v>
          </cell>
          <cell r="BV102" t="str">
            <v/>
          </cell>
          <cell r="CD102" t="str">
            <v/>
          </cell>
          <cell r="CH102">
            <v>-41</v>
          </cell>
          <cell r="CI102">
            <v>44001</v>
          </cell>
          <cell r="CP102">
            <v>61910</v>
          </cell>
          <cell r="CW102" t="str">
            <v/>
          </cell>
          <cell r="CX102" t="str">
            <v/>
          </cell>
          <cell r="CY102" t="str">
            <v/>
          </cell>
          <cell r="CZ102" t="str">
            <v/>
          </cell>
          <cell r="DA102">
            <v>44011</v>
          </cell>
          <cell r="DB102">
            <v>44014</v>
          </cell>
          <cell r="DD102" t="str">
            <v/>
          </cell>
          <cell r="DL102">
            <v>10499</v>
          </cell>
          <cell r="DM102">
            <v>11925</v>
          </cell>
          <cell r="DN102">
            <v>12011</v>
          </cell>
          <cell r="DO102">
            <v>10310</v>
          </cell>
          <cell r="DP102">
            <v>11481</v>
          </cell>
          <cell r="DQ102">
            <v>10501</v>
          </cell>
          <cell r="DR102">
            <v>10373</v>
          </cell>
          <cell r="DS102">
            <v>12041</v>
          </cell>
          <cell r="DT102">
            <v>12735</v>
          </cell>
          <cell r="DU102">
            <v>10986</v>
          </cell>
          <cell r="DV102">
            <v>10160</v>
          </cell>
          <cell r="DW102">
            <v>10851</v>
          </cell>
          <cell r="DX102">
            <v>10130</v>
          </cell>
          <cell r="EZ102">
            <v>13</v>
          </cell>
          <cell r="FA102">
            <v>6</v>
          </cell>
          <cell r="FI102">
            <v>5</v>
          </cell>
          <cell r="FJ102" t="str">
            <v>指名競争入札（簡易認証）</v>
          </cell>
          <cell r="FN102">
            <v>4</v>
          </cell>
          <cell r="FO102" t="str">
            <v>電子入札</v>
          </cell>
          <cell r="FS102">
            <v>3</v>
          </cell>
          <cell r="FT102" t="str">
            <v/>
          </cell>
          <cell r="FU102" t="str">
            <v/>
          </cell>
          <cell r="FW102" t="str">
            <v/>
          </cell>
          <cell r="FY102" t="str">
            <v/>
          </cell>
          <cell r="GD102">
            <v>1</v>
          </cell>
          <cell r="GE102" t="str">
            <v>契約・検査課長　松本　嘉博</v>
          </cell>
          <cell r="GF102" t="str">
            <v>-</v>
          </cell>
          <cell r="GG102" t="str">
            <v>×</v>
          </cell>
          <cell r="GI102" t="str">
            <v/>
          </cell>
          <cell r="GJ102" t="str">
            <v/>
          </cell>
          <cell r="GT102" t="str">
            <v/>
          </cell>
          <cell r="GW102" t="str">
            <v/>
          </cell>
          <cell r="HO102" t="str">
            <v/>
          </cell>
          <cell r="HP102" t="str">
            <v>-</v>
          </cell>
          <cell r="HQ102">
            <v>1799000</v>
          </cell>
          <cell r="HR102" t="str">
            <v>-</v>
          </cell>
          <cell r="HS102" t="str">
            <v>-</v>
          </cell>
          <cell r="HT102" t="str">
            <v>-</v>
          </cell>
          <cell r="HU102">
            <v>1570000</v>
          </cell>
          <cell r="HV102" t="str">
            <v>-</v>
          </cell>
          <cell r="HW102" t="str">
            <v>-</v>
          </cell>
          <cell r="HX102">
            <v>3983500</v>
          </cell>
          <cell r="HY102" t="str">
            <v>-</v>
          </cell>
          <cell r="HZ102">
            <v>1482120</v>
          </cell>
          <cell r="IA102" t="str">
            <v>-</v>
          </cell>
          <cell r="IB102" t="str">
            <v>-</v>
          </cell>
          <cell r="JD102" t="str">
            <v/>
          </cell>
          <cell r="JE102" t="str">
            <v/>
          </cell>
          <cell r="JF102" t="str">
            <v/>
          </cell>
          <cell r="JG102" t="str">
            <v/>
          </cell>
          <cell r="JH102" t="str">
            <v/>
          </cell>
          <cell r="JI102" t="str">
            <v/>
          </cell>
          <cell r="JJ102" t="str">
            <v/>
          </cell>
          <cell r="JK102" t="str">
            <v/>
          </cell>
          <cell r="JL102" t="str">
            <v/>
          </cell>
          <cell r="JM102" t="str">
            <v/>
          </cell>
          <cell r="JN102" t="str">
            <v/>
          </cell>
          <cell r="JO102" t="str">
            <v/>
          </cell>
          <cell r="JP102" t="str">
            <v/>
          </cell>
          <cell r="JQ102" t="str">
            <v/>
          </cell>
          <cell r="JR102" t="str">
            <v/>
          </cell>
          <cell r="JS102" t="str">
            <v/>
          </cell>
          <cell r="JT102" t="str">
            <v/>
          </cell>
          <cell r="JU102" t="str">
            <v/>
          </cell>
          <cell r="JV102" t="str">
            <v/>
          </cell>
          <cell r="JW102" t="str">
            <v/>
          </cell>
          <cell r="JX102">
            <v>40</v>
          </cell>
          <cell r="JY102">
            <v>37</v>
          </cell>
          <cell r="JZ102" t="str">
            <v/>
          </cell>
        </row>
        <row r="103">
          <cell r="C103" t="str">
            <v/>
          </cell>
          <cell r="D103" t="str">
            <v/>
          </cell>
          <cell r="E103" t="str">
            <v/>
          </cell>
          <cell r="I103">
            <v>95</v>
          </cell>
          <cell r="M103" t="str">
            <v>令和２年度伊丹市環境クリーンセンターし尿公共下水道放流施設計装設備更新工事</v>
          </cell>
          <cell r="Q103" t="str">
            <v>クし尿水更新</v>
          </cell>
          <cell r="Y103">
            <v>1</v>
          </cell>
          <cell r="AC103">
            <v>5</v>
          </cell>
          <cell r="AI103" t="str">
            <v>伊丹市岩屋２丁目２－８</v>
          </cell>
          <cell r="AM103" t="str">
            <v>計装設備工事一式</v>
          </cell>
          <cell r="AQ103">
            <v>1</v>
          </cell>
          <cell r="AY103">
            <v>44021</v>
          </cell>
          <cell r="AZ103">
            <v>44022</v>
          </cell>
          <cell r="BA103">
            <v>148</v>
          </cell>
          <cell r="BB103">
            <v>44169</v>
          </cell>
          <cell r="BC103">
            <v>8</v>
          </cell>
          <cell r="BD103" t="str">
            <v>○</v>
          </cell>
          <cell r="BE103" t="str">
            <v>○</v>
          </cell>
          <cell r="BF103">
            <v>0.41736111111111113</v>
          </cell>
          <cell r="BG103">
            <v>7915</v>
          </cell>
          <cell r="BH103" t="str">
            <v>吉川　匠</v>
          </cell>
          <cell r="BI103" t="str">
            <v>営繕課</v>
          </cell>
          <cell r="BJ103">
            <v>4878</v>
          </cell>
          <cell r="BN103" t="str">
            <v>建</v>
          </cell>
          <cell r="BO103">
            <v>11</v>
          </cell>
          <cell r="BS103">
            <v>2090000</v>
          </cell>
          <cell r="BT103">
            <v>1900000</v>
          </cell>
          <cell r="BU103">
            <v>1</v>
          </cell>
          <cell r="BV103">
            <v>1700000</v>
          </cell>
          <cell r="BW103">
            <v>1320000</v>
          </cell>
          <cell r="BX103">
            <v>28212</v>
          </cell>
          <cell r="BY103">
            <v>272079</v>
          </cell>
          <cell r="BZ103">
            <v>279709</v>
          </cell>
          <cell r="CD103" t="str">
            <v/>
          </cell>
          <cell r="CH103">
            <v>49</v>
          </cell>
          <cell r="CI103">
            <v>43998</v>
          </cell>
          <cell r="CJ103" t="str">
            <v>一般</v>
          </cell>
          <cell r="CK103" t="str">
            <v>伊丹市内に本店</v>
          </cell>
          <cell r="CL103" t="str">
            <v>400点以上</v>
          </cell>
          <cell r="CP103">
            <v>43003</v>
          </cell>
          <cell r="CT103" t="str">
            <v>右記</v>
          </cell>
          <cell r="CU103" t="str">
            <v>電気工事の施工実績を有すること。</v>
          </cell>
          <cell r="CW103">
            <v>44006</v>
          </cell>
          <cell r="CX103">
            <v>44008</v>
          </cell>
          <cell r="CY103">
            <v>44011</v>
          </cell>
          <cell r="CZ103">
            <v>44012</v>
          </cell>
          <cell r="DA103">
            <v>44013</v>
          </cell>
          <cell r="DB103">
            <v>44015</v>
          </cell>
          <cell r="DC103">
            <v>17</v>
          </cell>
          <cell r="DD103" t="str">
            <v>○</v>
          </cell>
          <cell r="DL103">
            <v>83</v>
          </cell>
          <cell r="DM103">
            <v>128</v>
          </cell>
          <cell r="DN103">
            <v>545</v>
          </cell>
          <cell r="EZ103">
            <v>3</v>
          </cell>
          <cell r="FA103">
            <v>6</v>
          </cell>
          <cell r="FI103">
            <v>1</v>
          </cell>
          <cell r="FJ103" t="str">
            <v>制限付一般競争入札</v>
          </cell>
          <cell r="FN103">
            <v>4</v>
          </cell>
          <cell r="FO103" t="str">
            <v>電子入札</v>
          </cell>
          <cell r="FS103">
            <v>1</v>
          </cell>
          <cell r="FT103" t="str">
            <v/>
          </cell>
          <cell r="FU103" t="str">
            <v/>
          </cell>
          <cell r="FW103" t="str">
            <v/>
          </cell>
          <cell r="FY103" t="str">
            <v/>
          </cell>
          <cell r="GD103">
            <v>1</v>
          </cell>
          <cell r="GE103" t="str">
            <v>契約・検査課長　松本　嘉博</v>
          </cell>
          <cell r="GF103">
            <v>83</v>
          </cell>
          <cell r="GG103" t="str">
            <v>野澤電気工事(株)</v>
          </cell>
          <cell r="GH103">
            <v>1969000</v>
          </cell>
          <cell r="GI103">
            <v>179000</v>
          </cell>
          <cell r="GJ103" t="str">
            <v/>
          </cell>
          <cell r="GL103" t="str">
            <v>１級電気工事施工管理技士,電気工事業</v>
          </cell>
          <cell r="GM103" t="str">
            <v>野澤　幹夫</v>
          </cell>
          <cell r="GN103" t="str">
            <v>１級電気工事施工管理技士,電気工事業</v>
          </cell>
          <cell r="GO103" t="str">
            <v>野澤　幹夫</v>
          </cell>
          <cell r="GP103">
            <v>44147</v>
          </cell>
          <cell r="GQ103">
            <v>70.8</v>
          </cell>
          <cell r="GT103" t="str">
            <v/>
          </cell>
          <cell r="GV103">
            <v>5890</v>
          </cell>
          <cell r="GW103">
            <v>2.991366175723718</v>
          </cell>
          <cell r="HO103" t="str">
            <v/>
          </cell>
          <cell r="HP103">
            <v>1790000</v>
          </cell>
          <cell r="HQ103" t="str">
            <v>-</v>
          </cell>
          <cell r="HR103">
            <v>1680000</v>
          </cell>
          <cell r="JD103" t="str">
            <v/>
          </cell>
          <cell r="JE103" t="str">
            <v/>
          </cell>
          <cell r="JF103" t="str">
            <v/>
          </cell>
          <cell r="JG103" t="str">
            <v/>
          </cell>
          <cell r="JH103">
            <v>11</v>
          </cell>
          <cell r="JI103">
            <v>11</v>
          </cell>
          <cell r="JJ103" t="str">
            <v/>
          </cell>
          <cell r="JK103" t="str">
            <v/>
          </cell>
          <cell r="JL103" t="str">
            <v/>
          </cell>
          <cell r="JM103" t="str">
            <v/>
          </cell>
          <cell r="JN103" t="str">
            <v/>
          </cell>
          <cell r="JO103" t="str">
            <v/>
          </cell>
          <cell r="JP103" t="str">
            <v/>
          </cell>
          <cell r="JQ103" t="str">
            <v/>
          </cell>
          <cell r="JR103" t="str">
            <v/>
          </cell>
          <cell r="JS103" t="str">
            <v/>
          </cell>
          <cell r="JT103" t="str">
            <v/>
          </cell>
          <cell r="JU103" t="str">
            <v/>
          </cell>
          <cell r="JV103" t="str">
            <v/>
          </cell>
          <cell r="JW103" t="str">
            <v/>
          </cell>
          <cell r="JX103" t="str">
            <v/>
          </cell>
          <cell r="JY103" t="str">
            <v/>
          </cell>
          <cell r="JZ103">
            <v>0.94210526315789467</v>
          </cell>
        </row>
        <row r="104">
          <cell r="C104" t="str">
            <v/>
          </cell>
          <cell r="D104" t="str">
            <v/>
          </cell>
          <cell r="E104" t="str">
            <v/>
          </cell>
          <cell r="I104">
            <v>96</v>
          </cell>
          <cell r="M104" t="str">
            <v>令和２年度伊丹市共同利用施設南畑センター測量委託業務</v>
          </cell>
          <cell r="Q104" t="str">
            <v>南畑ｾﾝ測量</v>
          </cell>
          <cell r="Y104">
            <v>1</v>
          </cell>
          <cell r="AC104">
            <v>8</v>
          </cell>
          <cell r="AD104">
            <v>14</v>
          </cell>
          <cell r="AI104" t="str">
            <v>伊丹市鴻池１丁目１６５番地内</v>
          </cell>
          <cell r="AQ104">
            <v>1</v>
          </cell>
          <cell r="AY104">
            <v>44021</v>
          </cell>
          <cell r="AZ104">
            <v>44022</v>
          </cell>
          <cell r="BA104">
            <v>83</v>
          </cell>
          <cell r="BB104">
            <v>44104</v>
          </cell>
          <cell r="BC104" t="str">
            <v/>
          </cell>
          <cell r="BD104" t="str">
            <v/>
          </cell>
          <cell r="BE104" t="str">
            <v/>
          </cell>
          <cell r="BF104">
            <v>0.41736111111111113</v>
          </cell>
          <cell r="BG104">
            <v>6631</v>
          </cell>
          <cell r="BH104" t="str">
            <v>坂田  直也</v>
          </cell>
          <cell r="BI104" t="str">
            <v>まちづくり推進課</v>
          </cell>
          <cell r="BJ104">
            <v>4373</v>
          </cell>
          <cell r="BN104" t="str">
            <v>他</v>
          </cell>
          <cell r="BO104">
            <v>41</v>
          </cell>
          <cell r="BS104">
            <v>812900</v>
          </cell>
          <cell r="BT104">
            <v>730000</v>
          </cell>
          <cell r="BU104" t="str">
            <v/>
          </cell>
          <cell r="BV104" t="str">
            <v/>
          </cell>
          <cell r="CD104" t="str">
            <v/>
          </cell>
          <cell r="CH104">
            <v>-45</v>
          </cell>
          <cell r="CI104">
            <v>44005</v>
          </cell>
          <cell r="CP104">
            <v>26273</v>
          </cell>
          <cell r="CW104" t="str">
            <v/>
          </cell>
          <cell r="CX104" t="str">
            <v/>
          </cell>
          <cell r="CY104" t="str">
            <v/>
          </cell>
          <cell r="CZ104" t="str">
            <v/>
          </cell>
          <cell r="DA104">
            <v>44012</v>
          </cell>
          <cell r="DB104">
            <v>44018</v>
          </cell>
          <cell r="DD104" t="str">
            <v/>
          </cell>
          <cell r="DL104">
            <v>5008</v>
          </cell>
          <cell r="DM104">
            <v>5023</v>
          </cell>
          <cell r="DN104">
            <v>5177</v>
          </cell>
          <cell r="DO104">
            <v>5233</v>
          </cell>
          <cell r="DP104">
            <v>5604</v>
          </cell>
          <cell r="DQ104">
            <v>5629</v>
          </cell>
          <cell r="DR104">
            <v>5770</v>
          </cell>
          <cell r="DS104">
            <v>5929</v>
          </cell>
          <cell r="DT104">
            <v>5965</v>
          </cell>
          <cell r="DU104">
            <v>6028</v>
          </cell>
          <cell r="DV104">
            <v>6345</v>
          </cell>
          <cell r="DW104">
            <v>6346</v>
          </cell>
          <cell r="EZ104">
            <v>12</v>
          </cell>
          <cell r="FA104">
            <v>6</v>
          </cell>
          <cell r="FI104">
            <v>2</v>
          </cell>
          <cell r="FJ104" t="str">
            <v>指名競争入札</v>
          </cell>
          <cell r="FN104">
            <v>4</v>
          </cell>
          <cell r="FO104" t="str">
            <v>電子入札</v>
          </cell>
          <cell r="FS104">
            <v>2</v>
          </cell>
          <cell r="FT104" t="str">
            <v/>
          </cell>
          <cell r="FU104" t="str">
            <v/>
          </cell>
          <cell r="FW104" t="str">
            <v/>
          </cell>
          <cell r="FY104" t="str">
            <v/>
          </cell>
          <cell r="GD104">
            <v>1</v>
          </cell>
          <cell r="GE104" t="str">
            <v>契約・検査課長　松本　嘉博</v>
          </cell>
          <cell r="GF104">
            <v>5604</v>
          </cell>
          <cell r="GG104" t="str">
            <v>勝和測量設計(株)</v>
          </cell>
          <cell r="GH104">
            <v>548900</v>
          </cell>
          <cell r="GI104">
            <v>49900</v>
          </cell>
          <cell r="GJ104" t="str">
            <v/>
          </cell>
          <cell r="GL104" t="str">
            <v>測量士(H12-3320号)</v>
          </cell>
          <cell r="GM104" t="str">
            <v>伴地　雄</v>
          </cell>
          <cell r="GN104" t="str">
            <v>土地家屋調査士(兵庫第1774号),測量士(S48-384号)</v>
          </cell>
          <cell r="GO104" t="str">
            <v>芝田　勝廣</v>
          </cell>
          <cell r="GT104" t="str">
            <v/>
          </cell>
          <cell r="GW104" t="str">
            <v/>
          </cell>
          <cell r="GX104">
            <v>44104</v>
          </cell>
          <cell r="GY104">
            <v>922900</v>
          </cell>
          <cell r="GZ104">
            <v>658900</v>
          </cell>
          <cell r="HA104">
            <v>44165</v>
          </cell>
          <cell r="HN104" t="str">
            <v>立会人との調整に時間を要したため。</v>
          </cell>
          <cell r="HO104">
            <v>1</v>
          </cell>
          <cell r="HP104">
            <v>730000</v>
          </cell>
          <cell r="HQ104">
            <v>598000</v>
          </cell>
          <cell r="HR104">
            <v>720000</v>
          </cell>
          <cell r="HS104">
            <v>680000</v>
          </cell>
          <cell r="HT104">
            <v>499000</v>
          </cell>
          <cell r="HU104">
            <v>500000</v>
          </cell>
          <cell r="HV104">
            <v>730000</v>
          </cell>
          <cell r="HW104">
            <v>600000</v>
          </cell>
          <cell r="HX104">
            <v>710000</v>
          </cell>
          <cell r="HY104">
            <v>730000</v>
          </cell>
          <cell r="HZ104">
            <v>650000</v>
          </cell>
          <cell r="IA104" t="str">
            <v>-</v>
          </cell>
          <cell r="JD104" t="str">
            <v/>
          </cell>
          <cell r="JE104" t="str">
            <v/>
          </cell>
          <cell r="JF104" t="str">
            <v/>
          </cell>
          <cell r="JG104" t="str">
            <v/>
          </cell>
          <cell r="JH104" t="str">
            <v/>
          </cell>
          <cell r="JI104" t="str">
            <v/>
          </cell>
          <cell r="JJ104" t="str">
            <v/>
          </cell>
          <cell r="JK104" t="str">
            <v/>
          </cell>
          <cell r="JL104" t="str">
            <v/>
          </cell>
          <cell r="JM104" t="str">
            <v/>
          </cell>
          <cell r="JN104" t="str">
            <v/>
          </cell>
          <cell r="JO104" t="str">
            <v/>
          </cell>
          <cell r="JP104" t="str">
            <v/>
          </cell>
          <cell r="JQ104" t="str">
            <v/>
          </cell>
          <cell r="JR104" t="str">
            <v/>
          </cell>
          <cell r="JS104" t="str">
            <v/>
          </cell>
          <cell r="JT104" t="str">
            <v/>
          </cell>
          <cell r="JU104" t="str">
            <v/>
          </cell>
          <cell r="JV104" t="str">
            <v/>
          </cell>
          <cell r="JW104" t="str">
            <v/>
          </cell>
          <cell r="JX104">
            <v>41</v>
          </cell>
          <cell r="JY104">
            <v>38</v>
          </cell>
          <cell r="JZ104">
            <v>0.68356164383561635</v>
          </cell>
        </row>
        <row r="105">
          <cell r="C105" t="str">
            <v/>
          </cell>
          <cell r="D105" t="str">
            <v/>
          </cell>
          <cell r="E105" t="str">
            <v/>
          </cell>
          <cell r="I105">
            <v>97</v>
          </cell>
          <cell r="M105" t="str">
            <v>令和２年度納税通知書等刷成及び封入封緘業務</v>
          </cell>
          <cell r="Q105" t="str">
            <v>資納通封入封緘</v>
          </cell>
          <cell r="Y105">
            <v>1</v>
          </cell>
          <cell r="AC105">
            <v>8</v>
          </cell>
          <cell r="AD105">
            <v>8</v>
          </cell>
          <cell r="AI105" t="str">
            <v>伊丹市</v>
          </cell>
          <cell r="AQ105">
            <v>1</v>
          </cell>
          <cell r="AY105">
            <v>44029</v>
          </cell>
          <cell r="AZ105">
            <v>44032</v>
          </cell>
          <cell r="BA105">
            <v>255</v>
          </cell>
          <cell r="BB105">
            <v>44286</v>
          </cell>
          <cell r="BC105" t="str">
            <v/>
          </cell>
          <cell r="BD105" t="str">
            <v/>
          </cell>
          <cell r="BE105" t="str">
            <v/>
          </cell>
          <cell r="BF105">
            <v>0.41736111111111113</v>
          </cell>
          <cell r="BG105">
            <v>7876</v>
          </cell>
          <cell r="BH105" t="str">
            <v>増田　裕紀</v>
          </cell>
          <cell r="BI105" t="str">
            <v>資産税課</v>
          </cell>
          <cell r="BJ105">
            <v>4831</v>
          </cell>
          <cell r="BN105" t="str">
            <v>他</v>
          </cell>
          <cell r="BO105">
            <v>42</v>
          </cell>
          <cell r="BS105">
            <v>4686880</v>
          </cell>
          <cell r="BT105">
            <v>4260000</v>
          </cell>
          <cell r="BU105">
            <v>1</v>
          </cell>
          <cell r="BV105" t="str">
            <v/>
          </cell>
          <cell r="CD105" t="str">
            <v/>
          </cell>
          <cell r="CH105">
            <v>-42</v>
          </cell>
          <cell r="CI105">
            <v>44014</v>
          </cell>
          <cell r="CP105">
            <v>14473</v>
          </cell>
          <cell r="CW105" t="str">
            <v/>
          </cell>
          <cell r="CX105" t="str">
            <v/>
          </cell>
          <cell r="CY105" t="str">
            <v/>
          </cell>
          <cell r="CZ105" t="str">
            <v/>
          </cell>
          <cell r="DA105">
            <v>44022</v>
          </cell>
          <cell r="DB105">
            <v>44026</v>
          </cell>
          <cell r="DD105" t="str">
            <v/>
          </cell>
          <cell r="DL105">
            <v>10945</v>
          </cell>
          <cell r="DM105">
            <v>11925</v>
          </cell>
          <cell r="DN105">
            <v>11479</v>
          </cell>
          <cell r="DO105">
            <v>10501</v>
          </cell>
          <cell r="DP105">
            <v>10750</v>
          </cell>
          <cell r="DQ105">
            <v>10986</v>
          </cell>
          <cell r="DR105">
            <v>11595</v>
          </cell>
          <cell r="DS105">
            <v>12853</v>
          </cell>
          <cell r="DT105">
            <v>10851</v>
          </cell>
          <cell r="DU105">
            <v>11481</v>
          </cell>
          <cell r="DV105">
            <v>10160</v>
          </cell>
          <cell r="DW105">
            <v>10130</v>
          </cell>
          <cell r="EZ105">
            <v>12</v>
          </cell>
          <cell r="FA105">
            <v>6</v>
          </cell>
          <cell r="FI105">
            <v>5</v>
          </cell>
          <cell r="FJ105" t="str">
            <v>指名競争入札（簡易認証）</v>
          </cell>
          <cell r="FN105">
            <v>4</v>
          </cell>
          <cell r="FO105" t="str">
            <v>電子入札</v>
          </cell>
          <cell r="FS105">
            <v>5</v>
          </cell>
          <cell r="FT105" t="str">
            <v/>
          </cell>
          <cell r="FU105" t="str">
            <v/>
          </cell>
          <cell r="FW105" t="str">
            <v/>
          </cell>
          <cell r="FY105" t="str">
            <v/>
          </cell>
          <cell r="GD105">
            <v>1</v>
          </cell>
          <cell r="GE105" t="str">
            <v>契約・検査課長　松本　嘉博</v>
          </cell>
          <cell r="GF105" t="str">
            <v>-</v>
          </cell>
          <cell r="GG105" t="str">
            <v>×</v>
          </cell>
          <cell r="GI105" t="str">
            <v/>
          </cell>
          <cell r="GJ105" t="str">
            <v/>
          </cell>
          <cell r="GT105" t="str">
            <v/>
          </cell>
          <cell r="GW105" t="str">
            <v/>
          </cell>
          <cell r="HO105" t="str">
            <v/>
          </cell>
          <cell r="HP105">
            <v>4338500</v>
          </cell>
          <cell r="HQ105">
            <v>4779000</v>
          </cell>
          <cell r="HR105" t="str">
            <v>-</v>
          </cell>
          <cell r="HS105" t="str">
            <v>-</v>
          </cell>
          <cell r="HT105" t="str">
            <v>-</v>
          </cell>
          <cell r="HU105" t="str">
            <v>-</v>
          </cell>
          <cell r="HV105" t="str">
            <v>-</v>
          </cell>
          <cell r="HW105" t="str">
            <v>-</v>
          </cell>
          <cell r="HX105" t="str">
            <v>-</v>
          </cell>
          <cell r="HY105">
            <v>5180000</v>
          </cell>
          <cell r="HZ105" t="str">
            <v>-</v>
          </cell>
          <cell r="IA105" t="str">
            <v>-</v>
          </cell>
          <cell r="JD105" t="str">
            <v/>
          </cell>
          <cell r="JE105" t="str">
            <v/>
          </cell>
          <cell r="JF105" t="str">
            <v/>
          </cell>
          <cell r="JG105" t="str">
            <v/>
          </cell>
          <cell r="JH105" t="str">
            <v/>
          </cell>
          <cell r="JI105" t="str">
            <v/>
          </cell>
          <cell r="JJ105" t="str">
            <v/>
          </cell>
          <cell r="JK105" t="str">
            <v/>
          </cell>
          <cell r="JL105" t="str">
            <v/>
          </cell>
          <cell r="JM105" t="str">
            <v/>
          </cell>
          <cell r="JN105" t="str">
            <v/>
          </cell>
          <cell r="JO105" t="str">
            <v/>
          </cell>
          <cell r="JP105" t="str">
            <v/>
          </cell>
          <cell r="JQ105" t="str">
            <v/>
          </cell>
          <cell r="JR105" t="str">
            <v/>
          </cell>
          <cell r="JS105" t="str">
            <v/>
          </cell>
          <cell r="JT105" t="str">
            <v/>
          </cell>
          <cell r="JU105" t="str">
            <v/>
          </cell>
          <cell r="JV105" t="str">
            <v/>
          </cell>
          <cell r="JW105" t="str">
            <v/>
          </cell>
          <cell r="JX105">
            <v>42</v>
          </cell>
          <cell r="JY105">
            <v>39</v>
          </cell>
          <cell r="JZ105" t="str">
            <v/>
          </cell>
        </row>
        <row r="106">
          <cell r="C106" t="str">
            <v/>
          </cell>
          <cell r="D106" t="str">
            <v/>
          </cell>
          <cell r="E106" t="str">
            <v/>
          </cell>
          <cell r="I106">
            <v>98</v>
          </cell>
          <cell r="M106" t="str">
            <v>令和２年度市営住宅等埋設ガス管改修工事</v>
          </cell>
          <cell r="Q106" t="str">
            <v>市住埋ガ管改</v>
          </cell>
          <cell r="Y106">
            <v>1</v>
          </cell>
          <cell r="AC106">
            <v>4</v>
          </cell>
          <cell r="AI106" t="str">
            <v>伊丹市南野北６丁目２番地１他</v>
          </cell>
          <cell r="AM106" t="str">
            <v>ガス設備改修工事一式</v>
          </cell>
          <cell r="AQ106">
            <v>2</v>
          </cell>
          <cell r="AY106">
            <v>44033</v>
          </cell>
          <cell r="AZ106">
            <v>44034</v>
          </cell>
          <cell r="BA106">
            <v>157</v>
          </cell>
          <cell r="BB106">
            <v>44190</v>
          </cell>
          <cell r="BC106">
            <v>12</v>
          </cell>
          <cell r="BD106" t="str">
            <v>○</v>
          </cell>
          <cell r="BE106" t="str">
            <v>○</v>
          </cell>
          <cell r="BF106">
            <v>0.41736111111111113</v>
          </cell>
          <cell r="BG106">
            <v>7642</v>
          </cell>
          <cell r="BH106" t="str">
            <v>助田  輝</v>
          </cell>
          <cell r="BI106" t="str">
            <v>営繕課</v>
          </cell>
          <cell r="BJ106">
            <v>4670</v>
          </cell>
          <cell r="BN106" t="str">
            <v>建</v>
          </cell>
          <cell r="BO106">
            <v>12</v>
          </cell>
          <cell r="BS106">
            <v>17050000</v>
          </cell>
          <cell r="BT106">
            <v>15500000</v>
          </cell>
          <cell r="BU106">
            <v>1</v>
          </cell>
          <cell r="BV106">
            <v>14020000</v>
          </cell>
          <cell r="BW106">
            <v>10822075</v>
          </cell>
          <cell r="BX106">
            <v>736293</v>
          </cell>
          <cell r="BY106">
            <v>1991182</v>
          </cell>
          <cell r="BZ106">
            <v>1950450</v>
          </cell>
          <cell r="CD106" t="str">
            <v/>
          </cell>
          <cell r="CH106">
            <v>52</v>
          </cell>
          <cell r="CI106">
            <v>44004</v>
          </cell>
          <cell r="CJ106" t="str">
            <v>一般</v>
          </cell>
          <cell r="CK106" t="str">
            <v>尼崎市、西宮市、芦屋市、宝塚市、川西市、伊丹市内に本店を有すること。又は伊丹市内に支店</v>
          </cell>
          <cell r="CL106" t="str">
            <v>伊丹市内に本店を有する者においては400点以上、その他の者においては700点以上</v>
          </cell>
          <cell r="CP106">
            <v>93699</v>
          </cell>
          <cell r="CT106" t="str">
            <v>請負金額が700万円以上(伊丹市内に本店を有する者においては400万円以上)</v>
          </cell>
          <cell r="CW106">
            <v>44012</v>
          </cell>
          <cell r="CX106">
            <v>44014</v>
          </cell>
          <cell r="CY106">
            <v>44015</v>
          </cell>
          <cell r="CZ106">
            <v>44018</v>
          </cell>
          <cell r="DA106">
            <v>44019</v>
          </cell>
          <cell r="DB106">
            <v>44025</v>
          </cell>
          <cell r="DC106">
            <v>25</v>
          </cell>
          <cell r="DD106" t="str">
            <v>○</v>
          </cell>
          <cell r="DL106">
            <v>63</v>
          </cell>
          <cell r="EZ106">
            <v>1</v>
          </cell>
          <cell r="FA106">
            <v>8</v>
          </cell>
          <cell r="FI106">
            <v>1</v>
          </cell>
          <cell r="FJ106" t="str">
            <v>制限付一般競争入札</v>
          </cell>
          <cell r="FN106">
            <v>4</v>
          </cell>
          <cell r="FO106" t="str">
            <v>電子入札</v>
          </cell>
          <cell r="FS106">
            <v>1</v>
          </cell>
          <cell r="FT106" t="str">
            <v/>
          </cell>
          <cell r="FU106" t="str">
            <v/>
          </cell>
          <cell r="FW106" t="str">
            <v/>
          </cell>
          <cell r="FY106" t="str">
            <v/>
          </cell>
          <cell r="GD106">
            <v>1</v>
          </cell>
          <cell r="GE106" t="str">
            <v>契約・検査課長　松本　嘉博</v>
          </cell>
          <cell r="GF106" t="str">
            <v>-</v>
          </cell>
          <cell r="GG106" t="str">
            <v>×</v>
          </cell>
          <cell r="GI106" t="str">
            <v/>
          </cell>
          <cell r="GJ106" t="str">
            <v/>
          </cell>
          <cell r="GT106" t="str">
            <v/>
          </cell>
          <cell r="GW106" t="str">
            <v/>
          </cell>
          <cell r="HO106" t="str">
            <v/>
          </cell>
          <cell r="HP106" t="str">
            <v>-</v>
          </cell>
          <cell r="JD106" t="str">
            <v/>
          </cell>
          <cell r="JE106" t="str">
            <v/>
          </cell>
          <cell r="JF106" t="str">
            <v/>
          </cell>
          <cell r="JG106" t="str">
            <v/>
          </cell>
          <cell r="JH106">
            <v>12</v>
          </cell>
          <cell r="JI106">
            <v>12</v>
          </cell>
          <cell r="JJ106" t="str">
            <v/>
          </cell>
          <cell r="JK106" t="str">
            <v/>
          </cell>
          <cell r="JL106" t="str">
            <v/>
          </cell>
          <cell r="JM106" t="str">
            <v/>
          </cell>
          <cell r="JN106" t="str">
            <v/>
          </cell>
          <cell r="JO106" t="str">
            <v/>
          </cell>
          <cell r="JP106" t="str">
            <v/>
          </cell>
          <cell r="JQ106" t="str">
            <v/>
          </cell>
          <cell r="JR106" t="str">
            <v/>
          </cell>
          <cell r="JS106" t="str">
            <v/>
          </cell>
          <cell r="JT106" t="str">
            <v/>
          </cell>
          <cell r="JU106" t="str">
            <v/>
          </cell>
          <cell r="JV106" t="str">
            <v/>
          </cell>
          <cell r="JW106" t="str">
            <v/>
          </cell>
          <cell r="JX106" t="str">
            <v/>
          </cell>
          <cell r="JY106" t="str">
            <v/>
          </cell>
          <cell r="JZ106" t="str">
            <v/>
          </cell>
        </row>
        <row r="107">
          <cell r="C107" t="str">
            <v/>
          </cell>
          <cell r="D107" t="str">
            <v/>
          </cell>
          <cell r="E107" t="str">
            <v/>
          </cell>
          <cell r="I107">
            <v>99</v>
          </cell>
          <cell r="M107" t="str">
            <v>令和２年度伊丹市立音楽ホール空調設備更新工事</v>
          </cell>
          <cell r="Q107" t="str">
            <v>音ホ空設更新</v>
          </cell>
          <cell r="Y107">
            <v>1</v>
          </cell>
          <cell r="AC107">
            <v>4</v>
          </cell>
          <cell r="AI107" t="str">
            <v>伊丹市宮ノ前１丁目３番３０号</v>
          </cell>
          <cell r="AM107" t="str">
            <v>空調設備更新工事一式
上記付随する建築工事及び電気設備工事一式</v>
          </cell>
          <cell r="AQ107">
            <v>2</v>
          </cell>
          <cell r="AY107">
            <v>44033</v>
          </cell>
          <cell r="AZ107">
            <v>44034</v>
          </cell>
          <cell r="BA107">
            <v>148</v>
          </cell>
          <cell r="BB107">
            <v>44181</v>
          </cell>
          <cell r="BC107">
            <v>12</v>
          </cell>
          <cell r="BD107" t="str">
            <v>○</v>
          </cell>
          <cell r="BE107" t="str">
            <v>○</v>
          </cell>
          <cell r="BF107">
            <v>0.41805555555555557</v>
          </cell>
          <cell r="BG107">
            <v>7195</v>
          </cell>
          <cell r="BH107" t="str">
            <v>鎌倉　弘貴</v>
          </cell>
          <cell r="BI107" t="str">
            <v>営繕課</v>
          </cell>
          <cell r="BJ107">
            <v>4559</v>
          </cell>
          <cell r="BN107" t="str">
            <v>建</v>
          </cell>
          <cell r="BO107">
            <v>13</v>
          </cell>
          <cell r="BS107">
            <v>16280000</v>
          </cell>
          <cell r="BT107">
            <v>14800000</v>
          </cell>
          <cell r="BU107">
            <v>1</v>
          </cell>
          <cell r="BV107">
            <v>13390000</v>
          </cell>
          <cell r="BW107">
            <v>10350352</v>
          </cell>
          <cell r="BX107">
            <v>385549</v>
          </cell>
          <cell r="BY107">
            <v>2213184</v>
          </cell>
          <cell r="BZ107">
            <v>1850915</v>
          </cell>
          <cell r="CD107" t="str">
            <v/>
          </cell>
          <cell r="CH107">
            <v>53</v>
          </cell>
          <cell r="CI107">
            <v>44004</v>
          </cell>
          <cell r="CJ107" t="str">
            <v>一般</v>
          </cell>
          <cell r="CK107" t="str">
            <v>伊丹市内に本店</v>
          </cell>
          <cell r="CL107" t="str">
            <v>400点以上</v>
          </cell>
          <cell r="CP107">
            <v>96407</v>
          </cell>
          <cell r="CT107" t="str">
            <v>右記</v>
          </cell>
          <cell r="CU107" t="str">
            <v>平成17年度以降に､国､地方公共団体又はこれらに準ずる機関(公社等)が発注した請負金額が400万円以上の管工事（空気調和設備を含む）を元請として完成した実績を有すること｡但し､建設工事共同企業体の構成員として施工したものは施工実績に含めない｡</v>
          </cell>
          <cell r="CW107">
            <v>44012</v>
          </cell>
          <cell r="CX107">
            <v>44014</v>
          </cell>
          <cell r="CY107">
            <v>44015</v>
          </cell>
          <cell r="CZ107">
            <v>44018</v>
          </cell>
          <cell r="DA107">
            <v>44019</v>
          </cell>
          <cell r="DB107">
            <v>44025</v>
          </cell>
          <cell r="DC107">
            <v>11</v>
          </cell>
          <cell r="DD107" t="str">
            <v>○</v>
          </cell>
          <cell r="DL107">
            <v>13</v>
          </cell>
          <cell r="DM107">
            <v>63</v>
          </cell>
          <cell r="DN107">
            <v>474</v>
          </cell>
          <cell r="DO107">
            <v>501</v>
          </cell>
          <cell r="EZ107">
            <v>4</v>
          </cell>
          <cell r="FA107">
            <v>8</v>
          </cell>
          <cell r="FI107">
            <v>1</v>
          </cell>
          <cell r="FJ107" t="str">
            <v>制限付一般競争入札</v>
          </cell>
          <cell r="FN107">
            <v>4</v>
          </cell>
          <cell r="FO107" t="str">
            <v>電子入札</v>
          </cell>
          <cell r="FS107">
            <v>1</v>
          </cell>
          <cell r="FT107" t="str">
            <v/>
          </cell>
          <cell r="FU107" t="str">
            <v/>
          </cell>
          <cell r="FW107" t="str">
            <v/>
          </cell>
          <cell r="FY107" t="str">
            <v/>
          </cell>
          <cell r="GB107">
            <v>1</v>
          </cell>
          <cell r="GC107">
            <v>1</v>
          </cell>
          <cell r="GD107">
            <v>1</v>
          </cell>
          <cell r="GE107" t="str">
            <v>契約・検査課長　松本　嘉博</v>
          </cell>
          <cell r="GF107">
            <v>501</v>
          </cell>
          <cell r="GG107" t="str">
            <v>アサヒ機設(株)</v>
          </cell>
          <cell r="GH107">
            <v>16060000</v>
          </cell>
          <cell r="GI107">
            <v>1460000</v>
          </cell>
          <cell r="GJ107">
            <v>1606000</v>
          </cell>
          <cell r="GL107" t="str">
            <v>１級管工事施工管理技士</v>
          </cell>
          <cell r="GM107" t="str">
            <v>大西　嚴</v>
          </cell>
          <cell r="GN107" t="str">
            <v>１級管工事施工管理技士</v>
          </cell>
          <cell r="GO107" t="str">
            <v>大西　嚴</v>
          </cell>
          <cell r="GT107" t="str">
            <v/>
          </cell>
          <cell r="GU107" t="str">
            <v>済</v>
          </cell>
          <cell r="GV107">
            <v>27900</v>
          </cell>
          <cell r="GW107">
            <v>1.7372353673723537</v>
          </cell>
          <cell r="HO107" t="str">
            <v/>
          </cell>
          <cell r="HP107" t="str">
            <v>-</v>
          </cell>
          <cell r="HQ107" t="str">
            <v>-</v>
          </cell>
          <cell r="HR107" t="str">
            <v>-</v>
          </cell>
          <cell r="HS107">
            <v>14600000</v>
          </cell>
          <cell r="JD107" t="str">
            <v/>
          </cell>
          <cell r="JE107" t="str">
            <v/>
          </cell>
          <cell r="JF107" t="str">
            <v/>
          </cell>
          <cell r="JG107" t="str">
            <v/>
          </cell>
          <cell r="JH107">
            <v>13</v>
          </cell>
          <cell r="JI107">
            <v>13</v>
          </cell>
          <cell r="JJ107" t="str">
            <v/>
          </cell>
          <cell r="JK107" t="str">
            <v/>
          </cell>
          <cell r="JL107" t="str">
            <v/>
          </cell>
          <cell r="JM107" t="str">
            <v/>
          </cell>
          <cell r="JN107" t="str">
            <v/>
          </cell>
          <cell r="JO107" t="str">
            <v/>
          </cell>
          <cell r="JP107" t="str">
            <v/>
          </cell>
          <cell r="JQ107" t="str">
            <v/>
          </cell>
          <cell r="JR107" t="str">
            <v/>
          </cell>
          <cell r="JS107" t="str">
            <v/>
          </cell>
          <cell r="JT107" t="str">
            <v/>
          </cell>
          <cell r="JU107" t="str">
            <v/>
          </cell>
          <cell r="JV107" t="str">
            <v/>
          </cell>
          <cell r="JW107" t="str">
            <v/>
          </cell>
          <cell r="JX107" t="str">
            <v/>
          </cell>
          <cell r="JY107" t="str">
            <v/>
          </cell>
          <cell r="JZ107">
            <v>0.9864864864864864</v>
          </cell>
        </row>
        <row r="108">
          <cell r="C108" t="str">
            <v/>
          </cell>
          <cell r="D108" t="str">
            <v/>
          </cell>
          <cell r="E108" t="str">
            <v/>
          </cell>
          <cell r="I108">
            <v>100</v>
          </cell>
          <cell r="M108" t="str">
            <v>令和２年度伊丹市立いけじり幼稚園空調設備改修工事</v>
          </cell>
          <cell r="Q108" t="str">
            <v>いけ幼空設改</v>
          </cell>
          <cell r="Y108">
            <v>1</v>
          </cell>
          <cell r="AC108">
            <v>4</v>
          </cell>
          <cell r="AI108" t="str">
            <v>伊丹市池尻６丁目２３１番地</v>
          </cell>
          <cell r="AM108" t="str">
            <v>空調設備更新工事一式
上記に付帯する建築工事及び電気工事一式</v>
          </cell>
          <cell r="AQ108">
            <v>2</v>
          </cell>
          <cell r="AY108">
            <v>44033</v>
          </cell>
          <cell r="AZ108">
            <v>44034</v>
          </cell>
          <cell r="BA108">
            <v>157</v>
          </cell>
          <cell r="BB108">
            <v>44190</v>
          </cell>
          <cell r="BC108">
            <v>12</v>
          </cell>
          <cell r="BD108" t="str">
            <v>○</v>
          </cell>
          <cell r="BE108" t="str">
            <v>○</v>
          </cell>
          <cell r="BF108">
            <v>0.41875000000000001</v>
          </cell>
          <cell r="BG108">
            <v>7801</v>
          </cell>
          <cell r="BH108" t="str">
            <v>堀江　仁美</v>
          </cell>
          <cell r="BI108" t="str">
            <v>営繕課</v>
          </cell>
          <cell r="BJ108">
            <v>4810</v>
          </cell>
          <cell r="BN108" t="str">
            <v>建</v>
          </cell>
          <cell r="BO108">
            <v>14</v>
          </cell>
          <cell r="BS108">
            <v>13178000</v>
          </cell>
          <cell r="BT108">
            <v>11980000</v>
          </cell>
          <cell r="BU108">
            <v>1</v>
          </cell>
          <cell r="BV108">
            <v>10780000</v>
          </cell>
          <cell r="BW108">
            <v>7850319</v>
          </cell>
          <cell r="BX108">
            <v>878263</v>
          </cell>
          <cell r="BY108">
            <v>1684089</v>
          </cell>
          <cell r="BZ108">
            <v>1567329</v>
          </cell>
          <cell r="CD108" t="str">
            <v/>
          </cell>
          <cell r="CH108">
            <v>54</v>
          </cell>
          <cell r="CI108">
            <v>44004</v>
          </cell>
          <cell r="CJ108" t="str">
            <v>一般</v>
          </cell>
          <cell r="CK108" t="str">
            <v>伊丹市内に本店</v>
          </cell>
          <cell r="CL108" t="str">
            <v>400点以上</v>
          </cell>
          <cell r="CP108">
            <v>90917</v>
          </cell>
          <cell r="CT108" t="str">
            <v>右記</v>
          </cell>
          <cell r="CU108" t="str">
            <v>平成17年度以降に､国､地方公共団体又はこれらに準ずる機関(公社等)が発注した請負金額が400万円以上の管工事（空気調和設備を含む）を元請として完成した実績を有すること｡但し､建設工事共同企業体の構成員として施工したものは施工実績に含めない｡</v>
          </cell>
          <cell r="CW108">
            <v>44012</v>
          </cell>
          <cell r="CX108">
            <v>44014</v>
          </cell>
          <cell r="CY108">
            <v>44015</v>
          </cell>
          <cell r="CZ108">
            <v>44018</v>
          </cell>
          <cell r="DA108">
            <v>44019</v>
          </cell>
          <cell r="DB108">
            <v>44025</v>
          </cell>
          <cell r="DC108">
            <v>11</v>
          </cell>
          <cell r="DD108" t="str">
            <v>○</v>
          </cell>
          <cell r="DL108">
            <v>13</v>
          </cell>
          <cell r="DM108">
            <v>63</v>
          </cell>
          <cell r="DN108">
            <v>474</v>
          </cell>
          <cell r="DO108">
            <v>501</v>
          </cell>
          <cell r="EZ108">
            <v>4</v>
          </cell>
          <cell r="FA108">
            <v>8</v>
          </cell>
          <cell r="FI108">
            <v>1</v>
          </cell>
          <cell r="FJ108" t="str">
            <v>制限付一般競争入札</v>
          </cell>
          <cell r="FN108">
            <v>4</v>
          </cell>
          <cell r="FO108" t="str">
            <v>電子入札</v>
          </cell>
          <cell r="FS108">
            <v>1</v>
          </cell>
          <cell r="FT108" t="str">
            <v/>
          </cell>
          <cell r="FU108" t="str">
            <v/>
          </cell>
          <cell r="FW108" t="str">
            <v/>
          </cell>
          <cell r="FY108" t="str">
            <v/>
          </cell>
          <cell r="GD108">
            <v>1</v>
          </cell>
          <cell r="GE108" t="str">
            <v>契約・検査課長　松本　嘉博</v>
          </cell>
          <cell r="GF108">
            <v>474</v>
          </cell>
          <cell r="GG108" t="str">
            <v>(株)三研</v>
          </cell>
          <cell r="GH108">
            <v>12980000</v>
          </cell>
          <cell r="GI108">
            <v>1180000</v>
          </cell>
          <cell r="GJ108">
            <v>1298000</v>
          </cell>
          <cell r="GL108" t="str">
            <v>２級管工事施工管理技士,１級土木施工管理技士</v>
          </cell>
          <cell r="GM108" t="str">
            <v>大西　博文</v>
          </cell>
          <cell r="GN108" t="str">
            <v>２級管工事施工管理技士,１級土木施工管理技士</v>
          </cell>
          <cell r="GO108" t="str">
            <v>大西　博文</v>
          </cell>
          <cell r="GT108" t="str">
            <v/>
          </cell>
          <cell r="GV108">
            <v>15810</v>
          </cell>
          <cell r="GW108">
            <v>1.2180277349768875</v>
          </cell>
          <cell r="HO108" t="str">
            <v/>
          </cell>
          <cell r="HP108" t="str">
            <v>-</v>
          </cell>
          <cell r="HQ108">
            <v>11980000</v>
          </cell>
          <cell r="HR108">
            <v>11800000</v>
          </cell>
          <cell r="HS108">
            <v>10310000</v>
          </cell>
          <cell r="JD108" t="str">
            <v/>
          </cell>
          <cell r="JE108" t="str">
            <v/>
          </cell>
          <cell r="JF108" t="str">
            <v/>
          </cell>
          <cell r="JG108" t="str">
            <v/>
          </cell>
          <cell r="JH108">
            <v>14</v>
          </cell>
          <cell r="JI108">
            <v>14</v>
          </cell>
          <cell r="JJ108" t="str">
            <v/>
          </cell>
          <cell r="JK108" t="str">
            <v/>
          </cell>
          <cell r="JL108" t="str">
            <v/>
          </cell>
          <cell r="JM108" t="str">
            <v/>
          </cell>
          <cell r="JN108" t="str">
            <v/>
          </cell>
          <cell r="JO108" t="str">
            <v/>
          </cell>
          <cell r="JP108" t="str">
            <v/>
          </cell>
          <cell r="JQ108" t="str">
            <v/>
          </cell>
          <cell r="JR108" t="str">
            <v/>
          </cell>
          <cell r="JS108" t="str">
            <v/>
          </cell>
          <cell r="JT108" t="str">
            <v/>
          </cell>
          <cell r="JU108" t="str">
            <v/>
          </cell>
          <cell r="JV108" t="str">
            <v/>
          </cell>
          <cell r="JW108" t="str">
            <v/>
          </cell>
          <cell r="JX108" t="str">
            <v/>
          </cell>
          <cell r="JY108" t="str">
            <v/>
          </cell>
          <cell r="JZ108">
            <v>0.98497495826377279</v>
          </cell>
        </row>
        <row r="109">
          <cell r="C109" t="str">
            <v/>
          </cell>
          <cell r="D109" t="str">
            <v/>
          </cell>
          <cell r="E109" t="str">
            <v/>
          </cell>
          <cell r="I109">
            <v>101</v>
          </cell>
          <cell r="M109" t="str">
            <v>令和２年度グランドピアノの購入</v>
          </cell>
          <cell r="Q109" t="str">
            <v>ｸﾞﾗﾝﾄﾞﾋﾟｱﾉ購入</v>
          </cell>
          <cell r="Y109">
            <v>1</v>
          </cell>
          <cell r="AC109">
            <v>8</v>
          </cell>
          <cell r="AD109">
            <v>1</v>
          </cell>
          <cell r="AI109" t="str">
            <v>伊丹市立荒牧中学校　伊丹市荒牧５丁目２番１８号</v>
          </cell>
          <cell r="AQ109">
            <v>1</v>
          </cell>
          <cell r="AY109">
            <v>44029</v>
          </cell>
          <cell r="AZ109">
            <v>44032</v>
          </cell>
          <cell r="BA109">
            <v>43</v>
          </cell>
          <cell r="BB109">
            <v>44074</v>
          </cell>
          <cell r="BC109" t="str">
            <v/>
          </cell>
          <cell r="BD109" t="str">
            <v/>
          </cell>
          <cell r="BE109" t="str">
            <v/>
          </cell>
          <cell r="BF109">
            <v>0.41805555555555557</v>
          </cell>
          <cell r="BG109">
            <v>6957</v>
          </cell>
          <cell r="BH109" t="str">
            <v>祝  優美子</v>
          </cell>
          <cell r="BI109" t="str">
            <v>教育政策課</v>
          </cell>
          <cell r="BJ109">
            <v>2305</v>
          </cell>
          <cell r="BN109" t="str">
            <v>物</v>
          </cell>
          <cell r="BO109">
            <v>6</v>
          </cell>
          <cell r="BS109">
            <v>2279200</v>
          </cell>
          <cell r="BT109">
            <v>2070000</v>
          </cell>
          <cell r="BU109">
            <v>1</v>
          </cell>
          <cell r="BV109" t="str">
            <v/>
          </cell>
          <cell r="CD109" t="str">
            <v/>
          </cell>
          <cell r="CH109">
            <v>-43</v>
          </cell>
          <cell r="CI109">
            <v>44013</v>
          </cell>
          <cell r="CP109">
            <v>32876</v>
          </cell>
          <cell r="CW109" t="str">
            <v/>
          </cell>
          <cell r="CX109" t="str">
            <v/>
          </cell>
          <cell r="CY109" t="str">
            <v/>
          </cell>
          <cell r="CZ109" t="str">
            <v/>
          </cell>
          <cell r="DA109">
            <v>44020</v>
          </cell>
          <cell r="DB109">
            <v>44026</v>
          </cell>
          <cell r="DD109" t="str">
            <v/>
          </cell>
          <cell r="DL109">
            <v>10293</v>
          </cell>
          <cell r="DM109">
            <v>11503</v>
          </cell>
          <cell r="DN109">
            <v>10766</v>
          </cell>
          <cell r="DO109">
            <v>11294</v>
          </cell>
          <cell r="DP109">
            <v>11295</v>
          </cell>
          <cell r="DQ109">
            <v>12923</v>
          </cell>
          <cell r="EZ109">
            <v>6</v>
          </cell>
          <cell r="FA109">
            <v>6</v>
          </cell>
          <cell r="FI109">
            <v>5</v>
          </cell>
          <cell r="FJ109" t="str">
            <v>指名競争入札（簡易認証）</v>
          </cell>
          <cell r="FN109">
            <v>4</v>
          </cell>
          <cell r="FO109" t="str">
            <v>電子入札</v>
          </cell>
          <cell r="FS109">
            <v>3</v>
          </cell>
          <cell r="FT109" t="str">
            <v/>
          </cell>
          <cell r="FU109" t="str">
            <v/>
          </cell>
          <cell r="FW109" t="str">
            <v/>
          </cell>
          <cell r="FY109" t="str">
            <v/>
          </cell>
          <cell r="GD109">
            <v>1</v>
          </cell>
          <cell r="GE109" t="str">
            <v>契約・検査課長　松本　嘉博</v>
          </cell>
          <cell r="GF109">
            <v>10293</v>
          </cell>
          <cell r="GG109" t="str">
            <v>新響(株)</v>
          </cell>
          <cell r="GH109">
            <v>1650000</v>
          </cell>
          <cell r="GI109">
            <v>150000</v>
          </cell>
          <cell r="GJ109" t="str">
            <v/>
          </cell>
          <cell r="GT109" t="str">
            <v/>
          </cell>
          <cell r="GW109" t="str">
            <v/>
          </cell>
          <cell r="HO109" t="str">
            <v/>
          </cell>
          <cell r="HP109">
            <v>1500000</v>
          </cell>
          <cell r="HQ109" t="str">
            <v>-</v>
          </cell>
          <cell r="HR109" t="str">
            <v>-</v>
          </cell>
          <cell r="HS109" t="str">
            <v>-</v>
          </cell>
          <cell r="HT109" t="str">
            <v>-</v>
          </cell>
          <cell r="HU109">
            <v>2175000</v>
          </cell>
          <cell r="JD109" t="str">
            <v/>
          </cell>
          <cell r="JE109" t="str">
            <v/>
          </cell>
          <cell r="JF109" t="str">
            <v/>
          </cell>
          <cell r="JG109" t="str">
            <v/>
          </cell>
          <cell r="JH109" t="str">
            <v/>
          </cell>
          <cell r="JI109" t="str">
            <v/>
          </cell>
          <cell r="JJ109" t="str">
            <v/>
          </cell>
          <cell r="JK109" t="str">
            <v/>
          </cell>
          <cell r="JL109" t="str">
            <v/>
          </cell>
          <cell r="JM109" t="str">
            <v/>
          </cell>
          <cell r="JN109" t="str">
            <v/>
          </cell>
          <cell r="JO109" t="str">
            <v/>
          </cell>
          <cell r="JP109">
            <v>6</v>
          </cell>
          <cell r="JQ109">
            <v>6</v>
          </cell>
          <cell r="JR109" t="str">
            <v/>
          </cell>
          <cell r="JS109" t="str">
            <v/>
          </cell>
          <cell r="JT109" t="str">
            <v/>
          </cell>
          <cell r="JU109" t="str">
            <v/>
          </cell>
          <cell r="JV109" t="str">
            <v/>
          </cell>
          <cell r="JW109" t="str">
            <v/>
          </cell>
          <cell r="JX109" t="str">
            <v/>
          </cell>
          <cell r="JY109" t="str">
            <v/>
          </cell>
          <cell r="JZ109">
            <v>0.72463768115942018</v>
          </cell>
        </row>
        <row r="110">
          <cell r="C110" t="str">
            <v/>
          </cell>
          <cell r="D110" t="str">
            <v/>
          </cell>
          <cell r="E110" t="str">
            <v/>
          </cell>
          <cell r="I110">
            <v>102</v>
          </cell>
          <cell r="M110" t="str">
            <v>令和２年度神津出張所化学消防ポンプ自動車（製造請負）</v>
          </cell>
          <cell r="Q110" t="str">
            <v>化学ﾎﾟﾝﾌﾟ自動車</v>
          </cell>
          <cell r="Y110">
            <v>1</v>
          </cell>
          <cell r="AC110">
            <v>8</v>
          </cell>
          <cell r="AD110">
            <v>3</v>
          </cell>
          <cell r="AI110" t="str">
            <v>伊丹市消防局</v>
          </cell>
          <cell r="AQ110">
            <v>1</v>
          </cell>
          <cell r="AY110">
            <v>44021</v>
          </cell>
          <cell r="AZ110">
            <v>44022</v>
          </cell>
          <cell r="BA110">
            <v>239</v>
          </cell>
          <cell r="BB110">
            <v>44260</v>
          </cell>
          <cell r="BC110" t="str">
            <v/>
          </cell>
          <cell r="BD110" t="str">
            <v/>
          </cell>
          <cell r="BE110" t="str">
            <v/>
          </cell>
          <cell r="BF110">
            <v>0.41805555555555557</v>
          </cell>
          <cell r="BG110">
            <v>6350</v>
          </cell>
          <cell r="BH110" t="str">
            <v>榮口  慎</v>
          </cell>
          <cell r="BI110" t="str">
            <v>警防課</v>
          </cell>
          <cell r="BJ110">
            <v>6680222</v>
          </cell>
          <cell r="BN110" t="str">
            <v>物</v>
          </cell>
          <cell r="BO110">
            <v>7</v>
          </cell>
          <cell r="BS110">
            <v>93121000</v>
          </cell>
          <cell r="BT110">
            <v>84650000</v>
          </cell>
          <cell r="BU110">
            <v>1</v>
          </cell>
          <cell r="BV110" t="str">
            <v/>
          </cell>
          <cell r="CH110">
            <v>-44</v>
          </cell>
          <cell r="CI110">
            <v>44005</v>
          </cell>
          <cell r="CP110">
            <v>39779</v>
          </cell>
          <cell r="CW110" t="str">
            <v/>
          </cell>
          <cell r="CX110" t="str">
            <v/>
          </cell>
          <cell r="CY110" t="str">
            <v/>
          </cell>
          <cell r="CZ110" t="str">
            <v/>
          </cell>
          <cell r="DA110">
            <v>44012</v>
          </cell>
          <cell r="DB110">
            <v>44018</v>
          </cell>
          <cell r="DD110" t="str">
            <v/>
          </cell>
          <cell r="DL110">
            <v>10269</v>
          </cell>
          <cell r="DM110">
            <v>10712</v>
          </cell>
          <cell r="DN110">
            <v>10720</v>
          </cell>
          <cell r="DO110">
            <v>10737</v>
          </cell>
          <cell r="DP110">
            <v>10746</v>
          </cell>
          <cell r="DQ110">
            <v>10768</v>
          </cell>
          <cell r="DR110">
            <v>11354</v>
          </cell>
          <cell r="DS110">
            <v>10480</v>
          </cell>
          <cell r="DT110">
            <v>10032</v>
          </cell>
          <cell r="DU110">
            <v>10756</v>
          </cell>
          <cell r="DV110">
            <v>10106</v>
          </cell>
          <cell r="DW110">
            <v>10027</v>
          </cell>
          <cell r="DX110">
            <v>12132</v>
          </cell>
          <cell r="EZ110">
            <v>13</v>
          </cell>
          <cell r="FA110">
            <v>10</v>
          </cell>
          <cell r="FI110">
            <v>5</v>
          </cell>
          <cell r="FJ110" t="str">
            <v>指名競争入札（簡易認証）</v>
          </cell>
          <cell r="FN110">
            <v>4</v>
          </cell>
          <cell r="FO110" t="str">
            <v>電子入札</v>
          </cell>
          <cell r="FS110">
            <v>3</v>
          </cell>
          <cell r="FT110" t="str">
            <v/>
          </cell>
          <cell r="FU110" t="str">
            <v/>
          </cell>
          <cell r="FW110" t="str">
            <v/>
          </cell>
          <cell r="FY110" t="str">
            <v/>
          </cell>
          <cell r="GD110">
            <v>1</v>
          </cell>
          <cell r="GE110" t="str">
            <v>契約・検査課長　松本　嘉博</v>
          </cell>
          <cell r="GF110">
            <v>10480</v>
          </cell>
          <cell r="GG110" t="str">
            <v>日本ドライケミカル(株)</v>
          </cell>
          <cell r="GH110">
            <v>89815000</v>
          </cell>
          <cell r="GI110">
            <v>8165000</v>
          </cell>
          <cell r="GJ110">
            <v>8982000</v>
          </cell>
          <cell r="GL110" t="str">
            <v>大型自動車運転免許,消防設備士(乙種Ⅰ類)</v>
          </cell>
          <cell r="GM110" t="str">
            <v>不破　幸一</v>
          </cell>
          <cell r="GN110" t="str">
            <v>普通自動車運転免許</v>
          </cell>
          <cell r="GO110" t="str">
            <v>高橋　克典</v>
          </cell>
          <cell r="GT110" t="str">
            <v>要</v>
          </cell>
          <cell r="GW110" t="str">
            <v/>
          </cell>
          <cell r="HO110" t="str">
            <v/>
          </cell>
          <cell r="HP110">
            <v>85000000</v>
          </cell>
          <cell r="HQ110">
            <v>87200000</v>
          </cell>
          <cell r="HR110">
            <v>82000000</v>
          </cell>
          <cell r="HS110">
            <v>83200000</v>
          </cell>
          <cell r="HT110">
            <v>84900000</v>
          </cell>
          <cell r="HU110" t="str">
            <v>-</v>
          </cell>
          <cell r="HV110">
            <v>82900000</v>
          </cell>
          <cell r="HW110">
            <v>81650000</v>
          </cell>
          <cell r="HX110">
            <v>88000000</v>
          </cell>
          <cell r="HY110">
            <v>83800000</v>
          </cell>
          <cell r="HZ110">
            <v>84000000</v>
          </cell>
          <cell r="IA110">
            <v>93000000</v>
          </cell>
          <cell r="IB110" t="str">
            <v>-</v>
          </cell>
          <cell r="JD110" t="str">
            <v/>
          </cell>
          <cell r="JE110" t="str">
            <v/>
          </cell>
          <cell r="JF110" t="str">
            <v/>
          </cell>
          <cell r="JG110" t="str">
            <v/>
          </cell>
          <cell r="JH110" t="str">
            <v/>
          </cell>
          <cell r="JI110" t="str">
            <v/>
          </cell>
          <cell r="JJ110" t="str">
            <v/>
          </cell>
          <cell r="JK110" t="str">
            <v/>
          </cell>
          <cell r="JL110" t="str">
            <v/>
          </cell>
          <cell r="JM110" t="str">
            <v/>
          </cell>
          <cell r="JN110" t="str">
            <v/>
          </cell>
          <cell r="JO110" t="str">
            <v/>
          </cell>
          <cell r="JP110">
            <v>7</v>
          </cell>
          <cell r="JQ110">
            <v>7</v>
          </cell>
          <cell r="JR110" t="str">
            <v/>
          </cell>
          <cell r="JS110" t="str">
            <v/>
          </cell>
          <cell r="JT110" t="str">
            <v/>
          </cell>
          <cell r="JU110" t="str">
            <v/>
          </cell>
          <cell r="JV110" t="str">
            <v/>
          </cell>
          <cell r="JW110" t="str">
            <v/>
          </cell>
          <cell r="JX110" t="str">
            <v/>
          </cell>
          <cell r="JY110" t="str">
            <v/>
          </cell>
          <cell r="JZ110">
            <v>0.96455995274660367</v>
          </cell>
        </row>
        <row r="111">
          <cell r="C111" t="str">
            <v/>
          </cell>
          <cell r="D111" t="str">
            <v/>
          </cell>
          <cell r="E111" t="str">
            <v/>
          </cell>
          <cell r="I111">
            <v>103</v>
          </cell>
          <cell r="M111" t="str">
            <v>令和２年度伊丹市立学校給食センター吸排気ダクト等清掃委託業務</v>
          </cell>
          <cell r="Q111" t="str">
            <v>吸排気ダクト清掃</v>
          </cell>
          <cell r="Y111">
            <v>1</v>
          </cell>
          <cell r="AC111">
            <v>8</v>
          </cell>
          <cell r="AD111">
            <v>8</v>
          </cell>
          <cell r="AI111" t="str">
            <v>伊丹市鴻池３丁目４番６号伊丹市立学校給食第２センター</v>
          </cell>
          <cell r="AQ111">
            <v>1</v>
          </cell>
          <cell r="AY111">
            <v>44022</v>
          </cell>
          <cell r="AZ111">
            <v>44025</v>
          </cell>
          <cell r="BA111">
            <v>36</v>
          </cell>
          <cell r="BB111">
            <v>44060</v>
          </cell>
          <cell r="BC111" t="str">
            <v/>
          </cell>
          <cell r="BD111" t="str">
            <v/>
          </cell>
          <cell r="BE111" t="str">
            <v/>
          </cell>
          <cell r="BF111">
            <v>0.41805555555555557</v>
          </cell>
          <cell r="BG111">
            <v>6338</v>
          </cell>
          <cell r="BH111" t="str">
            <v>安福  奈津子</v>
          </cell>
          <cell r="BI111" t="str">
            <v>小学校給食センター</v>
          </cell>
          <cell r="BJ111" t="str">
            <v>782-0400</v>
          </cell>
          <cell r="BN111" t="str">
            <v>他</v>
          </cell>
          <cell r="BO111">
            <v>43</v>
          </cell>
          <cell r="BS111">
            <v>704000</v>
          </cell>
          <cell r="BT111">
            <v>640000</v>
          </cell>
          <cell r="BU111" t="str">
            <v/>
          </cell>
          <cell r="BV111" t="str">
            <v/>
          </cell>
          <cell r="CD111" t="str">
            <v/>
          </cell>
          <cell r="CH111">
            <v>-46</v>
          </cell>
          <cell r="CI111">
            <v>44006</v>
          </cell>
          <cell r="CP111">
            <v>23056</v>
          </cell>
          <cell r="CW111" t="str">
            <v/>
          </cell>
          <cell r="CX111" t="str">
            <v/>
          </cell>
          <cell r="CY111" t="str">
            <v/>
          </cell>
          <cell r="CZ111" t="str">
            <v/>
          </cell>
          <cell r="DA111">
            <v>44014</v>
          </cell>
          <cell r="DB111">
            <v>44019</v>
          </cell>
          <cell r="DD111" t="str">
            <v/>
          </cell>
          <cell r="DL111">
            <v>11340</v>
          </cell>
          <cell r="DM111">
            <v>10087</v>
          </cell>
          <cell r="DN111">
            <v>10221</v>
          </cell>
          <cell r="DO111">
            <v>12464</v>
          </cell>
          <cell r="DP111">
            <v>10099</v>
          </cell>
          <cell r="DQ111">
            <v>10386</v>
          </cell>
          <cell r="DR111">
            <v>10055</v>
          </cell>
          <cell r="DS111">
            <v>10104</v>
          </cell>
          <cell r="DT111">
            <v>10570</v>
          </cell>
          <cell r="EZ111">
            <v>9</v>
          </cell>
          <cell r="FA111">
            <v>6</v>
          </cell>
          <cell r="FI111">
            <v>5</v>
          </cell>
          <cell r="FJ111" t="str">
            <v>指名競争入札（簡易認証）</v>
          </cell>
          <cell r="FN111">
            <v>4</v>
          </cell>
          <cell r="FO111" t="str">
            <v>電子入札</v>
          </cell>
          <cell r="FS111">
            <v>5</v>
          </cell>
          <cell r="FT111" t="str">
            <v/>
          </cell>
          <cell r="FU111" t="str">
            <v/>
          </cell>
          <cell r="FW111" t="str">
            <v/>
          </cell>
          <cell r="FY111" t="str">
            <v/>
          </cell>
          <cell r="GD111">
            <v>1</v>
          </cell>
          <cell r="GE111" t="str">
            <v>契約・検査課長　松本　嘉博</v>
          </cell>
          <cell r="GF111">
            <v>10570</v>
          </cell>
          <cell r="GG111" t="str">
            <v>(株)大阪ビル管理</v>
          </cell>
          <cell r="GH111">
            <v>702900</v>
          </cell>
          <cell r="GI111">
            <v>63900</v>
          </cell>
          <cell r="GJ111" t="str">
            <v/>
          </cell>
          <cell r="GL111" t="str">
            <v>職長</v>
          </cell>
          <cell r="GM111" t="str">
            <v>井上　高志</v>
          </cell>
          <cell r="GN111" t="str">
            <v>職長,酸素欠乏,第二種フロン,高所作業車</v>
          </cell>
          <cell r="GO111" t="str">
            <v>村上　誠規</v>
          </cell>
          <cell r="GT111" t="str">
            <v/>
          </cell>
          <cell r="GW111" t="str">
            <v/>
          </cell>
          <cell r="HO111" t="str">
            <v/>
          </cell>
          <cell r="HP111" t="str">
            <v>-</v>
          </cell>
          <cell r="HQ111">
            <v>640000</v>
          </cell>
          <cell r="HR111" t="str">
            <v>-</v>
          </cell>
          <cell r="HS111" t="str">
            <v>-</v>
          </cell>
          <cell r="HT111" t="str">
            <v>-</v>
          </cell>
          <cell r="HU111" t="str">
            <v>-</v>
          </cell>
          <cell r="HV111" t="str">
            <v>-</v>
          </cell>
          <cell r="HW111" t="str">
            <v>-</v>
          </cell>
          <cell r="HX111">
            <v>639000</v>
          </cell>
          <cell r="JD111" t="str">
            <v/>
          </cell>
          <cell r="JE111" t="str">
            <v/>
          </cell>
          <cell r="JF111" t="str">
            <v/>
          </cell>
          <cell r="JG111" t="str">
            <v/>
          </cell>
          <cell r="JH111" t="str">
            <v/>
          </cell>
          <cell r="JI111" t="str">
            <v/>
          </cell>
          <cell r="JJ111" t="str">
            <v/>
          </cell>
          <cell r="JK111" t="str">
            <v/>
          </cell>
          <cell r="JL111" t="str">
            <v/>
          </cell>
          <cell r="JM111" t="str">
            <v/>
          </cell>
          <cell r="JN111" t="str">
            <v/>
          </cell>
          <cell r="JO111" t="str">
            <v/>
          </cell>
          <cell r="JP111" t="str">
            <v/>
          </cell>
          <cell r="JQ111" t="str">
            <v/>
          </cell>
          <cell r="JR111" t="str">
            <v/>
          </cell>
          <cell r="JS111" t="str">
            <v/>
          </cell>
          <cell r="JT111" t="str">
            <v/>
          </cell>
          <cell r="JU111" t="str">
            <v/>
          </cell>
          <cell r="JV111" t="str">
            <v/>
          </cell>
          <cell r="JW111" t="str">
            <v/>
          </cell>
          <cell r="JX111">
            <v>43</v>
          </cell>
          <cell r="JY111">
            <v>40</v>
          </cell>
          <cell r="JZ111">
            <v>0.99843749999999998</v>
          </cell>
        </row>
        <row r="112">
          <cell r="C112" t="str">
            <v/>
          </cell>
          <cell r="D112" t="str">
            <v/>
          </cell>
          <cell r="E112" t="str">
            <v/>
          </cell>
          <cell r="I112">
            <v>104</v>
          </cell>
          <cell r="M112" t="str">
            <v>令和２年度みやのまえ文化の郷整備工事</v>
          </cell>
          <cell r="Q112" t="str">
            <v>み文郷整備工</v>
          </cell>
          <cell r="Y112">
            <v>1</v>
          </cell>
          <cell r="AC112">
            <v>1</v>
          </cell>
          <cell r="AI112" t="str">
            <v>伊丹市宮ノ前２丁目５番２０号、２８号</v>
          </cell>
          <cell r="AM112" t="str">
            <v>みやのまえ文化の郷整備に係る工事（増築及び大規模改修工事）一式
上記に伴う電気設備工事及び機械設備工事一式</v>
          </cell>
          <cell r="AQ112">
            <v>9</v>
          </cell>
          <cell r="AU112">
            <v>1</v>
          </cell>
          <cell r="AY112">
            <v>44050</v>
          </cell>
          <cell r="AZ112">
            <v>44050</v>
          </cell>
          <cell r="BA112">
            <v>543</v>
          </cell>
          <cell r="BB112">
            <v>44592</v>
          </cell>
          <cell r="BC112">
            <v>20</v>
          </cell>
          <cell r="BD112" t="str">
            <v>○</v>
          </cell>
          <cell r="BE112" t="str">
            <v>○</v>
          </cell>
          <cell r="BF112">
            <v>0.58402777777777781</v>
          </cell>
          <cell r="BG112">
            <v>6448</v>
          </cell>
          <cell r="BH112" t="str">
            <v>村上  進</v>
          </cell>
          <cell r="BI112" t="str">
            <v>営繕課</v>
          </cell>
          <cell r="BJ112">
            <v>4326</v>
          </cell>
          <cell r="BN112" t="str">
            <v>建</v>
          </cell>
          <cell r="BO112">
            <v>15</v>
          </cell>
          <cell r="BS112">
            <v>1177000000</v>
          </cell>
          <cell r="BT112">
            <v>1070000000</v>
          </cell>
          <cell r="BU112">
            <v>1</v>
          </cell>
          <cell r="BV112">
            <v>984400000</v>
          </cell>
          <cell r="BW112">
            <v>855878012</v>
          </cell>
          <cell r="BX112">
            <v>42201631</v>
          </cell>
          <cell r="BY112">
            <v>75210510</v>
          </cell>
          <cell r="BZ112">
            <v>96709847</v>
          </cell>
          <cell r="CD112">
            <v>44008</v>
          </cell>
          <cell r="CH112">
            <v>55</v>
          </cell>
          <cell r="CI112">
            <v>44011</v>
          </cell>
          <cell r="CJ112" t="str">
            <v>特定</v>
          </cell>
          <cell r="CK112" t="str">
            <v>兵庫県内に本店又は支店</v>
          </cell>
          <cell r="CL112" t="str">
            <v>伊丹市内に本店を有する者においては850点以上、伊丹市内に支店を有する者においては1,000点以上、その他の者においては1,300点以上</v>
          </cell>
          <cell r="CP112">
            <v>15616</v>
          </cell>
          <cell r="CT112" t="str">
            <v>請負金額が5億3,000万円以上(伊丹市内に本店を有する者においては2億6,000万円以上)</v>
          </cell>
          <cell r="CU112">
            <v>1</v>
          </cell>
          <cell r="CW112">
            <v>44019</v>
          </cell>
          <cell r="CX112">
            <v>44021</v>
          </cell>
          <cell r="CY112">
            <v>44022</v>
          </cell>
          <cell r="CZ112">
            <v>44025</v>
          </cell>
          <cell r="DA112">
            <v>44026</v>
          </cell>
          <cell r="DB112">
            <v>44033</v>
          </cell>
          <cell r="DC112">
            <v>47</v>
          </cell>
          <cell r="DD112" t="str">
            <v>○</v>
          </cell>
          <cell r="DL112">
            <v>6</v>
          </cell>
          <cell r="DM112">
            <v>21</v>
          </cell>
          <cell r="DN112">
            <v>2407</v>
          </cell>
          <cell r="DO112">
            <v>3934</v>
          </cell>
          <cell r="EZ112">
            <v>4</v>
          </cell>
          <cell r="FA112">
            <v>12</v>
          </cell>
          <cell r="FI112">
            <v>1</v>
          </cell>
          <cell r="FJ112" t="str">
            <v>制限付一般競争入札</v>
          </cell>
          <cell r="FN112">
            <v>4</v>
          </cell>
          <cell r="FO112" t="str">
            <v>電子入札</v>
          </cell>
          <cell r="FS112">
            <v>1</v>
          </cell>
          <cell r="FT112" t="str">
            <v/>
          </cell>
          <cell r="FU112">
            <v>1</v>
          </cell>
          <cell r="FW112" t="str">
            <v/>
          </cell>
          <cell r="FY112" t="str">
            <v/>
          </cell>
          <cell r="GD112">
            <v>1</v>
          </cell>
          <cell r="GE112" t="str">
            <v>契約・検査課長　松本　嘉博</v>
          </cell>
          <cell r="GF112" t="str">
            <v>-</v>
          </cell>
          <cell r="GG112" t="str">
            <v>×</v>
          </cell>
          <cell r="GI112" t="str">
            <v/>
          </cell>
          <cell r="GJ112" t="str">
            <v/>
          </cell>
          <cell r="GT112" t="str">
            <v/>
          </cell>
          <cell r="GW112" t="str">
            <v/>
          </cell>
          <cell r="HO112" t="str">
            <v/>
          </cell>
          <cell r="HP112" t="str">
            <v>-</v>
          </cell>
          <cell r="HQ112" t="str">
            <v>-</v>
          </cell>
          <cell r="HR112" t="str">
            <v>-</v>
          </cell>
          <cell r="HS112">
            <v>1242000000</v>
          </cell>
          <cell r="JD112" t="str">
            <v/>
          </cell>
          <cell r="JE112" t="str">
            <v/>
          </cell>
          <cell r="JF112" t="str">
            <v/>
          </cell>
          <cell r="JG112" t="str">
            <v/>
          </cell>
          <cell r="JH112">
            <v>15</v>
          </cell>
          <cell r="JI112">
            <v>15</v>
          </cell>
          <cell r="JJ112" t="str">
            <v/>
          </cell>
          <cell r="JK112" t="str">
            <v/>
          </cell>
          <cell r="JL112" t="str">
            <v/>
          </cell>
          <cell r="JM112" t="str">
            <v/>
          </cell>
          <cell r="JN112" t="str">
            <v/>
          </cell>
          <cell r="JO112" t="str">
            <v/>
          </cell>
          <cell r="JP112" t="str">
            <v/>
          </cell>
          <cell r="JQ112" t="str">
            <v/>
          </cell>
          <cell r="JR112" t="str">
            <v/>
          </cell>
          <cell r="JS112" t="str">
            <v/>
          </cell>
          <cell r="JT112" t="str">
            <v/>
          </cell>
          <cell r="JU112" t="str">
            <v/>
          </cell>
          <cell r="JV112" t="str">
            <v/>
          </cell>
          <cell r="JW112" t="str">
            <v/>
          </cell>
          <cell r="JX112" t="str">
            <v/>
          </cell>
          <cell r="JY112" t="str">
            <v/>
          </cell>
          <cell r="JZ112" t="str">
            <v/>
          </cell>
        </row>
        <row r="113">
          <cell r="C113" t="str">
            <v/>
          </cell>
          <cell r="D113" t="str">
            <v/>
          </cell>
          <cell r="E113" t="str">
            <v/>
          </cell>
          <cell r="I113">
            <v>105</v>
          </cell>
          <cell r="M113" t="str">
            <v>令和２年度市営北野第１住宅外壁及び屋上防水改修工事</v>
          </cell>
          <cell r="Q113" t="str">
            <v>北第１防水工</v>
          </cell>
          <cell r="Y113">
            <v>1</v>
          </cell>
          <cell r="AC113">
            <v>1</v>
          </cell>
          <cell r="AI113" t="str">
            <v>伊丹市北野４丁目４０番地</v>
          </cell>
          <cell r="AM113" t="str">
            <v>外壁改修工事一式
防水改修工事一式
照明ＬＥＤ化工事一式</v>
          </cell>
          <cell r="AQ113">
            <v>2</v>
          </cell>
          <cell r="AY113">
            <v>44061</v>
          </cell>
          <cell r="AZ113">
            <v>44062</v>
          </cell>
          <cell r="BA113">
            <v>213</v>
          </cell>
          <cell r="BB113">
            <v>44274</v>
          </cell>
          <cell r="BC113">
            <v>22</v>
          </cell>
          <cell r="BD113" t="str">
            <v>○</v>
          </cell>
          <cell r="BE113" t="str">
            <v>○</v>
          </cell>
          <cell r="BF113">
            <v>0.41736111111111113</v>
          </cell>
          <cell r="BG113">
            <v>7640</v>
          </cell>
          <cell r="BH113" t="str">
            <v>上野　竜</v>
          </cell>
          <cell r="BI113" t="str">
            <v>営繕課</v>
          </cell>
          <cell r="BJ113">
            <v>4668</v>
          </cell>
          <cell r="BN113" t="str">
            <v>建</v>
          </cell>
          <cell r="BO113">
            <v>16</v>
          </cell>
          <cell r="BS113">
            <v>140800000</v>
          </cell>
          <cell r="BT113">
            <v>128000000</v>
          </cell>
          <cell r="BU113">
            <v>1</v>
          </cell>
          <cell r="BV113">
            <v>117080000</v>
          </cell>
          <cell r="BW113">
            <v>98152617</v>
          </cell>
          <cell r="BX113">
            <v>4220212</v>
          </cell>
          <cell r="BY113">
            <v>11371474</v>
          </cell>
          <cell r="BZ113">
            <v>14255697</v>
          </cell>
          <cell r="CD113">
            <v>44008</v>
          </cell>
          <cell r="CH113">
            <v>56</v>
          </cell>
          <cell r="CI113">
            <v>44018</v>
          </cell>
          <cell r="CJ113" t="str">
            <v>特定</v>
          </cell>
          <cell r="CK113" t="str">
            <v>尼崎市、西宮市、芦屋市、宝塚市、川西市、伊丹市内に本店を有すること。又は伊丹市内に支店</v>
          </cell>
          <cell r="CL113" t="str">
            <v>伊丹市内に本店を有する者においては670点以上、その他の者においては900点以上</v>
          </cell>
          <cell r="CP113">
            <v>83745</v>
          </cell>
          <cell r="CT113" t="str">
            <v>請負金額が6,400万円以上(伊丹市内に本店を有する者においては3,200万円以上)</v>
          </cell>
          <cell r="CW113">
            <v>44026</v>
          </cell>
          <cell r="CX113">
            <v>44028</v>
          </cell>
          <cell r="CY113">
            <v>44029</v>
          </cell>
          <cell r="CZ113">
            <v>44032</v>
          </cell>
          <cell r="DA113">
            <v>44033</v>
          </cell>
          <cell r="DB113">
            <v>44041</v>
          </cell>
          <cell r="DC113">
            <v>25</v>
          </cell>
          <cell r="DD113" t="str">
            <v>○</v>
          </cell>
          <cell r="DL113">
            <v>6</v>
          </cell>
          <cell r="DM113">
            <v>21</v>
          </cell>
          <cell r="DN113">
            <v>26</v>
          </cell>
          <cell r="DO113">
            <v>48</v>
          </cell>
          <cell r="DP113">
            <v>53</v>
          </cell>
          <cell r="DQ113">
            <v>2126</v>
          </cell>
          <cell r="DR113">
            <v>2165</v>
          </cell>
          <cell r="DS113">
            <v>2725</v>
          </cell>
          <cell r="DT113">
            <v>2760</v>
          </cell>
          <cell r="DU113">
            <v>3409</v>
          </cell>
          <cell r="DV113">
            <v>4141</v>
          </cell>
          <cell r="DW113">
            <v>4306</v>
          </cell>
          <cell r="DX113">
            <v>4376</v>
          </cell>
          <cell r="EZ113">
            <v>13</v>
          </cell>
          <cell r="FA113">
            <v>10</v>
          </cell>
          <cell r="FI113">
            <v>1</v>
          </cell>
          <cell r="FJ113" t="str">
            <v>制限付一般競争入札</v>
          </cell>
          <cell r="FN113">
            <v>4</v>
          </cell>
          <cell r="FO113" t="str">
            <v>電子入札</v>
          </cell>
          <cell r="FS113">
            <v>1</v>
          </cell>
          <cell r="FT113" t="str">
            <v/>
          </cell>
          <cell r="FU113" t="str">
            <v/>
          </cell>
          <cell r="FW113">
            <v>1</v>
          </cell>
          <cell r="FX113">
            <v>1</v>
          </cell>
          <cell r="FY113" t="str">
            <v>了</v>
          </cell>
          <cell r="GB113">
            <v>1</v>
          </cell>
          <cell r="GD113">
            <v>1</v>
          </cell>
          <cell r="GE113" t="str">
            <v>契約・検査課長　松本　嘉博</v>
          </cell>
          <cell r="GF113">
            <v>26</v>
          </cell>
          <cell r="GG113" t="str">
            <v>(株)染の川組</v>
          </cell>
          <cell r="GH113">
            <v>128799000</v>
          </cell>
          <cell r="GI113">
            <v>11709000</v>
          </cell>
          <cell r="GJ113">
            <v>12880000</v>
          </cell>
          <cell r="GL113" t="str">
            <v>１級建築施工管理技士 63650492</v>
          </cell>
          <cell r="GM113" t="str">
            <v>鵜殿　明</v>
          </cell>
          <cell r="GN113" t="str">
            <v>１級建築施工管理技士 63650492</v>
          </cell>
          <cell r="GO113" t="str">
            <v>鵜殿　明</v>
          </cell>
          <cell r="GT113" t="str">
            <v>要</v>
          </cell>
          <cell r="GV113">
            <v>283650</v>
          </cell>
          <cell r="GW113">
            <v>2.2022686511541241</v>
          </cell>
          <cell r="HO113" t="str">
            <v/>
          </cell>
          <cell r="HP113">
            <v>116940000</v>
          </cell>
          <cell r="HQ113">
            <v>116990000</v>
          </cell>
          <cell r="HR113">
            <v>117090000</v>
          </cell>
          <cell r="HS113">
            <v>116960000</v>
          </cell>
          <cell r="HT113">
            <v>117000000</v>
          </cell>
          <cell r="HU113">
            <v>119040000</v>
          </cell>
          <cell r="HV113">
            <v>117760000</v>
          </cell>
          <cell r="HW113">
            <v>117000000</v>
          </cell>
          <cell r="HX113">
            <v>110210000</v>
          </cell>
          <cell r="HY113">
            <v>117700000</v>
          </cell>
          <cell r="HZ113" t="str">
            <v>-</v>
          </cell>
          <cell r="IA113">
            <v>116960000</v>
          </cell>
          <cell r="IB113">
            <v>109980000</v>
          </cell>
          <cell r="JD113" t="str">
            <v/>
          </cell>
          <cell r="JE113" t="str">
            <v/>
          </cell>
          <cell r="JF113" t="str">
            <v/>
          </cell>
          <cell r="JG113" t="str">
            <v/>
          </cell>
          <cell r="JH113">
            <v>16</v>
          </cell>
          <cell r="JI113">
            <v>16</v>
          </cell>
          <cell r="JJ113" t="str">
            <v/>
          </cell>
          <cell r="JK113" t="str">
            <v/>
          </cell>
          <cell r="JL113" t="str">
            <v/>
          </cell>
          <cell r="JM113" t="str">
            <v/>
          </cell>
          <cell r="JN113" t="str">
            <v/>
          </cell>
          <cell r="JO113" t="str">
            <v/>
          </cell>
          <cell r="JP113" t="str">
            <v/>
          </cell>
          <cell r="JQ113" t="str">
            <v/>
          </cell>
          <cell r="JR113" t="str">
            <v/>
          </cell>
          <cell r="JS113" t="str">
            <v/>
          </cell>
          <cell r="JT113" t="str">
            <v/>
          </cell>
          <cell r="JU113" t="str">
            <v/>
          </cell>
          <cell r="JV113" t="str">
            <v/>
          </cell>
          <cell r="JW113" t="str">
            <v/>
          </cell>
          <cell r="JX113" t="str">
            <v/>
          </cell>
          <cell r="JY113" t="str">
            <v/>
          </cell>
          <cell r="JZ113">
            <v>0.91476562499999992</v>
          </cell>
        </row>
        <row r="114">
          <cell r="C114" t="str">
            <v/>
          </cell>
          <cell r="D114" t="str">
            <v/>
          </cell>
          <cell r="E114" t="str">
            <v/>
          </cell>
          <cell r="I114">
            <v>106</v>
          </cell>
          <cell r="M114" t="str">
            <v>令和２年度伊丹市平松自転車駐車場内収蔵庫整備工事</v>
          </cell>
          <cell r="Q114" t="str">
            <v>平松駐収蔵整</v>
          </cell>
          <cell r="Y114">
            <v>1</v>
          </cell>
          <cell r="AC114">
            <v>1</v>
          </cell>
          <cell r="AI114" t="str">
            <v>伊丹市平松５丁目１番１号</v>
          </cell>
          <cell r="AM114" t="str">
            <v>自転車駐車場内の収蔵庫整備工事一式
上記に伴う電気設備工事及び機械設備工事一式</v>
          </cell>
          <cell r="AQ114">
            <v>2</v>
          </cell>
          <cell r="AY114">
            <v>44061</v>
          </cell>
          <cell r="AZ114">
            <v>44062</v>
          </cell>
          <cell r="BA114">
            <v>192</v>
          </cell>
          <cell r="BB114">
            <v>44253</v>
          </cell>
          <cell r="BC114">
            <v>22</v>
          </cell>
          <cell r="BD114" t="str">
            <v>○</v>
          </cell>
          <cell r="BE114" t="str">
            <v>○</v>
          </cell>
          <cell r="BF114">
            <v>0.41805555555555557</v>
          </cell>
          <cell r="BG114">
            <v>6448</v>
          </cell>
          <cell r="BH114" t="str">
            <v>村上  進</v>
          </cell>
          <cell r="BI114" t="str">
            <v>営繕課</v>
          </cell>
          <cell r="BJ114">
            <v>4326</v>
          </cell>
          <cell r="BN114" t="str">
            <v>建</v>
          </cell>
          <cell r="BO114">
            <v>17</v>
          </cell>
          <cell r="BS114">
            <v>78430000</v>
          </cell>
          <cell r="BT114">
            <v>71300000</v>
          </cell>
          <cell r="BU114">
            <v>1</v>
          </cell>
          <cell r="BV114">
            <v>64620000</v>
          </cell>
          <cell r="BW114">
            <v>49730334</v>
          </cell>
          <cell r="BX114">
            <v>3973093</v>
          </cell>
          <cell r="BY114">
            <v>8956176</v>
          </cell>
          <cell r="BZ114">
            <v>8640397</v>
          </cell>
          <cell r="CH114">
            <v>57</v>
          </cell>
          <cell r="CI114">
            <v>44018</v>
          </cell>
          <cell r="CJ114" t="str">
            <v>一般</v>
          </cell>
          <cell r="CK114" t="str">
            <v>伊丹市内に本店</v>
          </cell>
          <cell r="CL114" t="str">
            <v>580点以上</v>
          </cell>
          <cell r="CN114" t="str">
            <v>　</v>
          </cell>
          <cell r="CP114">
            <v>71486</v>
          </cell>
          <cell r="CT114" t="str">
            <v>請負金額が1,500万円以上</v>
          </cell>
          <cell r="CW114">
            <v>44026</v>
          </cell>
          <cell r="CX114">
            <v>44028</v>
          </cell>
          <cell r="CY114">
            <v>44029</v>
          </cell>
          <cell r="CZ114">
            <v>44032</v>
          </cell>
          <cell r="DA114">
            <v>44033</v>
          </cell>
          <cell r="DB114">
            <v>44041</v>
          </cell>
          <cell r="DC114">
            <v>23</v>
          </cell>
          <cell r="DD114" t="str">
            <v>○</v>
          </cell>
          <cell r="DL114">
            <v>6</v>
          </cell>
          <cell r="DM114">
            <v>21</v>
          </cell>
          <cell r="DN114">
            <v>26</v>
          </cell>
          <cell r="DO114">
            <v>48</v>
          </cell>
          <cell r="DP114">
            <v>53</v>
          </cell>
          <cell r="DQ114">
            <v>54</v>
          </cell>
          <cell r="DR114">
            <v>211</v>
          </cell>
          <cell r="DS114">
            <v>226</v>
          </cell>
          <cell r="DT114">
            <v>314</v>
          </cell>
          <cell r="EZ114">
            <v>9</v>
          </cell>
          <cell r="FA114">
            <v>10</v>
          </cell>
          <cell r="FI114">
            <v>1</v>
          </cell>
          <cell r="FJ114" t="str">
            <v>制限付一般競争入札</v>
          </cell>
          <cell r="FN114">
            <v>4</v>
          </cell>
          <cell r="FO114" t="str">
            <v>電子入札</v>
          </cell>
          <cell r="FS114">
            <v>1</v>
          </cell>
          <cell r="FT114" t="str">
            <v/>
          </cell>
          <cell r="FU114" t="str">
            <v/>
          </cell>
          <cell r="FW114">
            <v>1</v>
          </cell>
          <cell r="FX114">
            <v>1</v>
          </cell>
          <cell r="FY114" t="str">
            <v>了</v>
          </cell>
          <cell r="GB114">
            <v>1</v>
          </cell>
          <cell r="GD114">
            <v>1</v>
          </cell>
          <cell r="GE114" t="str">
            <v>契約・検査課長　松本　嘉博</v>
          </cell>
          <cell r="GF114">
            <v>54</v>
          </cell>
          <cell r="GG114" t="str">
            <v>(株)橋本工務店</v>
          </cell>
          <cell r="GH114">
            <v>76560000</v>
          </cell>
          <cell r="GI114">
            <v>6960000</v>
          </cell>
          <cell r="GJ114">
            <v>7656000</v>
          </cell>
          <cell r="GL114" t="str">
            <v>一級建築施工管理技士</v>
          </cell>
          <cell r="GM114" t="str">
            <v>土手　秀徳</v>
          </cell>
          <cell r="GN114" t="str">
            <v>一級建築施工管理技士</v>
          </cell>
          <cell r="GO114" t="str">
            <v>土手　秀徳</v>
          </cell>
          <cell r="GT114" t="str">
            <v>要</v>
          </cell>
          <cell r="GU114" t="str">
            <v>済</v>
          </cell>
          <cell r="GV114">
            <v>176700</v>
          </cell>
          <cell r="GW114">
            <v>2.3079937304075235</v>
          </cell>
          <cell r="GX114">
            <v>44245</v>
          </cell>
          <cell r="GY114">
            <v>79563000</v>
          </cell>
          <cell r="GZ114">
            <v>77660000</v>
          </cell>
          <cell r="HN114" t="str">
            <v>収蔵庫内天井仕様の変更（耐風圧仕様対応）
既存天井の撤去追加工事</v>
          </cell>
          <cell r="HO114">
            <v>1</v>
          </cell>
          <cell r="HP114" t="str">
            <v>-</v>
          </cell>
          <cell r="HQ114" t="str">
            <v>-</v>
          </cell>
          <cell r="HR114" t="str">
            <v>-</v>
          </cell>
          <cell r="HS114" t="str">
            <v>-</v>
          </cell>
          <cell r="HT114" t="str">
            <v>-</v>
          </cell>
          <cell r="HU114">
            <v>69600000</v>
          </cell>
          <cell r="HV114" t="str">
            <v>-</v>
          </cell>
          <cell r="HW114" t="str">
            <v>-</v>
          </cell>
          <cell r="HX114" t="str">
            <v>-</v>
          </cell>
          <cell r="JD114" t="str">
            <v/>
          </cell>
          <cell r="JE114" t="str">
            <v/>
          </cell>
          <cell r="JF114" t="str">
            <v/>
          </cell>
          <cell r="JG114" t="str">
            <v/>
          </cell>
          <cell r="JH114">
            <v>17</v>
          </cell>
          <cell r="JI114">
            <v>17</v>
          </cell>
          <cell r="JJ114" t="str">
            <v/>
          </cell>
          <cell r="JK114" t="str">
            <v/>
          </cell>
          <cell r="JL114" t="str">
            <v/>
          </cell>
          <cell r="JM114" t="str">
            <v/>
          </cell>
          <cell r="JN114" t="str">
            <v/>
          </cell>
          <cell r="JO114" t="str">
            <v/>
          </cell>
          <cell r="JP114" t="str">
            <v/>
          </cell>
          <cell r="JQ114" t="str">
            <v/>
          </cell>
          <cell r="JR114" t="str">
            <v/>
          </cell>
          <cell r="JS114" t="str">
            <v/>
          </cell>
          <cell r="JT114" t="str">
            <v/>
          </cell>
          <cell r="JU114" t="str">
            <v/>
          </cell>
          <cell r="JV114" t="str">
            <v/>
          </cell>
          <cell r="JW114" t="str">
            <v/>
          </cell>
          <cell r="JX114" t="str">
            <v/>
          </cell>
          <cell r="JY114" t="str">
            <v/>
          </cell>
          <cell r="JZ114">
            <v>0.97615708274894808</v>
          </cell>
        </row>
        <row r="115">
          <cell r="C115" t="str">
            <v/>
          </cell>
          <cell r="D115" t="str">
            <v/>
          </cell>
          <cell r="E115" t="str">
            <v/>
          </cell>
          <cell r="I115">
            <v>107</v>
          </cell>
          <cell r="M115" t="str">
            <v>令和２年度伊丹市立障害者デイサービスセンター送迎用車両購入（製造請負）</v>
          </cell>
          <cell r="Q115" t="str">
            <v>ﾃﾞｲｻｰﾋﾞｽ車両</v>
          </cell>
          <cell r="Y115">
            <v>1</v>
          </cell>
          <cell r="AC115">
            <v>8</v>
          </cell>
          <cell r="AD115">
            <v>3</v>
          </cell>
          <cell r="AF115">
            <v>1</v>
          </cell>
          <cell r="AI115" t="str">
            <v>伊丹市昆陽池２丁目１０番地</v>
          </cell>
          <cell r="AQ115">
            <v>1</v>
          </cell>
          <cell r="AY115">
            <v>44028</v>
          </cell>
          <cell r="AZ115">
            <v>44029</v>
          </cell>
          <cell r="BA115">
            <v>232</v>
          </cell>
          <cell r="BB115">
            <v>44260</v>
          </cell>
          <cell r="BC115" t="str">
            <v/>
          </cell>
          <cell r="BD115" t="str">
            <v/>
          </cell>
          <cell r="BE115" t="str">
            <v/>
          </cell>
          <cell r="BF115">
            <v>0.41805555555555557</v>
          </cell>
          <cell r="BG115">
            <v>7123</v>
          </cell>
          <cell r="BH115" t="str">
            <v>藤本　博之</v>
          </cell>
          <cell r="BI115" t="str">
            <v>障害福祉課</v>
          </cell>
          <cell r="BJ115">
            <v>4545</v>
          </cell>
          <cell r="BN115" t="str">
            <v>物</v>
          </cell>
          <cell r="BO115">
            <v>8</v>
          </cell>
          <cell r="BS115">
            <v>9998720</v>
          </cell>
          <cell r="BT115">
            <v>9998000</v>
          </cell>
          <cell r="BU115">
            <v>1</v>
          </cell>
          <cell r="BV115" t="str">
            <v/>
          </cell>
          <cell r="CD115" t="str">
            <v/>
          </cell>
          <cell r="CH115">
            <v>-47</v>
          </cell>
          <cell r="CI115">
            <v>44013</v>
          </cell>
          <cell r="CP115">
            <v>21610</v>
          </cell>
          <cell r="CW115" t="str">
            <v/>
          </cell>
          <cell r="CX115" t="str">
            <v/>
          </cell>
          <cell r="CY115" t="str">
            <v/>
          </cell>
          <cell r="CZ115" t="str">
            <v/>
          </cell>
          <cell r="DA115">
            <v>44020</v>
          </cell>
          <cell r="DB115">
            <v>44025</v>
          </cell>
          <cell r="DD115" t="str">
            <v/>
          </cell>
          <cell r="DL115">
            <v>10269</v>
          </cell>
          <cell r="DM115">
            <v>10763</v>
          </cell>
          <cell r="DN115">
            <v>10608</v>
          </cell>
          <cell r="DO115">
            <v>11539</v>
          </cell>
          <cell r="DP115">
            <v>10462</v>
          </cell>
          <cell r="DQ115">
            <v>10026</v>
          </cell>
          <cell r="DR115">
            <v>10845</v>
          </cell>
          <cell r="DS115">
            <v>10624</v>
          </cell>
          <cell r="EZ115">
            <v>8</v>
          </cell>
          <cell r="FA115">
            <v>8</v>
          </cell>
          <cell r="FI115">
            <v>5</v>
          </cell>
          <cell r="FJ115" t="str">
            <v>指名競争入札（簡易認証）</v>
          </cell>
          <cell r="FN115">
            <v>4</v>
          </cell>
          <cell r="FO115" t="str">
            <v>電子入札</v>
          </cell>
          <cell r="FS115">
            <v>3</v>
          </cell>
          <cell r="FT115" t="str">
            <v/>
          </cell>
          <cell r="FU115" t="str">
            <v/>
          </cell>
          <cell r="FW115" t="str">
            <v/>
          </cell>
          <cell r="FY115" t="str">
            <v/>
          </cell>
          <cell r="GD115">
            <v>1</v>
          </cell>
          <cell r="GE115" t="str">
            <v>契約・検査課長　松本　嘉博</v>
          </cell>
          <cell r="GF115" t="str">
            <v>-</v>
          </cell>
          <cell r="GG115" t="str">
            <v>×</v>
          </cell>
          <cell r="GI115" t="str">
            <v/>
          </cell>
          <cell r="GJ115" t="str">
            <v/>
          </cell>
          <cell r="GT115" t="str">
            <v/>
          </cell>
          <cell r="GW115" t="str">
            <v/>
          </cell>
          <cell r="HO115" t="str">
            <v/>
          </cell>
          <cell r="HP115" t="str">
            <v>-</v>
          </cell>
          <cell r="HQ115" t="str">
            <v>-</v>
          </cell>
          <cell r="HR115" t="str">
            <v>-</v>
          </cell>
          <cell r="HS115" t="str">
            <v>-</v>
          </cell>
          <cell r="HT115">
            <v>10376988</v>
          </cell>
          <cell r="HU115" t="str">
            <v>-</v>
          </cell>
          <cell r="HV115" t="str">
            <v>-</v>
          </cell>
          <cell r="HW115" t="str">
            <v>-</v>
          </cell>
          <cell r="JD115" t="str">
            <v/>
          </cell>
          <cell r="JE115" t="str">
            <v/>
          </cell>
          <cell r="JF115" t="str">
            <v/>
          </cell>
          <cell r="JG115" t="str">
            <v/>
          </cell>
          <cell r="JH115" t="str">
            <v/>
          </cell>
          <cell r="JI115" t="str">
            <v/>
          </cell>
          <cell r="JJ115" t="str">
            <v/>
          </cell>
          <cell r="JK115" t="str">
            <v/>
          </cell>
          <cell r="JL115" t="str">
            <v/>
          </cell>
          <cell r="JM115" t="str">
            <v/>
          </cell>
          <cell r="JN115" t="str">
            <v/>
          </cell>
          <cell r="JO115" t="str">
            <v/>
          </cell>
          <cell r="JP115">
            <v>8</v>
          </cell>
          <cell r="JQ115">
            <v>8</v>
          </cell>
          <cell r="JR115" t="str">
            <v/>
          </cell>
          <cell r="JS115" t="str">
            <v/>
          </cell>
          <cell r="JT115" t="str">
            <v/>
          </cell>
          <cell r="JU115" t="str">
            <v/>
          </cell>
          <cell r="JV115" t="str">
            <v/>
          </cell>
          <cell r="JW115" t="str">
            <v/>
          </cell>
          <cell r="JX115" t="str">
            <v/>
          </cell>
          <cell r="JY115" t="str">
            <v/>
          </cell>
          <cell r="JZ115" t="str">
            <v/>
          </cell>
        </row>
        <row r="116">
          <cell r="C116" t="str">
            <v/>
          </cell>
          <cell r="D116" t="str">
            <v/>
          </cell>
          <cell r="E116" t="str">
            <v/>
          </cell>
          <cell r="I116">
            <v>108</v>
          </cell>
          <cell r="M116" t="str">
            <v>令和２年度旧伊丹市立はなさと幼稚園解体工事</v>
          </cell>
          <cell r="Q116" t="str">
            <v>はな幼解体工</v>
          </cell>
          <cell r="Y116">
            <v>1</v>
          </cell>
          <cell r="AC116">
            <v>1</v>
          </cell>
          <cell r="AI116" t="str">
            <v>伊丹市寺本２丁目７７番地</v>
          </cell>
          <cell r="AM116" t="str">
            <v>建築解体撤去工事一式
電気設備解体撤去工事一式
機械設備解体撤去工事一式</v>
          </cell>
          <cell r="AQ116">
            <v>2</v>
          </cell>
          <cell r="AY116">
            <v>44061</v>
          </cell>
          <cell r="AZ116">
            <v>44064</v>
          </cell>
          <cell r="BA116">
            <v>179</v>
          </cell>
          <cell r="BB116">
            <v>44242</v>
          </cell>
          <cell r="BC116">
            <v>22</v>
          </cell>
          <cell r="BD116" t="str">
            <v>○</v>
          </cell>
          <cell r="BE116" t="str">
            <v>○</v>
          </cell>
          <cell r="BF116">
            <v>0.41875000000000001</v>
          </cell>
          <cell r="BG116">
            <v>7888</v>
          </cell>
          <cell r="BH116" t="str">
            <v>森川　真帆</v>
          </cell>
          <cell r="BI116" t="str">
            <v>営繕課</v>
          </cell>
          <cell r="BJ116">
            <v>4868</v>
          </cell>
          <cell r="BN116" t="str">
            <v>建</v>
          </cell>
          <cell r="BO116">
            <v>18</v>
          </cell>
          <cell r="BS116">
            <v>60940000</v>
          </cell>
          <cell r="BT116">
            <v>55400000</v>
          </cell>
          <cell r="BU116">
            <v>1</v>
          </cell>
          <cell r="BV116">
            <v>50480000</v>
          </cell>
          <cell r="BW116">
            <v>43058060</v>
          </cell>
          <cell r="BX116">
            <v>3914626</v>
          </cell>
          <cell r="BY116">
            <v>1599457</v>
          </cell>
          <cell r="BZ116">
            <v>6827857</v>
          </cell>
          <cell r="CH116">
            <v>58</v>
          </cell>
          <cell r="CI116">
            <v>44028</v>
          </cell>
          <cell r="CJ116" t="str">
            <v>一般</v>
          </cell>
          <cell r="CK116" t="str">
            <v>伊丹市内に本店</v>
          </cell>
          <cell r="CL116" t="str">
            <v>580点以上</v>
          </cell>
          <cell r="CP116">
            <v>55939</v>
          </cell>
          <cell r="CT116" t="str">
            <v>請負金額が1,200万円以上</v>
          </cell>
          <cell r="CW116">
            <v>44039</v>
          </cell>
          <cell r="CX116" t="str">
            <v/>
          </cell>
          <cell r="CY116" t="str">
            <v/>
          </cell>
          <cell r="CZ116" t="str">
            <v/>
          </cell>
          <cell r="DA116">
            <v>44040</v>
          </cell>
          <cell r="DB116">
            <v>44046</v>
          </cell>
          <cell r="DC116">
            <v>25</v>
          </cell>
          <cell r="DD116" t="str">
            <v>○</v>
          </cell>
          <cell r="DL116">
            <v>314</v>
          </cell>
          <cell r="DM116">
            <v>21</v>
          </cell>
          <cell r="DN116">
            <v>23</v>
          </cell>
          <cell r="DO116">
            <v>49</v>
          </cell>
          <cell r="DP116">
            <v>26</v>
          </cell>
          <cell r="DQ116">
            <v>6</v>
          </cell>
          <cell r="DR116">
            <v>48</v>
          </cell>
          <cell r="DS116">
            <v>120</v>
          </cell>
          <cell r="DT116">
            <v>211</v>
          </cell>
          <cell r="EZ116">
            <v>9</v>
          </cell>
          <cell r="FA116">
            <v>10</v>
          </cell>
          <cell r="FI116">
            <v>4</v>
          </cell>
          <cell r="FJ116" t="str">
            <v>事後審査型一般競争入札</v>
          </cell>
          <cell r="FN116">
            <v>4</v>
          </cell>
          <cell r="FO116" t="str">
            <v>電子入札</v>
          </cell>
          <cell r="FS116">
            <v>1</v>
          </cell>
          <cell r="FT116" t="str">
            <v/>
          </cell>
          <cell r="FU116" t="str">
            <v/>
          </cell>
          <cell r="FW116">
            <v>1</v>
          </cell>
          <cell r="FX116">
            <v>1</v>
          </cell>
          <cell r="FY116" t="str">
            <v>了</v>
          </cell>
          <cell r="GC116">
            <v>1</v>
          </cell>
          <cell r="GD116">
            <v>1</v>
          </cell>
          <cell r="GE116" t="str">
            <v>契約・検査課長　松本　嘉博</v>
          </cell>
          <cell r="GF116">
            <v>314</v>
          </cell>
          <cell r="GG116" t="str">
            <v>(株)アサヒ</v>
          </cell>
          <cell r="GH116">
            <v>56100000</v>
          </cell>
          <cell r="GI116">
            <v>5100000</v>
          </cell>
          <cell r="GJ116">
            <v>5610000</v>
          </cell>
          <cell r="GL116" t="str">
            <v>二級建築士</v>
          </cell>
          <cell r="GM116" t="str">
            <v>朝日　剛史</v>
          </cell>
          <cell r="GN116" t="str">
            <v>二級建築士</v>
          </cell>
          <cell r="GO116" t="str">
            <v>朝日　剛史</v>
          </cell>
          <cell r="GT116" t="str">
            <v>要</v>
          </cell>
          <cell r="GV116">
            <v>77190</v>
          </cell>
          <cell r="GW116">
            <v>1.3759358288770054</v>
          </cell>
          <cell r="HO116" t="str">
            <v/>
          </cell>
          <cell r="HP116">
            <v>51000000</v>
          </cell>
          <cell r="HQ116">
            <v>55300000</v>
          </cell>
          <cell r="HR116">
            <v>55390000</v>
          </cell>
          <cell r="HS116">
            <v>49970000</v>
          </cell>
          <cell r="HT116">
            <v>50340000</v>
          </cell>
          <cell r="HU116" t="str">
            <v>-</v>
          </cell>
          <cell r="HV116" t="str">
            <v>-</v>
          </cell>
          <cell r="HW116" t="str">
            <v>-</v>
          </cell>
          <cell r="HX116" t="str">
            <v>-</v>
          </cell>
          <cell r="JD116" t="str">
            <v/>
          </cell>
          <cell r="JE116" t="str">
            <v/>
          </cell>
          <cell r="JF116" t="str">
            <v/>
          </cell>
          <cell r="JG116" t="str">
            <v/>
          </cell>
          <cell r="JH116">
            <v>18</v>
          </cell>
          <cell r="JI116">
            <v>18</v>
          </cell>
          <cell r="JJ116" t="str">
            <v/>
          </cell>
          <cell r="JK116" t="str">
            <v/>
          </cell>
          <cell r="JL116" t="str">
            <v/>
          </cell>
          <cell r="JM116" t="str">
            <v/>
          </cell>
          <cell r="JN116" t="str">
            <v/>
          </cell>
          <cell r="JO116" t="str">
            <v/>
          </cell>
          <cell r="JP116" t="str">
            <v/>
          </cell>
          <cell r="JQ116" t="str">
            <v/>
          </cell>
          <cell r="JR116" t="str">
            <v/>
          </cell>
          <cell r="JS116" t="str">
            <v/>
          </cell>
          <cell r="JT116" t="str">
            <v/>
          </cell>
          <cell r="JU116" t="str">
            <v/>
          </cell>
          <cell r="JV116" t="str">
            <v/>
          </cell>
          <cell r="JW116" t="str">
            <v/>
          </cell>
          <cell r="JX116" t="str">
            <v/>
          </cell>
          <cell r="JY116" t="str">
            <v/>
          </cell>
          <cell r="JZ116">
            <v>0.92057761732851973</v>
          </cell>
        </row>
        <row r="117">
          <cell r="C117" t="str">
            <v/>
          </cell>
          <cell r="D117" t="str">
            <v/>
          </cell>
          <cell r="E117" t="str">
            <v/>
          </cell>
          <cell r="I117">
            <v>109</v>
          </cell>
          <cell r="M117" t="str">
            <v>令和２年度旧伊丹市立ささはら幼稚園解体工事</v>
          </cell>
          <cell r="Q117" t="str">
            <v>ささ幼解体工</v>
          </cell>
          <cell r="Y117">
            <v>1</v>
          </cell>
          <cell r="AC117">
            <v>1</v>
          </cell>
          <cell r="AI117" t="str">
            <v>伊丹市野間１丁目１０番１６号</v>
          </cell>
          <cell r="AM117" t="str">
            <v>建築解体撤去工事一式
電気設備解体撤去工事一式
機械設備解体撤去工事一式</v>
          </cell>
          <cell r="AQ117">
            <v>2</v>
          </cell>
          <cell r="AY117">
            <v>44061</v>
          </cell>
          <cell r="AZ117">
            <v>44064</v>
          </cell>
          <cell r="BA117">
            <v>148</v>
          </cell>
          <cell r="BB117">
            <v>44211</v>
          </cell>
          <cell r="BC117">
            <v>22</v>
          </cell>
          <cell r="BD117" t="str">
            <v>○</v>
          </cell>
          <cell r="BE117" t="str">
            <v>○</v>
          </cell>
          <cell r="BF117">
            <v>0.41944444444444445</v>
          </cell>
          <cell r="BG117">
            <v>7440</v>
          </cell>
          <cell r="BH117" t="str">
            <v>井上　達朗</v>
          </cell>
          <cell r="BI117" t="str">
            <v>営繕課</v>
          </cell>
          <cell r="BJ117">
            <v>4619</v>
          </cell>
          <cell r="BN117" t="str">
            <v>建</v>
          </cell>
          <cell r="BO117">
            <v>19</v>
          </cell>
          <cell r="BS117">
            <v>39600000</v>
          </cell>
          <cell r="BT117">
            <v>36000000</v>
          </cell>
          <cell r="BU117">
            <v>1</v>
          </cell>
          <cell r="BV117">
            <v>32690000</v>
          </cell>
          <cell r="BW117">
            <v>26978737</v>
          </cell>
          <cell r="BX117">
            <v>3289135</v>
          </cell>
          <cell r="BY117">
            <v>1176050</v>
          </cell>
          <cell r="BZ117">
            <v>4556078</v>
          </cell>
          <cell r="CH117">
            <v>59</v>
          </cell>
          <cell r="CI117">
            <v>44028</v>
          </cell>
          <cell r="CJ117" t="str">
            <v>一般</v>
          </cell>
          <cell r="CK117" t="str">
            <v>伊丹市内に本店</v>
          </cell>
          <cell r="CL117" t="str">
            <v>580点以上</v>
          </cell>
          <cell r="CP117">
            <v>33558</v>
          </cell>
          <cell r="CT117" t="str">
            <v>請負金額が800万円以上</v>
          </cell>
          <cell r="CW117">
            <v>44039</v>
          </cell>
          <cell r="CX117" t="str">
            <v/>
          </cell>
          <cell r="CY117" t="str">
            <v/>
          </cell>
          <cell r="CZ117" t="str">
            <v/>
          </cell>
          <cell r="DA117">
            <v>44040</v>
          </cell>
          <cell r="DB117">
            <v>44046</v>
          </cell>
          <cell r="DC117">
            <v>26</v>
          </cell>
          <cell r="DD117" t="str">
            <v>○</v>
          </cell>
          <cell r="DL117">
            <v>49</v>
          </cell>
          <cell r="DM117">
            <v>314</v>
          </cell>
          <cell r="DN117">
            <v>211</v>
          </cell>
          <cell r="DO117">
            <v>21</v>
          </cell>
          <cell r="DP117">
            <v>23</v>
          </cell>
          <cell r="DQ117">
            <v>65</v>
          </cell>
          <cell r="DR117">
            <v>26</v>
          </cell>
          <cell r="DS117">
            <v>48</v>
          </cell>
          <cell r="EZ117">
            <v>8</v>
          </cell>
          <cell r="FA117">
            <v>8</v>
          </cell>
          <cell r="FI117">
            <v>4</v>
          </cell>
          <cell r="FJ117" t="str">
            <v>事後審査型一般競争入札</v>
          </cell>
          <cell r="FN117">
            <v>4</v>
          </cell>
          <cell r="FO117" t="str">
            <v>電子入札</v>
          </cell>
          <cell r="FS117">
            <v>1</v>
          </cell>
          <cell r="FT117" t="str">
            <v/>
          </cell>
          <cell r="FU117" t="str">
            <v/>
          </cell>
          <cell r="FW117">
            <v>1</v>
          </cell>
          <cell r="FX117">
            <v>1</v>
          </cell>
          <cell r="FY117" t="str">
            <v>了</v>
          </cell>
          <cell r="GB117">
            <v>1</v>
          </cell>
          <cell r="GC117">
            <v>1</v>
          </cell>
          <cell r="GD117">
            <v>1</v>
          </cell>
          <cell r="GE117" t="str">
            <v>契約・検査課長　松本　嘉博</v>
          </cell>
          <cell r="GF117">
            <v>49</v>
          </cell>
          <cell r="GG117" t="str">
            <v>三晃(株)</v>
          </cell>
          <cell r="GH117">
            <v>35992000</v>
          </cell>
          <cell r="GI117">
            <v>3272000</v>
          </cell>
          <cell r="GJ117">
            <v>3600000</v>
          </cell>
          <cell r="GM117" t="str">
            <v>窪田　哲也</v>
          </cell>
          <cell r="GO117" t="str">
            <v>藤井　将司</v>
          </cell>
          <cell r="GT117" t="str">
            <v>要</v>
          </cell>
          <cell r="GU117" t="str">
            <v>済</v>
          </cell>
          <cell r="GV117">
            <v>98270</v>
          </cell>
          <cell r="GW117">
            <v>2.7303289619915541</v>
          </cell>
          <cell r="HO117" t="str">
            <v/>
          </cell>
          <cell r="HP117">
            <v>32720000</v>
          </cell>
          <cell r="HQ117">
            <v>32950000</v>
          </cell>
          <cell r="HR117">
            <v>35000000</v>
          </cell>
          <cell r="HS117">
            <v>35500000</v>
          </cell>
          <cell r="HT117">
            <v>32290000</v>
          </cell>
          <cell r="HU117">
            <v>32580000</v>
          </cell>
          <cell r="HV117">
            <v>32590000</v>
          </cell>
          <cell r="HW117" t="str">
            <v>-</v>
          </cell>
          <cell r="JD117" t="str">
            <v/>
          </cell>
          <cell r="JE117" t="str">
            <v/>
          </cell>
          <cell r="JF117" t="str">
            <v/>
          </cell>
          <cell r="JG117" t="str">
            <v/>
          </cell>
          <cell r="JH117">
            <v>19</v>
          </cell>
          <cell r="JI117">
            <v>19</v>
          </cell>
          <cell r="JJ117" t="str">
            <v/>
          </cell>
          <cell r="JK117" t="str">
            <v/>
          </cell>
          <cell r="JL117" t="str">
            <v/>
          </cell>
          <cell r="JM117" t="str">
            <v/>
          </cell>
          <cell r="JN117" t="str">
            <v/>
          </cell>
          <cell r="JO117" t="str">
            <v/>
          </cell>
          <cell r="JP117" t="str">
            <v/>
          </cell>
          <cell r="JQ117" t="str">
            <v/>
          </cell>
          <cell r="JR117" t="str">
            <v/>
          </cell>
          <cell r="JS117" t="str">
            <v/>
          </cell>
          <cell r="JT117" t="str">
            <v/>
          </cell>
          <cell r="JU117" t="str">
            <v/>
          </cell>
          <cell r="JV117" t="str">
            <v/>
          </cell>
          <cell r="JW117" t="str">
            <v/>
          </cell>
          <cell r="JX117" t="str">
            <v/>
          </cell>
          <cell r="JY117" t="str">
            <v/>
          </cell>
          <cell r="JZ117">
            <v>0.90888888888888875</v>
          </cell>
        </row>
        <row r="118">
          <cell r="C118" t="str">
            <v/>
          </cell>
          <cell r="D118" t="str">
            <v/>
          </cell>
          <cell r="E118" t="str">
            <v/>
          </cell>
          <cell r="I118">
            <v>110</v>
          </cell>
          <cell r="M118" t="str">
            <v>令和２年度プラネタリウム映像システム機器リース</v>
          </cell>
          <cell r="Q118" t="str">
            <v>ﾌﾟﾗﾈﾀﾘｳﾑ映像機器</v>
          </cell>
          <cell r="Y118">
            <v>1</v>
          </cell>
          <cell r="AC118">
            <v>8</v>
          </cell>
          <cell r="AD118">
            <v>6</v>
          </cell>
          <cell r="AI118" t="str">
            <v>伊丹市立こども文化科学館</v>
          </cell>
          <cell r="AQ118">
            <v>7</v>
          </cell>
          <cell r="AU118">
            <v>60</v>
          </cell>
          <cell r="AY118">
            <v>44033</v>
          </cell>
          <cell r="AZ118">
            <v>44034</v>
          </cell>
          <cell r="BA118">
            <v>1867</v>
          </cell>
          <cell r="BB118">
            <v>45900</v>
          </cell>
          <cell r="BC118" t="str">
            <v/>
          </cell>
          <cell r="BD118" t="str">
            <v/>
          </cell>
          <cell r="BE118" t="str">
            <v/>
          </cell>
          <cell r="BF118">
            <v>0.41875000000000001</v>
          </cell>
          <cell r="BH118" t="str">
            <v>丸川　章</v>
          </cell>
          <cell r="BI118" t="str">
            <v>こども文化科学館</v>
          </cell>
          <cell r="BJ118" t="str">
            <v/>
          </cell>
          <cell r="BN118" t="str">
            <v>リ</v>
          </cell>
          <cell r="BO118">
            <v>4</v>
          </cell>
          <cell r="BS118">
            <v>7959600</v>
          </cell>
          <cell r="BT118">
            <v>120600</v>
          </cell>
          <cell r="BU118">
            <v>1</v>
          </cell>
          <cell r="BV118" t="str">
            <v/>
          </cell>
          <cell r="CD118" t="str">
            <v/>
          </cell>
          <cell r="CH118">
            <v>-48</v>
          </cell>
          <cell r="CI118">
            <v>44019</v>
          </cell>
          <cell r="CP118">
            <v>12684</v>
          </cell>
          <cell r="CW118" t="str">
            <v/>
          </cell>
          <cell r="CX118" t="str">
            <v/>
          </cell>
          <cell r="CY118" t="str">
            <v/>
          </cell>
          <cell r="CZ118" t="str">
            <v/>
          </cell>
          <cell r="DA118">
            <v>44026</v>
          </cell>
          <cell r="DB118">
            <v>44028</v>
          </cell>
          <cell r="DD118" t="str">
            <v/>
          </cell>
          <cell r="DL118">
            <v>10006</v>
          </cell>
          <cell r="DM118">
            <v>10064</v>
          </cell>
          <cell r="DN118">
            <v>10115</v>
          </cell>
          <cell r="DO118">
            <v>10126</v>
          </cell>
          <cell r="DP118">
            <v>10153</v>
          </cell>
          <cell r="DQ118">
            <v>10287</v>
          </cell>
          <cell r="DR118">
            <v>11587</v>
          </cell>
          <cell r="DS118">
            <v>10140</v>
          </cell>
          <cell r="DT118">
            <v>10200</v>
          </cell>
          <cell r="DU118">
            <v>10529</v>
          </cell>
          <cell r="DV118">
            <v>10689</v>
          </cell>
          <cell r="DW118">
            <v>12344</v>
          </cell>
          <cell r="DX118">
            <v>10070</v>
          </cell>
          <cell r="DY118">
            <v>10509</v>
          </cell>
          <cell r="EZ118">
            <v>14</v>
          </cell>
          <cell r="FA118">
            <v>8</v>
          </cell>
          <cell r="FI118">
            <v>5</v>
          </cell>
          <cell r="FJ118" t="str">
            <v>指名競争入札（簡易認証）</v>
          </cell>
          <cell r="FN118">
            <v>4</v>
          </cell>
          <cell r="FO118" t="str">
            <v>電子入札</v>
          </cell>
          <cell r="FS118">
            <v>4</v>
          </cell>
          <cell r="FT118" t="str">
            <v/>
          </cell>
          <cell r="FU118" t="str">
            <v/>
          </cell>
          <cell r="FW118" t="str">
            <v/>
          </cell>
          <cell r="FY118" t="str">
            <v/>
          </cell>
          <cell r="GD118">
            <v>1</v>
          </cell>
          <cell r="GE118" t="str">
            <v>契約・検査課長　松本　嘉博</v>
          </cell>
          <cell r="GF118">
            <v>10064</v>
          </cell>
          <cell r="GG118" t="str">
            <v>日通商事(株)</v>
          </cell>
          <cell r="GH118">
            <v>7029000</v>
          </cell>
          <cell r="GI118">
            <v>639000</v>
          </cell>
          <cell r="GJ118" t="str">
            <v/>
          </cell>
          <cell r="GT118" t="str">
            <v/>
          </cell>
          <cell r="GW118" t="str">
            <v/>
          </cell>
          <cell r="HO118" t="str">
            <v/>
          </cell>
          <cell r="HP118" t="str">
            <v>-</v>
          </cell>
          <cell r="HQ118">
            <v>106500</v>
          </cell>
          <cell r="HR118">
            <v>107950</v>
          </cell>
          <cell r="HS118" t="str">
            <v>-</v>
          </cell>
          <cell r="HT118" t="str">
            <v>-</v>
          </cell>
          <cell r="HU118" t="str">
            <v>-</v>
          </cell>
          <cell r="HV118" t="str">
            <v>-</v>
          </cell>
          <cell r="HW118" t="str">
            <v>-</v>
          </cell>
          <cell r="HX118" t="str">
            <v>-</v>
          </cell>
          <cell r="HY118" t="str">
            <v>-</v>
          </cell>
          <cell r="HZ118" t="str">
            <v>-</v>
          </cell>
          <cell r="IA118" t="str">
            <v>-</v>
          </cell>
          <cell r="IB118" t="str">
            <v>-</v>
          </cell>
          <cell r="IC118" t="str">
            <v>-</v>
          </cell>
          <cell r="JD118" t="str">
            <v/>
          </cell>
          <cell r="JE118" t="str">
            <v/>
          </cell>
          <cell r="JF118" t="str">
            <v/>
          </cell>
          <cell r="JG118" t="str">
            <v/>
          </cell>
          <cell r="JH118" t="str">
            <v/>
          </cell>
          <cell r="JI118" t="str">
            <v/>
          </cell>
          <cell r="JJ118" t="str">
            <v/>
          </cell>
          <cell r="JK118" t="str">
            <v/>
          </cell>
          <cell r="JL118" t="str">
            <v/>
          </cell>
          <cell r="JM118" t="str">
            <v/>
          </cell>
          <cell r="JN118" t="str">
            <v/>
          </cell>
          <cell r="JO118" t="str">
            <v/>
          </cell>
          <cell r="JP118" t="str">
            <v/>
          </cell>
          <cell r="JQ118" t="str">
            <v/>
          </cell>
          <cell r="JR118" t="str">
            <v/>
          </cell>
          <cell r="JS118" t="str">
            <v/>
          </cell>
          <cell r="JT118" t="str">
            <v/>
          </cell>
          <cell r="JU118" t="str">
            <v/>
          </cell>
          <cell r="JV118" t="str">
            <v/>
          </cell>
          <cell r="JW118" t="str">
            <v/>
          </cell>
          <cell r="JX118" t="str">
            <v/>
          </cell>
          <cell r="JY118" t="str">
            <v/>
          </cell>
          <cell r="JZ118">
            <v>0.89943799336650077</v>
          </cell>
        </row>
        <row r="119">
          <cell r="C119" t="str">
            <v/>
          </cell>
          <cell r="D119" t="str">
            <v/>
          </cell>
          <cell r="E119" t="str">
            <v/>
          </cell>
          <cell r="I119">
            <v>111</v>
          </cell>
          <cell r="M119" t="str">
            <v>令和２年度廃棄物運搬・処理委託業務（旧伊丹市立はなさと幼稚園）</v>
          </cell>
          <cell r="Q119" t="str">
            <v>はなさと幼廃棄</v>
          </cell>
          <cell r="Y119">
            <v>1</v>
          </cell>
          <cell r="AC119">
            <v>8</v>
          </cell>
          <cell r="AD119">
            <v>8</v>
          </cell>
          <cell r="AI119" t="str">
            <v>伊丹市寺本２丁目７７番地</v>
          </cell>
          <cell r="AQ119">
            <v>1</v>
          </cell>
          <cell r="AY119">
            <v>44041</v>
          </cell>
          <cell r="AZ119">
            <v>44042</v>
          </cell>
          <cell r="BA119">
            <v>23</v>
          </cell>
          <cell r="BB119">
            <v>44064</v>
          </cell>
          <cell r="BC119" t="str">
            <v/>
          </cell>
          <cell r="BD119" t="str">
            <v/>
          </cell>
          <cell r="BE119" t="str">
            <v/>
          </cell>
          <cell r="BF119">
            <v>0.41736111111111113</v>
          </cell>
          <cell r="BG119">
            <v>6095</v>
          </cell>
          <cell r="BH119" t="str">
            <v>竹中  やよい</v>
          </cell>
          <cell r="BI119" t="str">
            <v>幼児教育推進課</v>
          </cell>
          <cell r="BJ119">
            <v>4268</v>
          </cell>
          <cell r="BN119" t="str">
            <v>他</v>
          </cell>
          <cell r="BO119">
            <v>44</v>
          </cell>
          <cell r="BS119">
            <v>2129600</v>
          </cell>
          <cell r="BT119">
            <v>1930000</v>
          </cell>
          <cell r="BU119" t="str">
            <v/>
          </cell>
          <cell r="BV119" t="str">
            <v/>
          </cell>
          <cell r="CD119" t="str">
            <v/>
          </cell>
          <cell r="CH119">
            <v>-49</v>
          </cell>
          <cell r="CI119">
            <v>44021</v>
          </cell>
          <cell r="CP119">
            <v>20651</v>
          </cell>
          <cell r="CW119" t="str">
            <v/>
          </cell>
          <cell r="CX119" t="str">
            <v/>
          </cell>
          <cell r="CY119" t="str">
            <v/>
          </cell>
          <cell r="CZ119" t="str">
            <v/>
          </cell>
          <cell r="DA119">
            <v>44032</v>
          </cell>
          <cell r="DB119">
            <v>44034</v>
          </cell>
          <cell r="DD119" t="str">
            <v/>
          </cell>
          <cell r="DL119">
            <v>10273</v>
          </cell>
          <cell r="DM119">
            <v>10353</v>
          </cell>
          <cell r="DN119">
            <v>10514</v>
          </cell>
          <cell r="DO119">
            <v>10886</v>
          </cell>
          <cell r="DP119">
            <v>10969</v>
          </cell>
          <cell r="DQ119">
            <v>11082</v>
          </cell>
          <cell r="DR119">
            <v>11266</v>
          </cell>
          <cell r="DS119">
            <v>11843</v>
          </cell>
          <cell r="EZ119">
            <v>8</v>
          </cell>
          <cell r="FA119">
            <v>6</v>
          </cell>
          <cell r="FI119">
            <v>5</v>
          </cell>
          <cell r="FJ119" t="str">
            <v>指名競争入札（簡易認証）</v>
          </cell>
          <cell r="FN119">
            <v>4</v>
          </cell>
          <cell r="FO119" t="str">
            <v>電子入札</v>
          </cell>
          <cell r="FS119">
            <v>5</v>
          </cell>
          <cell r="FT119" t="str">
            <v/>
          </cell>
          <cell r="FU119" t="str">
            <v/>
          </cell>
          <cell r="FW119" t="str">
            <v/>
          </cell>
          <cell r="FY119" t="str">
            <v/>
          </cell>
          <cell r="GD119">
            <v>1</v>
          </cell>
          <cell r="GE119" t="str">
            <v>契約・検査課長　松本　嘉博</v>
          </cell>
          <cell r="GF119">
            <v>10886</v>
          </cell>
          <cell r="GG119" t="str">
            <v>(株)大協</v>
          </cell>
          <cell r="GH119">
            <v>1914000</v>
          </cell>
          <cell r="GI119">
            <v>174000</v>
          </cell>
          <cell r="GJ119" t="str">
            <v/>
          </cell>
          <cell r="GL119" t="str">
            <v>大型自動車免許,普通自動二輪車免許</v>
          </cell>
          <cell r="GM119" t="str">
            <v>奥野　智一</v>
          </cell>
          <cell r="GN119" t="str">
            <v>大型自動車免許,普通自動二輪車免許</v>
          </cell>
          <cell r="GO119" t="str">
            <v>奥野　智一</v>
          </cell>
          <cell r="GT119" t="str">
            <v/>
          </cell>
          <cell r="GW119" t="str">
            <v/>
          </cell>
          <cell r="HO119" t="str">
            <v/>
          </cell>
          <cell r="HP119">
            <v>1900000</v>
          </cell>
          <cell r="HQ119">
            <v>1930000</v>
          </cell>
          <cell r="HR119">
            <v>1900000</v>
          </cell>
          <cell r="HS119">
            <v>1740000</v>
          </cell>
          <cell r="HT119" t="str">
            <v>-</v>
          </cell>
          <cell r="HU119">
            <v>1930000</v>
          </cell>
          <cell r="HV119">
            <v>1930000</v>
          </cell>
          <cell r="HW119">
            <v>1900000</v>
          </cell>
          <cell r="JD119" t="str">
            <v/>
          </cell>
          <cell r="JE119" t="str">
            <v/>
          </cell>
          <cell r="JF119" t="str">
            <v/>
          </cell>
          <cell r="JG119" t="str">
            <v/>
          </cell>
          <cell r="JH119" t="str">
            <v/>
          </cell>
          <cell r="JI119" t="str">
            <v/>
          </cell>
          <cell r="JJ119" t="str">
            <v/>
          </cell>
          <cell r="JK119" t="str">
            <v/>
          </cell>
          <cell r="JL119" t="str">
            <v/>
          </cell>
          <cell r="JM119" t="str">
            <v/>
          </cell>
          <cell r="JN119" t="str">
            <v/>
          </cell>
          <cell r="JO119" t="str">
            <v/>
          </cell>
          <cell r="JP119" t="str">
            <v/>
          </cell>
          <cell r="JQ119" t="str">
            <v/>
          </cell>
          <cell r="JR119" t="str">
            <v/>
          </cell>
          <cell r="JS119" t="str">
            <v/>
          </cell>
          <cell r="JT119" t="str">
            <v/>
          </cell>
          <cell r="JU119" t="str">
            <v/>
          </cell>
          <cell r="JV119" t="str">
            <v/>
          </cell>
          <cell r="JW119" t="str">
            <v/>
          </cell>
          <cell r="JX119">
            <v>44</v>
          </cell>
          <cell r="JY119">
            <v>41</v>
          </cell>
          <cell r="JZ119">
            <v>0.90155440414507759</v>
          </cell>
        </row>
        <row r="120">
          <cell r="C120" t="str">
            <v/>
          </cell>
          <cell r="D120" t="str">
            <v/>
          </cell>
          <cell r="E120" t="str">
            <v/>
          </cell>
          <cell r="I120">
            <v>112</v>
          </cell>
          <cell r="L120">
            <v>1</v>
          </cell>
          <cell r="M120" t="str">
            <v>令和２年度廃棄物運搬・処理委託業務（旧伊丹市立緑幼稚園）</v>
          </cell>
          <cell r="Q120" t="str">
            <v>緑幼稚園廃棄</v>
          </cell>
          <cell r="Y120">
            <v>1</v>
          </cell>
          <cell r="AC120">
            <v>8</v>
          </cell>
          <cell r="AD120">
            <v>8</v>
          </cell>
          <cell r="AI120" t="str">
            <v>伊丹市大鹿５丁目６７番地</v>
          </cell>
          <cell r="AQ120">
            <v>1</v>
          </cell>
          <cell r="AY120">
            <v>44041</v>
          </cell>
          <cell r="AZ120">
            <v>44042</v>
          </cell>
          <cell r="BA120">
            <v>48</v>
          </cell>
          <cell r="BB120">
            <v>44089</v>
          </cell>
          <cell r="BC120" t="str">
            <v/>
          </cell>
          <cell r="BD120" t="str">
            <v/>
          </cell>
          <cell r="BE120" t="str">
            <v/>
          </cell>
          <cell r="BF120">
            <v>0.41805555555555557</v>
          </cell>
          <cell r="BG120">
            <v>6095</v>
          </cell>
          <cell r="BH120" t="str">
            <v>竹中  やよい</v>
          </cell>
          <cell r="BI120" t="str">
            <v>幼児教育推進課</v>
          </cell>
          <cell r="BJ120">
            <v>4268</v>
          </cell>
          <cell r="BN120" t="str">
            <v>他</v>
          </cell>
          <cell r="BO120">
            <v>45</v>
          </cell>
          <cell r="BS120">
            <v>1811700</v>
          </cell>
          <cell r="BT120">
            <v>1640000</v>
          </cell>
          <cell r="BU120" t="str">
            <v/>
          </cell>
          <cell r="BV120" t="str">
            <v/>
          </cell>
          <cell r="CD120" t="str">
            <v/>
          </cell>
          <cell r="CH120">
            <v>-50</v>
          </cell>
          <cell r="CI120">
            <v>44022</v>
          </cell>
          <cell r="CP120">
            <v>81508</v>
          </cell>
          <cell r="CW120" t="str">
            <v/>
          </cell>
          <cell r="CX120" t="str">
            <v/>
          </cell>
          <cell r="CY120" t="str">
            <v/>
          </cell>
          <cell r="CZ120" t="str">
            <v/>
          </cell>
          <cell r="DA120">
            <v>44032</v>
          </cell>
          <cell r="DB120">
            <v>44034</v>
          </cell>
          <cell r="DD120" t="str">
            <v/>
          </cell>
          <cell r="DL120">
            <v>10273</v>
          </cell>
          <cell r="DM120">
            <v>10353</v>
          </cell>
          <cell r="DN120">
            <v>10514</v>
          </cell>
          <cell r="DO120">
            <v>10886</v>
          </cell>
          <cell r="DP120">
            <v>10969</v>
          </cell>
          <cell r="DQ120">
            <v>11082</v>
          </cell>
          <cell r="DR120">
            <v>11266</v>
          </cell>
          <cell r="DS120">
            <v>11843</v>
          </cell>
          <cell r="EZ120">
            <v>8</v>
          </cell>
          <cell r="FA120">
            <v>6</v>
          </cell>
          <cell r="FI120">
            <v>5</v>
          </cell>
          <cell r="FJ120" t="str">
            <v>指名競争入札（簡易認証）</v>
          </cell>
          <cell r="FN120">
            <v>4</v>
          </cell>
          <cell r="FO120" t="str">
            <v>電子入札</v>
          </cell>
          <cell r="FS120">
            <v>5</v>
          </cell>
          <cell r="FT120" t="str">
            <v/>
          </cell>
          <cell r="FU120" t="str">
            <v/>
          </cell>
          <cell r="FW120" t="str">
            <v/>
          </cell>
          <cell r="FY120" t="str">
            <v/>
          </cell>
          <cell r="GD120">
            <v>1</v>
          </cell>
          <cell r="GE120" t="str">
            <v>契約・検査課長　松本　嘉博</v>
          </cell>
          <cell r="GG120" t="str">
            <v/>
          </cell>
          <cell r="GI120" t="str">
            <v/>
          </cell>
          <cell r="GJ120" t="str">
            <v/>
          </cell>
          <cell r="GT120" t="str">
            <v/>
          </cell>
          <cell r="GW120" t="str">
            <v/>
          </cell>
          <cell r="HO120" t="str">
            <v/>
          </cell>
          <cell r="JD120" t="str">
            <v/>
          </cell>
          <cell r="JE120" t="str">
            <v/>
          </cell>
          <cell r="JF120" t="str">
            <v/>
          </cell>
          <cell r="JG120" t="str">
            <v/>
          </cell>
          <cell r="JH120" t="str">
            <v/>
          </cell>
          <cell r="JI120" t="str">
            <v/>
          </cell>
          <cell r="JJ120" t="str">
            <v/>
          </cell>
          <cell r="JK120" t="str">
            <v/>
          </cell>
          <cell r="JL120" t="str">
            <v/>
          </cell>
          <cell r="JM120" t="str">
            <v/>
          </cell>
          <cell r="JN120" t="str">
            <v/>
          </cell>
          <cell r="JO120" t="str">
            <v/>
          </cell>
          <cell r="JP120" t="str">
            <v/>
          </cell>
          <cell r="JQ120" t="str">
            <v/>
          </cell>
          <cell r="JR120" t="str">
            <v/>
          </cell>
          <cell r="JS120" t="str">
            <v/>
          </cell>
          <cell r="JT120" t="str">
            <v/>
          </cell>
          <cell r="JU120" t="str">
            <v/>
          </cell>
          <cell r="JV120" t="str">
            <v/>
          </cell>
          <cell r="JW120" t="str">
            <v/>
          </cell>
          <cell r="JX120">
            <v>45</v>
          </cell>
          <cell r="JY120">
            <v>42</v>
          </cell>
          <cell r="JZ120" t="str">
            <v/>
          </cell>
        </row>
        <row r="121">
          <cell r="C121" t="str">
            <v/>
          </cell>
          <cell r="D121" t="str">
            <v/>
          </cell>
          <cell r="E121" t="str">
            <v/>
          </cell>
          <cell r="I121">
            <v>113</v>
          </cell>
          <cell r="M121" t="str">
            <v>令和２年度教育支援センター「やまびこ」児童生徒机・椅子購入</v>
          </cell>
          <cell r="Q121" t="str">
            <v>ﾔﾏﾋﾞｺ机椅子</v>
          </cell>
          <cell r="Y121">
            <v>1</v>
          </cell>
          <cell r="AC121">
            <v>8</v>
          </cell>
          <cell r="AD121">
            <v>1</v>
          </cell>
          <cell r="AI121" t="str">
            <v>伊丹市昆陽１丁目２１３番地　旧稲野幼稚園</v>
          </cell>
          <cell r="AQ121">
            <v>1</v>
          </cell>
          <cell r="AY121">
            <v>44042</v>
          </cell>
          <cell r="AZ121">
            <v>44042</v>
          </cell>
          <cell r="BA121">
            <v>30</v>
          </cell>
          <cell r="BB121">
            <v>44071</v>
          </cell>
          <cell r="BC121" t="str">
            <v/>
          </cell>
          <cell r="BD121" t="str">
            <v/>
          </cell>
          <cell r="BE121" t="str">
            <v/>
          </cell>
          <cell r="BF121">
            <v>0.58402777777777781</v>
          </cell>
          <cell r="BG121">
            <v>9851</v>
          </cell>
          <cell r="BH121" t="str">
            <v>村上　大介</v>
          </cell>
          <cell r="BI121" t="str">
            <v>総合教育センター</v>
          </cell>
          <cell r="BJ121">
            <v>4735</v>
          </cell>
          <cell r="BN121" t="str">
            <v>物</v>
          </cell>
          <cell r="BO121">
            <v>9</v>
          </cell>
          <cell r="BS121">
            <v>963600</v>
          </cell>
          <cell r="BT121">
            <v>870000</v>
          </cell>
          <cell r="BU121">
            <v>1</v>
          </cell>
          <cell r="BV121" t="str">
            <v/>
          </cell>
          <cell r="CD121" t="str">
            <v/>
          </cell>
          <cell r="CH121">
            <v>-51</v>
          </cell>
          <cell r="CI121">
            <v>44021</v>
          </cell>
          <cell r="CP121">
            <v>52037</v>
          </cell>
          <cell r="CW121" t="str">
            <v/>
          </cell>
          <cell r="CX121" t="str">
            <v/>
          </cell>
          <cell r="CY121" t="str">
            <v/>
          </cell>
          <cell r="CZ121" t="str">
            <v/>
          </cell>
          <cell r="DA121">
            <v>44028</v>
          </cell>
          <cell r="DB121">
            <v>44033</v>
          </cell>
          <cell r="DD121" t="str">
            <v/>
          </cell>
          <cell r="DL121">
            <v>10249</v>
          </cell>
          <cell r="DM121">
            <v>11381</v>
          </cell>
          <cell r="DN121">
            <v>11598</v>
          </cell>
          <cell r="DO121">
            <v>10655</v>
          </cell>
          <cell r="DP121">
            <v>11844</v>
          </cell>
          <cell r="DQ121">
            <v>11134</v>
          </cell>
          <cell r="DR121">
            <v>10556</v>
          </cell>
          <cell r="DS121">
            <v>10712</v>
          </cell>
          <cell r="DT121">
            <v>10631</v>
          </cell>
          <cell r="DU121">
            <v>10793</v>
          </cell>
          <cell r="DV121">
            <v>11385</v>
          </cell>
          <cell r="EZ121">
            <v>11</v>
          </cell>
          <cell r="FA121">
            <v>6</v>
          </cell>
          <cell r="FI121">
            <v>5</v>
          </cell>
          <cell r="FJ121" t="str">
            <v>指名競争入札（簡易認証）</v>
          </cell>
          <cell r="FN121">
            <v>4</v>
          </cell>
          <cell r="FO121" t="str">
            <v>電子入札</v>
          </cell>
          <cell r="FS121">
            <v>3</v>
          </cell>
          <cell r="FT121" t="str">
            <v/>
          </cell>
          <cell r="FU121" t="str">
            <v/>
          </cell>
          <cell r="FW121" t="str">
            <v/>
          </cell>
          <cell r="FY121" t="str">
            <v/>
          </cell>
          <cell r="GD121">
            <v>1</v>
          </cell>
          <cell r="GE121" t="str">
            <v>契約・検査課長　松本　嘉博</v>
          </cell>
          <cell r="GF121">
            <v>10249</v>
          </cell>
          <cell r="GG121" t="str">
            <v>(有)九十屋</v>
          </cell>
          <cell r="GH121">
            <v>881100</v>
          </cell>
          <cell r="GI121">
            <v>80100</v>
          </cell>
          <cell r="GJ121" t="str">
            <v/>
          </cell>
          <cell r="GT121" t="str">
            <v/>
          </cell>
          <cell r="GW121" t="str">
            <v/>
          </cell>
          <cell r="HO121" t="str">
            <v/>
          </cell>
          <cell r="HP121">
            <v>801000</v>
          </cell>
          <cell r="HQ121">
            <v>930000</v>
          </cell>
          <cell r="HR121" t="str">
            <v>-</v>
          </cell>
          <cell r="HS121">
            <v>950000</v>
          </cell>
          <cell r="HT121" t="str">
            <v>-</v>
          </cell>
          <cell r="HU121" t="str">
            <v>-</v>
          </cell>
          <cell r="HV121">
            <v>1473000</v>
          </cell>
          <cell r="HW121">
            <v>1315200</v>
          </cell>
          <cell r="HX121" t="str">
            <v>-</v>
          </cell>
          <cell r="HY121" t="str">
            <v>-</v>
          </cell>
          <cell r="HZ121" t="str">
            <v>-</v>
          </cell>
          <cell r="JD121" t="str">
            <v/>
          </cell>
          <cell r="JE121" t="str">
            <v/>
          </cell>
          <cell r="JF121" t="str">
            <v/>
          </cell>
          <cell r="JG121" t="str">
            <v/>
          </cell>
          <cell r="JH121" t="str">
            <v/>
          </cell>
          <cell r="JI121" t="str">
            <v/>
          </cell>
          <cell r="JJ121" t="str">
            <v/>
          </cell>
          <cell r="JK121" t="str">
            <v/>
          </cell>
          <cell r="JL121" t="str">
            <v/>
          </cell>
          <cell r="JM121" t="str">
            <v/>
          </cell>
          <cell r="JN121" t="str">
            <v/>
          </cell>
          <cell r="JO121" t="str">
            <v/>
          </cell>
          <cell r="JP121">
            <v>9</v>
          </cell>
          <cell r="JQ121">
            <v>9</v>
          </cell>
          <cell r="JR121" t="str">
            <v/>
          </cell>
          <cell r="JS121" t="str">
            <v/>
          </cell>
          <cell r="JT121" t="str">
            <v/>
          </cell>
          <cell r="JU121" t="str">
            <v/>
          </cell>
          <cell r="JV121" t="str">
            <v/>
          </cell>
          <cell r="JW121" t="str">
            <v/>
          </cell>
          <cell r="JX121" t="str">
            <v/>
          </cell>
          <cell r="JY121" t="str">
            <v/>
          </cell>
          <cell r="JZ121">
            <v>0.92068965517241363</v>
          </cell>
        </row>
        <row r="122">
          <cell r="C122" t="str">
            <v/>
          </cell>
          <cell r="D122" t="str">
            <v/>
          </cell>
          <cell r="E122" t="str">
            <v/>
          </cell>
          <cell r="I122">
            <v>114</v>
          </cell>
          <cell r="M122" t="str">
            <v>令和２年度伊丹市立学校施設受水槽及び高架水槽清掃委託業務</v>
          </cell>
          <cell r="Q122" t="str">
            <v>受水槽清掃</v>
          </cell>
          <cell r="Y122">
            <v>1</v>
          </cell>
          <cell r="AC122">
            <v>8</v>
          </cell>
          <cell r="AD122">
            <v>8</v>
          </cell>
          <cell r="AI122" t="str">
            <v>伊丹市船原１丁目１番１号他２６箇所</v>
          </cell>
          <cell r="AQ122">
            <v>1</v>
          </cell>
          <cell r="AY122">
            <v>44029</v>
          </cell>
          <cell r="AZ122">
            <v>44032</v>
          </cell>
          <cell r="BA122">
            <v>104</v>
          </cell>
          <cell r="BB122">
            <v>44135</v>
          </cell>
          <cell r="BC122" t="str">
            <v/>
          </cell>
          <cell r="BD122" t="str">
            <v/>
          </cell>
          <cell r="BE122" t="str">
            <v/>
          </cell>
          <cell r="BF122">
            <v>0.41875000000000001</v>
          </cell>
          <cell r="BG122">
            <v>7641</v>
          </cell>
          <cell r="BH122" t="str">
            <v>安木　亮太</v>
          </cell>
          <cell r="BI122" t="str">
            <v>施設課</v>
          </cell>
          <cell r="BJ122">
            <v>4669</v>
          </cell>
          <cell r="BN122" t="str">
            <v>他</v>
          </cell>
          <cell r="BO122">
            <v>46</v>
          </cell>
          <cell r="BS122">
            <v>655600</v>
          </cell>
          <cell r="BT122">
            <v>590000</v>
          </cell>
          <cell r="BU122" t="str">
            <v/>
          </cell>
          <cell r="BV122" t="str">
            <v/>
          </cell>
          <cell r="CD122" t="str">
            <v/>
          </cell>
          <cell r="CH122">
            <v>-52</v>
          </cell>
          <cell r="CI122">
            <v>44014</v>
          </cell>
          <cell r="CP122">
            <v>37347</v>
          </cell>
          <cell r="CW122" t="str">
            <v/>
          </cell>
          <cell r="CX122" t="str">
            <v/>
          </cell>
          <cell r="CY122" t="str">
            <v/>
          </cell>
          <cell r="CZ122" t="str">
            <v/>
          </cell>
          <cell r="DA122">
            <v>44021</v>
          </cell>
          <cell r="DB122">
            <v>44026</v>
          </cell>
          <cell r="DD122" t="str">
            <v/>
          </cell>
          <cell r="DL122">
            <v>10353</v>
          </cell>
          <cell r="DM122">
            <v>10466</v>
          </cell>
          <cell r="DN122">
            <v>10672</v>
          </cell>
          <cell r="DO122">
            <v>12464</v>
          </cell>
          <cell r="DP122">
            <v>10673</v>
          </cell>
          <cell r="DQ122">
            <v>10829</v>
          </cell>
          <cell r="DR122">
            <v>10950</v>
          </cell>
          <cell r="DS122">
            <v>12740</v>
          </cell>
          <cell r="EZ122">
            <v>8</v>
          </cell>
          <cell r="FA122">
            <v>6</v>
          </cell>
          <cell r="FI122">
            <v>5</v>
          </cell>
          <cell r="FJ122" t="str">
            <v>指名競争入札（簡易認証）</v>
          </cell>
          <cell r="FN122">
            <v>4</v>
          </cell>
          <cell r="FO122" t="str">
            <v>電子入札</v>
          </cell>
          <cell r="FS122">
            <v>5</v>
          </cell>
          <cell r="FT122" t="str">
            <v/>
          </cell>
          <cell r="FU122" t="str">
            <v/>
          </cell>
          <cell r="FW122" t="str">
            <v/>
          </cell>
          <cell r="FY122" t="str">
            <v/>
          </cell>
          <cell r="GD122">
            <v>1</v>
          </cell>
          <cell r="GE122" t="str">
            <v>契約・検査課長　松本　嘉博</v>
          </cell>
          <cell r="GF122" t="str">
            <v>-</v>
          </cell>
          <cell r="GG122" t="str">
            <v>×</v>
          </cell>
          <cell r="GI122" t="str">
            <v/>
          </cell>
          <cell r="GJ122" t="str">
            <v/>
          </cell>
          <cell r="GT122" t="str">
            <v/>
          </cell>
          <cell r="GW122" t="str">
            <v/>
          </cell>
          <cell r="HO122" t="str">
            <v/>
          </cell>
          <cell r="HP122" t="str">
            <v>-</v>
          </cell>
          <cell r="HQ122" t="str">
            <v>-</v>
          </cell>
          <cell r="HR122" t="str">
            <v>-</v>
          </cell>
          <cell r="HS122" t="str">
            <v>-</v>
          </cell>
          <cell r="HT122" t="str">
            <v>-</v>
          </cell>
          <cell r="HU122" t="str">
            <v>-</v>
          </cell>
          <cell r="HV122" t="str">
            <v>-</v>
          </cell>
          <cell r="HW122" t="str">
            <v>-</v>
          </cell>
          <cell r="JD122" t="str">
            <v/>
          </cell>
          <cell r="JE122" t="str">
            <v/>
          </cell>
          <cell r="JF122" t="str">
            <v/>
          </cell>
          <cell r="JG122" t="str">
            <v/>
          </cell>
          <cell r="JH122" t="str">
            <v/>
          </cell>
          <cell r="JI122" t="str">
            <v/>
          </cell>
          <cell r="JJ122" t="str">
            <v/>
          </cell>
          <cell r="JK122" t="str">
            <v/>
          </cell>
          <cell r="JL122" t="str">
            <v/>
          </cell>
          <cell r="JM122" t="str">
            <v/>
          </cell>
          <cell r="JN122" t="str">
            <v/>
          </cell>
          <cell r="JO122" t="str">
            <v/>
          </cell>
          <cell r="JP122" t="str">
            <v/>
          </cell>
          <cell r="JQ122" t="str">
            <v/>
          </cell>
          <cell r="JR122" t="str">
            <v/>
          </cell>
          <cell r="JS122" t="str">
            <v/>
          </cell>
          <cell r="JT122" t="str">
            <v/>
          </cell>
          <cell r="JU122" t="str">
            <v/>
          </cell>
          <cell r="JV122" t="str">
            <v/>
          </cell>
          <cell r="JW122" t="str">
            <v/>
          </cell>
          <cell r="JX122">
            <v>46</v>
          </cell>
          <cell r="JY122">
            <v>43</v>
          </cell>
          <cell r="JZ122" t="str">
            <v/>
          </cell>
        </row>
        <row r="123">
          <cell r="C123" t="str">
            <v/>
          </cell>
          <cell r="D123" t="str">
            <v/>
          </cell>
          <cell r="E123" t="str">
            <v/>
          </cell>
          <cell r="I123">
            <v>115</v>
          </cell>
          <cell r="M123" t="str">
            <v>令和２年度ウイルス対策ソフトの購入</v>
          </cell>
          <cell r="Q123" t="str">
            <v>ｳｲﾙｽ対策ｿﾌﾄ</v>
          </cell>
          <cell r="Y123">
            <v>1</v>
          </cell>
          <cell r="AC123">
            <v>8</v>
          </cell>
          <cell r="AD123">
            <v>1</v>
          </cell>
          <cell r="AI123" t="str">
            <v>伊丹市千僧１丁目１番地</v>
          </cell>
          <cell r="AQ123">
            <v>1</v>
          </cell>
          <cell r="AY123">
            <v>44033</v>
          </cell>
          <cell r="AZ123">
            <v>44034</v>
          </cell>
          <cell r="BA123">
            <v>24</v>
          </cell>
          <cell r="BB123">
            <v>44057</v>
          </cell>
          <cell r="BC123" t="str">
            <v/>
          </cell>
          <cell r="BD123" t="str">
            <v/>
          </cell>
          <cell r="BE123" t="str">
            <v/>
          </cell>
          <cell r="BF123">
            <v>0.41805555555555557</v>
          </cell>
          <cell r="BG123">
            <v>6099</v>
          </cell>
          <cell r="BH123" t="str">
            <v>村社　朋代</v>
          </cell>
          <cell r="BI123" t="e">
            <v>#N/A</v>
          </cell>
          <cell r="BJ123">
            <v>4764</v>
          </cell>
          <cell r="BN123" t="str">
            <v>物</v>
          </cell>
          <cell r="BO123">
            <v>10</v>
          </cell>
          <cell r="BS123">
            <v>1741300</v>
          </cell>
          <cell r="BT123">
            <v>1583000</v>
          </cell>
          <cell r="BU123">
            <v>1</v>
          </cell>
          <cell r="BV123" t="str">
            <v/>
          </cell>
          <cell r="CD123" t="str">
            <v/>
          </cell>
          <cell r="CH123">
            <v>-53</v>
          </cell>
          <cell r="CI123">
            <v>44019</v>
          </cell>
          <cell r="CP123">
            <v>76711</v>
          </cell>
          <cell r="CW123" t="str">
            <v/>
          </cell>
          <cell r="CX123" t="str">
            <v/>
          </cell>
          <cell r="CY123" t="str">
            <v/>
          </cell>
          <cell r="CZ123" t="str">
            <v/>
          </cell>
          <cell r="DA123">
            <v>44026</v>
          </cell>
          <cell r="DB123">
            <v>44028</v>
          </cell>
          <cell r="DD123" t="str">
            <v/>
          </cell>
          <cell r="DL123">
            <v>10793</v>
          </cell>
          <cell r="DM123">
            <v>11022</v>
          </cell>
          <cell r="DN123">
            <v>10844</v>
          </cell>
          <cell r="DO123">
            <v>10547</v>
          </cell>
          <cell r="DP123">
            <v>10556</v>
          </cell>
          <cell r="DQ123">
            <v>10276</v>
          </cell>
          <cell r="DR123">
            <v>10529</v>
          </cell>
          <cell r="DS123">
            <v>10515</v>
          </cell>
          <cell r="DT123">
            <v>10158</v>
          </cell>
          <cell r="DU123">
            <v>10140</v>
          </cell>
          <cell r="DV123">
            <v>10075</v>
          </cell>
          <cell r="EZ123">
            <v>11</v>
          </cell>
          <cell r="FA123">
            <v>6</v>
          </cell>
          <cell r="FI123">
            <v>5</v>
          </cell>
          <cell r="FJ123" t="str">
            <v>指名競争入札（簡易認証）</v>
          </cell>
          <cell r="FN123">
            <v>4</v>
          </cell>
          <cell r="FO123" t="str">
            <v>電子入札</v>
          </cell>
          <cell r="FS123">
            <v>3</v>
          </cell>
          <cell r="FT123" t="str">
            <v/>
          </cell>
          <cell r="FU123" t="str">
            <v/>
          </cell>
          <cell r="FW123" t="str">
            <v/>
          </cell>
          <cell r="FY123" t="str">
            <v/>
          </cell>
          <cell r="GD123">
            <v>1</v>
          </cell>
          <cell r="GE123" t="str">
            <v>契約・検査課長　松本　嘉博</v>
          </cell>
          <cell r="GF123">
            <v>11022</v>
          </cell>
          <cell r="GG123" t="str">
            <v>リコージャパン(株)</v>
          </cell>
          <cell r="GH123">
            <v>1500356</v>
          </cell>
          <cell r="GI123">
            <v>136396</v>
          </cell>
          <cell r="GJ123" t="str">
            <v/>
          </cell>
          <cell r="GT123" t="str">
            <v/>
          </cell>
          <cell r="GW123" t="str">
            <v/>
          </cell>
          <cell r="HO123" t="str">
            <v/>
          </cell>
          <cell r="HP123">
            <v>1400600</v>
          </cell>
          <cell r="HQ123">
            <v>1363960</v>
          </cell>
          <cell r="HR123">
            <v>1408500</v>
          </cell>
          <cell r="HS123" t="str">
            <v>-</v>
          </cell>
          <cell r="HT123" t="str">
            <v>-</v>
          </cell>
          <cell r="HU123" t="str">
            <v>-</v>
          </cell>
          <cell r="HV123">
            <v>1480800</v>
          </cell>
          <cell r="HW123" t="str">
            <v>-</v>
          </cell>
          <cell r="HX123" t="str">
            <v>-</v>
          </cell>
          <cell r="HY123" t="str">
            <v>-</v>
          </cell>
          <cell r="HZ123" t="str">
            <v>-</v>
          </cell>
          <cell r="JD123" t="str">
            <v/>
          </cell>
          <cell r="JE123" t="str">
            <v/>
          </cell>
          <cell r="JF123" t="str">
            <v/>
          </cell>
          <cell r="JG123" t="str">
            <v/>
          </cell>
          <cell r="JH123" t="str">
            <v/>
          </cell>
          <cell r="JI123" t="str">
            <v/>
          </cell>
          <cell r="JJ123" t="str">
            <v/>
          </cell>
          <cell r="JK123" t="str">
            <v/>
          </cell>
          <cell r="JL123" t="str">
            <v/>
          </cell>
          <cell r="JM123" t="str">
            <v/>
          </cell>
          <cell r="JN123" t="str">
            <v/>
          </cell>
          <cell r="JO123" t="str">
            <v/>
          </cell>
          <cell r="JP123">
            <v>10</v>
          </cell>
          <cell r="JQ123">
            <v>10</v>
          </cell>
          <cell r="JR123" t="str">
            <v/>
          </cell>
          <cell r="JS123" t="str">
            <v/>
          </cell>
          <cell r="JT123" t="str">
            <v/>
          </cell>
          <cell r="JU123" t="str">
            <v/>
          </cell>
          <cell r="JV123" t="str">
            <v/>
          </cell>
          <cell r="JW123" t="str">
            <v/>
          </cell>
          <cell r="JX123" t="str">
            <v/>
          </cell>
          <cell r="JY123" t="str">
            <v/>
          </cell>
          <cell r="JZ123">
            <v>0.86162981680353756</v>
          </cell>
        </row>
        <row r="124">
          <cell r="C124" t="str">
            <v/>
          </cell>
          <cell r="D124" t="str">
            <v/>
          </cell>
          <cell r="E124" t="str">
            <v/>
          </cell>
          <cell r="I124">
            <v>116</v>
          </cell>
          <cell r="M124" t="str">
            <v>令和２年度市民課本庁タブレットレジ自動釣銭機リース</v>
          </cell>
          <cell r="Q124" t="str">
            <v>釣銭機ﾘｰｽ</v>
          </cell>
          <cell r="Y124">
            <v>1</v>
          </cell>
          <cell r="AC124">
            <v>8</v>
          </cell>
          <cell r="AD124">
            <v>6</v>
          </cell>
          <cell r="AI124" t="str">
            <v>伊丹市役所本庁１階市民課</v>
          </cell>
          <cell r="AQ124">
            <v>7</v>
          </cell>
          <cell r="AU124">
            <v>60</v>
          </cell>
          <cell r="AY124">
            <v>44040</v>
          </cell>
          <cell r="AZ124">
            <v>44041</v>
          </cell>
          <cell r="BA124">
            <v>1890</v>
          </cell>
          <cell r="BB124">
            <v>45930</v>
          </cell>
          <cell r="BC124" t="str">
            <v/>
          </cell>
          <cell r="BD124" t="str">
            <v/>
          </cell>
          <cell r="BE124" t="str">
            <v/>
          </cell>
          <cell r="BF124">
            <v>0.41875000000000001</v>
          </cell>
          <cell r="BG124">
            <v>5920</v>
          </cell>
          <cell r="BH124" t="str">
            <v>岡田  賢</v>
          </cell>
          <cell r="BI124" t="str">
            <v>市民課</v>
          </cell>
          <cell r="BJ124">
            <v>2617</v>
          </cell>
          <cell r="BN124" t="str">
            <v>リ</v>
          </cell>
          <cell r="BO124">
            <v>5</v>
          </cell>
          <cell r="BS124">
            <v>3676229</v>
          </cell>
          <cell r="BT124">
            <v>55700</v>
          </cell>
          <cell r="BU124">
            <v>1</v>
          </cell>
          <cell r="BV124" t="str">
            <v/>
          </cell>
          <cell r="CD124" t="str">
            <v/>
          </cell>
          <cell r="CH124">
            <v>-55</v>
          </cell>
          <cell r="CI124">
            <v>44022</v>
          </cell>
          <cell r="CP124">
            <v>70146</v>
          </cell>
          <cell r="CW124" t="str">
            <v/>
          </cell>
          <cell r="CX124" t="str">
            <v/>
          </cell>
          <cell r="CY124" t="str">
            <v/>
          </cell>
          <cell r="CZ124" t="str">
            <v/>
          </cell>
          <cell r="DA124">
            <v>44029</v>
          </cell>
          <cell r="DB124">
            <v>44033</v>
          </cell>
          <cell r="DD124" t="str">
            <v/>
          </cell>
          <cell r="DL124">
            <v>10006</v>
          </cell>
          <cell r="DM124">
            <v>10064</v>
          </cell>
          <cell r="DN124">
            <v>10115</v>
          </cell>
          <cell r="DO124">
            <v>10126</v>
          </cell>
          <cell r="DP124">
            <v>10153</v>
          </cell>
          <cell r="DQ124">
            <v>10287</v>
          </cell>
          <cell r="DR124">
            <v>11587</v>
          </cell>
          <cell r="DS124">
            <v>10140</v>
          </cell>
          <cell r="DT124">
            <v>10200</v>
          </cell>
          <cell r="DU124">
            <v>10529</v>
          </cell>
          <cell r="DV124">
            <v>10689</v>
          </cell>
          <cell r="DW124">
            <v>12344</v>
          </cell>
          <cell r="DX124">
            <v>10070</v>
          </cell>
          <cell r="EZ124">
            <v>13</v>
          </cell>
          <cell r="FA124">
            <v>6</v>
          </cell>
          <cell r="FI124">
            <v>5</v>
          </cell>
          <cell r="FJ124" t="str">
            <v>指名競争入札（簡易認証）</v>
          </cell>
          <cell r="FN124">
            <v>4</v>
          </cell>
          <cell r="FO124" t="str">
            <v>電子入札</v>
          </cell>
          <cell r="FS124">
            <v>4</v>
          </cell>
          <cell r="FT124" t="str">
            <v/>
          </cell>
          <cell r="FU124" t="str">
            <v/>
          </cell>
          <cell r="FW124" t="str">
            <v/>
          </cell>
          <cell r="FY124" t="str">
            <v/>
          </cell>
          <cell r="GD124">
            <v>1</v>
          </cell>
          <cell r="GE124" t="str">
            <v>契約・検査課長　松本　嘉博</v>
          </cell>
          <cell r="GF124">
            <v>10115</v>
          </cell>
          <cell r="GG124" t="str">
            <v>ＮＥＣキャピタルソリューション(株)</v>
          </cell>
          <cell r="GH124">
            <v>3550800</v>
          </cell>
          <cell r="GI124">
            <v>322800</v>
          </cell>
          <cell r="GJ124" t="str">
            <v/>
          </cell>
          <cell r="GT124" t="str">
            <v/>
          </cell>
          <cell r="GW124" t="str">
            <v/>
          </cell>
          <cell r="HO124" t="str">
            <v/>
          </cell>
          <cell r="HP124" t="str">
            <v>-</v>
          </cell>
          <cell r="HQ124" t="str">
            <v>-</v>
          </cell>
          <cell r="HR124">
            <v>53800</v>
          </cell>
          <cell r="HS124" t="str">
            <v>-</v>
          </cell>
          <cell r="HT124" t="str">
            <v>-</v>
          </cell>
          <cell r="HU124">
            <v>55600</v>
          </cell>
          <cell r="HV124" t="str">
            <v>-</v>
          </cell>
          <cell r="HW124" t="str">
            <v>-</v>
          </cell>
          <cell r="HX124">
            <v>55020</v>
          </cell>
          <cell r="HY124" t="str">
            <v>-</v>
          </cell>
          <cell r="HZ124" t="str">
            <v>-</v>
          </cell>
          <cell r="IA124" t="str">
            <v>-</v>
          </cell>
          <cell r="IB124" t="str">
            <v>-</v>
          </cell>
          <cell r="JD124" t="str">
            <v/>
          </cell>
          <cell r="JE124" t="str">
            <v/>
          </cell>
          <cell r="JF124" t="str">
            <v/>
          </cell>
          <cell r="JG124" t="str">
            <v/>
          </cell>
          <cell r="JH124" t="str">
            <v/>
          </cell>
          <cell r="JI124" t="str">
            <v/>
          </cell>
          <cell r="JJ124" t="str">
            <v/>
          </cell>
          <cell r="JK124" t="str">
            <v/>
          </cell>
          <cell r="JL124" t="str">
            <v/>
          </cell>
          <cell r="JM124" t="str">
            <v/>
          </cell>
          <cell r="JN124" t="str">
            <v/>
          </cell>
          <cell r="JO124" t="str">
            <v/>
          </cell>
          <cell r="JP124" t="str">
            <v/>
          </cell>
          <cell r="JQ124" t="str">
            <v/>
          </cell>
          <cell r="JR124" t="str">
            <v/>
          </cell>
          <cell r="JS124" t="str">
            <v/>
          </cell>
          <cell r="JT124" t="str">
            <v/>
          </cell>
          <cell r="JU124" t="str">
            <v/>
          </cell>
          <cell r="JV124" t="str">
            <v/>
          </cell>
          <cell r="JW124" t="str">
            <v/>
          </cell>
          <cell r="JX124" t="str">
            <v/>
          </cell>
          <cell r="JY124" t="str">
            <v/>
          </cell>
          <cell r="JZ124">
            <v>0.98377551166965893</v>
          </cell>
        </row>
        <row r="125">
          <cell r="C125" t="str">
            <v/>
          </cell>
          <cell r="D125" t="str">
            <v/>
          </cell>
          <cell r="E125" t="str">
            <v/>
          </cell>
          <cell r="I125">
            <v>117</v>
          </cell>
          <cell r="M125" t="str">
            <v>令和２年度教育支援センター「やまびこ」情報関連機器リース</v>
          </cell>
          <cell r="Q125" t="str">
            <v>やまびこ機器ﾘｰｽ</v>
          </cell>
          <cell r="Y125">
            <v>1</v>
          </cell>
          <cell r="AC125">
            <v>8</v>
          </cell>
          <cell r="AD125">
            <v>6</v>
          </cell>
          <cell r="AI125" t="str">
            <v>伊丹市昆陽１丁目２１３番地</v>
          </cell>
          <cell r="AQ125">
            <v>7</v>
          </cell>
          <cell r="AU125">
            <v>60</v>
          </cell>
          <cell r="AY125">
            <v>44040</v>
          </cell>
          <cell r="AZ125">
            <v>44041</v>
          </cell>
          <cell r="BA125">
            <v>1860</v>
          </cell>
          <cell r="BB125">
            <v>45900</v>
          </cell>
          <cell r="BC125" t="str">
            <v/>
          </cell>
          <cell r="BD125" t="str">
            <v/>
          </cell>
          <cell r="BE125" t="str">
            <v/>
          </cell>
          <cell r="BF125">
            <v>0.41944444444444445</v>
          </cell>
          <cell r="BG125">
            <v>7548</v>
          </cell>
          <cell r="BH125" t="str">
            <v>片岡　栄二郎</v>
          </cell>
          <cell r="BI125" t="str">
            <v>総合教育センター</v>
          </cell>
          <cell r="BJ125">
            <v>4649</v>
          </cell>
          <cell r="BN125" t="str">
            <v>リ</v>
          </cell>
          <cell r="BO125">
            <v>6</v>
          </cell>
          <cell r="BS125">
            <v>2601720</v>
          </cell>
          <cell r="BT125">
            <v>39420</v>
          </cell>
          <cell r="BU125">
            <v>1</v>
          </cell>
          <cell r="BV125" t="str">
            <v/>
          </cell>
          <cell r="CD125" t="str">
            <v/>
          </cell>
          <cell r="CH125">
            <v>-56</v>
          </cell>
          <cell r="CI125">
            <v>44022</v>
          </cell>
          <cell r="CP125">
            <v>33080</v>
          </cell>
          <cell r="CW125" t="str">
            <v/>
          </cell>
          <cell r="CX125" t="str">
            <v/>
          </cell>
          <cell r="CY125" t="str">
            <v/>
          </cell>
          <cell r="CZ125" t="str">
            <v/>
          </cell>
          <cell r="DA125">
            <v>44029</v>
          </cell>
          <cell r="DB125">
            <v>44033</v>
          </cell>
          <cell r="DD125" t="str">
            <v/>
          </cell>
          <cell r="DL125">
            <v>10006</v>
          </cell>
          <cell r="DM125">
            <v>10064</v>
          </cell>
          <cell r="DN125">
            <v>10115</v>
          </cell>
          <cell r="DO125">
            <v>10126</v>
          </cell>
          <cell r="DP125">
            <v>10153</v>
          </cell>
          <cell r="DQ125">
            <v>10287</v>
          </cell>
          <cell r="DR125">
            <v>11587</v>
          </cell>
          <cell r="DS125">
            <v>10200</v>
          </cell>
          <cell r="DT125">
            <v>10529</v>
          </cell>
          <cell r="DU125">
            <v>10689</v>
          </cell>
          <cell r="DV125">
            <v>12344</v>
          </cell>
          <cell r="DW125">
            <v>10070</v>
          </cell>
          <cell r="DX125">
            <v>10509</v>
          </cell>
          <cell r="DY125">
            <v>10437</v>
          </cell>
          <cell r="EZ125">
            <v>14</v>
          </cell>
          <cell r="FA125">
            <v>6</v>
          </cell>
          <cell r="FI125">
            <v>5</v>
          </cell>
          <cell r="FJ125" t="str">
            <v>指名競争入札（簡易認証）</v>
          </cell>
          <cell r="FN125">
            <v>4</v>
          </cell>
          <cell r="FO125" t="str">
            <v>電子入札</v>
          </cell>
          <cell r="FS125">
            <v>4</v>
          </cell>
          <cell r="FT125" t="str">
            <v/>
          </cell>
          <cell r="FU125" t="str">
            <v/>
          </cell>
          <cell r="FW125" t="str">
            <v/>
          </cell>
          <cell r="FY125" t="str">
            <v/>
          </cell>
          <cell r="GD125">
            <v>1</v>
          </cell>
          <cell r="GE125" t="str">
            <v>契約・検査課長　松本　嘉博</v>
          </cell>
          <cell r="GF125">
            <v>10115</v>
          </cell>
          <cell r="GG125" t="str">
            <v>ＮＥＣキャピタルソリューション(株)</v>
          </cell>
          <cell r="GH125">
            <v>2538360</v>
          </cell>
          <cell r="GI125">
            <v>230760</v>
          </cell>
          <cell r="GJ125" t="str">
            <v/>
          </cell>
          <cell r="GT125" t="str">
            <v/>
          </cell>
          <cell r="GW125" t="str">
            <v/>
          </cell>
          <cell r="HO125" t="str">
            <v/>
          </cell>
          <cell r="HP125" t="str">
            <v>-</v>
          </cell>
          <cell r="HQ125" t="str">
            <v>-</v>
          </cell>
          <cell r="HR125">
            <v>38460</v>
          </cell>
          <cell r="HS125" t="str">
            <v>-</v>
          </cell>
          <cell r="HT125" t="str">
            <v>-</v>
          </cell>
          <cell r="HU125" t="str">
            <v>-</v>
          </cell>
          <cell r="HV125" t="str">
            <v>-</v>
          </cell>
          <cell r="HW125" t="str">
            <v>-</v>
          </cell>
          <cell r="HX125" t="str">
            <v>-</v>
          </cell>
          <cell r="HY125" t="str">
            <v>-</v>
          </cell>
          <cell r="HZ125" t="str">
            <v>-</v>
          </cell>
          <cell r="IA125" t="str">
            <v>-</v>
          </cell>
          <cell r="IB125" t="str">
            <v>-</v>
          </cell>
          <cell r="IC125" t="str">
            <v>-</v>
          </cell>
          <cell r="JD125" t="str">
            <v/>
          </cell>
          <cell r="JE125" t="str">
            <v/>
          </cell>
          <cell r="JF125" t="str">
            <v/>
          </cell>
          <cell r="JG125" t="str">
            <v/>
          </cell>
          <cell r="JH125" t="str">
            <v/>
          </cell>
          <cell r="JI125" t="str">
            <v/>
          </cell>
          <cell r="JJ125" t="str">
            <v/>
          </cell>
          <cell r="JK125" t="str">
            <v/>
          </cell>
          <cell r="JL125" t="str">
            <v/>
          </cell>
          <cell r="JM125" t="str">
            <v/>
          </cell>
          <cell r="JN125" t="str">
            <v/>
          </cell>
          <cell r="JO125" t="str">
            <v/>
          </cell>
          <cell r="JP125" t="str">
            <v/>
          </cell>
          <cell r="JQ125" t="str">
            <v/>
          </cell>
          <cell r="JR125" t="str">
            <v/>
          </cell>
          <cell r="JS125" t="str">
            <v/>
          </cell>
          <cell r="JT125" t="str">
            <v/>
          </cell>
          <cell r="JU125" t="str">
            <v/>
          </cell>
          <cell r="JV125" t="str">
            <v/>
          </cell>
          <cell r="JW125" t="str">
            <v/>
          </cell>
          <cell r="JX125" t="str">
            <v/>
          </cell>
          <cell r="JY125" t="str">
            <v/>
          </cell>
          <cell r="JZ125">
            <v>0.99371440892947749</v>
          </cell>
        </row>
        <row r="126">
          <cell r="C126" t="str">
            <v/>
          </cell>
          <cell r="D126" t="str">
            <v/>
          </cell>
          <cell r="E126" t="str">
            <v/>
          </cell>
          <cell r="I126">
            <v>118</v>
          </cell>
          <cell r="L126">
            <v>1</v>
          </cell>
          <cell r="M126" t="str">
            <v>令和２年度伊丹市立小・中・特別支援学校モバイルルータの購入</v>
          </cell>
          <cell r="Q126" t="str">
            <v>ﾓﾊﾞｲﾙﾙｰﾀ</v>
          </cell>
          <cell r="Y126">
            <v>1</v>
          </cell>
          <cell r="AC126">
            <v>8</v>
          </cell>
          <cell r="AD126">
            <v>1</v>
          </cell>
          <cell r="AI126" t="str">
            <v>伊丹市千僧１丁目１番地総合教育センター</v>
          </cell>
          <cell r="AQ126">
            <v>1</v>
          </cell>
          <cell r="AY126">
            <v>44041</v>
          </cell>
          <cell r="AZ126">
            <v>44042</v>
          </cell>
          <cell r="BA126">
            <v>33</v>
          </cell>
          <cell r="BB126">
            <v>44074</v>
          </cell>
          <cell r="BC126" t="str">
            <v/>
          </cell>
          <cell r="BD126" t="str">
            <v/>
          </cell>
          <cell r="BE126" t="str">
            <v/>
          </cell>
          <cell r="BF126">
            <v>0.41875000000000001</v>
          </cell>
          <cell r="BG126">
            <v>7548</v>
          </cell>
          <cell r="BH126" t="str">
            <v>片岡　栄二郎</v>
          </cell>
          <cell r="BI126" t="str">
            <v>総合教育センター</v>
          </cell>
          <cell r="BJ126">
            <v>4649</v>
          </cell>
          <cell r="BN126" t="str">
            <v>物</v>
          </cell>
          <cell r="BO126">
            <v>11</v>
          </cell>
          <cell r="BS126">
            <v>1200000</v>
          </cell>
          <cell r="BT126">
            <v>1090000</v>
          </cell>
          <cell r="BU126">
            <v>1</v>
          </cell>
          <cell r="BV126" t="str">
            <v/>
          </cell>
          <cell r="CD126" t="str">
            <v/>
          </cell>
          <cell r="CH126">
            <v>-57</v>
          </cell>
          <cell r="CI126">
            <v>44025</v>
          </cell>
          <cell r="CP126">
            <v>46064</v>
          </cell>
          <cell r="CW126" t="str">
            <v/>
          </cell>
          <cell r="CX126" t="str">
            <v/>
          </cell>
          <cell r="CY126" t="str">
            <v/>
          </cell>
          <cell r="CZ126" t="str">
            <v/>
          </cell>
          <cell r="DA126">
            <v>44032</v>
          </cell>
          <cell r="DB126">
            <v>44034</v>
          </cell>
          <cell r="DD126" t="str">
            <v/>
          </cell>
          <cell r="DL126">
            <v>11227</v>
          </cell>
          <cell r="DM126">
            <v>10075</v>
          </cell>
          <cell r="DN126">
            <v>10434</v>
          </cell>
          <cell r="DO126">
            <v>10220</v>
          </cell>
          <cell r="DP126">
            <v>11716</v>
          </cell>
          <cell r="DQ126">
            <v>10669</v>
          </cell>
          <cell r="DR126">
            <v>12608</v>
          </cell>
          <cell r="DS126">
            <v>10529</v>
          </cell>
          <cell r="DT126">
            <v>11334</v>
          </cell>
          <cell r="DU126">
            <v>10402</v>
          </cell>
          <cell r="DV126">
            <v>10795</v>
          </cell>
          <cell r="DW126">
            <v>10793</v>
          </cell>
          <cell r="DX126">
            <v>10089</v>
          </cell>
          <cell r="DY126">
            <v>10107</v>
          </cell>
          <cell r="DZ126">
            <v>10158</v>
          </cell>
          <cell r="EA126">
            <v>10357</v>
          </cell>
          <cell r="EB126">
            <v>10556</v>
          </cell>
          <cell r="EC126">
            <v>11188</v>
          </cell>
          <cell r="EZ126">
            <v>18</v>
          </cell>
          <cell r="FA126">
            <v>6</v>
          </cell>
          <cell r="FI126">
            <v>5</v>
          </cell>
          <cell r="FJ126" t="str">
            <v>指名競争入札（簡易認証）</v>
          </cell>
          <cell r="FN126">
            <v>4</v>
          </cell>
          <cell r="FO126" t="str">
            <v>電子入札</v>
          </cell>
          <cell r="FS126">
            <v>3</v>
          </cell>
          <cell r="FT126" t="str">
            <v/>
          </cell>
          <cell r="FU126" t="str">
            <v/>
          </cell>
          <cell r="FW126" t="str">
            <v/>
          </cell>
          <cell r="FY126" t="str">
            <v/>
          </cell>
          <cell r="GD126">
            <v>1</v>
          </cell>
          <cell r="GE126" t="str">
            <v>契約・検査課長　松本　嘉博</v>
          </cell>
          <cell r="GG126" t="str">
            <v/>
          </cell>
          <cell r="GI126" t="str">
            <v/>
          </cell>
          <cell r="GJ126" t="str">
            <v/>
          </cell>
          <cell r="GT126" t="str">
            <v/>
          </cell>
          <cell r="GW126" t="str">
            <v/>
          </cell>
          <cell r="HO126" t="str">
            <v/>
          </cell>
          <cell r="JD126" t="str">
            <v/>
          </cell>
          <cell r="JE126" t="str">
            <v/>
          </cell>
          <cell r="JF126" t="str">
            <v/>
          </cell>
          <cell r="JG126" t="str">
            <v/>
          </cell>
          <cell r="JH126" t="str">
            <v/>
          </cell>
          <cell r="JI126" t="str">
            <v/>
          </cell>
          <cell r="JJ126" t="str">
            <v/>
          </cell>
          <cell r="JK126" t="str">
            <v/>
          </cell>
          <cell r="JL126" t="str">
            <v/>
          </cell>
          <cell r="JM126" t="str">
            <v/>
          </cell>
          <cell r="JN126" t="str">
            <v/>
          </cell>
          <cell r="JO126" t="str">
            <v/>
          </cell>
          <cell r="JP126">
            <v>11</v>
          </cell>
          <cell r="JQ126">
            <v>11</v>
          </cell>
          <cell r="JR126" t="str">
            <v/>
          </cell>
          <cell r="JS126" t="str">
            <v/>
          </cell>
          <cell r="JT126" t="str">
            <v/>
          </cell>
          <cell r="JU126" t="str">
            <v/>
          </cell>
          <cell r="JV126" t="str">
            <v/>
          </cell>
          <cell r="JW126" t="str">
            <v/>
          </cell>
          <cell r="JX126" t="str">
            <v/>
          </cell>
          <cell r="JY126" t="str">
            <v/>
          </cell>
          <cell r="JZ126" t="str">
            <v/>
          </cell>
        </row>
        <row r="127">
          <cell r="C127" t="str">
            <v/>
          </cell>
          <cell r="D127" t="str">
            <v/>
          </cell>
          <cell r="E127" t="str">
            <v/>
          </cell>
          <cell r="I127">
            <v>119</v>
          </cell>
          <cell r="K127">
            <v>1</v>
          </cell>
          <cell r="M127" t="str">
            <v>令和２年度ウイルス対策ソフトの購入</v>
          </cell>
          <cell r="Q127" t="str">
            <v>ｳｲﾙｽ対策ｿﾌﾄ</v>
          </cell>
          <cell r="Y127">
            <v>1</v>
          </cell>
          <cell r="AC127">
            <v>8</v>
          </cell>
          <cell r="AD127">
            <v>1</v>
          </cell>
          <cell r="AI127" t="str">
            <v>伊丹市千僧１丁目１番地総合教育センター</v>
          </cell>
          <cell r="AQ127">
            <v>1</v>
          </cell>
          <cell r="AY127" t="str">
            <v/>
          </cell>
          <cell r="AZ127" t="str">
            <v/>
          </cell>
          <cell r="BA127" t="e">
            <v>#VALUE!</v>
          </cell>
          <cell r="BB127">
            <v>44057</v>
          </cell>
          <cell r="BC127" t="str">
            <v/>
          </cell>
          <cell r="BD127" t="str">
            <v/>
          </cell>
          <cell r="BE127" t="str">
            <v/>
          </cell>
          <cell r="BH127" t="str">
            <v/>
          </cell>
          <cell r="BI127" t="str">
            <v/>
          </cell>
          <cell r="BJ127" t="str">
            <v/>
          </cell>
          <cell r="BN127" t="str">
            <v>物</v>
          </cell>
          <cell r="BO127">
            <v>12</v>
          </cell>
          <cell r="BT127" t="str">
            <v/>
          </cell>
          <cell r="BU127">
            <v>1</v>
          </cell>
          <cell r="BV127" t="str">
            <v/>
          </cell>
          <cell r="CD127" t="str">
            <v/>
          </cell>
          <cell r="CH127">
            <v>-58</v>
          </cell>
          <cell r="CP127">
            <v>63056</v>
          </cell>
          <cell r="CW127" t="str">
            <v/>
          </cell>
          <cell r="CX127" t="str">
            <v/>
          </cell>
          <cell r="CY127" t="str">
            <v/>
          </cell>
          <cell r="CZ127" t="str">
            <v/>
          </cell>
          <cell r="DA127" t="str">
            <v/>
          </cell>
          <cell r="DB127" t="str">
            <v/>
          </cell>
          <cell r="DD127" t="str">
            <v/>
          </cell>
          <cell r="EZ127" t="str">
            <v/>
          </cell>
          <cell r="FA127" t="str">
            <v/>
          </cell>
          <cell r="FI127">
            <v>5</v>
          </cell>
          <cell r="FJ127" t="str">
            <v>指名競争入札（簡易認証）</v>
          </cell>
          <cell r="FN127">
            <v>4</v>
          </cell>
          <cell r="FO127" t="str">
            <v>電子入札</v>
          </cell>
          <cell r="FS127">
            <v>3</v>
          </cell>
          <cell r="FT127" t="str">
            <v/>
          </cell>
          <cell r="FU127" t="str">
            <v/>
          </cell>
          <cell r="FW127" t="str">
            <v/>
          </cell>
          <cell r="FY127" t="str">
            <v/>
          </cell>
          <cell r="GD127">
            <v>1</v>
          </cell>
          <cell r="GE127" t="str">
            <v>契約・検査課長　松本　嘉博</v>
          </cell>
          <cell r="GG127" t="str">
            <v/>
          </cell>
          <cell r="GI127" t="str">
            <v/>
          </cell>
          <cell r="GJ127" t="str">
            <v/>
          </cell>
          <cell r="GT127" t="str">
            <v/>
          </cell>
          <cell r="GW127" t="str">
            <v/>
          </cell>
          <cell r="HO127" t="str">
            <v/>
          </cell>
          <cell r="JD127" t="str">
            <v/>
          </cell>
          <cell r="JE127" t="str">
            <v/>
          </cell>
          <cell r="JF127" t="str">
            <v/>
          </cell>
          <cell r="JG127" t="str">
            <v/>
          </cell>
          <cell r="JH127" t="str">
            <v/>
          </cell>
          <cell r="JI127" t="str">
            <v/>
          </cell>
          <cell r="JJ127" t="str">
            <v/>
          </cell>
          <cell r="JK127" t="str">
            <v/>
          </cell>
          <cell r="JL127" t="str">
            <v/>
          </cell>
          <cell r="JM127" t="str">
            <v/>
          </cell>
          <cell r="JN127" t="str">
            <v/>
          </cell>
          <cell r="JO127" t="str">
            <v/>
          </cell>
          <cell r="JP127">
            <v>12</v>
          </cell>
          <cell r="JQ127">
            <v>12</v>
          </cell>
          <cell r="JR127" t="str">
            <v/>
          </cell>
          <cell r="JS127" t="str">
            <v/>
          </cell>
          <cell r="JT127" t="str">
            <v/>
          </cell>
          <cell r="JU127" t="str">
            <v/>
          </cell>
          <cell r="JV127" t="str">
            <v/>
          </cell>
          <cell r="JW127" t="str">
            <v/>
          </cell>
          <cell r="JX127" t="str">
            <v/>
          </cell>
          <cell r="JY127" t="str">
            <v/>
          </cell>
          <cell r="JZ127" t="str">
            <v/>
          </cell>
        </row>
        <row r="128">
          <cell r="C128" t="str">
            <v/>
          </cell>
          <cell r="D128" t="str">
            <v/>
          </cell>
          <cell r="E128" t="str">
            <v/>
          </cell>
          <cell r="I128">
            <v>120</v>
          </cell>
          <cell r="M128" t="str">
            <v>令和２年度空気清浄機付き扇風機の購入</v>
          </cell>
          <cell r="Q128" t="str">
            <v>清浄機付扇風機</v>
          </cell>
          <cell r="Y128">
            <v>1</v>
          </cell>
          <cell r="AC128">
            <v>8</v>
          </cell>
          <cell r="AD128">
            <v>1</v>
          </cell>
          <cell r="AI128" t="str">
            <v>伊丹市内の各児童くらぶ</v>
          </cell>
          <cell r="AQ128">
            <v>1</v>
          </cell>
          <cell r="AY128">
            <v>44040</v>
          </cell>
          <cell r="AZ128">
            <v>44041</v>
          </cell>
          <cell r="BA128">
            <v>34</v>
          </cell>
          <cell r="BB128">
            <v>44074</v>
          </cell>
          <cell r="BC128" t="str">
            <v/>
          </cell>
          <cell r="BD128" t="str">
            <v/>
          </cell>
          <cell r="BE128" t="str">
            <v/>
          </cell>
          <cell r="BF128">
            <v>0.41805555555555557</v>
          </cell>
          <cell r="BG128">
            <v>6336</v>
          </cell>
          <cell r="BH128" t="str">
            <v>福地  弘一</v>
          </cell>
          <cell r="BI128" t="str">
            <v>子育て支援課</v>
          </cell>
          <cell r="BJ128">
            <v>2309</v>
          </cell>
          <cell r="BN128" t="str">
            <v>物</v>
          </cell>
          <cell r="BO128">
            <v>13</v>
          </cell>
          <cell r="BS128">
            <v>2467000</v>
          </cell>
          <cell r="BT128">
            <v>2240000</v>
          </cell>
          <cell r="BU128">
            <v>1</v>
          </cell>
          <cell r="BV128" t="str">
            <v/>
          </cell>
          <cell r="CD128" t="str">
            <v/>
          </cell>
          <cell r="CH128">
            <v>-59</v>
          </cell>
          <cell r="CI128">
            <v>44021</v>
          </cell>
          <cell r="CP128">
            <v>36310</v>
          </cell>
          <cell r="CW128" t="str">
            <v/>
          </cell>
          <cell r="CX128" t="str">
            <v/>
          </cell>
          <cell r="CY128" t="str">
            <v/>
          </cell>
          <cell r="CZ128" t="str">
            <v/>
          </cell>
          <cell r="DA128">
            <v>44028</v>
          </cell>
          <cell r="DB128">
            <v>44033</v>
          </cell>
          <cell r="DD128" t="str">
            <v/>
          </cell>
          <cell r="DL128">
            <v>11169</v>
          </cell>
          <cell r="DM128">
            <v>11227</v>
          </cell>
          <cell r="DN128">
            <v>10075</v>
          </cell>
          <cell r="DO128">
            <v>10434</v>
          </cell>
          <cell r="DP128">
            <v>10990</v>
          </cell>
          <cell r="DQ128">
            <v>11716</v>
          </cell>
          <cell r="DR128">
            <v>10402</v>
          </cell>
          <cell r="DS128">
            <v>10260</v>
          </cell>
          <cell r="DT128">
            <v>10669</v>
          </cell>
          <cell r="DU128">
            <v>11863</v>
          </cell>
          <cell r="EZ128">
            <v>10</v>
          </cell>
          <cell r="FA128">
            <v>6</v>
          </cell>
          <cell r="FI128">
            <v>5</v>
          </cell>
          <cell r="FJ128" t="str">
            <v>指名競争入札（簡易認証）</v>
          </cell>
          <cell r="FN128">
            <v>4</v>
          </cell>
          <cell r="FO128" t="str">
            <v>電子入札</v>
          </cell>
          <cell r="FS128">
            <v>3</v>
          </cell>
          <cell r="FT128" t="str">
            <v/>
          </cell>
          <cell r="FU128" t="str">
            <v/>
          </cell>
          <cell r="FW128" t="str">
            <v/>
          </cell>
          <cell r="FY128" t="str">
            <v/>
          </cell>
          <cell r="GD128">
            <v>1</v>
          </cell>
          <cell r="GE128" t="str">
            <v>契約・検査課長　松本　嘉博</v>
          </cell>
          <cell r="GF128">
            <v>11716</v>
          </cell>
          <cell r="GG128" t="str">
            <v>(株)エディオン</v>
          </cell>
          <cell r="GH128">
            <v>1672000</v>
          </cell>
          <cell r="GI128">
            <v>152000</v>
          </cell>
          <cell r="GJ128" t="str">
            <v/>
          </cell>
          <cell r="GT128" t="str">
            <v/>
          </cell>
          <cell r="GW128" t="str">
            <v/>
          </cell>
          <cell r="HO128" t="str">
            <v/>
          </cell>
          <cell r="HP128" t="str">
            <v>-</v>
          </cell>
          <cell r="HQ128" t="str">
            <v>-</v>
          </cell>
          <cell r="HR128">
            <v>1797400</v>
          </cell>
          <cell r="HS128" t="str">
            <v>-</v>
          </cell>
          <cell r="HT128" t="str">
            <v>-</v>
          </cell>
          <cell r="HU128">
            <v>1520000</v>
          </cell>
          <cell r="HV128">
            <v>1650000</v>
          </cell>
          <cell r="HW128" t="str">
            <v>-</v>
          </cell>
          <cell r="HX128" t="str">
            <v>-</v>
          </cell>
          <cell r="HY128" t="str">
            <v>-</v>
          </cell>
          <cell r="JD128" t="str">
            <v/>
          </cell>
          <cell r="JE128" t="str">
            <v/>
          </cell>
          <cell r="JF128" t="str">
            <v/>
          </cell>
          <cell r="JG128" t="str">
            <v/>
          </cell>
          <cell r="JH128" t="str">
            <v/>
          </cell>
          <cell r="JI128" t="str">
            <v/>
          </cell>
          <cell r="JJ128" t="str">
            <v/>
          </cell>
          <cell r="JK128" t="str">
            <v/>
          </cell>
          <cell r="JL128" t="str">
            <v/>
          </cell>
          <cell r="JM128" t="str">
            <v/>
          </cell>
          <cell r="JN128" t="str">
            <v/>
          </cell>
          <cell r="JO128" t="str">
            <v/>
          </cell>
          <cell r="JP128">
            <v>13</v>
          </cell>
          <cell r="JQ128">
            <v>13</v>
          </cell>
          <cell r="JR128" t="str">
            <v/>
          </cell>
          <cell r="JS128" t="str">
            <v/>
          </cell>
          <cell r="JT128" t="str">
            <v/>
          </cell>
          <cell r="JU128" t="str">
            <v/>
          </cell>
          <cell r="JV128" t="str">
            <v/>
          </cell>
          <cell r="JW128" t="str">
            <v/>
          </cell>
          <cell r="JX128" t="str">
            <v/>
          </cell>
          <cell r="JY128" t="str">
            <v/>
          </cell>
          <cell r="JZ128">
            <v>0.67857142857142849</v>
          </cell>
        </row>
        <row r="129">
          <cell r="C129" t="str">
            <v/>
          </cell>
          <cell r="D129" t="str">
            <v/>
          </cell>
          <cell r="E129" t="str">
            <v/>
          </cell>
          <cell r="I129">
            <v>121</v>
          </cell>
          <cell r="M129" t="str">
            <v>令和２年度市道宮ノ前４０８５号線舗装復旧工事</v>
          </cell>
          <cell r="Q129" t="str">
            <v>宮4085舗復工</v>
          </cell>
          <cell r="Y129">
            <v>1</v>
          </cell>
          <cell r="AC129">
            <v>3</v>
          </cell>
          <cell r="AI129" t="str">
            <v>伊丹市宮ノ前３丁目外地内</v>
          </cell>
          <cell r="AM129" t="str">
            <v>延長L=250m W=4m
舗装工
　ショットブラスト1,130㎡　デザインカッター1,130㎡
区画線工一式</v>
          </cell>
          <cell r="AQ129">
            <v>2</v>
          </cell>
          <cell r="AY129">
            <v>44040</v>
          </cell>
          <cell r="AZ129">
            <v>44043</v>
          </cell>
          <cell r="BA129">
            <v>102</v>
          </cell>
          <cell r="BB129">
            <v>44144</v>
          </cell>
          <cell r="BC129">
            <v>15</v>
          </cell>
          <cell r="BD129" t="str">
            <v>○</v>
          </cell>
          <cell r="BE129" t="str">
            <v>○</v>
          </cell>
          <cell r="BF129">
            <v>0.41736111111111113</v>
          </cell>
          <cell r="BG129">
            <v>7676</v>
          </cell>
          <cell r="BH129" t="str">
            <v>福庭　圭祐</v>
          </cell>
          <cell r="BI129" t="str">
            <v>道路建設課</v>
          </cell>
          <cell r="BJ129">
            <v>4733</v>
          </cell>
          <cell r="BN129" t="str">
            <v>土</v>
          </cell>
          <cell r="BO129">
            <v>7</v>
          </cell>
          <cell r="BS129">
            <v>14180100</v>
          </cell>
          <cell r="BT129">
            <v>12890000</v>
          </cell>
          <cell r="BU129">
            <v>1</v>
          </cell>
          <cell r="BV129">
            <v>11220000</v>
          </cell>
          <cell r="BW129">
            <v>5803000</v>
          </cell>
          <cell r="BX129">
            <v>1388000</v>
          </cell>
          <cell r="BY129">
            <v>3467000</v>
          </cell>
          <cell r="BZ129">
            <v>2233000</v>
          </cell>
          <cell r="CD129" t="str">
            <v/>
          </cell>
          <cell r="CH129">
            <v>60</v>
          </cell>
          <cell r="CI129">
            <v>44018</v>
          </cell>
          <cell r="CJ129" t="str">
            <v>一般</v>
          </cell>
          <cell r="CK129" t="str">
            <v>伊丹市内に本店</v>
          </cell>
          <cell r="CL129" t="str">
            <v>400点以上</v>
          </cell>
          <cell r="CP129">
            <v>80459</v>
          </cell>
          <cell r="CT129" t="str">
            <v>請負金額が300万円以上</v>
          </cell>
          <cell r="CW129">
            <v>44026</v>
          </cell>
          <cell r="CX129" t="str">
            <v/>
          </cell>
          <cell r="CY129" t="str">
            <v/>
          </cell>
          <cell r="CZ129" t="str">
            <v/>
          </cell>
          <cell r="DA129">
            <v>44028</v>
          </cell>
          <cell r="DB129">
            <v>44032</v>
          </cell>
          <cell r="DC129">
            <v>17</v>
          </cell>
          <cell r="DD129" t="str">
            <v>○</v>
          </cell>
          <cell r="DL129">
            <v>16</v>
          </cell>
          <cell r="DM129">
            <v>261</v>
          </cell>
          <cell r="DN129">
            <v>170</v>
          </cell>
          <cell r="DO129">
            <v>527</v>
          </cell>
          <cell r="DP129">
            <v>541</v>
          </cell>
          <cell r="DQ129">
            <v>155</v>
          </cell>
          <cell r="DR129">
            <v>26</v>
          </cell>
          <cell r="DS129">
            <v>174</v>
          </cell>
          <cell r="DT129">
            <v>233</v>
          </cell>
          <cell r="EZ129">
            <v>9</v>
          </cell>
          <cell r="FA129">
            <v>8</v>
          </cell>
          <cell r="FI129">
            <v>4</v>
          </cell>
          <cell r="FJ129" t="str">
            <v>事後審査型一般競争入札</v>
          </cell>
          <cell r="FN129">
            <v>4</v>
          </cell>
          <cell r="FO129" t="str">
            <v>電子入札</v>
          </cell>
          <cell r="FS129">
            <v>1</v>
          </cell>
          <cell r="FT129" t="str">
            <v/>
          </cell>
          <cell r="FU129" t="str">
            <v/>
          </cell>
          <cell r="FW129" t="str">
            <v/>
          </cell>
          <cell r="FY129" t="str">
            <v/>
          </cell>
          <cell r="GB129">
            <v>1</v>
          </cell>
          <cell r="GD129">
            <v>1</v>
          </cell>
          <cell r="GE129" t="str">
            <v>契約・検査課長　松本　嘉博</v>
          </cell>
          <cell r="GF129">
            <v>16</v>
          </cell>
          <cell r="GG129" t="str">
            <v>(株)新日本建設</v>
          </cell>
          <cell r="GH129">
            <v>12342000</v>
          </cell>
          <cell r="GI129">
            <v>1122000</v>
          </cell>
          <cell r="GJ129">
            <v>1235000</v>
          </cell>
          <cell r="GL129" t="str">
            <v>２級土木施工管理技士</v>
          </cell>
          <cell r="GM129" t="str">
            <v>池田　祥晃</v>
          </cell>
          <cell r="GN129" t="str">
            <v>２級土木施工管理技士</v>
          </cell>
          <cell r="GO129" t="str">
            <v>池田　祥晃</v>
          </cell>
          <cell r="GT129" t="str">
            <v/>
          </cell>
          <cell r="GW129" t="str">
            <v/>
          </cell>
          <cell r="GX129">
            <v>44134</v>
          </cell>
          <cell r="GY129">
            <v>14405600</v>
          </cell>
          <cell r="GZ129">
            <v>12537800</v>
          </cell>
          <cell r="HN129" t="str">
            <v>伊丹警察署との協議の結果、交通誘導員の増員が生じたため。</v>
          </cell>
          <cell r="HO129">
            <v>1</v>
          </cell>
          <cell r="HP129">
            <v>11220000</v>
          </cell>
          <cell r="HQ129">
            <v>11220000</v>
          </cell>
          <cell r="HR129">
            <v>11230000</v>
          </cell>
          <cell r="HS129">
            <v>11230000</v>
          </cell>
          <cell r="HT129">
            <v>11230000</v>
          </cell>
          <cell r="HU129">
            <v>11240000</v>
          </cell>
          <cell r="HV129">
            <v>11210000</v>
          </cell>
          <cell r="HW129" t="str">
            <v>-</v>
          </cell>
          <cell r="HX129" t="str">
            <v>-</v>
          </cell>
          <cell r="JD129">
            <v>7</v>
          </cell>
          <cell r="JE129">
            <v>7</v>
          </cell>
          <cell r="JF129" t="str">
            <v/>
          </cell>
          <cell r="JG129" t="str">
            <v/>
          </cell>
          <cell r="JH129" t="str">
            <v/>
          </cell>
          <cell r="JI129" t="str">
            <v/>
          </cell>
          <cell r="JJ129" t="str">
            <v/>
          </cell>
          <cell r="JK129" t="str">
            <v/>
          </cell>
          <cell r="JL129" t="str">
            <v/>
          </cell>
          <cell r="JM129" t="str">
            <v/>
          </cell>
          <cell r="JN129" t="str">
            <v/>
          </cell>
          <cell r="JO129" t="str">
            <v/>
          </cell>
          <cell r="JP129" t="str">
            <v/>
          </cell>
          <cell r="JQ129" t="str">
            <v/>
          </cell>
          <cell r="JR129" t="str">
            <v/>
          </cell>
          <cell r="JS129" t="str">
            <v/>
          </cell>
          <cell r="JT129" t="str">
            <v/>
          </cell>
          <cell r="JU129" t="str">
            <v/>
          </cell>
          <cell r="JV129" t="str">
            <v/>
          </cell>
          <cell r="JW129" t="str">
            <v/>
          </cell>
          <cell r="JX129" t="str">
            <v/>
          </cell>
          <cell r="JY129" t="str">
            <v/>
          </cell>
          <cell r="JZ129">
            <v>0.87044220325833976</v>
          </cell>
        </row>
        <row r="130">
          <cell r="C130" t="str">
            <v/>
          </cell>
          <cell r="D130" t="str">
            <v/>
          </cell>
          <cell r="E130" t="str">
            <v/>
          </cell>
          <cell r="I130">
            <v>122</v>
          </cell>
          <cell r="M130" t="str">
            <v>令和２年度交差点安全対策工事</v>
          </cell>
          <cell r="Q130" t="str">
            <v>交安全対策工</v>
          </cell>
          <cell r="Y130">
            <v>1</v>
          </cell>
          <cell r="AC130">
            <v>2</v>
          </cell>
          <cell r="AI130" t="str">
            <v>伊丹市荒牧７丁目ほか地内</v>
          </cell>
          <cell r="AM130" t="str">
            <v>施工交差点数N=32箇所
作業土工
　床掘V=50m3　埋戻しV=20m3
舗装打換え工
　舗装版切断L=360m　舗装版破砕A=145m2
　透水性アスファルト舗装A=56m2　表層（歩道部）A=62m2
ブロック設置工
　インターロッキングブロック設置工A=16m2　特殊ブロック舗装A=19m2
防護柵設置工
　ガードパイプ設置工L=145m　バリカーN=27本</v>
          </cell>
          <cell r="AQ130">
            <v>2</v>
          </cell>
          <cell r="AY130">
            <v>44040</v>
          </cell>
          <cell r="AZ130">
            <v>44043</v>
          </cell>
          <cell r="BA130">
            <v>125</v>
          </cell>
          <cell r="BB130">
            <v>44167</v>
          </cell>
          <cell r="BC130">
            <v>15</v>
          </cell>
          <cell r="BD130" t="str">
            <v>○</v>
          </cell>
          <cell r="BE130" t="str">
            <v>○</v>
          </cell>
          <cell r="BF130">
            <v>0.41805555555555557</v>
          </cell>
          <cell r="BG130">
            <v>7638</v>
          </cell>
          <cell r="BH130" t="str">
            <v>難波　辰弥</v>
          </cell>
          <cell r="BI130" t="str">
            <v>道路保全課</v>
          </cell>
          <cell r="BJ130">
            <v>4667</v>
          </cell>
          <cell r="BN130" t="str">
            <v>土</v>
          </cell>
          <cell r="BO130">
            <v>8</v>
          </cell>
          <cell r="BS130">
            <v>13611400</v>
          </cell>
          <cell r="BT130">
            <v>12370000</v>
          </cell>
          <cell r="BU130">
            <v>1</v>
          </cell>
          <cell r="BV130">
            <v>10740000</v>
          </cell>
          <cell r="BW130">
            <v>5168000</v>
          </cell>
          <cell r="BX130">
            <v>1236000</v>
          </cell>
          <cell r="BY130">
            <v>3818000</v>
          </cell>
          <cell r="BZ130">
            <v>2152000</v>
          </cell>
          <cell r="CD130" t="str">
            <v/>
          </cell>
          <cell r="CH130">
            <v>61</v>
          </cell>
          <cell r="CI130">
            <v>44018</v>
          </cell>
          <cell r="CJ130" t="str">
            <v>一般</v>
          </cell>
          <cell r="CK130" t="str">
            <v>伊丹市内に本店</v>
          </cell>
          <cell r="CL130" t="str">
            <v>670点未満</v>
          </cell>
          <cell r="CP130">
            <v>77232</v>
          </cell>
          <cell r="CT130" t="str">
            <v>請負金額が400万円以上</v>
          </cell>
          <cell r="CW130">
            <v>44026</v>
          </cell>
          <cell r="CX130" t="str">
            <v/>
          </cell>
          <cell r="CY130" t="str">
            <v/>
          </cell>
          <cell r="CZ130" t="str">
            <v/>
          </cell>
          <cell r="DA130">
            <v>44028</v>
          </cell>
          <cell r="DB130">
            <v>44032</v>
          </cell>
          <cell r="DC130">
            <v>17</v>
          </cell>
          <cell r="DD130" t="str">
            <v>○</v>
          </cell>
          <cell r="DL130">
            <v>74</v>
          </cell>
          <cell r="DM130">
            <v>541</v>
          </cell>
          <cell r="DN130">
            <v>474</v>
          </cell>
          <cell r="DO130">
            <v>26</v>
          </cell>
          <cell r="DP130">
            <v>527</v>
          </cell>
          <cell r="EZ130">
            <v>5</v>
          </cell>
          <cell r="FA130">
            <v>8</v>
          </cell>
          <cell r="FI130">
            <v>4</v>
          </cell>
          <cell r="FJ130" t="str">
            <v>事後審査型一般競争入札</v>
          </cell>
          <cell r="FN130">
            <v>4</v>
          </cell>
          <cell r="FO130" t="str">
            <v>電子入札</v>
          </cell>
          <cell r="FS130">
            <v>1</v>
          </cell>
          <cell r="FT130" t="str">
            <v/>
          </cell>
          <cell r="FU130" t="str">
            <v/>
          </cell>
          <cell r="FW130" t="str">
            <v/>
          </cell>
          <cell r="FY130" t="str">
            <v/>
          </cell>
          <cell r="GD130">
            <v>1</v>
          </cell>
          <cell r="GE130" t="str">
            <v>契約・検査課長　松本　嘉博</v>
          </cell>
          <cell r="GF130">
            <v>74</v>
          </cell>
          <cell r="GG130" t="str">
            <v>(株)土井庭苑</v>
          </cell>
          <cell r="GH130">
            <v>11814000</v>
          </cell>
          <cell r="GI130">
            <v>1074000</v>
          </cell>
          <cell r="GJ130">
            <v>1182000</v>
          </cell>
          <cell r="GM130" t="str">
            <v>松木　湧</v>
          </cell>
          <cell r="GN130" t="str">
            <v>一級造園施工管理技士,一級土木施工管理技士</v>
          </cell>
          <cell r="GO130" t="str">
            <v>土井　秀治</v>
          </cell>
          <cell r="GT130" t="str">
            <v/>
          </cell>
          <cell r="GV130">
            <v>42780</v>
          </cell>
          <cell r="GW130">
            <v>3.621127475876079</v>
          </cell>
          <cell r="GX130">
            <v>44160</v>
          </cell>
          <cell r="HA130">
            <v>44176</v>
          </cell>
          <cell r="HB130">
            <v>44168</v>
          </cell>
          <cell r="HC130">
            <v>13150500</v>
          </cell>
          <cell r="HD130">
            <v>11413600</v>
          </cell>
          <cell r="HN130" t="str">
            <v>現地精査による精算変更</v>
          </cell>
          <cell r="HO130">
            <v>2</v>
          </cell>
          <cell r="HP130">
            <v>10740000</v>
          </cell>
          <cell r="HQ130">
            <v>10740000</v>
          </cell>
          <cell r="HR130">
            <v>10910000</v>
          </cell>
          <cell r="HS130" t="str">
            <v>-</v>
          </cell>
          <cell r="HT130" t="str">
            <v>-</v>
          </cell>
          <cell r="JD130">
            <v>8</v>
          </cell>
          <cell r="JE130">
            <v>8</v>
          </cell>
          <cell r="JF130" t="str">
            <v/>
          </cell>
          <cell r="JG130" t="str">
            <v/>
          </cell>
          <cell r="JH130" t="str">
            <v/>
          </cell>
          <cell r="JI130" t="str">
            <v/>
          </cell>
          <cell r="JJ130" t="str">
            <v/>
          </cell>
          <cell r="JK130" t="str">
            <v/>
          </cell>
          <cell r="JL130" t="str">
            <v/>
          </cell>
          <cell r="JM130" t="str">
            <v/>
          </cell>
          <cell r="JN130" t="str">
            <v/>
          </cell>
          <cell r="JO130" t="str">
            <v/>
          </cell>
          <cell r="JP130" t="str">
            <v/>
          </cell>
          <cell r="JQ130" t="str">
            <v/>
          </cell>
          <cell r="JR130" t="str">
            <v/>
          </cell>
          <cell r="JS130" t="str">
            <v/>
          </cell>
          <cell r="JT130" t="str">
            <v/>
          </cell>
          <cell r="JU130" t="str">
            <v/>
          </cell>
          <cell r="JV130" t="str">
            <v/>
          </cell>
          <cell r="JW130" t="str">
            <v/>
          </cell>
          <cell r="JX130" t="str">
            <v/>
          </cell>
          <cell r="JY130" t="str">
            <v/>
          </cell>
          <cell r="JZ130">
            <v>0.86822958771220693</v>
          </cell>
        </row>
        <row r="131">
          <cell r="C131" t="str">
            <v/>
          </cell>
          <cell r="D131" t="str">
            <v/>
          </cell>
          <cell r="E131" t="str">
            <v/>
          </cell>
          <cell r="I131">
            <v>123</v>
          </cell>
          <cell r="M131" t="str">
            <v>令和２年度市道南野５１３８号線舗装工事</v>
          </cell>
          <cell r="Q131" t="str">
            <v>南5138舗装工</v>
          </cell>
          <cell r="Y131">
            <v>1</v>
          </cell>
          <cell r="AC131">
            <v>3</v>
          </cell>
          <cell r="AI131" t="str">
            <v>伊丹市南野３丁目地内</v>
          </cell>
          <cell r="AM131" t="str">
            <v>施工延長L=66.5m，W=2.3m～3.2m
掘削工V=30m3
残土処理工V=30m3
舗装工
　アスファルト舗装A=82m2　透水性舗装A=92m2</v>
          </cell>
          <cell r="AQ131">
            <v>1</v>
          </cell>
          <cell r="AY131">
            <v>44040</v>
          </cell>
          <cell r="AZ131">
            <v>44043</v>
          </cell>
          <cell r="BA131">
            <v>91</v>
          </cell>
          <cell r="BB131">
            <v>44133</v>
          </cell>
          <cell r="BC131">
            <v>15</v>
          </cell>
          <cell r="BD131" t="str">
            <v>○</v>
          </cell>
          <cell r="BE131" t="str">
            <v>○</v>
          </cell>
          <cell r="BF131">
            <v>0.41875000000000001</v>
          </cell>
          <cell r="BG131">
            <v>7910</v>
          </cell>
          <cell r="BH131" t="str">
            <v>大河　芳賢</v>
          </cell>
          <cell r="BI131" t="str">
            <v>道路保全課</v>
          </cell>
          <cell r="BJ131">
            <v>4883</v>
          </cell>
          <cell r="BN131" t="str">
            <v>土</v>
          </cell>
          <cell r="BO131">
            <v>9</v>
          </cell>
          <cell r="BS131">
            <v>2217600</v>
          </cell>
          <cell r="BT131">
            <v>2010000</v>
          </cell>
          <cell r="BU131">
            <v>1</v>
          </cell>
          <cell r="BV131">
            <v>1750000</v>
          </cell>
          <cell r="BW131">
            <v>929000</v>
          </cell>
          <cell r="BX131">
            <v>206000</v>
          </cell>
          <cell r="BY131">
            <v>519000</v>
          </cell>
          <cell r="BZ131">
            <v>362000</v>
          </cell>
          <cell r="CD131" t="str">
            <v/>
          </cell>
          <cell r="CH131">
            <v>62</v>
          </cell>
          <cell r="CI131">
            <v>44018</v>
          </cell>
          <cell r="CJ131" t="str">
            <v>一般</v>
          </cell>
          <cell r="CK131" t="str">
            <v>伊丹市内に本店</v>
          </cell>
          <cell r="CL131" t="str">
            <v>400点以上</v>
          </cell>
          <cell r="CP131">
            <v>56481</v>
          </cell>
          <cell r="CT131" t="str">
            <v>右記</v>
          </cell>
          <cell r="CU131" t="str">
            <v>舗装工事の施工実績を有すること。</v>
          </cell>
          <cell r="CW131">
            <v>44026</v>
          </cell>
          <cell r="CX131" t="str">
            <v/>
          </cell>
          <cell r="CY131" t="str">
            <v/>
          </cell>
          <cell r="CZ131" t="str">
            <v/>
          </cell>
          <cell r="DA131">
            <v>44028</v>
          </cell>
          <cell r="DB131">
            <v>44032</v>
          </cell>
          <cell r="DC131">
            <v>36</v>
          </cell>
          <cell r="DD131" t="str">
            <v>○</v>
          </cell>
          <cell r="DL131">
            <v>16</v>
          </cell>
          <cell r="DM131">
            <v>527</v>
          </cell>
          <cell r="DN131">
            <v>581</v>
          </cell>
          <cell r="DO131">
            <v>474</v>
          </cell>
          <cell r="DP131">
            <v>155</v>
          </cell>
          <cell r="DQ131">
            <v>440</v>
          </cell>
          <cell r="DR131">
            <v>492</v>
          </cell>
          <cell r="DS131">
            <v>174</v>
          </cell>
          <cell r="EZ131">
            <v>8</v>
          </cell>
          <cell r="FA131">
            <v>6</v>
          </cell>
          <cell r="FI131">
            <v>4</v>
          </cell>
          <cell r="FJ131" t="str">
            <v>事後審査型一般競争入札</v>
          </cell>
          <cell r="FN131">
            <v>4</v>
          </cell>
          <cell r="FO131" t="str">
            <v>電子入札</v>
          </cell>
          <cell r="FS131">
            <v>1</v>
          </cell>
          <cell r="FT131" t="str">
            <v/>
          </cell>
          <cell r="FU131" t="str">
            <v/>
          </cell>
          <cell r="FW131" t="str">
            <v/>
          </cell>
          <cell r="FY131" t="str">
            <v/>
          </cell>
          <cell r="GD131">
            <v>1</v>
          </cell>
          <cell r="GE131" t="str">
            <v>契約・検査課長　松本　嘉博</v>
          </cell>
          <cell r="GF131">
            <v>581</v>
          </cell>
          <cell r="GG131" t="str">
            <v>禎建工業</v>
          </cell>
          <cell r="GH131">
            <v>1925000</v>
          </cell>
          <cell r="GI131">
            <v>175000</v>
          </cell>
          <cell r="GJ131" t="str">
            <v/>
          </cell>
          <cell r="GL131" t="str">
            <v>２級土木施工管理技士</v>
          </cell>
          <cell r="GM131" t="str">
            <v>山下　優翔</v>
          </cell>
          <cell r="GN131" t="str">
            <v>２級土木施工管理技士</v>
          </cell>
          <cell r="GO131" t="str">
            <v>山下　優翔</v>
          </cell>
          <cell r="GT131" t="str">
            <v/>
          </cell>
          <cell r="GV131">
            <v>6820</v>
          </cell>
          <cell r="GW131">
            <v>3.5428571428571427</v>
          </cell>
          <cell r="HO131" t="str">
            <v/>
          </cell>
          <cell r="HP131">
            <v>1750000</v>
          </cell>
          <cell r="HQ131">
            <v>1750000</v>
          </cell>
          <cell r="HR131">
            <v>1750000</v>
          </cell>
          <cell r="HS131">
            <v>1760000</v>
          </cell>
          <cell r="HT131">
            <v>1790000</v>
          </cell>
          <cell r="HU131">
            <v>1740000</v>
          </cell>
          <cell r="HV131">
            <v>1740000</v>
          </cell>
          <cell r="HW131" t="str">
            <v>-</v>
          </cell>
          <cell r="JD131">
            <v>9</v>
          </cell>
          <cell r="JE131">
            <v>9</v>
          </cell>
          <cell r="JF131" t="str">
            <v/>
          </cell>
          <cell r="JG131" t="str">
            <v/>
          </cell>
          <cell r="JH131" t="str">
            <v/>
          </cell>
          <cell r="JI131" t="str">
            <v/>
          </cell>
          <cell r="JJ131" t="str">
            <v/>
          </cell>
          <cell r="JK131" t="str">
            <v/>
          </cell>
          <cell r="JL131" t="str">
            <v/>
          </cell>
          <cell r="JM131" t="str">
            <v/>
          </cell>
          <cell r="JN131" t="str">
            <v/>
          </cell>
          <cell r="JO131" t="str">
            <v/>
          </cell>
          <cell r="JP131" t="str">
            <v/>
          </cell>
          <cell r="JQ131" t="str">
            <v/>
          </cell>
          <cell r="JR131" t="str">
            <v/>
          </cell>
          <cell r="JS131" t="str">
            <v/>
          </cell>
          <cell r="JT131" t="str">
            <v/>
          </cell>
          <cell r="JU131" t="str">
            <v/>
          </cell>
          <cell r="JV131" t="str">
            <v/>
          </cell>
          <cell r="JW131" t="str">
            <v/>
          </cell>
          <cell r="JX131" t="str">
            <v/>
          </cell>
          <cell r="JY131" t="str">
            <v/>
          </cell>
          <cell r="JZ131">
            <v>0.87064676616915415</v>
          </cell>
        </row>
        <row r="132">
          <cell r="C132" t="str">
            <v/>
          </cell>
          <cell r="D132" t="str">
            <v/>
          </cell>
          <cell r="E132" t="str">
            <v/>
          </cell>
          <cell r="I132">
            <v>124</v>
          </cell>
          <cell r="M132" t="str">
            <v>令和２年度西野東川原公園再整備工事</v>
          </cell>
          <cell r="Q132" t="str">
            <v>西野東園再整</v>
          </cell>
          <cell r="Y132">
            <v>1</v>
          </cell>
          <cell r="AC132">
            <v>6</v>
          </cell>
          <cell r="AI132" t="str">
            <v>伊丹市西野５丁目地内</v>
          </cell>
          <cell r="AM132" t="str">
            <v>【本体工事】
公園土工一式　真砂土舗装243m2　複合遊具更新1基　砂場更新1基
【附帯工事】
公園土工一式　雨水排水設備工一式　真砂土舗装202m2　
アスファルト舗装99m2　縁石設置7m　健康遊具移設2基</v>
          </cell>
          <cell r="AQ132">
            <v>2</v>
          </cell>
          <cell r="AY132">
            <v>44042</v>
          </cell>
          <cell r="AZ132">
            <v>44047</v>
          </cell>
          <cell r="BA132">
            <v>129</v>
          </cell>
          <cell r="BB132">
            <v>44175</v>
          </cell>
          <cell r="BC132">
            <v>14</v>
          </cell>
          <cell r="BD132" t="str">
            <v>○</v>
          </cell>
          <cell r="BE132" t="str">
            <v>○</v>
          </cell>
          <cell r="BF132">
            <v>0.41736111111111113</v>
          </cell>
          <cell r="BG132">
            <v>7583</v>
          </cell>
          <cell r="BH132" t="str">
            <v>来代　紋菜</v>
          </cell>
          <cell r="BI132" t="str">
            <v>公園課</v>
          </cell>
          <cell r="BJ132">
            <v>4663</v>
          </cell>
          <cell r="BN132" t="str">
            <v>緑</v>
          </cell>
          <cell r="BO132">
            <v>5</v>
          </cell>
          <cell r="BS132">
            <v>18586700</v>
          </cell>
          <cell r="BT132">
            <v>16890000</v>
          </cell>
          <cell r="BU132">
            <v>1</v>
          </cell>
          <cell r="BV132">
            <v>14880000</v>
          </cell>
          <cell r="BW132">
            <v>9383000</v>
          </cell>
          <cell r="BX132">
            <v>424000</v>
          </cell>
          <cell r="BY132">
            <v>4281000</v>
          </cell>
          <cell r="BZ132">
            <v>2809000</v>
          </cell>
          <cell r="CD132" t="str">
            <v/>
          </cell>
          <cell r="CH132">
            <v>63</v>
          </cell>
          <cell r="CI132">
            <v>44021</v>
          </cell>
          <cell r="CJ132" t="str">
            <v>一般</v>
          </cell>
          <cell r="CK132" t="str">
            <v>尼崎市、西宮市、芦屋市、宝塚市、川西市、伊丹市内に本店</v>
          </cell>
          <cell r="CL132" t="str">
            <v>伊丹市内に本店を有する者においては400点以上、その他の者においては800点以上</v>
          </cell>
          <cell r="CO132">
            <v>1</v>
          </cell>
          <cell r="CP132">
            <v>57642</v>
          </cell>
          <cell r="CT132" t="str">
            <v>請負金額が800万円以上(伊丹市内に本店を有する者においては400万円以上)</v>
          </cell>
          <cell r="CU132">
            <v>11</v>
          </cell>
          <cell r="CW132">
            <v>44029</v>
          </cell>
          <cell r="CX132" t="str">
            <v/>
          </cell>
          <cell r="CY132" t="str">
            <v/>
          </cell>
          <cell r="CZ132" t="str">
            <v/>
          </cell>
          <cell r="DA132">
            <v>44032</v>
          </cell>
          <cell r="DB132">
            <v>44034</v>
          </cell>
          <cell r="DC132">
            <v>20</v>
          </cell>
          <cell r="DD132" t="str">
            <v>○</v>
          </cell>
          <cell r="DL132">
            <v>2887</v>
          </cell>
          <cell r="DM132">
            <v>2859</v>
          </cell>
          <cell r="DN132">
            <v>2094</v>
          </cell>
          <cell r="DO132">
            <v>74</v>
          </cell>
          <cell r="DP132">
            <v>287</v>
          </cell>
          <cell r="DQ132">
            <v>3808</v>
          </cell>
          <cell r="DR132">
            <v>4427</v>
          </cell>
          <cell r="EZ132">
            <v>7</v>
          </cell>
          <cell r="FA132">
            <v>8</v>
          </cell>
          <cell r="FI132">
            <v>4</v>
          </cell>
          <cell r="FJ132" t="str">
            <v>事後審査型一般競争入札</v>
          </cell>
          <cell r="FN132">
            <v>4</v>
          </cell>
          <cell r="FO132" t="str">
            <v>電子入札</v>
          </cell>
          <cell r="FS132">
            <v>1</v>
          </cell>
          <cell r="FT132" t="str">
            <v/>
          </cell>
          <cell r="FU132" t="str">
            <v/>
          </cell>
          <cell r="FW132" t="str">
            <v/>
          </cell>
          <cell r="FY132" t="str">
            <v/>
          </cell>
          <cell r="GD132">
            <v>1</v>
          </cell>
          <cell r="GE132" t="str">
            <v>契約・検査課長　松本　嘉博</v>
          </cell>
          <cell r="GF132">
            <v>2887</v>
          </cell>
          <cell r="GG132" t="str">
            <v>(株)寿楽園</v>
          </cell>
          <cell r="GH132">
            <v>16379000</v>
          </cell>
          <cell r="GI132">
            <v>1489000</v>
          </cell>
          <cell r="GJ132">
            <v>1638000</v>
          </cell>
          <cell r="GL132" t="str">
            <v>１級造園施工管理技士</v>
          </cell>
          <cell r="GM132" t="str">
            <v>河本　龍也</v>
          </cell>
          <cell r="GN132" t="str">
            <v>１級造園施工管理技士</v>
          </cell>
          <cell r="GO132" t="str">
            <v>河本　龍也</v>
          </cell>
          <cell r="GT132" t="str">
            <v/>
          </cell>
          <cell r="GU132" t="str">
            <v>済</v>
          </cell>
          <cell r="GV132">
            <v>37200</v>
          </cell>
          <cell r="GW132">
            <v>2.2712009280175836</v>
          </cell>
          <cell r="GX132">
            <v>44169</v>
          </cell>
          <cell r="HA132">
            <v>44183</v>
          </cell>
          <cell r="HB132">
            <v>44181</v>
          </cell>
          <cell r="HC132">
            <v>18491000</v>
          </cell>
          <cell r="HD132">
            <v>16294300</v>
          </cell>
          <cell r="HN132" t="str">
            <v>（本体工事）
現地精査の結果、コンクリート殻処分の数量等の変更を行うものである。
（付帯工事）
現地精査の結果、真砂土舗装工及びアスファルト舗装工の数量等の変更及びコンクリート舗装工の増工を行うものである。</v>
          </cell>
          <cell r="HO132">
            <v>2</v>
          </cell>
          <cell r="HP132">
            <v>14890000</v>
          </cell>
          <cell r="HQ132">
            <v>16800000</v>
          </cell>
          <cell r="HR132">
            <v>14800000</v>
          </cell>
          <cell r="HS132">
            <v>14870000</v>
          </cell>
          <cell r="HT132">
            <v>14870000</v>
          </cell>
          <cell r="HU132">
            <v>14870000</v>
          </cell>
          <cell r="HV132" t="str">
            <v>-</v>
          </cell>
          <cell r="JD132" t="str">
            <v/>
          </cell>
          <cell r="JE132" t="str">
            <v/>
          </cell>
          <cell r="JF132" t="str">
            <v/>
          </cell>
          <cell r="JG132" t="str">
            <v/>
          </cell>
          <cell r="JH132" t="str">
            <v/>
          </cell>
          <cell r="JI132" t="str">
            <v/>
          </cell>
          <cell r="JJ132">
            <v>5</v>
          </cell>
          <cell r="JK132">
            <v>5</v>
          </cell>
          <cell r="JL132" t="str">
            <v/>
          </cell>
          <cell r="JM132" t="str">
            <v/>
          </cell>
          <cell r="JN132" t="str">
            <v/>
          </cell>
          <cell r="JO132" t="str">
            <v/>
          </cell>
          <cell r="JP132" t="str">
            <v/>
          </cell>
          <cell r="JQ132" t="str">
            <v/>
          </cell>
          <cell r="JR132" t="str">
            <v/>
          </cell>
          <cell r="JS132" t="str">
            <v/>
          </cell>
          <cell r="JT132" t="str">
            <v/>
          </cell>
          <cell r="JU132" t="str">
            <v/>
          </cell>
          <cell r="JV132" t="str">
            <v/>
          </cell>
          <cell r="JW132" t="str">
            <v/>
          </cell>
          <cell r="JX132" t="str">
            <v/>
          </cell>
          <cell r="JY132" t="str">
            <v/>
          </cell>
          <cell r="JZ132">
            <v>0.88158673771462392</v>
          </cell>
        </row>
        <row r="133">
          <cell r="C133" t="str">
            <v/>
          </cell>
          <cell r="D133" t="str">
            <v/>
          </cell>
          <cell r="E133" t="str">
            <v/>
          </cell>
          <cell r="I133">
            <v>125</v>
          </cell>
          <cell r="M133" t="str">
            <v>令和２年度庄境公園再整備工事</v>
          </cell>
          <cell r="Q133" t="str">
            <v>庄境園再整備</v>
          </cell>
          <cell r="Y133">
            <v>1</v>
          </cell>
          <cell r="AC133">
            <v>6</v>
          </cell>
          <cell r="AI133" t="str">
            <v>伊丹市鋳物師４丁目地内</v>
          </cell>
          <cell r="AM133" t="str">
            <v>【本体工事】
公園土工一式　真砂土舗装226m2　複合遊具更新1基　スイング遊具設置2基
健康遊具設置2基　スプリング遊具撤去3基　幼児遊具撤去1基
【附帯工事】
公園土工一式　雨水排水設備工一式　インターロッキングブロック設置工10m2
真砂土舗装559m2　ベンチ移設1基　車止め移設3基</v>
          </cell>
          <cell r="AQ133">
            <v>2</v>
          </cell>
          <cell r="AY133">
            <v>44042</v>
          </cell>
          <cell r="AZ133">
            <v>44047</v>
          </cell>
          <cell r="BA133">
            <v>129</v>
          </cell>
          <cell r="BB133">
            <v>44175</v>
          </cell>
          <cell r="BC133">
            <v>14</v>
          </cell>
          <cell r="BD133" t="str">
            <v>○</v>
          </cell>
          <cell r="BE133" t="str">
            <v>○</v>
          </cell>
          <cell r="BF133">
            <v>0.41805555555555557</v>
          </cell>
          <cell r="BG133">
            <v>7680</v>
          </cell>
          <cell r="BH133" t="str">
            <v>田中　駿</v>
          </cell>
          <cell r="BI133" t="str">
            <v>公園課</v>
          </cell>
          <cell r="BJ133">
            <v>4727</v>
          </cell>
          <cell r="BN133" t="str">
            <v>緑</v>
          </cell>
          <cell r="BO133">
            <v>6</v>
          </cell>
          <cell r="BS133">
            <v>16325100</v>
          </cell>
          <cell r="BT133">
            <v>14840000</v>
          </cell>
          <cell r="BU133">
            <v>1</v>
          </cell>
          <cell r="BV133">
            <v>13040000</v>
          </cell>
          <cell r="BW133">
            <v>8042000</v>
          </cell>
          <cell r="BX133">
            <v>463000</v>
          </cell>
          <cell r="BY133">
            <v>3823000</v>
          </cell>
          <cell r="BZ133">
            <v>2513000</v>
          </cell>
          <cell r="CD133" t="str">
            <v/>
          </cell>
          <cell r="CH133">
            <v>64</v>
          </cell>
          <cell r="CI133">
            <v>44021</v>
          </cell>
          <cell r="CJ133" t="str">
            <v>一般</v>
          </cell>
          <cell r="CK133" t="str">
            <v>尼崎市、西宮市、芦屋市、宝塚市、川西市、伊丹市内に本店</v>
          </cell>
          <cell r="CL133" t="str">
            <v>伊丹市内に本店を有する者においては400点以上、その他の者においては800点以上</v>
          </cell>
          <cell r="CO133">
            <v>1</v>
          </cell>
          <cell r="CP133">
            <v>49935</v>
          </cell>
          <cell r="CT133" t="str">
            <v>請負金額が700万円以上(伊丹市内に本店を有する者においては300万円以上)</v>
          </cell>
          <cell r="CU133">
            <v>11</v>
          </cell>
          <cell r="CW133">
            <v>44029</v>
          </cell>
          <cell r="CX133" t="str">
            <v/>
          </cell>
          <cell r="CY133" t="str">
            <v/>
          </cell>
          <cell r="CZ133" t="str">
            <v/>
          </cell>
          <cell r="DA133">
            <v>44032</v>
          </cell>
          <cell r="DB133">
            <v>44034</v>
          </cell>
          <cell r="DC133">
            <v>20</v>
          </cell>
          <cell r="DD133" t="str">
            <v>○</v>
          </cell>
          <cell r="DL133">
            <v>74</v>
          </cell>
          <cell r="DM133">
            <v>2859</v>
          </cell>
          <cell r="DN133">
            <v>2094</v>
          </cell>
          <cell r="DO133">
            <v>287</v>
          </cell>
          <cell r="DP133">
            <v>3808</v>
          </cell>
          <cell r="DQ133">
            <v>2887</v>
          </cell>
          <cell r="DR133">
            <v>4427</v>
          </cell>
          <cell r="EZ133">
            <v>7</v>
          </cell>
          <cell r="FA133">
            <v>8</v>
          </cell>
          <cell r="FI133">
            <v>4</v>
          </cell>
          <cell r="FJ133" t="str">
            <v>事後審査型一般競争入札</v>
          </cell>
          <cell r="FN133">
            <v>4</v>
          </cell>
          <cell r="FO133" t="str">
            <v>電子入札</v>
          </cell>
          <cell r="FS133">
            <v>1</v>
          </cell>
          <cell r="FT133" t="str">
            <v/>
          </cell>
          <cell r="FU133" t="str">
            <v/>
          </cell>
          <cell r="FW133" t="str">
            <v/>
          </cell>
          <cell r="FY133" t="str">
            <v/>
          </cell>
          <cell r="GD133">
            <v>1</v>
          </cell>
          <cell r="GE133" t="str">
            <v>契約・検査課長　松本　嘉博</v>
          </cell>
          <cell r="GF133">
            <v>74</v>
          </cell>
          <cell r="GG133" t="str">
            <v>(株)土井庭苑</v>
          </cell>
          <cell r="GH133">
            <v>16258000</v>
          </cell>
          <cell r="GI133">
            <v>1478000</v>
          </cell>
          <cell r="GJ133">
            <v>1626000</v>
          </cell>
          <cell r="GL133" t="str">
            <v>１級造園施工管理技士</v>
          </cell>
          <cell r="GM133" t="str">
            <v>後藤　雅史</v>
          </cell>
          <cell r="GN133" t="str">
            <v>１級造園施工管理技士</v>
          </cell>
          <cell r="GO133" t="str">
            <v>後藤　雅史</v>
          </cell>
          <cell r="GT133" t="str">
            <v/>
          </cell>
          <cell r="GV133">
            <v>58590</v>
          </cell>
          <cell r="GW133">
            <v>3.6037643006519864</v>
          </cell>
          <cell r="GX133">
            <v>44173</v>
          </cell>
          <cell r="GY133">
            <v>16225000</v>
          </cell>
          <cell r="GZ133">
            <v>16157900</v>
          </cell>
          <cell r="HN133" t="str">
            <v>真砂土舗装面積の減</v>
          </cell>
          <cell r="HO133">
            <v>1</v>
          </cell>
          <cell r="HP133">
            <v>14780000</v>
          </cell>
          <cell r="HQ133">
            <v>14800000</v>
          </cell>
          <cell r="HR133">
            <v>12990000</v>
          </cell>
          <cell r="HS133">
            <v>13020000</v>
          </cell>
          <cell r="HT133">
            <v>13030000</v>
          </cell>
          <cell r="HU133" t="str">
            <v>-</v>
          </cell>
          <cell r="HV133" t="str">
            <v>-</v>
          </cell>
          <cell r="JD133" t="str">
            <v/>
          </cell>
          <cell r="JE133" t="str">
            <v/>
          </cell>
          <cell r="JF133" t="str">
            <v/>
          </cell>
          <cell r="JG133" t="str">
            <v/>
          </cell>
          <cell r="JH133" t="str">
            <v/>
          </cell>
          <cell r="JI133" t="str">
            <v/>
          </cell>
          <cell r="JJ133">
            <v>6</v>
          </cell>
          <cell r="JK133">
            <v>6</v>
          </cell>
          <cell r="JL133" t="str">
            <v/>
          </cell>
          <cell r="JM133" t="str">
            <v/>
          </cell>
          <cell r="JN133" t="str">
            <v/>
          </cell>
          <cell r="JO133" t="str">
            <v/>
          </cell>
          <cell r="JP133" t="str">
            <v/>
          </cell>
          <cell r="JQ133" t="str">
            <v/>
          </cell>
          <cell r="JR133" t="str">
            <v/>
          </cell>
          <cell r="JS133" t="str">
            <v/>
          </cell>
          <cell r="JT133" t="str">
            <v/>
          </cell>
          <cell r="JU133" t="str">
            <v/>
          </cell>
          <cell r="JV133" t="str">
            <v/>
          </cell>
          <cell r="JW133" t="str">
            <v/>
          </cell>
          <cell r="JX133" t="str">
            <v/>
          </cell>
          <cell r="JY133" t="str">
            <v/>
          </cell>
          <cell r="JZ133">
            <v>0.99595687331536376</v>
          </cell>
        </row>
        <row r="134">
          <cell r="C134" t="str">
            <v/>
          </cell>
          <cell r="D134" t="str">
            <v/>
          </cell>
          <cell r="E134" t="str">
            <v/>
          </cell>
          <cell r="I134">
            <v>126</v>
          </cell>
          <cell r="M134" t="str">
            <v>令和２年度淵ノ上公園再整備工事</v>
          </cell>
          <cell r="Q134" t="str">
            <v>淵上園再整備</v>
          </cell>
          <cell r="Y134">
            <v>1</v>
          </cell>
          <cell r="AC134">
            <v>6</v>
          </cell>
          <cell r="AI134" t="str">
            <v>伊丹市森本２丁目地内</v>
          </cell>
          <cell r="AM134" t="str">
            <v>【本体工事】
公園土工一式　真砂土舗装117m2　撤去工一式　滑り台新設1基　健康遊具新設2基
【附帯工事】
植栽工一式　公園土工一式　真砂土舗装143m2　雨水排水設備工一式
コンクリート舗装4m2　インターロッキング舗装58m2　フェンス更新一式
車止め新設1基　防草コンクリート一式　伐採・抜根一式</v>
          </cell>
          <cell r="AQ134">
            <v>2</v>
          </cell>
          <cell r="AY134">
            <v>44042</v>
          </cell>
          <cell r="AZ134">
            <v>44047</v>
          </cell>
          <cell r="BA134">
            <v>129</v>
          </cell>
          <cell r="BB134">
            <v>44175</v>
          </cell>
          <cell r="BC134">
            <v>14</v>
          </cell>
          <cell r="BD134" t="str">
            <v>○</v>
          </cell>
          <cell r="BE134" t="str">
            <v>○</v>
          </cell>
          <cell r="BF134">
            <v>0.41875000000000001</v>
          </cell>
          <cell r="BG134">
            <v>6999</v>
          </cell>
          <cell r="BH134" t="str">
            <v>横山  祐太</v>
          </cell>
          <cell r="BI134" t="str">
            <v>公園課</v>
          </cell>
          <cell r="BJ134">
            <v>4509</v>
          </cell>
          <cell r="BN134" t="str">
            <v>緑</v>
          </cell>
          <cell r="BO134">
            <v>7</v>
          </cell>
          <cell r="BS134">
            <v>12707200</v>
          </cell>
          <cell r="BT134">
            <v>11550000</v>
          </cell>
          <cell r="BU134">
            <v>1</v>
          </cell>
          <cell r="BV134">
            <v>10100000</v>
          </cell>
          <cell r="BW134">
            <v>5805000</v>
          </cell>
          <cell r="BX134">
            <v>736000</v>
          </cell>
          <cell r="BY134">
            <v>3009000</v>
          </cell>
          <cell r="BZ134">
            <v>2002000</v>
          </cell>
          <cell r="CD134" t="str">
            <v/>
          </cell>
          <cell r="CH134">
            <v>65</v>
          </cell>
          <cell r="CI134">
            <v>44021</v>
          </cell>
          <cell r="CJ134" t="str">
            <v>一般</v>
          </cell>
          <cell r="CK134" t="str">
            <v>伊丹市内に本店</v>
          </cell>
          <cell r="CL134" t="str">
            <v>400点以上</v>
          </cell>
          <cell r="CP134">
            <v>20956</v>
          </cell>
          <cell r="CT134" t="str">
            <v>請負金額が200万円以上</v>
          </cell>
          <cell r="CW134">
            <v>44029</v>
          </cell>
          <cell r="CX134" t="str">
            <v/>
          </cell>
          <cell r="CY134" t="str">
            <v/>
          </cell>
          <cell r="CZ134" t="str">
            <v/>
          </cell>
          <cell r="DA134">
            <v>44032</v>
          </cell>
          <cell r="DB134">
            <v>44034</v>
          </cell>
          <cell r="DC134">
            <v>10</v>
          </cell>
          <cell r="DD134" t="str">
            <v>○</v>
          </cell>
          <cell r="DL134">
            <v>287</v>
          </cell>
          <cell r="DM134">
            <v>74</v>
          </cell>
          <cell r="EZ134">
            <v>2</v>
          </cell>
          <cell r="FA134">
            <v>8</v>
          </cell>
          <cell r="FI134">
            <v>4</v>
          </cell>
          <cell r="FJ134" t="str">
            <v>事後審査型一般競争入札</v>
          </cell>
          <cell r="FN134">
            <v>4</v>
          </cell>
          <cell r="FO134" t="str">
            <v>電子入札</v>
          </cell>
          <cell r="FS134">
            <v>1</v>
          </cell>
          <cell r="FT134" t="str">
            <v/>
          </cell>
          <cell r="FU134" t="str">
            <v/>
          </cell>
          <cell r="FW134" t="str">
            <v/>
          </cell>
          <cell r="FY134" t="str">
            <v/>
          </cell>
          <cell r="GC134">
            <v>1</v>
          </cell>
          <cell r="GD134">
            <v>1</v>
          </cell>
          <cell r="GE134" t="str">
            <v>契約・検査課長　松本　嘉博</v>
          </cell>
          <cell r="GF134">
            <v>287</v>
          </cell>
          <cell r="GG134" t="str">
            <v>伊藤造園土木(株)</v>
          </cell>
          <cell r="GH134">
            <v>12320000</v>
          </cell>
          <cell r="GI134">
            <v>1120000</v>
          </cell>
          <cell r="GJ134">
            <v>1232000</v>
          </cell>
          <cell r="GM134" t="str">
            <v>加藤　誠</v>
          </cell>
          <cell r="GO134" t="str">
            <v>加藤　誠</v>
          </cell>
          <cell r="GT134" t="str">
            <v/>
          </cell>
          <cell r="GV134">
            <v>52700</v>
          </cell>
          <cell r="GW134">
            <v>4.2775974025974026</v>
          </cell>
          <cell r="GX134">
            <v>44172</v>
          </cell>
          <cell r="GY134">
            <v>13939200</v>
          </cell>
          <cell r="GZ134">
            <v>13513500</v>
          </cell>
          <cell r="HN134" t="str">
            <v>【本体工事】コンクリート殻処分の数量・種別の変更を行うものである。【附帯工事】現地精査の結果、伐採・伐根工及び縁石設置等の増工、並びに真砂土舗装面積の減工及び現地精査による数量変更を行うものである。</v>
          </cell>
          <cell r="HO134">
            <v>1</v>
          </cell>
          <cell r="HP134">
            <v>11200000</v>
          </cell>
          <cell r="HQ134">
            <v>11480000</v>
          </cell>
          <cell r="JD134" t="str">
            <v/>
          </cell>
          <cell r="JE134" t="str">
            <v/>
          </cell>
          <cell r="JF134" t="str">
            <v/>
          </cell>
          <cell r="JG134" t="str">
            <v/>
          </cell>
          <cell r="JH134" t="str">
            <v/>
          </cell>
          <cell r="JI134" t="str">
            <v/>
          </cell>
          <cell r="JJ134">
            <v>7</v>
          </cell>
          <cell r="JK134">
            <v>7</v>
          </cell>
          <cell r="JL134" t="str">
            <v/>
          </cell>
          <cell r="JM134" t="str">
            <v/>
          </cell>
          <cell r="JN134" t="str">
            <v/>
          </cell>
          <cell r="JO134" t="str">
            <v/>
          </cell>
          <cell r="JP134" t="str">
            <v/>
          </cell>
          <cell r="JQ134" t="str">
            <v/>
          </cell>
          <cell r="JR134" t="str">
            <v/>
          </cell>
          <cell r="JS134" t="str">
            <v/>
          </cell>
          <cell r="JT134" t="str">
            <v/>
          </cell>
          <cell r="JU134" t="str">
            <v/>
          </cell>
          <cell r="JV134" t="str">
            <v/>
          </cell>
          <cell r="JW134" t="str">
            <v/>
          </cell>
          <cell r="JX134" t="str">
            <v/>
          </cell>
          <cell r="JY134" t="str">
            <v/>
          </cell>
          <cell r="JZ134">
            <v>0.96969696969696972</v>
          </cell>
        </row>
        <row r="135">
          <cell r="C135" t="str">
            <v/>
          </cell>
          <cell r="D135" t="str">
            <v/>
          </cell>
          <cell r="E135" t="str">
            <v/>
          </cell>
          <cell r="I135">
            <v>127</v>
          </cell>
          <cell r="M135" t="str">
            <v>４０ｍ級はしご付き消防自動車　平成１６年式（株）モリタ製</v>
          </cell>
          <cell r="Q135" t="str">
            <v>ﾔﾌｵｸ消防はし</v>
          </cell>
          <cell r="AC135">
            <v>8</v>
          </cell>
          <cell r="AD135" t="str">
            <v>-</v>
          </cell>
          <cell r="AY135" t="str">
            <v/>
          </cell>
          <cell r="AZ135" t="str">
            <v/>
          </cell>
          <cell r="BA135" t="str">
            <v/>
          </cell>
          <cell r="BC135" t="str">
            <v/>
          </cell>
          <cell r="BD135" t="str">
            <v/>
          </cell>
          <cell r="BE135" t="str">
            <v/>
          </cell>
          <cell r="BH135" t="str">
            <v/>
          </cell>
          <cell r="BI135" t="str">
            <v/>
          </cell>
          <cell r="BJ135" t="str">
            <v/>
          </cell>
          <cell r="BS135">
            <v>1000000</v>
          </cell>
          <cell r="BT135">
            <v>900000</v>
          </cell>
          <cell r="BU135" t="str">
            <v/>
          </cell>
          <cell r="BV135" t="str">
            <v/>
          </cell>
          <cell r="CD135" t="str">
            <v/>
          </cell>
          <cell r="CH135">
            <v>66</v>
          </cell>
          <cell r="CP135">
            <v>32732</v>
          </cell>
          <cell r="CW135" t="str">
            <v/>
          </cell>
          <cell r="CX135" t="str">
            <v/>
          </cell>
          <cell r="CY135" t="str">
            <v/>
          </cell>
          <cell r="CZ135" t="str">
            <v/>
          </cell>
          <cell r="DA135" t="str">
            <v/>
          </cell>
          <cell r="DB135" t="str">
            <v/>
          </cell>
          <cell r="DD135" t="str">
            <v/>
          </cell>
          <cell r="EZ135" t="str">
            <v/>
          </cell>
          <cell r="FA135">
            <v>6</v>
          </cell>
          <cell r="FI135">
            <v>5</v>
          </cell>
          <cell r="FJ135" t="str">
            <v>指名競争入札（簡易認証）</v>
          </cell>
          <cell r="FN135" t="str">
            <v/>
          </cell>
          <cell r="FO135" t="str">
            <v/>
          </cell>
          <cell r="FS135">
            <v>5</v>
          </cell>
          <cell r="FT135" t="str">
            <v/>
          </cell>
          <cell r="FU135" t="str">
            <v/>
          </cell>
          <cell r="FW135" t="str">
            <v/>
          </cell>
          <cell r="FY135" t="str">
            <v/>
          </cell>
          <cell r="GD135">
            <v>1</v>
          </cell>
          <cell r="GE135" t="str">
            <v>契約・検査課長　松本　嘉博</v>
          </cell>
          <cell r="GG135" t="str">
            <v/>
          </cell>
          <cell r="GI135" t="str">
            <v/>
          </cell>
          <cell r="GJ135" t="str">
            <v/>
          </cell>
          <cell r="GT135" t="str">
            <v/>
          </cell>
          <cell r="GW135" t="str">
            <v/>
          </cell>
          <cell r="HO135" t="str">
            <v/>
          </cell>
          <cell r="JD135" t="str">
            <v/>
          </cell>
          <cell r="JE135" t="str">
            <v/>
          </cell>
          <cell r="JF135" t="str">
            <v/>
          </cell>
          <cell r="JG135" t="str">
            <v/>
          </cell>
          <cell r="JH135" t="str">
            <v/>
          </cell>
          <cell r="JI135" t="str">
            <v/>
          </cell>
          <cell r="JJ135" t="str">
            <v/>
          </cell>
          <cell r="JK135" t="str">
            <v/>
          </cell>
          <cell r="JL135" t="str">
            <v/>
          </cell>
          <cell r="JM135" t="str">
            <v/>
          </cell>
          <cell r="JN135" t="str">
            <v/>
          </cell>
          <cell r="JO135" t="str">
            <v/>
          </cell>
          <cell r="JP135" t="str">
            <v/>
          </cell>
          <cell r="JQ135" t="str">
            <v/>
          </cell>
          <cell r="JR135" t="str">
            <v/>
          </cell>
          <cell r="JS135" t="str">
            <v/>
          </cell>
          <cell r="JT135" t="str">
            <v/>
          </cell>
          <cell r="JU135" t="str">
            <v/>
          </cell>
          <cell r="JV135" t="str">
            <v/>
          </cell>
          <cell r="JW135" t="str">
            <v/>
          </cell>
          <cell r="JX135" t="str">
            <v/>
          </cell>
          <cell r="JY135" t="str">
            <v/>
          </cell>
          <cell r="JZ135" t="str">
            <v/>
          </cell>
        </row>
        <row r="136">
          <cell r="C136" t="str">
            <v/>
          </cell>
          <cell r="D136" t="str">
            <v/>
          </cell>
          <cell r="E136" t="str">
            <v/>
          </cell>
          <cell r="I136">
            <v>128</v>
          </cell>
          <cell r="M136" t="str">
            <v>消防ポンプ自動車　平成１３年式（日野）</v>
          </cell>
          <cell r="Q136" t="str">
            <v>ﾔﾌｵｸ消防ポン</v>
          </cell>
          <cell r="AC136">
            <v>8</v>
          </cell>
          <cell r="AD136" t="str">
            <v>-</v>
          </cell>
          <cell r="AY136" t="str">
            <v/>
          </cell>
          <cell r="AZ136" t="str">
            <v/>
          </cell>
          <cell r="BA136" t="str">
            <v/>
          </cell>
          <cell r="BC136" t="str">
            <v/>
          </cell>
          <cell r="BD136" t="str">
            <v/>
          </cell>
          <cell r="BE136" t="str">
            <v/>
          </cell>
          <cell r="BH136" t="str">
            <v/>
          </cell>
          <cell r="BI136" t="str">
            <v/>
          </cell>
          <cell r="BJ136" t="str">
            <v/>
          </cell>
          <cell r="BS136">
            <v>2500000</v>
          </cell>
          <cell r="BT136">
            <v>2270000</v>
          </cell>
          <cell r="BU136" t="str">
            <v/>
          </cell>
          <cell r="BV136" t="str">
            <v/>
          </cell>
          <cell r="CD136" t="str">
            <v/>
          </cell>
          <cell r="CH136">
            <v>67</v>
          </cell>
          <cell r="CP136">
            <v>76993</v>
          </cell>
          <cell r="CW136" t="str">
            <v/>
          </cell>
          <cell r="CX136" t="str">
            <v/>
          </cell>
          <cell r="CY136" t="str">
            <v/>
          </cell>
          <cell r="CZ136" t="str">
            <v/>
          </cell>
          <cell r="DA136" t="str">
            <v/>
          </cell>
          <cell r="DB136" t="str">
            <v/>
          </cell>
          <cell r="DD136" t="str">
            <v/>
          </cell>
          <cell r="EZ136" t="str">
            <v/>
          </cell>
          <cell r="FA136">
            <v>6</v>
          </cell>
          <cell r="FI136">
            <v>5</v>
          </cell>
          <cell r="FJ136" t="str">
            <v>指名競争入札（簡易認証）</v>
          </cell>
          <cell r="FN136" t="str">
            <v/>
          </cell>
          <cell r="FO136" t="str">
            <v/>
          </cell>
          <cell r="FS136">
            <v>5</v>
          </cell>
          <cell r="FT136" t="str">
            <v/>
          </cell>
          <cell r="FU136" t="str">
            <v/>
          </cell>
          <cell r="FW136" t="str">
            <v/>
          </cell>
          <cell r="FY136" t="str">
            <v/>
          </cell>
          <cell r="GD136">
            <v>1</v>
          </cell>
          <cell r="GE136" t="str">
            <v>契約・検査課長　松本　嘉博</v>
          </cell>
          <cell r="GG136" t="str">
            <v/>
          </cell>
          <cell r="GI136" t="str">
            <v/>
          </cell>
          <cell r="GJ136" t="str">
            <v/>
          </cell>
          <cell r="GT136" t="str">
            <v/>
          </cell>
          <cell r="GW136" t="str">
            <v/>
          </cell>
          <cell r="HO136" t="str">
            <v/>
          </cell>
          <cell r="JD136" t="str">
            <v/>
          </cell>
          <cell r="JE136" t="str">
            <v/>
          </cell>
          <cell r="JF136" t="str">
            <v/>
          </cell>
          <cell r="JG136" t="str">
            <v/>
          </cell>
          <cell r="JH136" t="str">
            <v/>
          </cell>
          <cell r="JI136" t="str">
            <v/>
          </cell>
          <cell r="JJ136" t="str">
            <v/>
          </cell>
          <cell r="JK136" t="str">
            <v/>
          </cell>
          <cell r="JL136" t="str">
            <v/>
          </cell>
          <cell r="JM136" t="str">
            <v/>
          </cell>
          <cell r="JN136" t="str">
            <v/>
          </cell>
          <cell r="JO136" t="str">
            <v/>
          </cell>
          <cell r="JP136" t="str">
            <v/>
          </cell>
          <cell r="JQ136" t="str">
            <v/>
          </cell>
          <cell r="JR136" t="str">
            <v/>
          </cell>
          <cell r="JS136" t="str">
            <v/>
          </cell>
          <cell r="JT136" t="str">
            <v/>
          </cell>
          <cell r="JU136" t="str">
            <v/>
          </cell>
          <cell r="JV136" t="str">
            <v/>
          </cell>
          <cell r="JW136" t="str">
            <v/>
          </cell>
          <cell r="JX136" t="str">
            <v/>
          </cell>
          <cell r="JY136" t="str">
            <v/>
          </cell>
          <cell r="JZ136" t="str">
            <v/>
          </cell>
        </row>
        <row r="137">
          <cell r="C137" t="str">
            <v/>
          </cell>
          <cell r="D137" t="str">
            <v/>
          </cell>
          <cell r="E137" t="str">
            <v/>
          </cell>
          <cell r="I137">
            <v>129</v>
          </cell>
          <cell r="M137" t="str">
            <v>令和２年度昆陽池公園他樹木精密診断委託業務</v>
          </cell>
          <cell r="Q137" t="str">
            <v>樹木精密診断</v>
          </cell>
          <cell r="Y137">
            <v>1</v>
          </cell>
          <cell r="AC137">
            <v>8</v>
          </cell>
          <cell r="AD137">
            <v>8</v>
          </cell>
          <cell r="AI137" t="str">
            <v>伊丹市昆陽池３丁目他地内</v>
          </cell>
          <cell r="AQ137">
            <v>1</v>
          </cell>
          <cell r="AY137">
            <v>44033</v>
          </cell>
          <cell r="AZ137">
            <v>44034</v>
          </cell>
          <cell r="BA137">
            <v>150</v>
          </cell>
          <cell r="BB137">
            <v>44183</v>
          </cell>
          <cell r="BC137" t="str">
            <v/>
          </cell>
          <cell r="BD137" t="str">
            <v/>
          </cell>
          <cell r="BE137" t="str">
            <v/>
          </cell>
          <cell r="BF137">
            <v>0.4201388888888889</v>
          </cell>
          <cell r="BG137">
            <v>7796</v>
          </cell>
          <cell r="BH137" t="str">
            <v>山口  貴裕</v>
          </cell>
          <cell r="BI137" t="str">
            <v>公園課</v>
          </cell>
          <cell r="BJ137">
            <v>4827</v>
          </cell>
          <cell r="BN137" t="str">
            <v>他</v>
          </cell>
          <cell r="BO137">
            <v>47</v>
          </cell>
          <cell r="BS137">
            <v>2471700</v>
          </cell>
          <cell r="BT137">
            <v>2240000</v>
          </cell>
          <cell r="BU137" t="str">
            <v/>
          </cell>
          <cell r="BV137" t="str">
            <v/>
          </cell>
          <cell r="CD137" t="str">
            <v/>
          </cell>
          <cell r="CH137">
            <v>-54</v>
          </cell>
          <cell r="CI137">
            <v>44019</v>
          </cell>
          <cell r="CP137">
            <v>71089</v>
          </cell>
          <cell r="CW137" t="str">
            <v/>
          </cell>
          <cell r="CX137" t="str">
            <v/>
          </cell>
          <cell r="CY137" t="str">
            <v/>
          </cell>
          <cell r="CZ137" t="str">
            <v/>
          </cell>
          <cell r="DA137">
            <v>44026</v>
          </cell>
          <cell r="DB137">
            <v>44028</v>
          </cell>
          <cell r="DD137" t="str">
            <v/>
          </cell>
          <cell r="DL137">
            <v>10387</v>
          </cell>
          <cell r="DM137">
            <v>11196</v>
          </cell>
          <cell r="DN137">
            <v>11655</v>
          </cell>
          <cell r="DO137">
            <v>12449</v>
          </cell>
          <cell r="DP137">
            <v>12388</v>
          </cell>
          <cell r="DQ137">
            <v>12684</v>
          </cell>
          <cell r="DR137">
            <v>12940</v>
          </cell>
          <cell r="EZ137">
            <v>7</v>
          </cell>
          <cell r="FA137">
            <v>6</v>
          </cell>
          <cell r="FI137">
            <v>5</v>
          </cell>
          <cell r="FJ137" t="str">
            <v>指名競争入札（簡易認証）</v>
          </cell>
          <cell r="FN137">
            <v>4</v>
          </cell>
          <cell r="FO137" t="str">
            <v>電子入札</v>
          </cell>
          <cell r="FS137">
            <v>5</v>
          </cell>
          <cell r="FT137" t="str">
            <v/>
          </cell>
          <cell r="FU137" t="str">
            <v/>
          </cell>
          <cell r="FW137" t="str">
            <v/>
          </cell>
          <cell r="FY137" t="str">
            <v/>
          </cell>
          <cell r="GD137">
            <v>1</v>
          </cell>
          <cell r="GE137" t="str">
            <v>契約・検査課長　松本　嘉博</v>
          </cell>
          <cell r="GF137">
            <v>12684</v>
          </cell>
          <cell r="GG137" t="str">
            <v>内山緑地建設(株)</v>
          </cell>
          <cell r="GH137">
            <v>1958000</v>
          </cell>
          <cell r="GI137">
            <v>178000</v>
          </cell>
          <cell r="GJ137" t="str">
            <v/>
          </cell>
          <cell r="GL137" t="str">
            <v>樹木医第1396号,1級造園施工管理技士第8315070号</v>
          </cell>
          <cell r="GM137" t="str">
            <v>梶原　宏幸</v>
          </cell>
          <cell r="GN137" t="str">
            <v>樹木医第1396号,1級造園施工管理技士第8315070号</v>
          </cell>
          <cell r="GO137" t="str">
            <v>梶原　宏幸</v>
          </cell>
          <cell r="GT137" t="str">
            <v/>
          </cell>
          <cell r="GW137" t="str">
            <v/>
          </cell>
          <cell r="HO137" t="str">
            <v/>
          </cell>
          <cell r="HP137">
            <v>1875000</v>
          </cell>
          <cell r="HQ137">
            <v>2100000</v>
          </cell>
          <cell r="HR137">
            <v>2200000</v>
          </cell>
          <cell r="HS137" t="str">
            <v>-</v>
          </cell>
          <cell r="HT137">
            <v>2240000</v>
          </cell>
          <cell r="HU137">
            <v>1780000</v>
          </cell>
          <cell r="HV137" t="str">
            <v>-</v>
          </cell>
          <cell r="JD137" t="str">
            <v/>
          </cell>
          <cell r="JE137" t="str">
            <v/>
          </cell>
          <cell r="JF137" t="str">
            <v/>
          </cell>
          <cell r="JG137" t="str">
            <v/>
          </cell>
          <cell r="JH137" t="str">
            <v/>
          </cell>
          <cell r="JI137" t="str">
            <v/>
          </cell>
          <cell r="JJ137" t="str">
            <v/>
          </cell>
          <cell r="JK137" t="str">
            <v/>
          </cell>
          <cell r="JL137" t="str">
            <v/>
          </cell>
          <cell r="JM137" t="str">
            <v/>
          </cell>
          <cell r="JN137" t="str">
            <v/>
          </cell>
          <cell r="JO137" t="str">
            <v/>
          </cell>
          <cell r="JP137" t="str">
            <v/>
          </cell>
          <cell r="JQ137" t="str">
            <v/>
          </cell>
          <cell r="JR137" t="str">
            <v/>
          </cell>
          <cell r="JS137" t="str">
            <v/>
          </cell>
          <cell r="JT137" t="str">
            <v/>
          </cell>
          <cell r="JU137" t="str">
            <v/>
          </cell>
          <cell r="JV137" t="str">
            <v/>
          </cell>
          <cell r="JW137" t="str">
            <v/>
          </cell>
          <cell r="JX137">
            <v>47</v>
          </cell>
          <cell r="JY137">
            <v>44</v>
          </cell>
          <cell r="JZ137">
            <v>0.79464285714285698</v>
          </cell>
        </row>
        <row r="138">
          <cell r="C138" t="str">
            <v/>
          </cell>
          <cell r="D138" t="str">
            <v/>
          </cell>
          <cell r="E138" t="str">
            <v/>
          </cell>
          <cell r="I138">
            <v>130</v>
          </cell>
          <cell r="M138" t="str">
            <v>令和２年度神津大橋橋梁補修・補強工事</v>
          </cell>
          <cell r="Q138" t="str">
            <v>神津橋梁補修</v>
          </cell>
          <cell r="Y138">
            <v>1</v>
          </cell>
          <cell r="AC138">
            <v>2</v>
          </cell>
          <cell r="AI138" t="str">
            <v>伊丹市東有岡１丁目地内</v>
          </cell>
          <cell r="AM138" t="str">
            <v>橋梁塗装工782m2　舗装工735m2　点検孔設置工1か所
支承取替6基　縁端拡幅工1基　支承台座工2基　足場工一式</v>
          </cell>
          <cell r="AQ138">
            <v>2</v>
          </cell>
          <cell r="AY138">
            <v>44061</v>
          </cell>
          <cell r="AZ138">
            <v>44062</v>
          </cell>
          <cell r="BA138">
            <v>218</v>
          </cell>
          <cell r="BB138">
            <v>44279</v>
          </cell>
          <cell r="BC138" t="str">
            <v/>
          </cell>
          <cell r="BD138" t="str">
            <v/>
          </cell>
          <cell r="BE138" t="str">
            <v/>
          </cell>
          <cell r="BF138">
            <v>0.41944444444444445</v>
          </cell>
          <cell r="BG138">
            <v>7679</v>
          </cell>
          <cell r="BH138" t="str">
            <v>吉田　貴保</v>
          </cell>
          <cell r="BI138" t="str">
            <v>道路保全課</v>
          </cell>
          <cell r="BJ138">
            <v>4742</v>
          </cell>
          <cell r="BN138" t="str">
            <v>土</v>
          </cell>
          <cell r="BO138">
            <v>10</v>
          </cell>
          <cell r="BS138">
            <v>136922500</v>
          </cell>
          <cell r="BT138">
            <v>124470000</v>
          </cell>
          <cell r="BU138">
            <v>1</v>
          </cell>
          <cell r="BV138">
            <v>110090000</v>
          </cell>
          <cell r="BW138">
            <v>55617000</v>
          </cell>
          <cell r="BX138">
            <v>17211000</v>
          </cell>
          <cell r="BY138">
            <v>34999000</v>
          </cell>
          <cell r="BZ138">
            <v>16648000</v>
          </cell>
          <cell r="CD138">
            <v>44026</v>
          </cell>
          <cell r="CH138">
            <v>-60</v>
          </cell>
          <cell r="CI138">
            <v>44028</v>
          </cell>
          <cell r="CP138">
            <v>61059</v>
          </cell>
          <cell r="CW138" t="str">
            <v/>
          </cell>
          <cell r="CX138" t="str">
            <v/>
          </cell>
          <cell r="CY138" t="str">
            <v/>
          </cell>
          <cell r="CZ138" t="str">
            <v/>
          </cell>
          <cell r="DA138">
            <v>44040</v>
          </cell>
          <cell r="DB138">
            <v>44046</v>
          </cell>
          <cell r="DD138" t="str">
            <v>×</v>
          </cell>
          <cell r="DL138">
            <v>4151</v>
          </cell>
          <cell r="DM138">
            <v>2602</v>
          </cell>
          <cell r="DN138">
            <v>3146</v>
          </cell>
          <cell r="DO138">
            <v>3851</v>
          </cell>
          <cell r="DP138">
            <v>2010</v>
          </cell>
          <cell r="DQ138">
            <v>2863</v>
          </cell>
          <cell r="DR138">
            <v>2895</v>
          </cell>
          <cell r="DS138">
            <v>4218</v>
          </cell>
          <cell r="DT138">
            <v>4253</v>
          </cell>
          <cell r="DU138">
            <v>3608</v>
          </cell>
          <cell r="DV138">
            <v>3852</v>
          </cell>
          <cell r="DW138">
            <v>3868</v>
          </cell>
          <cell r="DX138">
            <v>2717</v>
          </cell>
          <cell r="DY138">
            <v>2599</v>
          </cell>
          <cell r="DZ138">
            <v>2191</v>
          </cell>
          <cell r="EA138">
            <v>2547</v>
          </cell>
          <cell r="EZ138">
            <v>16</v>
          </cell>
          <cell r="FA138">
            <v>10</v>
          </cell>
          <cell r="FI138">
            <v>2</v>
          </cell>
          <cell r="FJ138" t="str">
            <v>指名競争入札</v>
          </cell>
          <cell r="FN138">
            <v>4</v>
          </cell>
          <cell r="FO138" t="str">
            <v>電子入札</v>
          </cell>
          <cell r="FS138">
            <v>1</v>
          </cell>
          <cell r="FT138" t="str">
            <v/>
          </cell>
          <cell r="FU138" t="str">
            <v/>
          </cell>
          <cell r="FW138">
            <v>1</v>
          </cell>
          <cell r="FX138">
            <v>1</v>
          </cell>
          <cell r="FY138" t="str">
            <v>了</v>
          </cell>
          <cell r="GB138">
            <v>1</v>
          </cell>
          <cell r="GD138">
            <v>1</v>
          </cell>
          <cell r="GE138" t="str">
            <v>契約・検査課長　松本　嘉博</v>
          </cell>
          <cell r="GF138">
            <v>2547</v>
          </cell>
          <cell r="GG138" t="str">
            <v>キンキ道路(株)</v>
          </cell>
          <cell r="GH138">
            <v>128700000</v>
          </cell>
          <cell r="GI138">
            <v>11700000</v>
          </cell>
          <cell r="GJ138">
            <v>12870000</v>
          </cell>
          <cell r="GL138" t="str">
            <v>一土施</v>
          </cell>
          <cell r="GM138" t="str">
            <v>蒲池　陸治</v>
          </cell>
          <cell r="GN138" t="str">
            <v>一土施</v>
          </cell>
          <cell r="GO138" t="str">
            <v>蒲池　陸治</v>
          </cell>
          <cell r="GT138" t="str">
            <v>要</v>
          </cell>
          <cell r="GU138" t="str">
            <v>済</v>
          </cell>
          <cell r="GV138">
            <v>155000</v>
          </cell>
          <cell r="GW138">
            <v>1.2043512043512044</v>
          </cell>
          <cell r="GX138">
            <v>44274</v>
          </cell>
          <cell r="GY138">
            <v>140824200</v>
          </cell>
          <cell r="GZ138">
            <v>132366300</v>
          </cell>
          <cell r="HA138">
            <v>44286</v>
          </cell>
          <cell r="HN138" t="str">
            <v>〇金額変更理由
・神津大橋に付属する照明設備について、老朽化が進み照明器具の落下等の危険性があることが認められたため、照明設備の撤去をおこなった。
・箱桁内に関西電力が所管する高圧電線があり、資材搬入の支障となったため点検孔の追加設置をおこなった。
・現地精査による精算変更
〇工期変更理由
・上記照明設備撤去について、塗装足場を利用して電気配線等の調査を実施し、足場解体と並行して照明撤去をおこなったため、当初想定していた工程よりも工事に時間を要した。</v>
          </cell>
          <cell r="HO138">
            <v>1</v>
          </cell>
          <cell r="HP138" t="str">
            <v>-</v>
          </cell>
          <cell r="HQ138" t="str">
            <v>-</v>
          </cell>
          <cell r="HR138" t="str">
            <v>-</v>
          </cell>
          <cell r="HS138" t="str">
            <v>-</v>
          </cell>
          <cell r="HT138" t="str">
            <v>-</v>
          </cell>
          <cell r="HU138" t="str">
            <v>-</v>
          </cell>
          <cell r="HV138" t="str">
            <v>-</v>
          </cell>
          <cell r="HW138" t="str">
            <v>-</v>
          </cell>
          <cell r="HX138" t="str">
            <v>-</v>
          </cell>
          <cell r="HY138" t="str">
            <v>-</v>
          </cell>
          <cell r="HZ138" t="str">
            <v>-</v>
          </cell>
          <cell r="IA138" t="str">
            <v>-</v>
          </cell>
          <cell r="IB138" t="str">
            <v>-</v>
          </cell>
          <cell r="IC138" t="str">
            <v>-</v>
          </cell>
          <cell r="ID138" t="str">
            <v>-</v>
          </cell>
          <cell r="IE138">
            <v>117000000</v>
          </cell>
          <cell r="JD138">
            <v>10</v>
          </cell>
          <cell r="JE138">
            <v>10</v>
          </cell>
          <cell r="JF138" t="str">
            <v/>
          </cell>
          <cell r="JG138" t="str">
            <v/>
          </cell>
          <cell r="JH138" t="str">
            <v/>
          </cell>
          <cell r="JI138" t="str">
            <v/>
          </cell>
          <cell r="JJ138" t="str">
            <v/>
          </cell>
          <cell r="JK138" t="str">
            <v/>
          </cell>
          <cell r="JL138" t="str">
            <v/>
          </cell>
          <cell r="JM138" t="str">
            <v/>
          </cell>
          <cell r="JN138" t="str">
            <v/>
          </cell>
          <cell r="JO138" t="str">
            <v/>
          </cell>
          <cell r="JP138" t="str">
            <v/>
          </cell>
          <cell r="JQ138" t="str">
            <v/>
          </cell>
          <cell r="JR138" t="str">
            <v/>
          </cell>
          <cell r="JS138" t="str">
            <v/>
          </cell>
          <cell r="JT138" t="str">
            <v/>
          </cell>
          <cell r="JU138" t="str">
            <v/>
          </cell>
          <cell r="JV138" t="str">
            <v/>
          </cell>
          <cell r="JW138" t="str">
            <v/>
          </cell>
          <cell r="JX138" t="str">
            <v/>
          </cell>
          <cell r="JY138" t="str">
            <v/>
          </cell>
          <cell r="JZ138">
            <v>0.93998553868402013</v>
          </cell>
        </row>
        <row r="139">
          <cell r="C139" t="str">
            <v/>
          </cell>
          <cell r="D139" t="str">
            <v/>
          </cell>
          <cell r="E139" t="str">
            <v/>
          </cell>
          <cell r="I139">
            <v>131</v>
          </cell>
          <cell r="M139" t="str">
            <v>令和２年度武庫川新橋橋梁補修・補強工事</v>
          </cell>
          <cell r="Q139" t="str">
            <v>武新橋梁補修</v>
          </cell>
          <cell r="Y139">
            <v>1</v>
          </cell>
          <cell r="AC139">
            <v>2</v>
          </cell>
          <cell r="AI139" t="str">
            <v>伊丹市西野５丁目地内</v>
          </cell>
          <cell r="AM139" t="str">
            <v>落橋防止装置一式
排水装置工一式
橋脚補修工一式
橋面補修工一式</v>
          </cell>
          <cell r="AQ139">
            <v>2</v>
          </cell>
          <cell r="AY139">
            <v>44061</v>
          </cell>
          <cell r="AZ139">
            <v>44064</v>
          </cell>
          <cell r="BA139">
            <v>204</v>
          </cell>
          <cell r="BB139">
            <v>44267</v>
          </cell>
          <cell r="BC139">
            <v>22</v>
          </cell>
          <cell r="BD139" t="str">
            <v>○</v>
          </cell>
          <cell r="BE139" t="str">
            <v>○</v>
          </cell>
          <cell r="BF139">
            <v>0.42083333333333334</v>
          </cell>
          <cell r="BG139">
            <v>6559</v>
          </cell>
          <cell r="BH139" t="str">
            <v>西  隼一郎</v>
          </cell>
          <cell r="BI139" t="str">
            <v>道路保全課</v>
          </cell>
          <cell r="BJ139">
            <v>4743</v>
          </cell>
          <cell r="BN139" t="str">
            <v>土</v>
          </cell>
          <cell r="BO139">
            <v>11</v>
          </cell>
          <cell r="BS139">
            <v>109695300</v>
          </cell>
          <cell r="BT139">
            <v>99720000</v>
          </cell>
          <cell r="BU139">
            <v>1</v>
          </cell>
          <cell r="BV139">
            <v>88100000</v>
          </cell>
          <cell r="BW139">
            <v>45142000</v>
          </cell>
          <cell r="BX139">
            <v>11873000</v>
          </cell>
          <cell r="BY139">
            <v>28969000</v>
          </cell>
          <cell r="BZ139">
            <v>13739000</v>
          </cell>
          <cell r="CD139">
            <v>44026</v>
          </cell>
          <cell r="CH139">
            <v>68</v>
          </cell>
          <cell r="CI139">
            <v>44028</v>
          </cell>
          <cell r="CJ139" t="str">
            <v>特定</v>
          </cell>
          <cell r="CK139" t="str">
            <v>尼崎市、西宮市、芦屋市、宝塚市、川西市、伊丹市内に本店を有すること。又は伊丹市内に支店</v>
          </cell>
          <cell r="CL139" t="str">
            <v>伊丹市内に本店を有する者においては690点以上、伊丹市内に支店を有する者においては950点以上、その他の者においては1,100点以上</v>
          </cell>
          <cell r="CP139">
            <v>83217</v>
          </cell>
          <cell r="CT139" t="str">
            <v>請負金額が4,900万円以上(伊丹市内に本店を有する者においては1,500万円以上)</v>
          </cell>
          <cell r="CW139">
            <v>44039</v>
          </cell>
          <cell r="CX139" t="str">
            <v/>
          </cell>
          <cell r="CY139" t="str">
            <v/>
          </cell>
          <cell r="CZ139" t="str">
            <v/>
          </cell>
          <cell r="DA139">
            <v>44040</v>
          </cell>
          <cell r="DB139">
            <v>44046</v>
          </cell>
          <cell r="DC139">
            <v>20</v>
          </cell>
          <cell r="DD139" t="str">
            <v>○</v>
          </cell>
          <cell r="DL139">
            <v>59</v>
          </cell>
          <cell r="DM139">
            <v>261</v>
          </cell>
          <cell r="DN139">
            <v>168</v>
          </cell>
          <cell r="DO139">
            <v>16</v>
          </cell>
          <cell r="DP139">
            <v>26</v>
          </cell>
          <cell r="DQ139">
            <v>2398</v>
          </cell>
          <cell r="EZ139">
            <v>6</v>
          </cell>
          <cell r="FA139">
            <v>10</v>
          </cell>
          <cell r="FI139">
            <v>4</v>
          </cell>
          <cell r="FJ139" t="str">
            <v>事後審査型一般競争入札</v>
          </cell>
          <cell r="FN139">
            <v>4</v>
          </cell>
          <cell r="FO139" t="str">
            <v>電子入札</v>
          </cell>
          <cell r="FS139">
            <v>1</v>
          </cell>
          <cell r="FT139" t="str">
            <v/>
          </cell>
          <cell r="FU139" t="str">
            <v/>
          </cell>
          <cell r="FW139">
            <v>1</v>
          </cell>
          <cell r="FX139">
            <v>1</v>
          </cell>
          <cell r="FY139" t="str">
            <v>了</v>
          </cell>
          <cell r="GB139">
            <v>1</v>
          </cell>
          <cell r="GD139">
            <v>1</v>
          </cell>
          <cell r="GE139" t="str">
            <v>契約・検査課長　松本　嘉博</v>
          </cell>
          <cell r="GF139">
            <v>59</v>
          </cell>
          <cell r="GG139" t="str">
            <v>(株)ダイイチコンストラクション</v>
          </cell>
          <cell r="GH139">
            <v>96932000</v>
          </cell>
          <cell r="GI139">
            <v>8812000</v>
          </cell>
          <cell r="GJ139">
            <v>9694000</v>
          </cell>
          <cell r="GL139" t="str">
            <v>１級土木施工管理技士</v>
          </cell>
          <cell r="GM139" t="str">
            <v>浅田　吉紀</v>
          </cell>
          <cell r="GN139" t="str">
            <v>１級土木施工管理技士</v>
          </cell>
          <cell r="GO139" t="str">
            <v>浅田　吉紀</v>
          </cell>
          <cell r="GT139" t="str">
            <v>要</v>
          </cell>
          <cell r="GV139">
            <v>155000</v>
          </cell>
          <cell r="GW139">
            <v>1.599059134238435</v>
          </cell>
          <cell r="GX139">
            <v>44260</v>
          </cell>
          <cell r="GY139">
            <v>127619800</v>
          </cell>
          <cell r="GZ139">
            <v>112770900</v>
          </cell>
          <cell r="HN139" t="str">
            <v>1. 落橋防止装置の鋼製ブラケットについて、既設主桁の鉄筋（レーダー）調査の結果により、削孔位置等が変更となり、構造（形状）変更せざるを得ない事象が往々にして発生しているため、当初設計においては、事前調査の結果をもとに構造決定するという考えのもと、設計していた。
今回、主桁の既設PCケーブルが削孔位置と干渉することが判明し、P9橋脚（起点側）の上部工ブラケットの形状を変更のうえ、ブラケット費用について設計変更を行う。（交付金充当）
2．上述の補足として、本工、横桁増設工及び上部工ブラケットの施工に伴い、主桁（ﾌﾟﾚﾃﾝ・ﾎﾟｽﾃﾝT桁）コンクリートへの削孔作業が必要となるが、橋軸方向の既設PCケーブルが密実に配置されており、またケーブル間のスペースも小さく、非常に精度の高い調査、施工が要求される。そのため、既設ケーブルを損傷させることなく削孔を実施するためにも、X線による調査確認が有効と判断し、これによる調査費用の設計変更を行う。（交付金充当）
3. P8橋脚周辺において、第三者による無用な立入りが多く、また不法投棄物の懸念もあることから、今後の構造物の適切な保護や維持管理を図る観点より、立入防止柵の施工を行う。（単独費充当）
4. その他現地調査の結果、数量等に増減が生じたため、設計変更を行う。</v>
          </cell>
          <cell r="HO139">
            <v>1</v>
          </cell>
          <cell r="HP139">
            <v>88120000</v>
          </cell>
          <cell r="HQ139">
            <v>88130000</v>
          </cell>
          <cell r="HR139">
            <v>88090000</v>
          </cell>
          <cell r="HS139" t="str">
            <v>-</v>
          </cell>
          <cell r="HT139" t="str">
            <v>-</v>
          </cell>
          <cell r="HU139" t="str">
            <v>-</v>
          </cell>
          <cell r="JD139">
            <v>11</v>
          </cell>
          <cell r="JE139">
            <v>11</v>
          </cell>
          <cell r="JF139" t="str">
            <v/>
          </cell>
          <cell r="JG139" t="str">
            <v/>
          </cell>
          <cell r="JH139" t="str">
            <v/>
          </cell>
          <cell r="JI139" t="str">
            <v/>
          </cell>
          <cell r="JJ139" t="str">
            <v/>
          </cell>
          <cell r="JK139" t="str">
            <v/>
          </cell>
          <cell r="JL139" t="str">
            <v/>
          </cell>
          <cell r="JM139" t="str">
            <v/>
          </cell>
          <cell r="JN139" t="str">
            <v/>
          </cell>
          <cell r="JO139" t="str">
            <v/>
          </cell>
          <cell r="JP139" t="str">
            <v/>
          </cell>
          <cell r="JQ139" t="str">
            <v/>
          </cell>
          <cell r="JR139" t="str">
            <v/>
          </cell>
          <cell r="JS139" t="str">
            <v/>
          </cell>
          <cell r="JT139" t="str">
            <v/>
          </cell>
          <cell r="JU139" t="str">
            <v/>
          </cell>
          <cell r="JV139" t="str">
            <v/>
          </cell>
          <cell r="JW139" t="str">
            <v/>
          </cell>
          <cell r="JX139" t="str">
            <v/>
          </cell>
          <cell r="JY139" t="str">
            <v/>
          </cell>
          <cell r="JZ139">
            <v>0.88367428800641801</v>
          </cell>
        </row>
        <row r="140">
          <cell r="C140" t="str">
            <v/>
          </cell>
          <cell r="D140" t="str">
            <v/>
          </cell>
          <cell r="E140" t="str">
            <v/>
          </cell>
          <cell r="I140">
            <v>132</v>
          </cell>
          <cell r="M140" t="str">
            <v>令和２年度手指用消毒液の購入</v>
          </cell>
          <cell r="Q140" t="str">
            <v>手指用消毒液</v>
          </cell>
          <cell r="Y140">
            <v>1</v>
          </cell>
          <cell r="AC140">
            <v>8</v>
          </cell>
          <cell r="AD140">
            <v>1</v>
          </cell>
          <cell r="AI140" t="str">
            <v>伊丹市内学校園２７校（別紙参照）</v>
          </cell>
          <cell r="AQ140">
            <v>1</v>
          </cell>
          <cell r="AY140">
            <v>44048</v>
          </cell>
          <cell r="AZ140">
            <v>44049</v>
          </cell>
          <cell r="BA140">
            <v>117</v>
          </cell>
          <cell r="BB140">
            <v>44165</v>
          </cell>
          <cell r="BC140" t="str">
            <v/>
          </cell>
          <cell r="BD140" t="str">
            <v/>
          </cell>
          <cell r="BE140" t="str">
            <v/>
          </cell>
          <cell r="BF140">
            <v>0.41736111111111113</v>
          </cell>
          <cell r="BG140">
            <v>4656</v>
          </cell>
          <cell r="BH140" t="str">
            <v>鑓水  一仁</v>
          </cell>
          <cell r="BI140" t="str">
            <v>保健体育課</v>
          </cell>
          <cell r="BJ140">
            <v>4066</v>
          </cell>
          <cell r="BN140" t="str">
            <v>物</v>
          </cell>
          <cell r="BO140">
            <v>14</v>
          </cell>
          <cell r="BS140">
            <v>8033520</v>
          </cell>
          <cell r="BT140">
            <v>7300000</v>
          </cell>
          <cell r="BU140">
            <v>1</v>
          </cell>
          <cell r="BV140" t="str">
            <v/>
          </cell>
          <cell r="CD140" t="str">
            <v/>
          </cell>
          <cell r="CH140">
            <v>-61</v>
          </cell>
          <cell r="CI140">
            <v>44029</v>
          </cell>
          <cell r="CP140">
            <v>91581</v>
          </cell>
          <cell r="CW140" t="str">
            <v/>
          </cell>
          <cell r="CX140" t="str">
            <v/>
          </cell>
          <cell r="CY140" t="str">
            <v/>
          </cell>
          <cell r="CZ140" t="str">
            <v/>
          </cell>
          <cell r="DA140">
            <v>44039</v>
          </cell>
          <cell r="DB140">
            <v>44042</v>
          </cell>
          <cell r="DD140" t="str">
            <v/>
          </cell>
          <cell r="DL140">
            <v>10249</v>
          </cell>
          <cell r="DM140">
            <v>11381</v>
          </cell>
          <cell r="DN140">
            <v>11598</v>
          </cell>
          <cell r="DO140">
            <v>10556</v>
          </cell>
          <cell r="DP140">
            <v>10793</v>
          </cell>
          <cell r="DQ140">
            <v>10687</v>
          </cell>
          <cell r="DR140">
            <v>11597</v>
          </cell>
          <cell r="DS140">
            <v>11134</v>
          </cell>
          <cell r="DT140">
            <v>10004</v>
          </cell>
          <cell r="DU140">
            <v>11385</v>
          </cell>
          <cell r="DV140">
            <v>11945</v>
          </cell>
          <cell r="DW140">
            <v>11108</v>
          </cell>
          <cell r="DX140">
            <v>11446</v>
          </cell>
          <cell r="DY140">
            <v>11538</v>
          </cell>
          <cell r="DZ140">
            <v>12688</v>
          </cell>
          <cell r="EA140">
            <v>10639</v>
          </cell>
          <cell r="EB140">
            <v>10744</v>
          </cell>
          <cell r="EZ140">
            <v>17</v>
          </cell>
          <cell r="FA140">
            <v>8</v>
          </cell>
          <cell r="FI140">
            <v>5</v>
          </cell>
          <cell r="FJ140" t="str">
            <v>指名競争入札（簡易認証）</v>
          </cell>
          <cell r="FN140">
            <v>4</v>
          </cell>
          <cell r="FO140" t="str">
            <v>電子入札</v>
          </cell>
          <cell r="FS140">
            <v>3</v>
          </cell>
          <cell r="FT140" t="str">
            <v/>
          </cell>
          <cell r="FU140" t="str">
            <v/>
          </cell>
          <cell r="FW140" t="str">
            <v/>
          </cell>
          <cell r="FY140" t="str">
            <v/>
          </cell>
          <cell r="GD140">
            <v>1</v>
          </cell>
          <cell r="GE140" t="str">
            <v>契約・検査課長　松本　嘉博</v>
          </cell>
          <cell r="GF140" t="str">
            <v>-</v>
          </cell>
          <cell r="GG140" t="str">
            <v>×</v>
          </cell>
          <cell r="GI140" t="str">
            <v/>
          </cell>
          <cell r="GJ140" t="str">
            <v/>
          </cell>
          <cell r="GT140" t="str">
            <v/>
          </cell>
          <cell r="GW140" t="str">
            <v/>
          </cell>
          <cell r="HO140" t="str">
            <v/>
          </cell>
          <cell r="HP140" t="str">
            <v>-</v>
          </cell>
          <cell r="HQ140" t="str">
            <v>-</v>
          </cell>
          <cell r="HR140" t="str">
            <v>-</v>
          </cell>
          <cell r="HS140" t="str">
            <v>-</v>
          </cell>
          <cell r="HT140" t="str">
            <v>-</v>
          </cell>
          <cell r="HU140" t="str">
            <v>-</v>
          </cell>
          <cell r="HV140" t="str">
            <v>-</v>
          </cell>
          <cell r="HW140" t="str">
            <v>-</v>
          </cell>
          <cell r="HX140" t="str">
            <v>-</v>
          </cell>
          <cell r="HY140" t="str">
            <v>-</v>
          </cell>
          <cell r="HZ140" t="str">
            <v>-</v>
          </cell>
          <cell r="IA140" t="str">
            <v>-</v>
          </cell>
          <cell r="IB140" t="str">
            <v>-</v>
          </cell>
          <cell r="IC140" t="str">
            <v>-</v>
          </cell>
          <cell r="ID140" t="str">
            <v>-</v>
          </cell>
          <cell r="IE140" t="str">
            <v>-</v>
          </cell>
          <cell r="IF140" t="str">
            <v>-</v>
          </cell>
          <cell r="JD140" t="str">
            <v/>
          </cell>
          <cell r="JE140" t="str">
            <v/>
          </cell>
          <cell r="JF140" t="str">
            <v/>
          </cell>
          <cell r="JG140" t="str">
            <v/>
          </cell>
          <cell r="JH140" t="str">
            <v/>
          </cell>
          <cell r="JI140" t="str">
            <v/>
          </cell>
          <cell r="JJ140" t="str">
            <v/>
          </cell>
          <cell r="JK140" t="str">
            <v/>
          </cell>
          <cell r="JL140" t="str">
            <v/>
          </cell>
          <cell r="JM140" t="str">
            <v/>
          </cell>
          <cell r="JN140" t="str">
            <v/>
          </cell>
          <cell r="JO140" t="str">
            <v/>
          </cell>
          <cell r="JP140">
            <v>14</v>
          </cell>
          <cell r="JQ140">
            <v>14</v>
          </cell>
          <cell r="JR140" t="str">
            <v/>
          </cell>
          <cell r="JS140" t="str">
            <v/>
          </cell>
          <cell r="JT140" t="str">
            <v/>
          </cell>
          <cell r="JU140" t="str">
            <v/>
          </cell>
          <cell r="JV140" t="str">
            <v/>
          </cell>
          <cell r="JW140" t="str">
            <v/>
          </cell>
          <cell r="JX140" t="str">
            <v/>
          </cell>
          <cell r="JY140" t="str">
            <v/>
          </cell>
          <cell r="JZ140" t="str">
            <v/>
          </cell>
        </row>
        <row r="141">
          <cell r="C141" t="str">
            <v/>
          </cell>
          <cell r="D141" t="str">
            <v/>
          </cell>
          <cell r="E141" t="str">
            <v/>
          </cell>
          <cell r="I141">
            <v>133</v>
          </cell>
          <cell r="M141" t="str">
            <v>令和２年度泡ハンドソープの購入</v>
          </cell>
          <cell r="Q141" t="str">
            <v>泡ﾊﾝﾄﾞｿｰﾌﾟ</v>
          </cell>
          <cell r="Y141">
            <v>1</v>
          </cell>
          <cell r="AC141">
            <v>8</v>
          </cell>
          <cell r="AD141">
            <v>1</v>
          </cell>
          <cell r="AI141" t="str">
            <v>伊丹市内学校園２７校（別紙参照）</v>
          </cell>
          <cell r="AQ141">
            <v>1</v>
          </cell>
          <cell r="AY141">
            <v>44048</v>
          </cell>
          <cell r="AZ141">
            <v>44049</v>
          </cell>
          <cell r="BA141">
            <v>238</v>
          </cell>
          <cell r="BB141">
            <v>44286</v>
          </cell>
          <cell r="BC141" t="str">
            <v/>
          </cell>
          <cell r="BD141" t="str">
            <v/>
          </cell>
          <cell r="BE141" t="str">
            <v/>
          </cell>
          <cell r="BF141">
            <v>0.41805555555555557</v>
          </cell>
          <cell r="BG141">
            <v>4656</v>
          </cell>
          <cell r="BH141" t="str">
            <v>鑓水  一仁</v>
          </cell>
          <cell r="BI141" t="str">
            <v>保健体育課</v>
          </cell>
          <cell r="BJ141">
            <v>4066</v>
          </cell>
          <cell r="BN141" t="str">
            <v>物</v>
          </cell>
          <cell r="BO141">
            <v>15</v>
          </cell>
          <cell r="BS141">
            <v>2356200</v>
          </cell>
          <cell r="BT141">
            <v>2140000</v>
          </cell>
          <cell r="BU141">
            <v>1</v>
          </cell>
          <cell r="BV141" t="str">
            <v/>
          </cell>
          <cell r="CD141" t="str">
            <v/>
          </cell>
          <cell r="CH141">
            <v>-62</v>
          </cell>
          <cell r="CI141">
            <v>44029</v>
          </cell>
          <cell r="CP141">
            <v>45358</v>
          </cell>
          <cell r="CW141" t="str">
            <v/>
          </cell>
          <cell r="CX141" t="str">
            <v/>
          </cell>
          <cell r="CY141" t="str">
            <v/>
          </cell>
          <cell r="CZ141" t="str">
            <v/>
          </cell>
          <cell r="DA141">
            <v>44039</v>
          </cell>
          <cell r="DB141">
            <v>44042</v>
          </cell>
          <cell r="DD141" t="str">
            <v/>
          </cell>
          <cell r="DL141">
            <v>10249</v>
          </cell>
          <cell r="DM141">
            <v>11381</v>
          </cell>
          <cell r="DN141">
            <v>11598</v>
          </cell>
          <cell r="DO141">
            <v>10556</v>
          </cell>
          <cell r="DP141">
            <v>10793</v>
          </cell>
          <cell r="DQ141">
            <v>10687</v>
          </cell>
          <cell r="DR141">
            <v>11597</v>
          </cell>
          <cell r="DS141">
            <v>11134</v>
          </cell>
          <cell r="DT141">
            <v>10004</v>
          </cell>
          <cell r="DU141">
            <v>11385</v>
          </cell>
          <cell r="DV141">
            <v>11945</v>
          </cell>
          <cell r="DW141">
            <v>11108</v>
          </cell>
          <cell r="DX141">
            <v>11446</v>
          </cell>
          <cell r="DY141">
            <v>11538</v>
          </cell>
          <cell r="DZ141">
            <v>12688</v>
          </cell>
          <cell r="EA141">
            <v>10639</v>
          </cell>
          <cell r="EB141">
            <v>10744</v>
          </cell>
          <cell r="EZ141">
            <v>17</v>
          </cell>
          <cell r="FA141">
            <v>6</v>
          </cell>
          <cell r="FI141">
            <v>5</v>
          </cell>
          <cell r="FJ141" t="str">
            <v>指名競争入札（簡易認証）</v>
          </cell>
          <cell r="FN141">
            <v>4</v>
          </cell>
          <cell r="FO141" t="str">
            <v>電子入札</v>
          </cell>
          <cell r="FS141">
            <v>3</v>
          </cell>
          <cell r="FT141" t="str">
            <v/>
          </cell>
          <cell r="FU141" t="str">
            <v/>
          </cell>
          <cell r="FW141" t="str">
            <v/>
          </cell>
          <cell r="FY141" t="str">
            <v/>
          </cell>
          <cell r="GD141">
            <v>1</v>
          </cell>
          <cell r="GE141" t="str">
            <v>契約・検査課長　松本　嘉博</v>
          </cell>
          <cell r="GF141" t="str">
            <v>-</v>
          </cell>
          <cell r="GG141" t="str">
            <v>×</v>
          </cell>
          <cell r="GI141" t="str">
            <v/>
          </cell>
          <cell r="GJ141" t="str">
            <v/>
          </cell>
          <cell r="GT141" t="str">
            <v/>
          </cell>
          <cell r="GW141" t="str">
            <v/>
          </cell>
          <cell r="HO141" t="str">
            <v/>
          </cell>
          <cell r="HP141" t="str">
            <v>-</v>
          </cell>
          <cell r="HQ141" t="str">
            <v>-</v>
          </cell>
          <cell r="HR141" t="str">
            <v>-</v>
          </cell>
          <cell r="HS141" t="str">
            <v>-</v>
          </cell>
          <cell r="HT141" t="str">
            <v>-</v>
          </cell>
          <cell r="HU141" t="str">
            <v>-</v>
          </cell>
          <cell r="HV141" t="str">
            <v>-</v>
          </cell>
          <cell r="HW141" t="str">
            <v>-</v>
          </cell>
          <cell r="HX141" t="str">
            <v>-</v>
          </cell>
          <cell r="HY141" t="str">
            <v>-</v>
          </cell>
          <cell r="HZ141" t="str">
            <v>-</v>
          </cell>
          <cell r="IA141" t="str">
            <v>-</v>
          </cell>
          <cell r="IB141" t="str">
            <v>-</v>
          </cell>
          <cell r="IC141" t="str">
            <v>-</v>
          </cell>
          <cell r="ID141" t="str">
            <v>-</v>
          </cell>
          <cell r="IE141" t="str">
            <v>-</v>
          </cell>
          <cell r="IF141" t="str">
            <v>-</v>
          </cell>
          <cell r="JD141" t="str">
            <v/>
          </cell>
          <cell r="JE141" t="str">
            <v/>
          </cell>
          <cell r="JF141" t="str">
            <v/>
          </cell>
          <cell r="JG141" t="str">
            <v/>
          </cell>
          <cell r="JH141" t="str">
            <v/>
          </cell>
          <cell r="JI141" t="str">
            <v/>
          </cell>
          <cell r="JJ141" t="str">
            <v/>
          </cell>
          <cell r="JK141" t="str">
            <v/>
          </cell>
          <cell r="JL141" t="str">
            <v/>
          </cell>
          <cell r="JM141" t="str">
            <v/>
          </cell>
          <cell r="JN141" t="str">
            <v/>
          </cell>
          <cell r="JO141" t="str">
            <v/>
          </cell>
          <cell r="JP141">
            <v>15</v>
          </cell>
          <cell r="JQ141">
            <v>15</v>
          </cell>
          <cell r="JR141" t="str">
            <v/>
          </cell>
          <cell r="JS141" t="str">
            <v/>
          </cell>
          <cell r="JT141" t="str">
            <v/>
          </cell>
          <cell r="JU141" t="str">
            <v/>
          </cell>
          <cell r="JV141" t="str">
            <v/>
          </cell>
          <cell r="JW141" t="str">
            <v/>
          </cell>
          <cell r="JX141" t="str">
            <v/>
          </cell>
          <cell r="JY141" t="str">
            <v/>
          </cell>
          <cell r="JZ141" t="str">
            <v/>
          </cell>
        </row>
        <row r="142">
          <cell r="C142" t="str">
            <v/>
          </cell>
          <cell r="D142" t="str">
            <v/>
          </cell>
          <cell r="E142" t="str">
            <v/>
          </cell>
          <cell r="I142">
            <v>134</v>
          </cell>
          <cell r="M142" t="str">
            <v>令和２年度消毒用エタノールの購入</v>
          </cell>
          <cell r="Q142" t="str">
            <v>消毒用ｴﾀﾉｰﾙ</v>
          </cell>
          <cell r="Y142">
            <v>1</v>
          </cell>
          <cell r="AC142">
            <v>8</v>
          </cell>
          <cell r="AD142">
            <v>1</v>
          </cell>
          <cell r="AI142" t="str">
            <v>伊丹市内学校園２７校（別紙参照）</v>
          </cell>
          <cell r="AQ142">
            <v>1</v>
          </cell>
          <cell r="AY142">
            <v>44048</v>
          </cell>
          <cell r="AZ142">
            <v>44049</v>
          </cell>
          <cell r="BA142">
            <v>117</v>
          </cell>
          <cell r="BB142">
            <v>44165</v>
          </cell>
          <cell r="BC142" t="str">
            <v/>
          </cell>
          <cell r="BD142" t="str">
            <v/>
          </cell>
          <cell r="BE142" t="str">
            <v/>
          </cell>
          <cell r="BF142">
            <v>0.41875000000000001</v>
          </cell>
          <cell r="BG142">
            <v>4656</v>
          </cell>
          <cell r="BH142" t="str">
            <v>鑓水  一仁</v>
          </cell>
          <cell r="BI142" t="str">
            <v>保健体育課</v>
          </cell>
          <cell r="BJ142">
            <v>4066</v>
          </cell>
          <cell r="BN142" t="str">
            <v>物</v>
          </cell>
          <cell r="BO142">
            <v>16</v>
          </cell>
          <cell r="BS142">
            <v>4725600</v>
          </cell>
          <cell r="BT142">
            <v>4290000</v>
          </cell>
          <cell r="BU142">
            <v>1</v>
          </cell>
          <cell r="BV142" t="str">
            <v/>
          </cell>
          <cell r="CD142" t="str">
            <v/>
          </cell>
          <cell r="CH142">
            <v>-63</v>
          </cell>
          <cell r="CI142">
            <v>44029</v>
          </cell>
          <cell r="CP142">
            <v>63200</v>
          </cell>
          <cell r="CW142" t="str">
            <v/>
          </cell>
          <cell r="CX142" t="str">
            <v/>
          </cell>
          <cell r="CY142" t="str">
            <v/>
          </cell>
          <cell r="CZ142" t="str">
            <v/>
          </cell>
          <cell r="DA142">
            <v>44039</v>
          </cell>
          <cell r="DB142">
            <v>44042</v>
          </cell>
          <cell r="DD142" t="str">
            <v/>
          </cell>
          <cell r="DL142">
            <v>10329</v>
          </cell>
          <cell r="DM142">
            <v>10532</v>
          </cell>
          <cell r="DN142">
            <v>10179</v>
          </cell>
          <cell r="DO142">
            <v>11518</v>
          </cell>
          <cell r="DP142">
            <v>10691</v>
          </cell>
          <cell r="DQ142">
            <v>12877</v>
          </cell>
          <cell r="DR142">
            <v>12412</v>
          </cell>
          <cell r="DS142">
            <v>12747</v>
          </cell>
          <cell r="DT142">
            <v>10004</v>
          </cell>
          <cell r="DU142">
            <v>10249</v>
          </cell>
          <cell r="DV142">
            <v>11381</v>
          </cell>
          <cell r="EZ142">
            <v>11</v>
          </cell>
          <cell r="FA142">
            <v>6</v>
          </cell>
          <cell r="FI142">
            <v>5</v>
          </cell>
          <cell r="FJ142" t="str">
            <v>指名競争入札（簡易認証）</v>
          </cell>
          <cell r="FN142">
            <v>4</v>
          </cell>
          <cell r="FO142" t="str">
            <v>電子入札</v>
          </cell>
          <cell r="FS142">
            <v>3</v>
          </cell>
          <cell r="FT142" t="str">
            <v/>
          </cell>
          <cell r="FU142" t="str">
            <v/>
          </cell>
          <cell r="FW142" t="str">
            <v/>
          </cell>
          <cell r="FY142" t="str">
            <v/>
          </cell>
          <cell r="GC142">
            <v>1</v>
          </cell>
          <cell r="GD142">
            <v>1</v>
          </cell>
          <cell r="GE142" t="str">
            <v>契約・検査課長　松本　嘉博</v>
          </cell>
          <cell r="GF142">
            <v>11381</v>
          </cell>
          <cell r="GG142" t="str">
            <v>(株)ナミサキ</v>
          </cell>
          <cell r="GH142">
            <v>3748976</v>
          </cell>
          <cell r="GI142">
            <v>340816</v>
          </cell>
          <cell r="GJ142">
            <v>375000</v>
          </cell>
          <cell r="GT142" t="str">
            <v/>
          </cell>
          <cell r="GW142" t="str">
            <v/>
          </cell>
          <cell r="HO142" t="str">
            <v/>
          </cell>
          <cell r="HP142" t="str">
            <v>-</v>
          </cell>
          <cell r="HQ142" t="str">
            <v>-</v>
          </cell>
          <cell r="HR142" t="str">
            <v>-</v>
          </cell>
          <cell r="HS142" t="str">
            <v>-</v>
          </cell>
          <cell r="HT142" t="str">
            <v>-</v>
          </cell>
          <cell r="HU142" t="str">
            <v>-</v>
          </cell>
          <cell r="HV142" t="str">
            <v>-</v>
          </cell>
          <cell r="HW142" t="str">
            <v>-</v>
          </cell>
          <cell r="HX142" t="str">
            <v>-</v>
          </cell>
          <cell r="HY142">
            <v>4940400</v>
          </cell>
          <cell r="HZ142">
            <v>3408160</v>
          </cell>
          <cell r="JD142" t="str">
            <v/>
          </cell>
          <cell r="JE142" t="str">
            <v/>
          </cell>
          <cell r="JF142" t="str">
            <v/>
          </cell>
          <cell r="JG142" t="str">
            <v/>
          </cell>
          <cell r="JH142" t="str">
            <v/>
          </cell>
          <cell r="JI142" t="str">
            <v/>
          </cell>
          <cell r="JJ142" t="str">
            <v/>
          </cell>
          <cell r="JK142" t="str">
            <v/>
          </cell>
          <cell r="JL142" t="str">
            <v/>
          </cell>
          <cell r="JM142" t="str">
            <v/>
          </cell>
          <cell r="JN142" t="str">
            <v/>
          </cell>
          <cell r="JO142" t="str">
            <v/>
          </cell>
          <cell r="JP142">
            <v>16</v>
          </cell>
          <cell r="JQ142">
            <v>16</v>
          </cell>
          <cell r="JR142" t="str">
            <v/>
          </cell>
          <cell r="JS142" t="str">
            <v/>
          </cell>
          <cell r="JT142" t="str">
            <v/>
          </cell>
          <cell r="JU142" t="str">
            <v/>
          </cell>
          <cell r="JV142" t="str">
            <v/>
          </cell>
          <cell r="JW142" t="str">
            <v/>
          </cell>
          <cell r="JX142" t="str">
            <v/>
          </cell>
          <cell r="JY142" t="str">
            <v/>
          </cell>
          <cell r="JZ142">
            <v>0.79444289044289029</v>
          </cell>
        </row>
        <row r="143">
          <cell r="C143" t="str">
            <v/>
          </cell>
          <cell r="D143" t="str">
            <v/>
          </cell>
          <cell r="E143" t="str">
            <v/>
          </cell>
          <cell r="I143">
            <v>135</v>
          </cell>
          <cell r="K143">
            <v>1</v>
          </cell>
          <cell r="M143" t="str">
            <v>令和２年度新型コロナウイルス感染拡大防止に係る物品の購入</v>
          </cell>
          <cell r="AQ143">
            <v>1</v>
          </cell>
          <cell r="AY143" t="str">
            <v/>
          </cell>
          <cell r="AZ143" t="str">
            <v/>
          </cell>
          <cell r="BA143" t="str">
            <v/>
          </cell>
          <cell r="BC143" t="str">
            <v/>
          </cell>
          <cell r="BD143" t="str">
            <v/>
          </cell>
          <cell r="BE143" t="str">
            <v/>
          </cell>
          <cell r="BH143" t="str">
            <v/>
          </cell>
          <cell r="BI143" t="str">
            <v/>
          </cell>
          <cell r="BJ143" t="str">
            <v/>
          </cell>
          <cell r="BN143" t="str">
            <v>物</v>
          </cell>
          <cell r="BT143" t="str">
            <v/>
          </cell>
          <cell r="BU143">
            <v>1</v>
          </cell>
          <cell r="BV143" t="str">
            <v/>
          </cell>
          <cell r="CD143" t="str">
            <v/>
          </cell>
          <cell r="CP143">
            <v>94520</v>
          </cell>
          <cell r="CW143" t="str">
            <v/>
          </cell>
          <cell r="CX143" t="str">
            <v/>
          </cell>
          <cell r="CY143" t="str">
            <v/>
          </cell>
          <cell r="CZ143" t="str">
            <v/>
          </cell>
          <cell r="DA143" t="str">
            <v/>
          </cell>
          <cell r="DB143" t="str">
            <v/>
          </cell>
          <cell r="DD143" t="str">
            <v/>
          </cell>
          <cell r="EZ143" t="str">
            <v/>
          </cell>
          <cell r="FA143" t="str">
            <v/>
          </cell>
          <cell r="FI143">
            <v>5</v>
          </cell>
          <cell r="FJ143" t="str">
            <v>指名競争入札（簡易認証）</v>
          </cell>
          <cell r="FN143" t="str">
            <v/>
          </cell>
          <cell r="FO143" t="str">
            <v/>
          </cell>
          <cell r="FS143">
            <v>3</v>
          </cell>
          <cell r="FT143" t="str">
            <v/>
          </cell>
          <cell r="FU143" t="str">
            <v/>
          </cell>
          <cell r="FW143" t="str">
            <v/>
          </cell>
          <cell r="FY143" t="str">
            <v/>
          </cell>
          <cell r="GD143">
            <v>1</v>
          </cell>
          <cell r="GE143" t="str">
            <v>契約・検査課長　松本　嘉博</v>
          </cell>
          <cell r="GG143" t="str">
            <v/>
          </cell>
          <cell r="GI143" t="str">
            <v/>
          </cell>
          <cell r="GJ143" t="str">
            <v/>
          </cell>
          <cell r="GT143" t="str">
            <v/>
          </cell>
          <cell r="GW143" t="str">
            <v/>
          </cell>
          <cell r="HO143" t="str">
            <v/>
          </cell>
          <cell r="JD143" t="str">
            <v/>
          </cell>
          <cell r="JE143" t="str">
            <v/>
          </cell>
          <cell r="JF143" t="str">
            <v/>
          </cell>
          <cell r="JG143" t="str">
            <v/>
          </cell>
          <cell r="JH143" t="str">
            <v/>
          </cell>
          <cell r="JI143" t="str">
            <v/>
          </cell>
          <cell r="JJ143" t="str">
            <v/>
          </cell>
          <cell r="JK143" t="str">
            <v/>
          </cell>
          <cell r="JL143" t="str">
            <v/>
          </cell>
          <cell r="JM143" t="str">
            <v/>
          </cell>
          <cell r="JN143" t="str">
            <v/>
          </cell>
          <cell r="JO143" t="str">
            <v/>
          </cell>
          <cell r="JP143" t="str">
            <v/>
          </cell>
          <cell r="JQ143" t="str">
            <v/>
          </cell>
          <cell r="JR143" t="str">
            <v/>
          </cell>
          <cell r="JS143" t="str">
            <v/>
          </cell>
          <cell r="JT143" t="str">
            <v/>
          </cell>
          <cell r="JU143" t="str">
            <v/>
          </cell>
          <cell r="JV143" t="str">
            <v/>
          </cell>
          <cell r="JW143" t="str">
            <v/>
          </cell>
          <cell r="JX143" t="str">
            <v/>
          </cell>
          <cell r="JY143" t="str">
            <v/>
          </cell>
          <cell r="JZ143" t="str">
            <v/>
          </cell>
        </row>
        <row r="144">
          <cell r="C144" t="str">
            <v/>
          </cell>
          <cell r="D144" t="str">
            <v/>
          </cell>
          <cell r="E144" t="str">
            <v/>
          </cell>
          <cell r="I144">
            <v>136</v>
          </cell>
          <cell r="M144" t="str">
            <v>令和２年度伊丹市生活保護システムリース</v>
          </cell>
          <cell r="Q144" t="str">
            <v>生保ｼｽﾃﾑﾘｰｽ</v>
          </cell>
          <cell r="Y144">
            <v>1</v>
          </cell>
          <cell r="AC144">
            <v>8</v>
          </cell>
          <cell r="AD144">
            <v>6</v>
          </cell>
          <cell r="AI144" t="str">
            <v>伊丹市千僧１丁目１番地</v>
          </cell>
          <cell r="AQ144">
            <v>7</v>
          </cell>
          <cell r="AU144">
            <v>60</v>
          </cell>
          <cell r="AY144">
            <v>44061</v>
          </cell>
          <cell r="AZ144">
            <v>44062</v>
          </cell>
          <cell r="BA144">
            <v>1900</v>
          </cell>
          <cell r="BB144">
            <v>45961</v>
          </cell>
          <cell r="BC144" t="str">
            <v/>
          </cell>
          <cell r="BD144" t="str">
            <v/>
          </cell>
          <cell r="BE144" t="str">
            <v/>
          </cell>
          <cell r="BF144">
            <v>0.4201388888888889</v>
          </cell>
          <cell r="BH144" t="str">
            <v>大村　勇</v>
          </cell>
          <cell r="BI144" t="str">
            <v>支援管理課</v>
          </cell>
          <cell r="BJ144" t="str">
            <v/>
          </cell>
          <cell r="BN144" t="str">
            <v>リ</v>
          </cell>
          <cell r="BO144">
            <v>7</v>
          </cell>
          <cell r="BS144">
            <v>30825392</v>
          </cell>
          <cell r="BT144">
            <v>467000</v>
          </cell>
          <cell r="BU144">
            <v>1</v>
          </cell>
          <cell r="BV144" t="str">
            <v/>
          </cell>
          <cell r="CH144">
            <v>-64</v>
          </cell>
          <cell r="CI144">
            <v>44039</v>
          </cell>
          <cell r="CP144">
            <v>41351</v>
          </cell>
          <cell r="CW144" t="str">
            <v/>
          </cell>
          <cell r="CX144" t="str">
            <v/>
          </cell>
          <cell r="CY144" t="str">
            <v/>
          </cell>
          <cell r="CZ144" t="str">
            <v/>
          </cell>
          <cell r="DA144">
            <v>44046</v>
          </cell>
          <cell r="DB144">
            <v>44049</v>
          </cell>
          <cell r="DD144" t="str">
            <v/>
          </cell>
          <cell r="DL144">
            <v>10006</v>
          </cell>
          <cell r="DM144">
            <v>10064</v>
          </cell>
          <cell r="DN144">
            <v>10115</v>
          </cell>
          <cell r="DO144">
            <v>10126</v>
          </cell>
          <cell r="DP144">
            <v>10153</v>
          </cell>
          <cell r="DQ144">
            <v>10287</v>
          </cell>
          <cell r="DR144">
            <v>11587</v>
          </cell>
          <cell r="DS144">
            <v>10200</v>
          </cell>
          <cell r="DT144">
            <v>10529</v>
          </cell>
          <cell r="DU144">
            <v>10689</v>
          </cell>
          <cell r="DV144">
            <v>12344</v>
          </cell>
          <cell r="DW144">
            <v>10070</v>
          </cell>
          <cell r="DX144">
            <v>10509</v>
          </cell>
          <cell r="DY144">
            <v>10437</v>
          </cell>
          <cell r="EZ144">
            <v>14</v>
          </cell>
          <cell r="FA144">
            <v>8</v>
          </cell>
          <cell r="FI144">
            <v>5</v>
          </cell>
          <cell r="FJ144" t="str">
            <v>指名競争入札（簡易認証）</v>
          </cell>
          <cell r="FN144">
            <v>4</v>
          </cell>
          <cell r="FO144" t="str">
            <v>電子入札</v>
          </cell>
          <cell r="FS144">
            <v>4</v>
          </cell>
          <cell r="FT144" t="str">
            <v/>
          </cell>
          <cell r="FU144" t="str">
            <v/>
          </cell>
          <cell r="FW144" t="str">
            <v/>
          </cell>
          <cell r="FY144" t="str">
            <v/>
          </cell>
          <cell r="GD144">
            <v>1</v>
          </cell>
          <cell r="GE144" t="str">
            <v>契約・検査課長　松本　嘉博</v>
          </cell>
          <cell r="GF144">
            <v>10153</v>
          </cell>
          <cell r="GG144" t="str">
            <v>日立キャピタル(株)</v>
          </cell>
          <cell r="GH144">
            <v>28908000</v>
          </cell>
          <cell r="GI144">
            <v>2628000</v>
          </cell>
          <cell r="GJ144" t="str">
            <v/>
          </cell>
          <cell r="GT144" t="str">
            <v>要</v>
          </cell>
          <cell r="GW144" t="str">
            <v/>
          </cell>
          <cell r="HO144" t="str">
            <v/>
          </cell>
          <cell r="HP144" t="str">
            <v>-</v>
          </cell>
          <cell r="HQ144" t="str">
            <v>-</v>
          </cell>
          <cell r="HR144" t="str">
            <v>-</v>
          </cell>
          <cell r="HS144" t="str">
            <v>-</v>
          </cell>
          <cell r="HT144">
            <v>438000</v>
          </cell>
          <cell r="HU144">
            <v>454100</v>
          </cell>
          <cell r="HV144" t="str">
            <v>-</v>
          </cell>
          <cell r="HW144">
            <v>449900</v>
          </cell>
          <cell r="HX144" t="str">
            <v>-</v>
          </cell>
          <cell r="HY144" t="str">
            <v>-</v>
          </cell>
          <cell r="HZ144" t="str">
            <v>-</v>
          </cell>
          <cell r="IA144" t="str">
            <v>-</v>
          </cell>
          <cell r="IB144" t="str">
            <v>-</v>
          </cell>
          <cell r="IC144" t="str">
            <v>-</v>
          </cell>
          <cell r="JD144" t="str">
            <v/>
          </cell>
          <cell r="JE144" t="str">
            <v/>
          </cell>
          <cell r="JF144" t="str">
            <v/>
          </cell>
          <cell r="JG144" t="str">
            <v/>
          </cell>
          <cell r="JH144" t="str">
            <v/>
          </cell>
          <cell r="JI144" t="str">
            <v/>
          </cell>
          <cell r="JJ144" t="str">
            <v/>
          </cell>
          <cell r="JK144" t="str">
            <v/>
          </cell>
          <cell r="JL144" t="str">
            <v/>
          </cell>
          <cell r="JM144" t="str">
            <v/>
          </cell>
          <cell r="JN144" t="str">
            <v/>
          </cell>
          <cell r="JO144" t="str">
            <v/>
          </cell>
          <cell r="JP144" t="str">
            <v/>
          </cell>
          <cell r="JQ144" t="str">
            <v/>
          </cell>
          <cell r="JR144" t="str">
            <v/>
          </cell>
          <cell r="JS144" t="str">
            <v/>
          </cell>
          <cell r="JT144" t="str">
            <v/>
          </cell>
          <cell r="JU144" t="str">
            <v/>
          </cell>
          <cell r="JV144" t="str">
            <v/>
          </cell>
          <cell r="JW144" t="str">
            <v/>
          </cell>
          <cell r="JX144" t="str">
            <v/>
          </cell>
          <cell r="JY144" t="str">
            <v/>
          </cell>
          <cell r="JZ144">
            <v>0.95527004496788004</v>
          </cell>
        </row>
        <row r="145">
          <cell r="C145" t="str">
            <v/>
          </cell>
          <cell r="D145" t="str">
            <v/>
          </cell>
          <cell r="E145" t="str">
            <v/>
          </cell>
          <cell r="I145">
            <v>137</v>
          </cell>
          <cell r="M145" t="str">
            <v>令和２年度忠魂碑クスノキ・エノキ枝払い等委託業務</v>
          </cell>
          <cell r="Q145" t="str">
            <v>忠魂碑枝払い</v>
          </cell>
          <cell r="Y145">
            <v>1</v>
          </cell>
          <cell r="AC145">
            <v>8</v>
          </cell>
          <cell r="AD145">
            <v>8</v>
          </cell>
          <cell r="AI145" t="str">
            <v>伊丹市伊丹１丁目５７７－７</v>
          </cell>
          <cell r="AQ145">
            <v>1</v>
          </cell>
          <cell r="AY145">
            <v>44041</v>
          </cell>
          <cell r="AZ145">
            <v>44042</v>
          </cell>
          <cell r="BA145">
            <v>245</v>
          </cell>
          <cell r="BB145">
            <v>44286</v>
          </cell>
          <cell r="BC145" t="str">
            <v/>
          </cell>
          <cell r="BD145" t="str">
            <v/>
          </cell>
          <cell r="BE145" t="str">
            <v/>
          </cell>
          <cell r="BF145">
            <v>0.42083333333333334</v>
          </cell>
          <cell r="BG145">
            <v>5124</v>
          </cell>
          <cell r="BH145" t="str">
            <v>飯塚  勝久</v>
          </cell>
          <cell r="BI145" t="str">
            <v>地域・高年福祉課</v>
          </cell>
          <cell r="BJ145">
            <v>4152</v>
          </cell>
          <cell r="BN145" t="str">
            <v>他</v>
          </cell>
          <cell r="BO145">
            <v>48</v>
          </cell>
          <cell r="BS145">
            <v>2010800</v>
          </cell>
          <cell r="BT145">
            <v>1820000</v>
          </cell>
          <cell r="BU145" t="str">
            <v/>
          </cell>
          <cell r="BV145" t="str">
            <v/>
          </cell>
          <cell r="CD145" t="str">
            <v/>
          </cell>
          <cell r="CH145">
            <v>-65</v>
          </cell>
          <cell r="CI145">
            <v>44025</v>
          </cell>
          <cell r="CP145">
            <v>93681</v>
          </cell>
          <cell r="CW145" t="str">
            <v/>
          </cell>
          <cell r="CX145" t="str">
            <v/>
          </cell>
          <cell r="CY145" t="str">
            <v/>
          </cell>
          <cell r="CZ145" t="str">
            <v/>
          </cell>
          <cell r="DA145">
            <v>44032</v>
          </cell>
          <cell r="DB145">
            <v>44034</v>
          </cell>
          <cell r="DD145" t="str">
            <v/>
          </cell>
          <cell r="DL145">
            <v>366</v>
          </cell>
          <cell r="DM145">
            <v>387</v>
          </cell>
          <cell r="DN145">
            <v>459</v>
          </cell>
          <cell r="DO145">
            <v>38</v>
          </cell>
          <cell r="DP145">
            <v>356</v>
          </cell>
          <cell r="DQ145">
            <v>287</v>
          </cell>
          <cell r="DR145">
            <v>554</v>
          </cell>
          <cell r="DS145">
            <v>91</v>
          </cell>
          <cell r="DT145">
            <v>228</v>
          </cell>
          <cell r="EZ145">
            <v>9</v>
          </cell>
          <cell r="FA145">
            <v>6</v>
          </cell>
          <cell r="FI145">
            <v>2</v>
          </cell>
          <cell r="FJ145" t="str">
            <v>指名競争入札</v>
          </cell>
          <cell r="FN145">
            <v>4</v>
          </cell>
          <cell r="FO145" t="str">
            <v>電子入札</v>
          </cell>
          <cell r="FS145">
            <v>2</v>
          </cell>
          <cell r="FT145" t="str">
            <v/>
          </cell>
          <cell r="FU145" t="str">
            <v/>
          </cell>
          <cell r="FW145" t="str">
            <v/>
          </cell>
          <cell r="FY145" t="str">
            <v/>
          </cell>
          <cell r="GD145">
            <v>1</v>
          </cell>
          <cell r="GE145" t="str">
            <v>契約・検査課長　松本　嘉博</v>
          </cell>
          <cell r="GF145">
            <v>554</v>
          </cell>
          <cell r="GG145" t="str">
            <v>(株)勝中</v>
          </cell>
          <cell r="GH145">
            <v>1749000</v>
          </cell>
          <cell r="GI145">
            <v>159000</v>
          </cell>
          <cell r="GJ145" t="str">
            <v/>
          </cell>
          <cell r="GL145" t="str">
            <v>２級造園施工管理技士,兵庫県農薬管理指導士</v>
          </cell>
          <cell r="GM145" t="str">
            <v>伊藤　勝三</v>
          </cell>
          <cell r="GN145" t="str">
            <v>２級造園施工管理技士,兵庫県農薬管理指導士</v>
          </cell>
          <cell r="GO145" t="str">
            <v>伊藤　勝三</v>
          </cell>
          <cell r="GT145" t="str">
            <v/>
          </cell>
          <cell r="GW145" t="str">
            <v/>
          </cell>
          <cell r="HO145" t="str">
            <v/>
          </cell>
          <cell r="HP145">
            <v>1780000</v>
          </cell>
          <cell r="HQ145" t="str">
            <v>-</v>
          </cell>
          <cell r="HR145">
            <v>1800000</v>
          </cell>
          <cell r="HS145">
            <v>1800000</v>
          </cell>
          <cell r="HT145">
            <v>1800000</v>
          </cell>
          <cell r="HU145" t="str">
            <v>-</v>
          </cell>
          <cell r="HV145">
            <v>1590000</v>
          </cell>
          <cell r="HW145">
            <v>1800000</v>
          </cell>
          <cell r="HX145">
            <v>1810000</v>
          </cell>
          <cell r="JD145" t="str">
            <v/>
          </cell>
          <cell r="JE145" t="str">
            <v/>
          </cell>
          <cell r="JF145" t="str">
            <v/>
          </cell>
          <cell r="JG145" t="str">
            <v/>
          </cell>
          <cell r="JH145" t="str">
            <v/>
          </cell>
          <cell r="JI145" t="str">
            <v/>
          </cell>
          <cell r="JJ145" t="str">
            <v/>
          </cell>
          <cell r="JK145" t="str">
            <v/>
          </cell>
          <cell r="JL145" t="str">
            <v/>
          </cell>
          <cell r="JM145" t="str">
            <v/>
          </cell>
          <cell r="JN145" t="str">
            <v/>
          </cell>
          <cell r="JO145" t="str">
            <v/>
          </cell>
          <cell r="JP145" t="str">
            <v/>
          </cell>
          <cell r="JQ145" t="str">
            <v/>
          </cell>
          <cell r="JR145" t="str">
            <v/>
          </cell>
          <cell r="JS145" t="str">
            <v/>
          </cell>
          <cell r="JT145" t="str">
            <v/>
          </cell>
          <cell r="JU145" t="str">
            <v/>
          </cell>
          <cell r="JV145" t="str">
            <v/>
          </cell>
          <cell r="JW145" t="str">
            <v/>
          </cell>
          <cell r="JX145">
            <v>48</v>
          </cell>
          <cell r="JY145">
            <v>45</v>
          </cell>
          <cell r="JZ145">
            <v>0.87362637362637352</v>
          </cell>
        </row>
        <row r="146">
          <cell r="C146" t="str">
            <v/>
          </cell>
          <cell r="D146" t="str">
            <v/>
          </cell>
          <cell r="E146" t="str">
            <v/>
          </cell>
          <cell r="I146">
            <v>138</v>
          </cell>
          <cell r="M146" t="str">
            <v>令和２年度伊丹市航空写真撮影業務</v>
          </cell>
          <cell r="Q146" t="str">
            <v>航空写真撮影</v>
          </cell>
          <cell r="Y146">
            <v>1</v>
          </cell>
          <cell r="AC146">
            <v>8</v>
          </cell>
          <cell r="AD146">
            <v>8</v>
          </cell>
          <cell r="AI146" t="str">
            <v>伊丹市内全域</v>
          </cell>
          <cell r="AQ146">
            <v>1</v>
          </cell>
          <cell r="AY146">
            <v>44041</v>
          </cell>
          <cell r="AZ146">
            <v>44042</v>
          </cell>
          <cell r="BA146">
            <v>245</v>
          </cell>
          <cell r="BB146">
            <v>44286</v>
          </cell>
          <cell r="BC146" t="str">
            <v/>
          </cell>
          <cell r="BD146" t="str">
            <v/>
          </cell>
          <cell r="BE146" t="str">
            <v/>
          </cell>
          <cell r="BF146">
            <v>0.4201388888888889</v>
          </cell>
          <cell r="BG146">
            <v>7783</v>
          </cell>
          <cell r="BH146" t="str">
            <v>馬場　一彰</v>
          </cell>
          <cell r="BI146" t="str">
            <v>資産税課</v>
          </cell>
          <cell r="BJ146">
            <v>4832</v>
          </cell>
          <cell r="BN146" t="str">
            <v>他</v>
          </cell>
          <cell r="BO146">
            <v>49</v>
          </cell>
          <cell r="BS146">
            <v>4437000</v>
          </cell>
          <cell r="BT146">
            <v>4030000</v>
          </cell>
          <cell r="BU146" t="str">
            <v/>
          </cell>
          <cell r="BV146" t="str">
            <v/>
          </cell>
          <cell r="CD146" t="str">
            <v/>
          </cell>
          <cell r="CH146">
            <v>-66</v>
          </cell>
          <cell r="CI146">
            <v>44025</v>
          </cell>
          <cell r="CP146">
            <v>25862</v>
          </cell>
          <cell r="CW146" t="str">
            <v/>
          </cell>
          <cell r="CX146" t="str">
            <v/>
          </cell>
          <cell r="CY146" t="str">
            <v/>
          </cell>
          <cell r="CZ146" t="str">
            <v/>
          </cell>
          <cell r="DA146">
            <v>44032</v>
          </cell>
          <cell r="DB146">
            <v>44034</v>
          </cell>
          <cell r="DD146" t="str">
            <v/>
          </cell>
          <cell r="DL146">
            <v>6156</v>
          </cell>
          <cell r="DM146">
            <v>5182</v>
          </cell>
          <cell r="DN146">
            <v>5031</v>
          </cell>
          <cell r="DO146">
            <v>5277</v>
          </cell>
          <cell r="DP146">
            <v>5212</v>
          </cell>
          <cell r="DQ146">
            <v>5602</v>
          </cell>
          <cell r="DR146">
            <v>5036</v>
          </cell>
          <cell r="DS146">
            <v>5466</v>
          </cell>
          <cell r="DT146">
            <v>5631</v>
          </cell>
          <cell r="DU146">
            <v>5289</v>
          </cell>
          <cell r="DV146">
            <v>5583</v>
          </cell>
          <cell r="DW146">
            <v>6158</v>
          </cell>
          <cell r="DX146">
            <v>5596</v>
          </cell>
          <cell r="EZ146">
            <v>13</v>
          </cell>
          <cell r="FA146">
            <v>6</v>
          </cell>
          <cell r="FI146">
            <v>2</v>
          </cell>
          <cell r="FJ146" t="str">
            <v>指名競争入札</v>
          </cell>
          <cell r="FN146">
            <v>4</v>
          </cell>
          <cell r="FO146" t="str">
            <v>電子入札</v>
          </cell>
          <cell r="FS146">
            <v>2</v>
          </cell>
          <cell r="FT146" t="str">
            <v/>
          </cell>
          <cell r="FU146" t="str">
            <v/>
          </cell>
          <cell r="FW146" t="str">
            <v/>
          </cell>
          <cell r="FY146" t="str">
            <v/>
          </cell>
          <cell r="GD146">
            <v>1</v>
          </cell>
          <cell r="GE146" t="str">
            <v>契約・検査課長　松本　嘉博</v>
          </cell>
          <cell r="GF146">
            <v>5036</v>
          </cell>
          <cell r="GG146" t="str">
            <v>アジア航測(株)</v>
          </cell>
          <cell r="GH146">
            <v>4180000</v>
          </cell>
          <cell r="GI146">
            <v>380000</v>
          </cell>
          <cell r="GJ146">
            <v>418000</v>
          </cell>
          <cell r="GL146" t="str">
            <v>情報セキュリティーマネジメント 第SG-2016-10-09709号,測量士補 H17-4695号</v>
          </cell>
          <cell r="GM146" t="str">
            <v>松下　ゆかり</v>
          </cell>
          <cell r="GN146" t="str">
            <v>測量士 H25-366号,地理空間情報専門技術者（写真測量１級）207号</v>
          </cell>
          <cell r="GO146" t="str">
            <v>久保　学</v>
          </cell>
          <cell r="GT146" t="str">
            <v/>
          </cell>
          <cell r="GW146" t="str">
            <v/>
          </cell>
          <cell r="HO146" t="str">
            <v/>
          </cell>
          <cell r="HP146">
            <v>3990000</v>
          </cell>
          <cell r="HQ146">
            <v>4000000</v>
          </cell>
          <cell r="HR146">
            <v>3980000</v>
          </cell>
          <cell r="HS146">
            <v>4030000</v>
          </cell>
          <cell r="HT146">
            <v>4030000</v>
          </cell>
          <cell r="HU146">
            <v>4030000</v>
          </cell>
          <cell r="HV146">
            <v>3800000</v>
          </cell>
          <cell r="HW146">
            <v>4000000</v>
          </cell>
          <cell r="HX146">
            <v>4000000</v>
          </cell>
          <cell r="HY146">
            <v>4030000</v>
          </cell>
          <cell r="HZ146" t="str">
            <v>-</v>
          </cell>
          <cell r="IA146">
            <v>4000000</v>
          </cell>
          <cell r="IB146">
            <v>4000000</v>
          </cell>
          <cell r="JD146" t="str">
            <v/>
          </cell>
          <cell r="JE146" t="str">
            <v/>
          </cell>
          <cell r="JF146" t="str">
            <v/>
          </cell>
          <cell r="JG146" t="str">
            <v/>
          </cell>
          <cell r="JH146" t="str">
            <v/>
          </cell>
          <cell r="JI146" t="str">
            <v/>
          </cell>
          <cell r="JJ146" t="str">
            <v/>
          </cell>
          <cell r="JK146" t="str">
            <v/>
          </cell>
          <cell r="JL146" t="str">
            <v/>
          </cell>
          <cell r="JM146" t="str">
            <v/>
          </cell>
          <cell r="JN146" t="str">
            <v/>
          </cell>
          <cell r="JO146" t="str">
            <v/>
          </cell>
          <cell r="JP146" t="str">
            <v/>
          </cell>
          <cell r="JQ146" t="str">
            <v/>
          </cell>
          <cell r="JR146" t="str">
            <v/>
          </cell>
          <cell r="JS146" t="str">
            <v/>
          </cell>
          <cell r="JT146" t="str">
            <v/>
          </cell>
          <cell r="JU146" t="str">
            <v/>
          </cell>
          <cell r="JV146" t="str">
            <v/>
          </cell>
          <cell r="JW146" t="str">
            <v/>
          </cell>
          <cell r="JX146">
            <v>49</v>
          </cell>
          <cell r="JY146">
            <v>46</v>
          </cell>
          <cell r="JZ146">
            <v>0.94292803970223316</v>
          </cell>
        </row>
        <row r="147">
          <cell r="C147" t="str">
            <v/>
          </cell>
          <cell r="D147" t="str">
            <v/>
          </cell>
          <cell r="E147" t="str">
            <v/>
          </cell>
          <cell r="I147">
            <v>139</v>
          </cell>
          <cell r="M147" t="str">
            <v>令和２年度授業支援ソフトの購入</v>
          </cell>
          <cell r="Q147" t="str">
            <v>授業支援ソフト</v>
          </cell>
          <cell r="Y147">
            <v>1</v>
          </cell>
          <cell r="AC147">
            <v>8</v>
          </cell>
          <cell r="AD147">
            <v>1</v>
          </cell>
          <cell r="AI147" t="str">
            <v>伊丹市千僧１丁目１番地総合教育センター</v>
          </cell>
          <cell r="AQ147">
            <v>1</v>
          </cell>
          <cell r="AY147">
            <v>44048</v>
          </cell>
          <cell r="AZ147">
            <v>44049</v>
          </cell>
          <cell r="BA147">
            <v>87</v>
          </cell>
          <cell r="BB147">
            <v>44135</v>
          </cell>
          <cell r="BC147" t="str">
            <v/>
          </cell>
          <cell r="BD147" t="str">
            <v/>
          </cell>
          <cell r="BE147" t="str">
            <v/>
          </cell>
          <cell r="BF147">
            <v>0.41944444444444445</v>
          </cell>
          <cell r="BG147">
            <v>7548</v>
          </cell>
          <cell r="BH147" t="str">
            <v>片岡　栄二郎</v>
          </cell>
          <cell r="BI147" t="str">
            <v>総合教育センター</v>
          </cell>
          <cell r="BJ147">
            <v>4649</v>
          </cell>
          <cell r="BN147" t="str">
            <v>物</v>
          </cell>
          <cell r="BO147">
            <v>17</v>
          </cell>
          <cell r="BS147">
            <v>44439912</v>
          </cell>
          <cell r="BT147">
            <v>40390000</v>
          </cell>
          <cell r="BU147">
            <v>1</v>
          </cell>
          <cell r="BV147" t="str">
            <v/>
          </cell>
          <cell r="CH147">
            <v>-67</v>
          </cell>
          <cell r="CI147">
            <v>44032</v>
          </cell>
          <cell r="CP147">
            <v>57545</v>
          </cell>
          <cell r="CV147">
            <v>1</v>
          </cell>
          <cell r="CW147" t="str">
            <v/>
          </cell>
          <cell r="CX147" t="str">
            <v/>
          </cell>
          <cell r="CY147" t="str">
            <v/>
          </cell>
          <cell r="CZ147" t="str">
            <v/>
          </cell>
          <cell r="DA147">
            <v>44039</v>
          </cell>
          <cell r="DB147">
            <v>44042</v>
          </cell>
          <cell r="DD147" t="str">
            <v/>
          </cell>
          <cell r="DL147">
            <v>10793</v>
          </cell>
          <cell r="DM147">
            <v>11022</v>
          </cell>
          <cell r="DN147">
            <v>10844</v>
          </cell>
          <cell r="DO147">
            <v>10547</v>
          </cell>
          <cell r="DP147">
            <v>10556</v>
          </cell>
          <cell r="DQ147">
            <v>10276</v>
          </cell>
          <cell r="DR147">
            <v>10529</v>
          </cell>
          <cell r="DS147">
            <v>10515</v>
          </cell>
          <cell r="DT147">
            <v>10158</v>
          </cell>
          <cell r="DU147">
            <v>10140</v>
          </cell>
          <cell r="DV147">
            <v>10075</v>
          </cell>
          <cell r="DW147">
            <v>10761</v>
          </cell>
          <cell r="DX147">
            <v>12981</v>
          </cell>
          <cell r="DY147">
            <v>11921</v>
          </cell>
          <cell r="DZ147">
            <v>12692</v>
          </cell>
          <cell r="EZ147">
            <v>15</v>
          </cell>
          <cell r="FA147">
            <v>8</v>
          </cell>
          <cell r="FI147">
            <v>5</v>
          </cell>
          <cell r="FJ147" t="str">
            <v>指名競争入札（簡易認証）</v>
          </cell>
          <cell r="FN147">
            <v>4</v>
          </cell>
          <cell r="FO147" t="str">
            <v>電子入札</v>
          </cell>
          <cell r="FS147">
            <v>3</v>
          </cell>
          <cell r="FT147" t="str">
            <v/>
          </cell>
          <cell r="FU147" t="str">
            <v/>
          </cell>
          <cell r="FV147">
            <v>1</v>
          </cell>
          <cell r="FW147" t="str">
            <v/>
          </cell>
          <cell r="FY147" t="str">
            <v/>
          </cell>
          <cell r="GD147">
            <v>1</v>
          </cell>
          <cell r="GE147" t="str">
            <v>契約・検査課長　松本　嘉博</v>
          </cell>
          <cell r="GF147">
            <v>10793</v>
          </cell>
          <cell r="GG147" t="str">
            <v>(株)大塚商会</v>
          </cell>
          <cell r="GH147">
            <v>32319936</v>
          </cell>
          <cell r="GI147">
            <v>2938176</v>
          </cell>
          <cell r="GJ147">
            <v>3232000</v>
          </cell>
          <cell r="GK147">
            <v>44097</v>
          </cell>
          <cell r="GT147" t="str">
            <v>要</v>
          </cell>
          <cell r="GW147" t="str">
            <v/>
          </cell>
          <cell r="HO147" t="str">
            <v/>
          </cell>
          <cell r="HP147">
            <v>29381760</v>
          </cell>
          <cell r="HQ147" t="str">
            <v>-</v>
          </cell>
          <cell r="HR147" t="str">
            <v>-</v>
          </cell>
          <cell r="HS147" t="str">
            <v>-</v>
          </cell>
          <cell r="HT147">
            <v>68863500</v>
          </cell>
          <cell r="HU147" t="str">
            <v>-</v>
          </cell>
          <cell r="HV147" t="str">
            <v>-</v>
          </cell>
          <cell r="HW147" t="str">
            <v>-</v>
          </cell>
          <cell r="HX147" t="str">
            <v>-</v>
          </cell>
          <cell r="HY147" t="str">
            <v>-</v>
          </cell>
          <cell r="HZ147" t="str">
            <v>-</v>
          </cell>
          <cell r="IA147" t="str">
            <v>-</v>
          </cell>
          <cell r="IB147" t="str">
            <v>-</v>
          </cell>
          <cell r="IC147" t="str">
            <v>-</v>
          </cell>
          <cell r="ID147" t="str">
            <v>-</v>
          </cell>
          <cell r="JD147" t="str">
            <v/>
          </cell>
          <cell r="JE147" t="str">
            <v/>
          </cell>
          <cell r="JF147" t="str">
            <v/>
          </cell>
          <cell r="JG147" t="str">
            <v/>
          </cell>
          <cell r="JH147" t="str">
            <v/>
          </cell>
          <cell r="JI147" t="str">
            <v/>
          </cell>
          <cell r="JJ147" t="str">
            <v/>
          </cell>
          <cell r="JK147" t="str">
            <v/>
          </cell>
          <cell r="JL147" t="str">
            <v/>
          </cell>
          <cell r="JM147" t="str">
            <v/>
          </cell>
          <cell r="JN147" t="str">
            <v/>
          </cell>
          <cell r="JO147" t="str">
            <v/>
          </cell>
          <cell r="JP147">
            <v>17</v>
          </cell>
          <cell r="JQ147">
            <v>17</v>
          </cell>
          <cell r="JR147" t="str">
            <v/>
          </cell>
          <cell r="JS147" t="str">
            <v/>
          </cell>
          <cell r="JT147" t="str">
            <v/>
          </cell>
          <cell r="JU147" t="str">
            <v/>
          </cell>
          <cell r="JV147" t="str">
            <v/>
          </cell>
          <cell r="JW147" t="str">
            <v/>
          </cell>
          <cell r="JX147" t="str">
            <v/>
          </cell>
          <cell r="JY147" t="str">
            <v/>
          </cell>
          <cell r="JZ147">
            <v>0.72745134934389688</v>
          </cell>
        </row>
        <row r="148">
          <cell r="C148" t="str">
            <v/>
          </cell>
          <cell r="D148" t="str">
            <v/>
          </cell>
          <cell r="E148" t="str">
            <v/>
          </cell>
          <cell r="I148">
            <v>140</v>
          </cell>
          <cell r="M148" t="str">
            <v>令和２年度伊丹市立小・中・特別支援学校モバイルルータの購入（その２）</v>
          </cell>
          <cell r="Q148" t="str">
            <v>ﾓﾊﾞｲﾙﾙｰﾀ２</v>
          </cell>
          <cell r="Y148">
            <v>1</v>
          </cell>
          <cell r="AC148">
            <v>8</v>
          </cell>
          <cell r="AD148">
            <v>1</v>
          </cell>
          <cell r="AI148" t="str">
            <v>伊丹市千僧１丁目１番地総合教育センター</v>
          </cell>
          <cell r="AQ148">
            <v>1</v>
          </cell>
          <cell r="AY148">
            <v>44041</v>
          </cell>
          <cell r="AZ148">
            <v>44042</v>
          </cell>
          <cell r="BA148">
            <v>63</v>
          </cell>
          <cell r="BB148">
            <v>44104</v>
          </cell>
          <cell r="BC148" t="str">
            <v/>
          </cell>
          <cell r="BD148" t="str">
            <v/>
          </cell>
          <cell r="BE148" t="str">
            <v/>
          </cell>
          <cell r="BF148">
            <v>0.41944444444444445</v>
          </cell>
          <cell r="BG148">
            <v>7548</v>
          </cell>
          <cell r="BH148" t="str">
            <v>片岡　栄二郎</v>
          </cell>
          <cell r="BI148" t="str">
            <v>総合教育センター</v>
          </cell>
          <cell r="BJ148">
            <v>4649</v>
          </cell>
          <cell r="BN148" t="str">
            <v>物</v>
          </cell>
          <cell r="BO148">
            <v>18</v>
          </cell>
          <cell r="BS148">
            <v>3800000</v>
          </cell>
          <cell r="BT148">
            <v>3450000</v>
          </cell>
          <cell r="BU148">
            <v>1</v>
          </cell>
          <cell r="BV148" t="str">
            <v/>
          </cell>
          <cell r="CD148" t="str">
            <v/>
          </cell>
          <cell r="CH148">
            <v>-68</v>
          </cell>
          <cell r="CI148">
            <v>44025</v>
          </cell>
          <cell r="CP148">
            <v>82781</v>
          </cell>
          <cell r="CW148" t="str">
            <v/>
          </cell>
          <cell r="CX148" t="str">
            <v/>
          </cell>
          <cell r="CY148" t="str">
            <v/>
          </cell>
          <cell r="CZ148" t="str">
            <v/>
          </cell>
          <cell r="DA148">
            <v>44032</v>
          </cell>
          <cell r="DB148">
            <v>44034</v>
          </cell>
          <cell r="DD148" t="str">
            <v/>
          </cell>
          <cell r="DL148">
            <v>11227</v>
          </cell>
          <cell r="DM148">
            <v>10075</v>
          </cell>
          <cell r="DN148">
            <v>10434</v>
          </cell>
          <cell r="DO148">
            <v>10220</v>
          </cell>
          <cell r="DP148">
            <v>11716</v>
          </cell>
          <cell r="DQ148">
            <v>10669</v>
          </cell>
          <cell r="DR148">
            <v>12608</v>
          </cell>
          <cell r="DS148">
            <v>10529</v>
          </cell>
          <cell r="DT148">
            <v>11334</v>
          </cell>
          <cell r="DU148">
            <v>10402</v>
          </cell>
          <cell r="DV148">
            <v>10795</v>
          </cell>
          <cell r="DW148">
            <v>10793</v>
          </cell>
          <cell r="DX148">
            <v>10089</v>
          </cell>
          <cell r="DY148">
            <v>10107</v>
          </cell>
          <cell r="DZ148">
            <v>10158</v>
          </cell>
          <cell r="EA148">
            <v>10357</v>
          </cell>
          <cell r="EB148">
            <v>10556</v>
          </cell>
          <cell r="EC148">
            <v>11188</v>
          </cell>
          <cell r="EZ148">
            <v>18</v>
          </cell>
          <cell r="FA148">
            <v>6</v>
          </cell>
          <cell r="FI148">
            <v>5</v>
          </cell>
          <cell r="FJ148" t="str">
            <v>指名競争入札（簡易認証）</v>
          </cell>
          <cell r="FN148">
            <v>4</v>
          </cell>
          <cell r="FO148" t="str">
            <v>電子入札</v>
          </cell>
          <cell r="FS148">
            <v>3</v>
          </cell>
          <cell r="FT148" t="str">
            <v/>
          </cell>
          <cell r="FU148" t="str">
            <v/>
          </cell>
          <cell r="FW148" t="str">
            <v/>
          </cell>
          <cell r="FY148" t="str">
            <v/>
          </cell>
          <cell r="GD148">
            <v>1</v>
          </cell>
          <cell r="GE148" t="str">
            <v>契約・検査課長　松本　嘉博</v>
          </cell>
          <cell r="GF148">
            <v>10793</v>
          </cell>
          <cell r="GG148" t="str">
            <v>(株)大塚商会</v>
          </cell>
          <cell r="GH148">
            <v>3469400</v>
          </cell>
          <cell r="GI148">
            <v>315400</v>
          </cell>
          <cell r="GJ148">
            <v>347000</v>
          </cell>
          <cell r="GT148" t="str">
            <v/>
          </cell>
          <cell r="GW148" t="str">
            <v/>
          </cell>
          <cell r="HO148" t="str">
            <v/>
          </cell>
          <cell r="HP148">
            <v>4389000</v>
          </cell>
          <cell r="HQ148">
            <v>3211000</v>
          </cell>
          <cell r="HR148" t="str">
            <v>-</v>
          </cell>
          <cell r="HS148" t="str">
            <v>-</v>
          </cell>
          <cell r="HT148" t="str">
            <v>-</v>
          </cell>
          <cell r="HU148" t="str">
            <v>-</v>
          </cell>
          <cell r="HV148">
            <v>3420000</v>
          </cell>
          <cell r="HW148" t="str">
            <v>-</v>
          </cell>
          <cell r="HX148" t="str">
            <v>-</v>
          </cell>
          <cell r="HY148">
            <v>5100000</v>
          </cell>
          <cell r="HZ148" t="str">
            <v>-</v>
          </cell>
          <cell r="IA148">
            <v>3154000</v>
          </cell>
          <cell r="IB148" t="str">
            <v>-</v>
          </cell>
          <cell r="IC148" t="str">
            <v>-</v>
          </cell>
          <cell r="ID148" t="str">
            <v>-</v>
          </cell>
          <cell r="IE148">
            <v>3686000</v>
          </cell>
          <cell r="IF148" t="str">
            <v>-</v>
          </cell>
          <cell r="IG148" t="str">
            <v>-</v>
          </cell>
          <cell r="JD148" t="str">
            <v/>
          </cell>
          <cell r="JE148" t="str">
            <v/>
          </cell>
          <cell r="JF148" t="str">
            <v/>
          </cell>
          <cell r="JG148" t="str">
            <v/>
          </cell>
          <cell r="JH148" t="str">
            <v/>
          </cell>
          <cell r="JI148" t="str">
            <v/>
          </cell>
          <cell r="JJ148" t="str">
            <v/>
          </cell>
          <cell r="JK148" t="str">
            <v/>
          </cell>
          <cell r="JL148" t="str">
            <v/>
          </cell>
          <cell r="JM148" t="str">
            <v/>
          </cell>
          <cell r="JN148" t="str">
            <v/>
          </cell>
          <cell r="JO148" t="str">
            <v/>
          </cell>
          <cell r="JP148">
            <v>18</v>
          </cell>
          <cell r="JQ148">
            <v>18</v>
          </cell>
          <cell r="JR148" t="str">
            <v/>
          </cell>
          <cell r="JS148" t="str">
            <v/>
          </cell>
          <cell r="JT148" t="str">
            <v/>
          </cell>
          <cell r="JU148" t="str">
            <v/>
          </cell>
          <cell r="JV148" t="str">
            <v/>
          </cell>
          <cell r="JW148" t="str">
            <v/>
          </cell>
          <cell r="JX148" t="str">
            <v/>
          </cell>
          <cell r="JY148" t="str">
            <v/>
          </cell>
          <cell r="JZ148">
            <v>0.91420289855072445</v>
          </cell>
        </row>
        <row r="149">
          <cell r="C149" t="str">
            <v/>
          </cell>
          <cell r="D149" t="str">
            <v/>
          </cell>
          <cell r="E149" t="str">
            <v/>
          </cell>
          <cell r="I149">
            <v>141</v>
          </cell>
          <cell r="M149" t="str">
            <v>令和２年度伊丹市立荻野小学校管理諸室他空調設備改修工事</v>
          </cell>
          <cell r="Q149" t="str">
            <v>荻小管空調改</v>
          </cell>
          <cell r="Y149">
            <v>1</v>
          </cell>
          <cell r="AC149">
            <v>4</v>
          </cell>
          <cell r="AI149" t="str">
            <v>伊丹市荻野２丁目１１番地</v>
          </cell>
          <cell r="AM149" t="str">
            <v>管理諸室及び特別教室の空調設備改修工事一式
上記に付随する建築工事及び電気設備工事一式</v>
          </cell>
          <cell r="AQ149">
            <v>2</v>
          </cell>
          <cell r="AY149">
            <v>44075</v>
          </cell>
          <cell r="AZ149">
            <v>44076</v>
          </cell>
          <cell r="BA149">
            <v>108</v>
          </cell>
          <cell r="BB149">
            <v>44183</v>
          </cell>
          <cell r="BC149">
            <v>20</v>
          </cell>
          <cell r="BD149" t="str">
            <v>○</v>
          </cell>
          <cell r="BE149" t="str">
            <v>○</v>
          </cell>
          <cell r="BF149">
            <v>0.41736111111111113</v>
          </cell>
          <cell r="BG149">
            <v>6877</v>
          </cell>
          <cell r="BH149" t="str">
            <v>井上  祐貴</v>
          </cell>
          <cell r="BI149" t="str">
            <v>営繕課</v>
          </cell>
          <cell r="BJ149">
            <v>3237</v>
          </cell>
          <cell r="BN149" t="str">
            <v>建</v>
          </cell>
          <cell r="BO149">
            <v>20</v>
          </cell>
          <cell r="BS149">
            <v>54560000</v>
          </cell>
          <cell r="BT149">
            <v>49600000</v>
          </cell>
          <cell r="BU149">
            <v>1</v>
          </cell>
          <cell r="BV149">
            <v>45260000</v>
          </cell>
          <cell r="BW149">
            <v>37594602</v>
          </cell>
          <cell r="BX149">
            <v>1416005</v>
          </cell>
          <cell r="BY149">
            <v>4860030</v>
          </cell>
          <cell r="BZ149">
            <v>5729363</v>
          </cell>
          <cell r="CH149">
            <v>69</v>
          </cell>
          <cell r="CI149">
            <v>44033</v>
          </cell>
          <cell r="CJ149" t="str">
            <v>一般</v>
          </cell>
          <cell r="CK149" t="str">
            <v>尼崎市、西宮市、芦屋市、宝塚市、川西市、伊丹市内に本店を有すること。又は伊丹市内に支店</v>
          </cell>
          <cell r="CL149" t="str">
            <v>伊丹市内に本店を有する者においては550点以上、その他の者においては750点以上</v>
          </cell>
          <cell r="CP149">
            <v>55453</v>
          </cell>
          <cell r="CT149" t="str">
            <v>請負金額が2,400万円以上（伊丹市内に本店を有する者においては1,200万円以上）</v>
          </cell>
          <cell r="CU149">
            <v>11</v>
          </cell>
          <cell r="CW149">
            <v>44042</v>
          </cell>
          <cell r="CX149">
            <v>44046</v>
          </cell>
          <cell r="CY149">
            <v>44047</v>
          </cell>
          <cell r="CZ149">
            <v>44048</v>
          </cell>
          <cell r="DA149">
            <v>44049</v>
          </cell>
          <cell r="DB149">
            <v>44061</v>
          </cell>
          <cell r="DC149">
            <v>20</v>
          </cell>
          <cell r="DD149" t="str">
            <v>○</v>
          </cell>
          <cell r="DL149">
            <v>13</v>
          </cell>
          <cell r="DM149">
            <v>63</v>
          </cell>
          <cell r="DN149">
            <v>474</v>
          </cell>
          <cell r="DO149">
            <v>501</v>
          </cell>
          <cell r="DP149">
            <v>3056</v>
          </cell>
          <cell r="DQ149">
            <v>3830</v>
          </cell>
          <cell r="EZ149">
            <v>6</v>
          </cell>
          <cell r="FA149">
            <v>10</v>
          </cell>
          <cell r="FI149">
            <v>1</v>
          </cell>
          <cell r="FJ149" t="str">
            <v>制限付一般競争入札</v>
          </cell>
          <cell r="FN149">
            <v>4</v>
          </cell>
          <cell r="FO149" t="str">
            <v>電子入札</v>
          </cell>
          <cell r="FS149">
            <v>1</v>
          </cell>
          <cell r="FT149" t="str">
            <v/>
          </cell>
          <cell r="FU149" t="str">
            <v/>
          </cell>
          <cell r="FW149">
            <v>1</v>
          </cell>
          <cell r="FX149">
            <v>1</v>
          </cell>
          <cell r="FY149" t="str">
            <v>了</v>
          </cell>
          <cell r="GB149">
            <v>1</v>
          </cell>
          <cell r="GD149">
            <v>1</v>
          </cell>
          <cell r="GE149" t="str">
            <v>契約・検査課長　松本　嘉博</v>
          </cell>
          <cell r="GF149">
            <v>63</v>
          </cell>
          <cell r="GG149" t="str">
            <v>伊丹産業電設(株)</v>
          </cell>
          <cell r="GH149">
            <v>54450000</v>
          </cell>
          <cell r="GI149">
            <v>4950000</v>
          </cell>
          <cell r="GJ149">
            <v>5445000</v>
          </cell>
          <cell r="GM149" t="str">
            <v>京治　慎</v>
          </cell>
          <cell r="GN149" t="str">
            <v>１級管工事施工管理技士</v>
          </cell>
          <cell r="GO149" t="str">
            <v>嵯峨　学</v>
          </cell>
          <cell r="GT149" t="str">
            <v>要</v>
          </cell>
          <cell r="GU149" t="str">
            <v>済</v>
          </cell>
          <cell r="GW149" t="str">
            <v/>
          </cell>
          <cell r="HO149" t="str">
            <v/>
          </cell>
          <cell r="HP149" t="str">
            <v>-</v>
          </cell>
          <cell r="HQ149">
            <v>49500000</v>
          </cell>
          <cell r="HR149" t="str">
            <v>-</v>
          </cell>
          <cell r="HS149" t="str">
            <v>-</v>
          </cell>
          <cell r="HT149">
            <v>44640000</v>
          </cell>
          <cell r="HU149">
            <v>42600000</v>
          </cell>
          <cell r="JD149" t="str">
            <v/>
          </cell>
          <cell r="JE149" t="str">
            <v/>
          </cell>
          <cell r="JF149" t="str">
            <v/>
          </cell>
          <cell r="JG149" t="str">
            <v/>
          </cell>
          <cell r="JH149">
            <v>20</v>
          </cell>
          <cell r="JI149">
            <v>20</v>
          </cell>
          <cell r="JJ149" t="str">
            <v/>
          </cell>
          <cell r="JK149" t="str">
            <v/>
          </cell>
          <cell r="JL149" t="str">
            <v/>
          </cell>
          <cell r="JM149" t="str">
            <v/>
          </cell>
          <cell r="JN149" t="str">
            <v/>
          </cell>
          <cell r="JO149" t="str">
            <v/>
          </cell>
          <cell r="JP149" t="str">
            <v/>
          </cell>
          <cell r="JQ149" t="str">
            <v/>
          </cell>
          <cell r="JR149" t="str">
            <v/>
          </cell>
          <cell r="JS149" t="str">
            <v/>
          </cell>
          <cell r="JT149" t="str">
            <v/>
          </cell>
          <cell r="JU149" t="str">
            <v/>
          </cell>
          <cell r="JV149" t="str">
            <v/>
          </cell>
          <cell r="JW149" t="str">
            <v/>
          </cell>
          <cell r="JX149" t="str">
            <v/>
          </cell>
          <cell r="JY149" t="str">
            <v/>
          </cell>
          <cell r="JZ149">
            <v>0.99798387096774177</v>
          </cell>
        </row>
        <row r="150">
          <cell r="C150" t="str">
            <v/>
          </cell>
          <cell r="D150" t="str">
            <v/>
          </cell>
          <cell r="E150" t="str">
            <v/>
          </cell>
          <cell r="I150">
            <v>142</v>
          </cell>
          <cell r="M150" t="str">
            <v>令和２年度伊丹市立鴻池小学校管理諸室他空調設備改修工事</v>
          </cell>
          <cell r="Q150" t="str">
            <v>鴻小管空調改</v>
          </cell>
          <cell r="Y150">
            <v>1</v>
          </cell>
          <cell r="AC150">
            <v>4</v>
          </cell>
          <cell r="AI150" t="str">
            <v>伊丹市鴻池４丁目４番５号</v>
          </cell>
          <cell r="AM150" t="str">
            <v>管理諸室及び食堂棟の空調設備改修工事一式
上記に付随する建築工事及び電気設備工事一式</v>
          </cell>
          <cell r="AQ150">
            <v>2</v>
          </cell>
          <cell r="AY150">
            <v>44075</v>
          </cell>
          <cell r="AZ150">
            <v>44076</v>
          </cell>
          <cell r="BA150">
            <v>108</v>
          </cell>
          <cell r="BB150">
            <v>44183</v>
          </cell>
          <cell r="BC150">
            <v>20</v>
          </cell>
          <cell r="BD150" t="str">
            <v>○</v>
          </cell>
          <cell r="BE150" t="str">
            <v>○</v>
          </cell>
          <cell r="BF150">
            <v>0.41805555555555557</v>
          </cell>
          <cell r="BG150">
            <v>6751</v>
          </cell>
          <cell r="BH150" t="str">
            <v>川尻  享</v>
          </cell>
          <cell r="BI150" t="str">
            <v>営繕課</v>
          </cell>
          <cell r="BJ150">
            <v>4422</v>
          </cell>
          <cell r="BN150" t="str">
            <v>建</v>
          </cell>
          <cell r="BO150">
            <v>21</v>
          </cell>
          <cell r="BS150">
            <v>34210000</v>
          </cell>
          <cell r="BT150">
            <v>31100000</v>
          </cell>
          <cell r="BU150">
            <v>1</v>
          </cell>
          <cell r="BV150">
            <v>28270000</v>
          </cell>
          <cell r="BW150">
            <v>22716709</v>
          </cell>
          <cell r="BX150">
            <v>1189827</v>
          </cell>
          <cell r="BY150">
            <v>3477287</v>
          </cell>
          <cell r="BZ150">
            <v>3716177</v>
          </cell>
          <cell r="CH150">
            <v>70</v>
          </cell>
          <cell r="CI150">
            <v>44033</v>
          </cell>
          <cell r="CJ150" t="str">
            <v>一般</v>
          </cell>
          <cell r="CK150" t="str">
            <v>尼崎市、西宮市、芦屋市、宝塚市、川西市、伊丹市内に本店を有すること。又は伊丹市内に支店</v>
          </cell>
          <cell r="CL150" t="str">
            <v>伊丹市内に本店を有する者においては550点以上、その他の者においては750点以上</v>
          </cell>
          <cell r="CP150">
            <v>53694</v>
          </cell>
          <cell r="CT150" t="str">
            <v>請負金額が1,500万円以上（伊丹市内に本店を有する者においては600万円以上）</v>
          </cell>
          <cell r="CU150">
            <v>11</v>
          </cell>
          <cell r="CW150">
            <v>44042</v>
          </cell>
          <cell r="CX150">
            <v>44046</v>
          </cell>
          <cell r="CY150">
            <v>44047</v>
          </cell>
          <cell r="CZ150">
            <v>44048</v>
          </cell>
          <cell r="DA150">
            <v>44049</v>
          </cell>
          <cell r="DB150">
            <v>44061</v>
          </cell>
          <cell r="DC150">
            <v>21</v>
          </cell>
          <cell r="DD150" t="str">
            <v>○</v>
          </cell>
          <cell r="DL150">
            <v>13</v>
          </cell>
          <cell r="DM150">
            <v>63</v>
          </cell>
          <cell r="DN150">
            <v>474</v>
          </cell>
          <cell r="DO150">
            <v>501</v>
          </cell>
          <cell r="DP150">
            <v>3056</v>
          </cell>
          <cell r="DQ150">
            <v>3830</v>
          </cell>
          <cell r="EZ150">
            <v>6</v>
          </cell>
          <cell r="FA150">
            <v>8</v>
          </cell>
          <cell r="FI150">
            <v>1</v>
          </cell>
          <cell r="FJ150" t="str">
            <v>制限付一般競争入札</v>
          </cell>
          <cell r="FN150">
            <v>4</v>
          </cell>
          <cell r="FO150" t="str">
            <v>電子入札</v>
          </cell>
          <cell r="FS150">
            <v>1</v>
          </cell>
          <cell r="FT150" t="str">
            <v/>
          </cell>
          <cell r="FU150" t="str">
            <v/>
          </cell>
          <cell r="FW150">
            <v>1</v>
          </cell>
          <cell r="FX150">
            <v>1</v>
          </cell>
          <cell r="FY150" t="str">
            <v>了</v>
          </cell>
          <cell r="GB150">
            <v>1</v>
          </cell>
          <cell r="GD150">
            <v>1</v>
          </cell>
          <cell r="GE150" t="str">
            <v>契約・検査課長　松本　嘉博</v>
          </cell>
          <cell r="GF150">
            <v>63</v>
          </cell>
          <cell r="GG150" t="str">
            <v>伊丹産業電設(株)</v>
          </cell>
          <cell r="GH150">
            <v>34100000</v>
          </cell>
          <cell r="GI150">
            <v>3100000</v>
          </cell>
          <cell r="GJ150">
            <v>3410000</v>
          </cell>
          <cell r="GL150" t="str">
            <v>１級管工事施工管理技士</v>
          </cell>
          <cell r="GM150" t="str">
            <v>高橋　克哉</v>
          </cell>
          <cell r="GN150" t="str">
            <v>１級管工事施工管理技士</v>
          </cell>
          <cell r="GO150" t="str">
            <v>高橋　克哉</v>
          </cell>
          <cell r="GT150" t="str">
            <v>要</v>
          </cell>
          <cell r="GU150" t="str">
            <v>済</v>
          </cell>
          <cell r="GW150" t="str">
            <v/>
          </cell>
          <cell r="HO150" t="str">
            <v/>
          </cell>
          <cell r="HP150" t="str">
            <v>-</v>
          </cell>
          <cell r="HQ150">
            <v>31000000</v>
          </cell>
          <cell r="HR150" t="str">
            <v>-</v>
          </cell>
          <cell r="HS150" t="str">
            <v>-</v>
          </cell>
          <cell r="HT150">
            <v>27990000</v>
          </cell>
          <cell r="HU150">
            <v>26700000</v>
          </cell>
          <cell r="JD150" t="str">
            <v/>
          </cell>
          <cell r="JE150" t="str">
            <v/>
          </cell>
          <cell r="JF150" t="str">
            <v/>
          </cell>
          <cell r="JG150" t="str">
            <v/>
          </cell>
          <cell r="JH150">
            <v>21</v>
          </cell>
          <cell r="JI150">
            <v>21</v>
          </cell>
          <cell r="JJ150" t="str">
            <v/>
          </cell>
          <cell r="JK150" t="str">
            <v/>
          </cell>
          <cell r="JL150" t="str">
            <v/>
          </cell>
          <cell r="JM150" t="str">
            <v/>
          </cell>
          <cell r="JN150" t="str">
            <v/>
          </cell>
          <cell r="JO150" t="str">
            <v/>
          </cell>
          <cell r="JP150" t="str">
            <v/>
          </cell>
          <cell r="JQ150" t="str">
            <v/>
          </cell>
          <cell r="JR150" t="str">
            <v/>
          </cell>
          <cell r="JS150" t="str">
            <v/>
          </cell>
          <cell r="JT150" t="str">
            <v/>
          </cell>
          <cell r="JU150" t="str">
            <v/>
          </cell>
          <cell r="JV150" t="str">
            <v/>
          </cell>
          <cell r="JW150" t="str">
            <v/>
          </cell>
          <cell r="JX150" t="str">
            <v/>
          </cell>
          <cell r="JY150" t="str">
            <v/>
          </cell>
          <cell r="JZ150">
            <v>0.99678456591639863</v>
          </cell>
        </row>
        <row r="151">
          <cell r="C151" t="str">
            <v/>
          </cell>
          <cell r="D151" t="str">
            <v/>
          </cell>
          <cell r="E151" t="str">
            <v/>
          </cell>
          <cell r="I151">
            <v>143</v>
          </cell>
          <cell r="M151" t="str">
            <v>令和２年度伊丹市立南中学校防球ネット他設置工事</v>
          </cell>
          <cell r="Q151" t="str">
            <v>南中防ネ設置</v>
          </cell>
          <cell r="Y151">
            <v>1</v>
          </cell>
          <cell r="AC151">
            <v>1</v>
          </cell>
          <cell r="AI151" t="str">
            <v>伊丹市南町２丁目４番１号</v>
          </cell>
          <cell r="AM151" t="str">
            <v>防球ネット設置工事一式
目隠しフェンス設置工事一式
上記に伴う電気設備工事一式</v>
          </cell>
          <cell r="AQ151">
            <v>2</v>
          </cell>
          <cell r="AY151">
            <v>44063</v>
          </cell>
          <cell r="AZ151">
            <v>44068</v>
          </cell>
          <cell r="BA151">
            <v>98</v>
          </cell>
          <cell r="BB151">
            <v>44165</v>
          </cell>
          <cell r="BC151">
            <v>21</v>
          </cell>
          <cell r="BD151" t="str">
            <v>○</v>
          </cell>
          <cell r="BE151" t="str">
            <v>○</v>
          </cell>
          <cell r="BF151">
            <v>0.41736111111111113</v>
          </cell>
          <cell r="BG151">
            <v>6106</v>
          </cell>
          <cell r="BH151" t="str">
            <v>竹中  俊博</v>
          </cell>
          <cell r="BI151" t="str">
            <v>施設課</v>
          </cell>
          <cell r="BJ151">
            <v>3627</v>
          </cell>
          <cell r="BN151" t="str">
            <v>教</v>
          </cell>
          <cell r="BO151">
            <v>4</v>
          </cell>
          <cell r="BS151">
            <v>11187000</v>
          </cell>
          <cell r="BT151">
            <v>10170000</v>
          </cell>
          <cell r="BU151">
            <v>1</v>
          </cell>
          <cell r="BV151">
            <v>9190000</v>
          </cell>
          <cell r="BW151">
            <v>7749111</v>
          </cell>
          <cell r="BX151">
            <v>583925</v>
          </cell>
          <cell r="BY151">
            <v>405692</v>
          </cell>
          <cell r="BZ151">
            <v>1431272</v>
          </cell>
          <cell r="CH151">
            <v>71</v>
          </cell>
          <cell r="CI151">
            <v>44033</v>
          </cell>
          <cell r="CJ151" t="str">
            <v>一般</v>
          </cell>
          <cell r="CK151" t="str">
            <v>伊丹市内に本店</v>
          </cell>
          <cell r="CL151" t="str">
            <v>750点未満</v>
          </cell>
          <cell r="CP151">
            <v>65537</v>
          </cell>
          <cell r="CT151" t="str">
            <v>請負金額が500万円以上</v>
          </cell>
          <cell r="CW151">
            <v>44042</v>
          </cell>
          <cell r="CX151" t="str">
            <v/>
          </cell>
          <cell r="CY151" t="str">
            <v/>
          </cell>
          <cell r="CZ151" t="str">
            <v/>
          </cell>
          <cell r="DA151">
            <v>44046</v>
          </cell>
          <cell r="DB151">
            <v>44050</v>
          </cell>
          <cell r="DC151">
            <v>20</v>
          </cell>
          <cell r="DD151" t="str">
            <v>○</v>
          </cell>
          <cell r="DL151">
            <v>563</v>
          </cell>
          <cell r="DM151">
            <v>314</v>
          </cell>
          <cell r="DN151">
            <v>193</v>
          </cell>
          <cell r="DO151">
            <v>48</v>
          </cell>
          <cell r="DP151">
            <v>211</v>
          </cell>
          <cell r="EZ151">
            <v>5</v>
          </cell>
          <cell r="FA151">
            <v>8</v>
          </cell>
          <cell r="FI151">
            <v>4</v>
          </cell>
          <cell r="FJ151" t="str">
            <v>事後審査型一般競争入札</v>
          </cell>
          <cell r="FN151">
            <v>4</v>
          </cell>
          <cell r="FO151" t="str">
            <v>電子入札</v>
          </cell>
          <cell r="FS151">
            <v>1</v>
          </cell>
          <cell r="FT151" t="str">
            <v/>
          </cell>
          <cell r="FU151" t="str">
            <v/>
          </cell>
          <cell r="FW151" t="str">
            <v/>
          </cell>
          <cell r="FY151" t="str">
            <v/>
          </cell>
          <cell r="GB151">
            <v>1</v>
          </cell>
          <cell r="GC151">
            <v>1</v>
          </cell>
          <cell r="GD151">
            <v>1</v>
          </cell>
          <cell r="GE151" t="str">
            <v>契約・検査課長　松本　嘉博</v>
          </cell>
          <cell r="GF151">
            <v>563</v>
          </cell>
          <cell r="GG151" t="str">
            <v>(有)鳥養工務店</v>
          </cell>
          <cell r="GH151">
            <v>10180500</v>
          </cell>
          <cell r="GI151">
            <v>925500</v>
          </cell>
          <cell r="GJ151">
            <v>1019000</v>
          </cell>
          <cell r="GL151" t="str">
            <v>一級建築士</v>
          </cell>
          <cell r="GM151" t="str">
            <v>鳥養　真</v>
          </cell>
          <cell r="GN151" t="str">
            <v>一級建築士</v>
          </cell>
          <cell r="GO151" t="str">
            <v>鳥養　真</v>
          </cell>
          <cell r="GT151" t="str">
            <v/>
          </cell>
          <cell r="GU151" t="str">
            <v>済</v>
          </cell>
          <cell r="GV151">
            <v>23250</v>
          </cell>
          <cell r="GW151">
            <v>2.2837778105201116</v>
          </cell>
          <cell r="HO151" t="str">
            <v/>
          </cell>
          <cell r="HP151">
            <v>9255000</v>
          </cell>
          <cell r="HQ151">
            <v>9300000</v>
          </cell>
          <cell r="HR151">
            <v>9740000</v>
          </cell>
          <cell r="HS151">
            <v>10100000</v>
          </cell>
          <cell r="HT151">
            <v>9150000</v>
          </cell>
          <cell r="JD151" t="str">
            <v/>
          </cell>
          <cell r="JE151" t="str">
            <v/>
          </cell>
          <cell r="JF151" t="str">
            <v/>
          </cell>
          <cell r="JG151" t="str">
            <v/>
          </cell>
          <cell r="JH151" t="str">
            <v/>
          </cell>
          <cell r="JI151" t="str">
            <v/>
          </cell>
          <cell r="JJ151" t="str">
            <v/>
          </cell>
          <cell r="JK151" t="str">
            <v/>
          </cell>
          <cell r="JL151">
            <v>4</v>
          </cell>
          <cell r="JM151">
            <v>4</v>
          </cell>
          <cell r="JN151" t="str">
            <v/>
          </cell>
          <cell r="JO151" t="str">
            <v/>
          </cell>
          <cell r="JP151" t="str">
            <v/>
          </cell>
          <cell r="JQ151" t="str">
            <v/>
          </cell>
          <cell r="JR151" t="str">
            <v/>
          </cell>
          <cell r="JS151" t="str">
            <v/>
          </cell>
          <cell r="JT151" t="str">
            <v/>
          </cell>
          <cell r="JU151" t="str">
            <v/>
          </cell>
          <cell r="JV151" t="str">
            <v/>
          </cell>
          <cell r="JW151" t="str">
            <v/>
          </cell>
          <cell r="JX151" t="str">
            <v/>
          </cell>
          <cell r="JY151" t="str">
            <v/>
          </cell>
          <cell r="JZ151">
            <v>0.91002949852507375</v>
          </cell>
        </row>
        <row r="152">
          <cell r="C152" t="str">
            <v/>
          </cell>
          <cell r="D152" t="str">
            <v/>
          </cell>
          <cell r="E152" t="str">
            <v/>
          </cell>
          <cell r="I152">
            <v>144</v>
          </cell>
          <cell r="M152" t="str">
            <v>令和２年度飛散防止ネット購入</v>
          </cell>
          <cell r="Q152" t="str">
            <v>飛散防止ネット</v>
          </cell>
          <cell r="Y152">
            <v>1</v>
          </cell>
          <cell r="AC152">
            <v>8</v>
          </cell>
          <cell r="AD152">
            <v>1</v>
          </cell>
          <cell r="AI152" t="str">
            <v>伊丹市環境クリーンセンター（伊丹市岩屋２丁目２番８号）</v>
          </cell>
          <cell r="AQ152">
            <v>1</v>
          </cell>
          <cell r="AY152">
            <v>44061</v>
          </cell>
          <cell r="AZ152">
            <v>44062</v>
          </cell>
          <cell r="BA152">
            <v>122</v>
          </cell>
          <cell r="BB152">
            <v>44183</v>
          </cell>
          <cell r="BC152" t="str">
            <v/>
          </cell>
          <cell r="BD152" t="str">
            <v/>
          </cell>
          <cell r="BE152" t="str">
            <v/>
          </cell>
          <cell r="BF152">
            <v>0.41736111111111113</v>
          </cell>
          <cell r="BG152">
            <v>5206</v>
          </cell>
          <cell r="BH152" t="str">
            <v>東條  学</v>
          </cell>
          <cell r="BI152" t="str">
            <v>環境クリーンセンター業務課</v>
          </cell>
          <cell r="BJ152" t="str">
            <v xml:space="preserve"> </v>
          </cell>
          <cell r="BN152" t="str">
            <v>物</v>
          </cell>
          <cell r="BO152">
            <v>19</v>
          </cell>
          <cell r="BS152">
            <v>1732500</v>
          </cell>
          <cell r="BT152">
            <v>1570000</v>
          </cell>
          <cell r="BU152">
            <v>1</v>
          </cell>
          <cell r="BV152" t="str">
            <v/>
          </cell>
          <cell r="CD152" t="str">
            <v/>
          </cell>
          <cell r="CH152">
            <v>-69</v>
          </cell>
          <cell r="CI152">
            <v>44039</v>
          </cell>
          <cell r="CP152">
            <v>46810</v>
          </cell>
          <cell r="CW152" t="str">
            <v/>
          </cell>
          <cell r="CX152" t="str">
            <v/>
          </cell>
          <cell r="CY152" t="str">
            <v/>
          </cell>
          <cell r="CZ152" t="str">
            <v/>
          </cell>
          <cell r="DA152">
            <v>44046</v>
          </cell>
          <cell r="DB152">
            <v>44049</v>
          </cell>
          <cell r="DD152" t="str">
            <v/>
          </cell>
          <cell r="DL152">
            <v>11340</v>
          </cell>
          <cell r="DM152">
            <v>10590</v>
          </cell>
          <cell r="DN152">
            <v>10892</v>
          </cell>
          <cell r="DO152">
            <v>11490</v>
          </cell>
          <cell r="DP152">
            <v>11886</v>
          </cell>
          <cell r="DQ152">
            <v>11271</v>
          </cell>
          <cell r="DR152">
            <v>10755</v>
          </cell>
          <cell r="DS152">
            <v>10669</v>
          </cell>
          <cell r="DT152">
            <v>12948</v>
          </cell>
          <cell r="DU152">
            <v>10249</v>
          </cell>
          <cell r="EZ152">
            <v>10</v>
          </cell>
          <cell r="FA152">
            <v>6</v>
          </cell>
          <cell r="FI152">
            <v>5</v>
          </cell>
          <cell r="FJ152" t="str">
            <v>指名競争入札（簡易認証）</v>
          </cell>
          <cell r="FN152">
            <v>4</v>
          </cell>
          <cell r="FO152" t="str">
            <v>電子入札</v>
          </cell>
          <cell r="FS152">
            <v>3</v>
          </cell>
          <cell r="FT152" t="str">
            <v/>
          </cell>
          <cell r="FU152" t="str">
            <v/>
          </cell>
          <cell r="FW152" t="str">
            <v/>
          </cell>
          <cell r="FY152" t="str">
            <v/>
          </cell>
          <cell r="GD152">
            <v>1</v>
          </cell>
          <cell r="GE152" t="str">
            <v>契約・検査課長　松本　嘉博</v>
          </cell>
          <cell r="GF152">
            <v>10590</v>
          </cell>
          <cell r="GG152" t="str">
            <v>(株)ＧーＰｌａｃｅ</v>
          </cell>
          <cell r="GH152">
            <v>1514700</v>
          </cell>
          <cell r="GI152">
            <v>137700</v>
          </cell>
          <cell r="GJ152" t="str">
            <v/>
          </cell>
          <cell r="GT152" t="str">
            <v/>
          </cell>
          <cell r="GW152" t="str">
            <v/>
          </cell>
          <cell r="HO152" t="str">
            <v/>
          </cell>
          <cell r="HP152" t="str">
            <v>-</v>
          </cell>
          <cell r="HQ152">
            <v>1377000</v>
          </cell>
          <cell r="HR152" t="str">
            <v>-</v>
          </cell>
          <cell r="HS152" t="str">
            <v>-</v>
          </cell>
          <cell r="HT152" t="str">
            <v>-</v>
          </cell>
          <cell r="HU152" t="str">
            <v>-</v>
          </cell>
          <cell r="HV152" t="str">
            <v>-</v>
          </cell>
          <cell r="HW152" t="str">
            <v>-</v>
          </cell>
          <cell r="HX152" t="str">
            <v>-</v>
          </cell>
          <cell r="HY152" t="str">
            <v>-</v>
          </cell>
          <cell r="JD152" t="str">
            <v/>
          </cell>
          <cell r="JE152" t="str">
            <v/>
          </cell>
          <cell r="JF152" t="str">
            <v/>
          </cell>
          <cell r="JG152" t="str">
            <v/>
          </cell>
          <cell r="JH152" t="str">
            <v/>
          </cell>
          <cell r="JI152" t="str">
            <v/>
          </cell>
          <cell r="JJ152" t="str">
            <v/>
          </cell>
          <cell r="JK152" t="str">
            <v/>
          </cell>
          <cell r="JL152" t="str">
            <v/>
          </cell>
          <cell r="JM152" t="str">
            <v/>
          </cell>
          <cell r="JN152" t="str">
            <v/>
          </cell>
          <cell r="JO152" t="str">
            <v/>
          </cell>
          <cell r="JP152">
            <v>19</v>
          </cell>
          <cell r="JQ152">
            <v>19</v>
          </cell>
          <cell r="JR152" t="str">
            <v/>
          </cell>
          <cell r="JS152" t="str">
            <v/>
          </cell>
          <cell r="JT152" t="str">
            <v/>
          </cell>
          <cell r="JU152" t="str">
            <v/>
          </cell>
          <cell r="JV152" t="str">
            <v/>
          </cell>
          <cell r="JW152" t="str">
            <v/>
          </cell>
          <cell r="JX152" t="str">
            <v/>
          </cell>
          <cell r="JY152" t="str">
            <v/>
          </cell>
          <cell r="JZ152">
            <v>0.87707006369426754</v>
          </cell>
        </row>
        <row r="153">
          <cell r="C153" t="str">
            <v/>
          </cell>
          <cell r="D153" t="str">
            <v/>
          </cell>
          <cell r="E153" t="str">
            <v/>
          </cell>
          <cell r="I153">
            <v>145</v>
          </cell>
          <cell r="M153" t="str">
            <v>令和２年度びんコンテナ購入</v>
          </cell>
          <cell r="Q153" t="str">
            <v>びんコンテナ</v>
          </cell>
          <cell r="Y153">
            <v>1</v>
          </cell>
          <cell r="AC153">
            <v>8</v>
          </cell>
          <cell r="AD153">
            <v>1</v>
          </cell>
          <cell r="AI153" t="str">
            <v>伊丹市環境クリーンセンター（伊丹市岩屋２丁目２番８号）</v>
          </cell>
          <cell r="AQ153">
            <v>1</v>
          </cell>
          <cell r="AY153">
            <v>44061</v>
          </cell>
          <cell r="AZ153">
            <v>44062</v>
          </cell>
          <cell r="BA153">
            <v>122</v>
          </cell>
          <cell r="BB153">
            <v>44183</v>
          </cell>
          <cell r="BC153" t="str">
            <v/>
          </cell>
          <cell r="BD153" t="str">
            <v/>
          </cell>
          <cell r="BE153" t="str">
            <v/>
          </cell>
          <cell r="BF153">
            <v>0.41805555555555557</v>
          </cell>
          <cell r="BG153">
            <v>5206</v>
          </cell>
          <cell r="BH153" t="str">
            <v>東條  学</v>
          </cell>
          <cell r="BI153" t="str">
            <v>環境クリーンセンター業務課</v>
          </cell>
          <cell r="BJ153" t="str">
            <v xml:space="preserve"> </v>
          </cell>
          <cell r="BN153" t="str">
            <v>物</v>
          </cell>
          <cell r="BO153">
            <v>20</v>
          </cell>
          <cell r="BS153">
            <v>880000</v>
          </cell>
          <cell r="BT153">
            <v>800000</v>
          </cell>
          <cell r="BU153">
            <v>1</v>
          </cell>
          <cell r="BV153" t="str">
            <v/>
          </cell>
          <cell r="CD153" t="str">
            <v/>
          </cell>
          <cell r="CH153">
            <v>-70</v>
          </cell>
          <cell r="CI153">
            <v>44039</v>
          </cell>
          <cell r="CP153">
            <v>67272</v>
          </cell>
          <cell r="CW153" t="str">
            <v/>
          </cell>
          <cell r="CX153" t="str">
            <v/>
          </cell>
          <cell r="CY153" t="str">
            <v/>
          </cell>
          <cell r="CZ153" t="str">
            <v/>
          </cell>
          <cell r="DA153">
            <v>44046</v>
          </cell>
          <cell r="DB153">
            <v>44049</v>
          </cell>
          <cell r="DD153" t="str">
            <v/>
          </cell>
          <cell r="DL153">
            <v>10590</v>
          </cell>
          <cell r="DM153">
            <v>10892</v>
          </cell>
          <cell r="DN153">
            <v>11598</v>
          </cell>
          <cell r="DO153">
            <v>11734</v>
          </cell>
          <cell r="DP153">
            <v>11108</v>
          </cell>
          <cell r="DQ153">
            <v>10249</v>
          </cell>
          <cell r="DR153">
            <v>11623</v>
          </cell>
          <cell r="DS153">
            <v>12948</v>
          </cell>
          <cell r="EZ153">
            <v>8</v>
          </cell>
          <cell r="FA153">
            <v>6</v>
          </cell>
          <cell r="FI153">
            <v>5</v>
          </cell>
          <cell r="FJ153" t="str">
            <v>指名競争入札（簡易認証）</v>
          </cell>
          <cell r="FN153">
            <v>4</v>
          </cell>
          <cell r="FO153" t="str">
            <v>電子入札</v>
          </cell>
          <cell r="FS153">
            <v>3</v>
          </cell>
          <cell r="FT153" t="str">
            <v/>
          </cell>
          <cell r="FU153" t="str">
            <v/>
          </cell>
          <cell r="FW153" t="str">
            <v/>
          </cell>
          <cell r="FY153" t="str">
            <v/>
          </cell>
          <cell r="GD153">
            <v>1</v>
          </cell>
          <cell r="GE153" t="str">
            <v>契約・検査課長　松本　嘉博</v>
          </cell>
          <cell r="GF153">
            <v>12948</v>
          </cell>
          <cell r="GG153" t="str">
            <v>丸硝(株)</v>
          </cell>
          <cell r="GH153">
            <v>770000</v>
          </cell>
          <cell r="GI153">
            <v>70000</v>
          </cell>
          <cell r="GJ153" t="str">
            <v/>
          </cell>
          <cell r="GT153" t="str">
            <v/>
          </cell>
          <cell r="GW153" t="str">
            <v/>
          </cell>
          <cell r="HO153" t="str">
            <v/>
          </cell>
          <cell r="HP153">
            <v>740000</v>
          </cell>
          <cell r="HQ153" t="str">
            <v>-</v>
          </cell>
          <cell r="HR153" t="str">
            <v>-</v>
          </cell>
          <cell r="HS153" t="str">
            <v>-</v>
          </cell>
          <cell r="HT153">
            <v>757800</v>
          </cell>
          <cell r="HU153" t="str">
            <v>-</v>
          </cell>
          <cell r="HV153" t="str">
            <v>-</v>
          </cell>
          <cell r="HW153">
            <v>700000</v>
          </cell>
          <cell r="JD153" t="str">
            <v/>
          </cell>
          <cell r="JE153" t="str">
            <v/>
          </cell>
          <cell r="JF153" t="str">
            <v/>
          </cell>
          <cell r="JG153" t="str">
            <v/>
          </cell>
          <cell r="JH153" t="str">
            <v/>
          </cell>
          <cell r="JI153" t="str">
            <v/>
          </cell>
          <cell r="JJ153" t="str">
            <v/>
          </cell>
          <cell r="JK153" t="str">
            <v/>
          </cell>
          <cell r="JL153" t="str">
            <v/>
          </cell>
          <cell r="JM153" t="str">
            <v/>
          </cell>
          <cell r="JN153" t="str">
            <v/>
          </cell>
          <cell r="JO153" t="str">
            <v/>
          </cell>
          <cell r="JP153">
            <v>20</v>
          </cell>
          <cell r="JQ153">
            <v>20</v>
          </cell>
          <cell r="JR153" t="str">
            <v/>
          </cell>
          <cell r="JS153" t="str">
            <v/>
          </cell>
          <cell r="JT153" t="str">
            <v/>
          </cell>
          <cell r="JU153" t="str">
            <v/>
          </cell>
          <cell r="JV153" t="str">
            <v/>
          </cell>
          <cell r="JW153" t="str">
            <v/>
          </cell>
          <cell r="JX153" t="str">
            <v/>
          </cell>
          <cell r="JY153" t="str">
            <v/>
          </cell>
          <cell r="JZ153">
            <v>0.875</v>
          </cell>
        </row>
        <row r="154">
          <cell r="C154" t="str">
            <v/>
          </cell>
          <cell r="D154" t="str">
            <v/>
          </cell>
          <cell r="E154" t="str">
            <v/>
          </cell>
          <cell r="I154">
            <v>146</v>
          </cell>
          <cell r="M154" t="str">
            <v>令和２年度ペットボトル専用袋購入</v>
          </cell>
          <cell r="Q154" t="str">
            <v>ﾍﾟｯﾄﾎﾞﾄﾙ専用袋</v>
          </cell>
          <cell r="Y154">
            <v>1</v>
          </cell>
          <cell r="AC154">
            <v>8</v>
          </cell>
          <cell r="AD154">
            <v>1</v>
          </cell>
          <cell r="AI154" t="str">
            <v>伊丹市環境クリーンセンター（伊丹市岩屋２丁目２番８号）</v>
          </cell>
          <cell r="AQ154">
            <v>1</v>
          </cell>
          <cell r="AY154">
            <v>44061</v>
          </cell>
          <cell r="AZ154">
            <v>44062</v>
          </cell>
          <cell r="BA154">
            <v>122</v>
          </cell>
          <cell r="BB154">
            <v>44183</v>
          </cell>
          <cell r="BC154" t="str">
            <v/>
          </cell>
          <cell r="BD154" t="str">
            <v/>
          </cell>
          <cell r="BE154" t="str">
            <v/>
          </cell>
          <cell r="BF154">
            <v>0.41875000000000001</v>
          </cell>
          <cell r="BG154">
            <v>5206</v>
          </cell>
          <cell r="BH154" t="str">
            <v>東條  学</v>
          </cell>
          <cell r="BI154" t="str">
            <v>環境クリーンセンター業務課</v>
          </cell>
          <cell r="BJ154" t="str">
            <v xml:space="preserve"> </v>
          </cell>
          <cell r="BN154" t="str">
            <v>物</v>
          </cell>
          <cell r="BO154">
            <v>21</v>
          </cell>
          <cell r="BS154">
            <v>990000</v>
          </cell>
          <cell r="BT154">
            <v>900000</v>
          </cell>
          <cell r="BU154">
            <v>1</v>
          </cell>
          <cell r="BV154" t="str">
            <v/>
          </cell>
          <cell r="CD154" t="str">
            <v/>
          </cell>
          <cell r="CH154">
            <v>-71</v>
          </cell>
          <cell r="CI154">
            <v>44039</v>
          </cell>
          <cell r="CP154">
            <v>42310</v>
          </cell>
          <cell r="CW154" t="str">
            <v/>
          </cell>
          <cell r="CX154" t="str">
            <v/>
          </cell>
          <cell r="CY154" t="str">
            <v/>
          </cell>
          <cell r="CZ154" t="str">
            <v/>
          </cell>
          <cell r="DA154">
            <v>44046</v>
          </cell>
          <cell r="DB154">
            <v>44049</v>
          </cell>
          <cell r="DD154" t="str">
            <v/>
          </cell>
          <cell r="DL154">
            <v>10590</v>
          </cell>
          <cell r="DM154">
            <v>10892</v>
          </cell>
          <cell r="DN154">
            <v>11490</v>
          </cell>
          <cell r="DO154">
            <v>11886</v>
          </cell>
          <cell r="DP154">
            <v>11271</v>
          </cell>
          <cell r="DQ154">
            <v>10755</v>
          </cell>
          <cell r="DR154">
            <v>10465</v>
          </cell>
          <cell r="DS154">
            <v>10249</v>
          </cell>
          <cell r="DT154">
            <v>12948</v>
          </cell>
          <cell r="EZ154">
            <v>9</v>
          </cell>
          <cell r="FA154">
            <v>6</v>
          </cell>
          <cell r="FI154">
            <v>5</v>
          </cell>
          <cell r="FJ154" t="str">
            <v>指名競争入札（簡易認証）</v>
          </cell>
          <cell r="FN154">
            <v>4</v>
          </cell>
          <cell r="FO154" t="str">
            <v>電子入札</v>
          </cell>
          <cell r="FS154">
            <v>3</v>
          </cell>
          <cell r="FT154" t="str">
            <v/>
          </cell>
          <cell r="FU154" t="str">
            <v/>
          </cell>
          <cell r="FW154" t="str">
            <v/>
          </cell>
          <cell r="FY154" t="str">
            <v/>
          </cell>
          <cell r="GD154">
            <v>1</v>
          </cell>
          <cell r="GE154" t="str">
            <v>契約・検査課長　松本　嘉博</v>
          </cell>
          <cell r="GF154">
            <v>10590</v>
          </cell>
          <cell r="GG154" t="str">
            <v>(株)ＧーＰｌａｃｅ</v>
          </cell>
          <cell r="GH154">
            <v>858000</v>
          </cell>
          <cell r="GI154">
            <v>78000</v>
          </cell>
          <cell r="GJ154" t="str">
            <v/>
          </cell>
          <cell r="GT154" t="str">
            <v/>
          </cell>
          <cell r="GW154" t="str">
            <v/>
          </cell>
          <cell r="HO154" t="str">
            <v/>
          </cell>
          <cell r="HP154">
            <v>780000</v>
          </cell>
          <cell r="HQ154" t="str">
            <v>-</v>
          </cell>
          <cell r="HR154" t="str">
            <v>-</v>
          </cell>
          <cell r="HS154" t="str">
            <v>-</v>
          </cell>
          <cell r="HT154" t="str">
            <v>-</v>
          </cell>
          <cell r="HU154" t="str">
            <v>-</v>
          </cell>
          <cell r="HV154" t="str">
            <v>-</v>
          </cell>
          <cell r="HW154" t="str">
            <v>-</v>
          </cell>
          <cell r="HX154" t="str">
            <v>-</v>
          </cell>
          <cell r="JD154" t="str">
            <v/>
          </cell>
          <cell r="JE154" t="str">
            <v/>
          </cell>
          <cell r="JF154" t="str">
            <v/>
          </cell>
          <cell r="JG154" t="str">
            <v/>
          </cell>
          <cell r="JH154" t="str">
            <v/>
          </cell>
          <cell r="JI154" t="str">
            <v/>
          </cell>
          <cell r="JJ154" t="str">
            <v/>
          </cell>
          <cell r="JK154" t="str">
            <v/>
          </cell>
          <cell r="JL154" t="str">
            <v/>
          </cell>
          <cell r="JM154" t="str">
            <v/>
          </cell>
          <cell r="JN154" t="str">
            <v/>
          </cell>
          <cell r="JO154" t="str">
            <v/>
          </cell>
          <cell r="JP154">
            <v>21</v>
          </cell>
          <cell r="JQ154">
            <v>21</v>
          </cell>
          <cell r="JR154" t="str">
            <v/>
          </cell>
          <cell r="JS154" t="str">
            <v/>
          </cell>
          <cell r="JT154" t="str">
            <v/>
          </cell>
          <cell r="JU154" t="str">
            <v/>
          </cell>
          <cell r="JV154" t="str">
            <v/>
          </cell>
          <cell r="JW154" t="str">
            <v/>
          </cell>
          <cell r="JX154" t="str">
            <v/>
          </cell>
          <cell r="JY154" t="str">
            <v/>
          </cell>
          <cell r="JZ154">
            <v>0.86666666666666659</v>
          </cell>
        </row>
        <row r="155">
          <cell r="C155" t="str">
            <v/>
          </cell>
          <cell r="D155" t="str">
            <v/>
          </cell>
          <cell r="E155" t="str">
            <v/>
          </cell>
          <cell r="I155">
            <v>147</v>
          </cell>
          <cell r="M155" t="str">
            <v>令和２年度伊丹市教育委員会公共建築物定期点検委託業務</v>
          </cell>
          <cell r="Q155" t="str">
            <v>公共建築物点検</v>
          </cell>
          <cell r="Y155">
            <v>1</v>
          </cell>
          <cell r="AC155">
            <v>8</v>
          </cell>
          <cell r="AD155">
            <v>8</v>
          </cell>
          <cell r="AI155" t="str">
            <v>伊丹市船原１丁目１番１号　他３４箇所</v>
          </cell>
          <cell r="AM155" t="str">
            <v>・建築基準法第１２条第２項に基づく建築物の定期点検
・建築基準法第１２条第４項に基づく建築設備等、防火設備の定期点検
・文部科学省「学校施設の非構造部材の耐震化ガイドブック」に基づく点検
・文部科学省「学校施設における天井等落下防止対策のための手引」に基づく点検
・遊具等の点検
・劣化状況調査
・防火設備調査
・外壁塗装材アスベスト分析調査</v>
          </cell>
          <cell r="AQ155">
            <v>1</v>
          </cell>
          <cell r="AY155">
            <v>44064</v>
          </cell>
          <cell r="AZ155">
            <v>44069</v>
          </cell>
          <cell r="BA155">
            <v>187</v>
          </cell>
          <cell r="BB155">
            <v>44255</v>
          </cell>
          <cell r="BC155">
            <v>18</v>
          </cell>
          <cell r="BD155" t="str">
            <v>○</v>
          </cell>
          <cell r="BE155" t="str">
            <v/>
          </cell>
          <cell r="BF155">
            <v>0.41736111111111113</v>
          </cell>
          <cell r="BG155">
            <v>6346</v>
          </cell>
          <cell r="BH155" t="str">
            <v>野中  聡</v>
          </cell>
          <cell r="BI155" t="str">
            <v>施設課</v>
          </cell>
          <cell r="BJ155">
            <v>4312</v>
          </cell>
          <cell r="BN155" t="str">
            <v>教</v>
          </cell>
          <cell r="BO155">
            <v>8</v>
          </cell>
          <cell r="BS155">
            <v>11369600</v>
          </cell>
          <cell r="BT155">
            <v>10330000</v>
          </cell>
          <cell r="BU155" t="str">
            <v/>
          </cell>
          <cell r="BV155" t="str">
            <v/>
          </cell>
          <cell r="CH155">
            <v>72</v>
          </cell>
          <cell r="CI155">
            <v>44039</v>
          </cell>
          <cell r="CK155" t="str">
            <v>兵庫県内に本店又は支店</v>
          </cell>
          <cell r="CP155">
            <v>29128</v>
          </cell>
          <cell r="CT155" t="str">
            <v>請負金額が500万円以上</v>
          </cell>
          <cell r="CW155">
            <v>44049</v>
          </cell>
          <cell r="CX155" t="str">
            <v/>
          </cell>
          <cell r="CY155" t="str">
            <v/>
          </cell>
          <cell r="CZ155" t="str">
            <v/>
          </cell>
          <cell r="DA155">
            <v>44046</v>
          </cell>
          <cell r="DB155">
            <v>44061</v>
          </cell>
          <cell r="DC155">
            <v>40</v>
          </cell>
          <cell r="DD155" t="str">
            <v/>
          </cell>
          <cell r="DL155">
            <v>5051</v>
          </cell>
          <cell r="DM155">
            <v>5724</v>
          </cell>
          <cell r="DN155">
            <v>5079</v>
          </cell>
          <cell r="DO155">
            <v>5705</v>
          </cell>
          <cell r="EZ155">
            <v>4</v>
          </cell>
          <cell r="FA155">
            <v>8</v>
          </cell>
          <cell r="FI155">
            <v>4</v>
          </cell>
          <cell r="FJ155" t="str">
            <v>事後審査型一般競争入札</v>
          </cell>
          <cell r="FN155">
            <v>4</v>
          </cell>
          <cell r="FO155" t="str">
            <v>電子入札</v>
          </cell>
          <cell r="FS155">
            <v>2</v>
          </cell>
          <cell r="FT155" t="str">
            <v/>
          </cell>
          <cell r="FU155" t="str">
            <v/>
          </cell>
          <cell r="FW155" t="str">
            <v/>
          </cell>
          <cell r="FY155" t="str">
            <v/>
          </cell>
          <cell r="GD155">
            <v>1</v>
          </cell>
          <cell r="GE155" t="str">
            <v>契約・検査課長　松本　嘉博</v>
          </cell>
          <cell r="GF155">
            <v>5051</v>
          </cell>
          <cell r="GG155" t="str">
            <v>(株)阿波設計事務所</v>
          </cell>
          <cell r="GH155">
            <v>10120000</v>
          </cell>
          <cell r="GI155">
            <v>920000</v>
          </cell>
          <cell r="GJ155">
            <v>1012000</v>
          </cell>
          <cell r="GL155" t="str">
            <v>一級建築士 大臣登録第353871号</v>
          </cell>
          <cell r="GM155" t="str">
            <v>高橋　大樹</v>
          </cell>
          <cell r="GN155" t="str">
            <v>一級建築士 大臣登録第298369号</v>
          </cell>
          <cell r="GO155" t="str">
            <v>花田　敏治</v>
          </cell>
          <cell r="GT155" t="str">
            <v/>
          </cell>
          <cell r="GW155" t="str">
            <v/>
          </cell>
          <cell r="HO155" t="str">
            <v/>
          </cell>
          <cell r="HP155">
            <v>9200000</v>
          </cell>
          <cell r="HQ155">
            <v>10000000</v>
          </cell>
          <cell r="HR155" t="str">
            <v>-</v>
          </cell>
          <cell r="HS155" t="str">
            <v>-</v>
          </cell>
          <cell r="JD155" t="str">
            <v/>
          </cell>
          <cell r="JE155" t="str">
            <v/>
          </cell>
          <cell r="JF155" t="str">
            <v/>
          </cell>
          <cell r="JG155" t="str">
            <v/>
          </cell>
          <cell r="JH155" t="str">
            <v/>
          </cell>
          <cell r="JI155" t="str">
            <v/>
          </cell>
          <cell r="JJ155" t="str">
            <v/>
          </cell>
          <cell r="JK155" t="str">
            <v/>
          </cell>
          <cell r="JL155">
            <v>8</v>
          </cell>
          <cell r="JM155">
            <v>8</v>
          </cell>
          <cell r="JN155" t="str">
            <v/>
          </cell>
          <cell r="JO155" t="str">
            <v/>
          </cell>
          <cell r="JP155" t="str">
            <v/>
          </cell>
          <cell r="JQ155" t="str">
            <v/>
          </cell>
          <cell r="JR155" t="str">
            <v/>
          </cell>
          <cell r="JS155" t="str">
            <v/>
          </cell>
          <cell r="JT155" t="str">
            <v/>
          </cell>
          <cell r="JU155" t="str">
            <v/>
          </cell>
          <cell r="JV155" t="str">
            <v/>
          </cell>
          <cell r="JW155" t="str">
            <v/>
          </cell>
          <cell r="JX155" t="str">
            <v/>
          </cell>
          <cell r="JY155" t="str">
            <v/>
          </cell>
          <cell r="JZ155">
            <v>0.89060987415295256</v>
          </cell>
        </row>
        <row r="156">
          <cell r="C156" t="str">
            <v/>
          </cell>
          <cell r="D156" t="str">
            <v/>
          </cell>
          <cell r="E156" t="str">
            <v/>
          </cell>
          <cell r="I156">
            <v>148</v>
          </cell>
          <cell r="M156" t="str">
            <v>令和２年度伊丹市消防局西消防署荒牧出張所他空調設備改修工事</v>
          </cell>
          <cell r="Q156" t="str">
            <v>西消荒出空調</v>
          </cell>
          <cell r="Y156">
            <v>1</v>
          </cell>
          <cell r="AC156">
            <v>4</v>
          </cell>
          <cell r="AI156" t="str">
            <v>伊丹市北野１丁目９番地他</v>
          </cell>
          <cell r="AM156" t="str">
            <v>伊丹市消防局西消防署荒牧出張所内仮眠室等の空調設備改修工事一式
伊丹市消防局東消防署神津出張所内仮眠室等の空調設備改修工事一式
上記に付随する建築工事及び電気設備工事一式</v>
          </cell>
          <cell r="AQ156">
            <v>1</v>
          </cell>
          <cell r="AY156">
            <v>44075</v>
          </cell>
          <cell r="AZ156">
            <v>44076</v>
          </cell>
          <cell r="BA156">
            <v>115</v>
          </cell>
          <cell r="BB156">
            <v>44190</v>
          </cell>
          <cell r="BC156">
            <v>20</v>
          </cell>
          <cell r="BD156" t="str">
            <v>○</v>
          </cell>
          <cell r="BE156" t="str">
            <v>○</v>
          </cell>
          <cell r="BF156">
            <v>0.41875000000000001</v>
          </cell>
          <cell r="BG156">
            <v>6751</v>
          </cell>
          <cell r="BH156" t="str">
            <v>川尻  享</v>
          </cell>
          <cell r="BI156" t="str">
            <v>営繕課</v>
          </cell>
          <cell r="BJ156">
            <v>4422</v>
          </cell>
          <cell r="BN156" t="str">
            <v>建</v>
          </cell>
          <cell r="BO156">
            <v>22</v>
          </cell>
          <cell r="BS156">
            <v>8393000</v>
          </cell>
          <cell r="BT156">
            <v>7630000</v>
          </cell>
          <cell r="BU156">
            <v>1</v>
          </cell>
          <cell r="BV156">
            <v>6850000</v>
          </cell>
          <cell r="BW156">
            <v>4923291</v>
          </cell>
          <cell r="BX156">
            <v>252615</v>
          </cell>
          <cell r="BY156">
            <v>1426255</v>
          </cell>
          <cell r="BZ156">
            <v>1027839</v>
          </cell>
          <cell r="CD156" t="str">
            <v/>
          </cell>
          <cell r="CH156">
            <v>73</v>
          </cell>
          <cell r="CI156">
            <v>44033</v>
          </cell>
          <cell r="CJ156" t="str">
            <v>一般</v>
          </cell>
          <cell r="CK156" t="str">
            <v>伊丹市内に本店</v>
          </cell>
          <cell r="CL156" t="str">
            <v>400点以上</v>
          </cell>
          <cell r="CP156">
            <v>66938</v>
          </cell>
          <cell r="CT156" t="str">
            <v>右記</v>
          </cell>
          <cell r="CU156" t="str">
            <v>管工事（空気調和設備を含む）の施工実績を有すること。</v>
          </cell>
          <cell r="CW156">
            <v>44042</v>
          </cell>
          <cell r="CX156">
            <v>44046</v>
          </cell>
          <cell r="CY156">
            <v>44047</v>
          </cell>
          <cell r="CZ156">
            <v>44048</v>
          </cell>
          <cell r="DA156">
            <v>44049</v>
          </cell>
          <cell r="DB156">
            <v>44061</v>
          </cell>
          <cell r="DC156">
            <v>22</v>
          </cell>
          <cell r="DD156" t="str">
            <v>○</v>
          </cell>
          <cell r="DL156">
            <v>13</v>
          </cell>
          <cell r="DM156">
            <v>63</v>
          </cell>
          <cell r="DN156">
            <v>128</v>
          </cell>
          <cell r="DO156">
            <v>211</v>
          </cell>
          <cell r="DP156">
            <v>474</v>
          </cell>
          <cell r="DQ156">
            <v>501</v>
          </cell>
          <cell r="EZ156">
            <v>6</v>
          </cell>
          <cell r="FA156">
            <v>8</v>
          </cell>
          <cell r="FI156">
            <v>1</v>
          </cell>
          <cell r="FJ156" t="str">
            <v>制限付一般競争入札</v>
          </cell>
          <cell r="FN156">
            <v>4</v>
          </cell>
          <cell r="FO156" t="str">
            <v>電子入札</v>
          </cell>
          <cell r="FS156">
            <v>1</v>
          </cell>
          <cell r="FT156" t="str">
            <v/>
          </cell>
          <cell r="FU156" t="str">
            <v/>
          </cell>
          <cell r="FW156" t="str">
            <v/>
          </cell>
          <cell r="FY156" t="str">
            <v/>
          </cell>
          <cell r="GD156">
            <v>1</v>
          </cell>
          <cell r="GE156" t="str">
            <v>契約・検査課長　松本　嘉博</v>
          </cell>
          <cell r="GF156">
            <v>128</v>
          </cell>
          <cell r="GG156" t="str">
            <v>庄野電気工事(株)</v>
          </cell>
          <cell r="GH156">
            <v>7579000</v>
          </cell>
          <cell r="GI156">
            <v>689000</v>
          </cell>
          <cell r="GJ156">
            <v>758000</v>
          </cell>
          <cell r="GM156" t="str">
            <v>久保　正雄</v>
          </cell>
          <cell r="GN156" t="str">
            <v>１級電気工事施工管理技士</v>
          </cell>
          <cell r="GO156" t="str">
            <v>庄野　隆二</v>
          </cell>
          <cell r="GT156" t="str">
            <v/>
          </cell>
          <cell r="GW156" t="str">
            <v/>
          </cell>
          <cell r="HO156" t="str">
            <v/>
          </cell>
          <cell r="HP156" t="str">
            <v>-</v>
          </cell>
          <cell r="HQ156" t="str">
            <v>-</v>
          </cell>
          <cell r="HR156">
            <v>6890000</v>
          </cell>
          <cell r="HS156">
            <v>6940000</v>
          </cell>
          <cell r="HT156">
            <v>6770000</v>
          </cell>
          <cell r="HU156">
            <v>7000000</v>
          </cell>
          <cell r="JD156" t="str">
            <v/>
          </cell>
          <cell r="JE156" t="str">
            <v/>
          </cell>
          <cell r="JF156" t="str">
            <v/>
          </cell>
          <cell r="JG156" t="str">
            <v/>
          </cell>
          <cell r="JH156">
            <v>22</v>
          </cell>
          <cell r="JI156">
            <v>22</v>
          </cell>
          <cell r="JJ156" t="str">
            <v/>
          </cell>
          <cell r="JK156" t="str">
            <v/>
          </cell>
          <cell r="JL156" t="str">
            <v/>
          </cell>
          <cell r="JM156" t="str">
            <v/>
          </cell>
          <cell r="JN156" t="str">
            <v/>
          </cell>
          <cell r="JO156" t="str">
            <v/>
          </cell>
          <cell r="JP156" t="str">
            <v/>
          </cell>
          <cell r="JQ156" t="str">
            <v/>
          </cell>
          <cell r="JR156" t="str">
            <v/>
          </cell>
          <cell r="JS156" t="str">
            <v/>
          </cell>
          <cell r="JT156" t="str">
            <v/>
          </cell>
          <cell r="JU156" t="str">
            <v/>
          </cell>
          <cell r="JV156" t="str">
            <v/>
          </cell>
          <cell r="JW156" t="str">
            <v/>
          </cell>
          <cell r="JX156" t="str">
            <v/>
          </cell>
          <cell r="JY156" t="str">
            <v/>
          </cell>
          <cell r="JZ156">
            <v>0.90301441677588457</v>
          </cell>
        </row>
        <row r="157">
          <cell r="C157" t="str">
            <v/>
          </cell>
          <cell r="D157" t="str">
            <v/>
          </cell>
          <cell r="E157" t="str">
            <v/>
          </cell>
          <cell r="I157">
            <v>149</v>
          </cell>
          <cell r="K157">
            <v>1</v>
          </cell>
          <cell r="M157" t="str">
            <v>令和２年度伊丹市立伊丹小学校他７校無線ＬＡＮ整備工事</v>
          </cell>
          <cell r="Q157" t="str">
            <v>学校無線LAN</v>
          </cell>
          <cell r="Y157">
            <v>1</v>
          </cell>
          <cell r="AC157">
            <v>5</v>
          </cell>
          <cell r="AI157" t="str">
            <v>伊丹市船原１丁目１番１号他</v>
          </cell>
          <cell r="AM157" t="str">
            <v>構内情報通信網設備改修工事一式</v>
          </cell>
          <cell r="AQ157">
            <v>2</v>
          </cell>
          <cell r="AY157">
            <v>44075</v>
          </cell>
          <cell r="AZ157">
            <v>44076</v>
          </cell>
          <cell r="BA157">
            <v>177</v>
          </cell>
          <cell r="BB157">
            <v>44252</v>
          </cell>
          <cell r="BC157">
            <v>17</v>
          </cell>
          <cell r="BD157" t="str">
            <v>○</v>
          </cell>
          <cell r="BE157" t="str">
            <v>○</v>
          </cell>
          <cell r="BF157">
            <v>0.41944444444444445</v>
          </cell>
          <cell r="BG157">
            <v>7799</v>
          </cell>
          <cell r="BH157" t="str">
            <v>石田　怜</v>
          </cell>
          <cell r="BI157" t="str">
            <v>施設課</v>
          </cell>
          <cell r="BJ157">
            <v>4811</v>
          </cell>
          <cell r="BN157" t="str">
            <v>教</v>
          </cell>
          <cell r="BO157">
            <v>5</v>
          </cell>
          <cell r="BS157">
            <v>61347000</v>
          </cell>
          <cell r="BT157">
            <v>55770000</v>
          </cell>
          <cell r="BU157">
            <v>1</v>
          </cell>
          <cell r="BV157">
            <v>51120000</v>
          </cell>
          <cell r="BW157">
            <v>46318022</v>
          </cell>
          <cell r="BX157">
            <v>624756</v>
          </cell>
          <cell r="BY157">
            <v>2213527</v>
          </cell>
          <cell r="BZ157">
            <v>6613695</v>
          </cell>
          <cell r="CH157">
            <v>74</v>
          </cell>
          <cell r="CI157">
            <v>44039</v>
          </cell>
          <cell r="CJ157" t="str">
            <v>一般</v>
          </cell>
          <cell r="CK157" t="str">
            <v>尼崎市、西宮市、芦屋市、宝塚市、川西市、伊丹市内に本店を有すること。又は伊丹市内に支店</v>
          </cell>
          <cell r="CL157" t="str">
            <v>伊丹市内に本店を有する者においては600点以上、その他の者においては950点以上</v>
          </cell>
          <cell r="CP157">
            <v>10475</v>
          </cell>
          <cell r="CT157" t="str">
            <v>請負金額が2,700万円以上(伊丹市内に本店を有する者においては1,300万円以上)</v>
          </cell>
          <cell r="CW157">
            <v>44047</v>
          </cell>
          <cell r="CX157">
            <v>44049</v>
          </cell>
          <cell r="CY157">
            <v>44050</v>
          </cell>
          <cell r="CZ157">
            <v>44054</v>
          </cell>
          <cell r="DA157">
            <v>44061</v>
          </cell>
          <cell r="DB157">
            <v>44064</v>
          </cell>
          <cell r="DC157">
            <v>20</v>
          </cell>
          <cell r="DD157" t="str">
            <v>○</v>
          </cell>
          <cell r="EZ157" t="str">
            <v/>
          </cell>
          <cell r="FA157">
            <v>10</v>
          </cell>
          <cell r="FI157">
            <v>1</v>
          </cell>
          <cell r="FJ157" t="str">
            <v>制限付一般競争入札</v>
          </cell>
          <cell r="FN157">
            <v>4</v>
          </cell>
          <cell r="FO157" t="str">
            <v>電子入札</v>
          </cell>
          <cell r="FS157">
            <v>1</v>
          </cell>
          <cell r="FT157" t="str">
            <v/>
          </cell>
          <cell r="FU157" t="str">
            <v/>
          </cell>
          <cell r="FW157" t="str">
            <v/>
          </cell>
          <cell r="FY157" t="str">
            <v/>
          </cell>
          <cell r="GD157">
            <v>1</v>
          </cell>
          <cell r="GE157" t="str">
            <v>契約・検査課長　松本　嘉博</v>
          </cell>
          <cell r="GG157" t="str">
            <v/>
          </cell>
          <cell r="GI157" t="str">
            <v/>
          </cell>
          <cell r="GJ157" t="str">
            <v/>
          </cell>
          <cell r="GT157" t="str">
            <v/>
          </cell>
          <cell r="GW157" t="str">
            <v/>
          </cell>
          <cell r="HO157" t="str">
            <v/>
          </cell>
          <cell r="JD157" t="str">
            <v/>
          </cell>
          <cell r="JE157" t="str">
            <v/>
          </cell>
          <cell r="JF157" t="str">
            <v/>
          </cell>
          <cell r="JG157" t="str">
            <v/>
          </cell>
          <cell r="JH157" t="str">
            <v/>
          </cell>
          <cell r="JI157" t="str">
            <v/>
          </cell>
          <cell r="JJ157" t="str">
            <v/>
          </cell>
          <cell r="JK157" t="str">
            <v/>
          </cell>
          <cell r="JL157">
            <v>5</v>
          </cell>
          <cell r="JM157">
            <v>5</v>
          </cell>
          <cell r="JN157" t="str">
            <v/>
          </cell>
          <cell r="JO157" t="str">
            <v/>
          </cell>
          <cell r="JP157" t="str">
            <v/>
          </cell>
          <cell r="JQ157" t="str">
            <v/>
          </cell>
          <cell r="JR157" t="str">
            <v/>
          </cell>
          <cell r="JS157" t="str">
            <v/>
          </cell>
          <cell r="JT157" t="str">
            <v/>
          </cell>
          <cell r="JU157" t="str">
            <v/>
          </cell>
          <cell r="JV157" t="str">
            <v/>
          </cell>
          <cell r="JW157" t="str">
            <v/>
          </cell>
          <cell r="JX157" t="str">
            <v/>
          </cell>
          <cell r="JY157" t="str">
            <v/>
          </cell>
          <cell r="JZ157" t="str">
            <v/>
          </cell>
        </row>
        <row r="158">
          <cell r="C158" t="str">
            <v/>
          </cell>
          <cell r="D158" t="str">
            <v/>
          </cell>
          <cell r="E158" t="str">
            <v/>
          </cell>
          <cell r="I158">
            <v>150</v>
          </cell>
          <cell r="M158" t="str">
            <v>令和２年度伊丹市西台自転車駐車場バイコレーター更新工事</v>
          </cell>
          <cell r="Q158" t="str">
            <v>西台バイコ更</v>
          </cell>
          <cell r="Y158">
            <v>1</v>
          </cell>
          <cell r="AC158">
            <v>5</v>
          </cell>
          <cell r="AI158" t="str">
            <v>伊丹市西台３丁目９番２２号</v>
          </cell>
          <cell r="AM158" t="str">
            <v>バイコレーター更新工事一式</v>
          </cell>
          <cell r="AQ158">
            <v>1</v>
          </cell>
          <cell r="AY158">
            <v>44075</v>
          </cell>
          <cell r="AZ158">
            <v>44076</v>
          </cell>
          <cell r="BA158">
            <v>115</v>
          </cell>
          <cell r="BB158">
            <v>44190</v>
          </cell>
          <cell r="BC158">
            <v>17</v>
          </cell>
          <cell r="BD158" t="str">
            <v>○</v>
          </cell>
          <cell r="BE158" t="str">
            <v>○</v>
          </cell>
          <cell r="BF158">
            <v>0.4201388888888889</v>
          </cell>
          <cell r="BG158">
            <v>7915</v>
          </cell>
          <cell r="BH158" t="str">
            <v>吉川　匠</v>
          </cell>
          <cell r="BI158" t="str">
            <v>営繕課</v>
          </cell>
          <cell r="BJ158">
            <v>4878</v>
          </cell>
          <cell r="BN158" t="str">
            <v>建</v>
          </cell>
          <cell r="BO158">
            <v>23</v>
          </cell>
          <cell r="BS158">
            <v>6974000</v>
          </cell>
          <cell r="BT158">
            <v>6340000</v>
          </cell>
          <cell r="BU158">
            <v>1</v>
          </cell>
          <cell r="BV158">
            <v>5700000</v>
          </cell>
          <cell r="BW158">
            <v>4466871</v>
          </cell>
          <cell r="BX158">
            <v>241083</v>
          </cell>
          <cell r="BY158">
            <v>728791</v>
          </cell>
          <cell r="BZ158">
            <v>903255</v>
          </cell>
          <cell r="CD158" t="str">
            <v/>
          </cell>
          <cell r="CH158">
            <v>75</v>
          </cell>
          <cell r="CI158">
            <v>44039</v>
          </cell>
          <cell r="CJ158" t="str">
            <v>一般</v>
          </cell>
          <cell r="CK158" t="str">
            <v>伊丹市内に本店</v>
          </cell>
          <cell r="CL158" t="str">
            <v>400点以上</v>
          </cell>
          <cell r="CP158">
            <v>25870</v>
          </cell>
          <cell r="CT158" t="str">
            <v>右記</v>
          </cell>
          <cell r="CU158" t="str">
            <v>電気工事の施工実績を有すること。</v>
          </cell>
          <cell r="CW158">
            <v>44047</v>
          </cell>
          <cell r="CX158">
            <v>44049</v>
          </cell>
          <cell r="CY158">
            <v>44050</v>
          </cell>
          <cell r="CZ158">
            <v>44054</v>
          </cell>
          <cell r="DA158">
            <v>44061</v>
          </cell>
          <cell r="DB158">
            <v>44064</v>
          </cell>
          <cell r="DC158">
            <v>17</v>
          </cell>
          <cell r="DD158" t="str">
            <v>○</v>
          </cell>
          <cell r="DL158">
            <v>63</v>
          </cell>
          <cell r="DM158">
            <v>83</v>
          </cell>
          <cell r="DN158">
            <v>93</v>
          </cell>
          <cell r="DO158">
            <v>128</v>
          </cell>
          <cell r="DP158">
            <v>545</v>
          </cell>
          <cell r="DQ158">
            <v>549</v>
          </cell>
          <cell r="DR158">
            <v>557</v>
          </cell>
          <cell r="DS158">
            <v>562</v>
          </cell>
          <cell r="EZ158">
            <v>8</v>
          </cell>
          <cell r="FA158">
            <v>8</v>
          </cell>
          <cell r="FI158">
            <v>1</v>
          </cell>
          <cell r="FJ158" t="str">
            <v>制限付一般競争入札</v>
          </cell>
          <cell r="FN158">
            <v>4</v>
          </cell>
          <cell r="FO158" t="str">
            <v>電子入札</v>
          </cell>
          <cell r="FS158">
            <v>1</v>
          </cell>
          <cell r="FT158" t="str">
            <v/>
          </cell>
          <cell r="FU158" t="str">
            <v/>
          </cell>
          <cell r="FW158" t="str">
            <v/>
          </cell>
          <cell r="FY158" t="str">
            <v/>
          </cell>
          <cell r="GD158">
            <v>1</v>
          </cell>
          <cell r="GE158" t="str">
            <v>契約・検査課長　松本　嘉博</v>
          </cell>
          <cell r="GF158">
            <v>128</v>
          </cell>
          <cell r="GG158" t="str">
            <v>庄野電気工事(株)</v>
          </cell>
          <cell r="GH158">
            <v>6545000</v>
          </cell>
          <cell r="GI158">
            <v>595000</v>
          </cell>
          <cell r="GJ158">
            <v>655000</v>
          </cell>
          <cell r="GM158" t="str">
            <v>阿手　貴皓</v>
          </cell>
          <cell r="GN158" t="str">
            <v>第一種電気工事士</v>
          </cell>
          <cell r="GO158" t="str">
            <v>久保　伸侍</v>
          </cell>
          <cell r="GP158">
            <v>44190</v>
          </cell>
          <cell r="GQ158">
            <v>72.5</v>
          </cell>
          <cell r="GT158" t="str">
            <v/>
          </cell>
          <cell r="GW158" t="str">
            <v/>
          </cell>
          <cell r="HO158" t="str">
            <v/>
          </cell>
          <cell r="HP158">
            <v>5660000</v>
          </cell>
          <cell r="HQ158" t="str">
            <v>-</v>
          </cell>
          <cell r="HR158">
            <v>5640000</v>
          </cell>
          <cell r="HS158">
            <v>5950000</v>
          </cell>
          <cell r="HT158">
            <v>5670000</v>
          </cell>
          <cell r="HU158">
            <v>5680000</v>
          </cell>
          <cell r="HV158" t="str">
            <v>-</v>
          </cell>
          <cell r="HW158" t="str">
            <v>-</v>
          </cell>
          <cell r="JD158" t="str">
            <v/>
          </cell>
          <cell r="JE158" t="str">
            <v/>
          </cell>
          <cell r="JF158" t="str">
            <v/>
          </cell>
          <cell r="JG158" t="str">
            <v/>
          </cell>
          <cell r="JH158">
            <v>23</v>
          </cell>
          <cell r="JI158">
            <v>23</v>
          </cell>
          <cell r="JJ158" t="str">
            <v/>
          </cell>
          <cell r="JK158" t="str">
            <v/>
          </cell>
          <cell r="JL158" t="str">
            <v/>
          </cell>
          <cell r="JM158" t="str">
            <v/>
          </cell>
          <cell r="JN158" t="str">
            <v/>
          </cell>
          <cell r="JO158" t="str">
            <v/>
          </cell>
          <cell r="JP158" t="str">
            <v/>
          </cell>
          <cell r="JQ158" t="str">
            <v/>
          </cell>
          <cell r="JR158" t="str">
            <v/>
          </cell>
          <cell r="JS158" t="str">
            <v/>
          </cell>
          <cell r="JT158" t="str">
            <v/>
          </cell>
          <cell r="JU158" t="str">
            <v/>
          </cell>
          <cell r="JV158" t="str">
            <v/>
          </cell>
          <cell r="JW158" t="str">
            <v/>
          </cell>
          <cell r="JX158" t="str">
            <v/>
          </cell>
          <cell r="JY158" t="str">
            <v/>
          </cell>
          <cell r="JZ158">
            <v>0.93848580441640361</v>
          </cell>
        </row>
        <row r="159">
          <cell r="C159" t="str">
            <v/>
          </cell>
          <cell r="D159" t="str">
            <v/>
          </cell>
          <cell r="E159" t="str">
            <v/>
          </cell>
          <cell r="I159">
            <v>151</v>
          </cell>
          <cell r="M159" t="str">
            <v>令和２年度伊丹市立天王寺川中学校体育館高天井用照明器具更新工事</v>
          </cell>
          <cell r="Q159" t="str">
            <v>天中体照更新</v>
          </cell>
          <cell r="Y159">
            <v>1</v>
          </cell>
          <cell r="AC159">
            <v>5</v>
          </cell>
          <cell r="AI159" t="str">
            <v>伊丹市鴻池３丁目４番２８号</v>
          </cell>
          <cell r="AM159" t="str">
            <v>高天井用照明器具更新工事一式</v>
          </cell>
          <cell r="AQ159">
            <v>1</v>
          </cell>
          <cell r="AY159">
            <v>44075</v>
          </cell>
          <cell r="AZ159">
            <v>44076</v>
          </cell>
          <cell r="BA159">
            <v>59</v>
          </cell>
          <cell r="BB159">
            <v>44134</v>
          </cell>
          <cell r="BC159">
            <v>17</v>
          </cell>
          <cell r="BD159" t="str">
            <v>○</v>
          </cell>
          <cell r="BE159" t="str">
            <v>○</v>
          </cell>
          <cell r="BF159">
            <v>0.42083333333333334</v>
          </cell>
          <cell r="BG159">
            <v>6449</v>
          </cell>
          <cell r="BH159" t="str">
            <v>山田  実</v>
          </cell>
          <cell r="BI159" t="str">
            <v>施設課</v>
          </cell>
          <cell r="BJ159">
            <v>4327</v>
          </cell>
          <cell r="BN159" t="str">
            <v>教</v>
          </cell>
          <cell r="BO159">
            <v>6</v>
          </cell>
          <cell r="BS159">
            <v>5181000</v>
          </cell>
          <cell r="BT159">
            <v>4710000</v>
          </cell>
          <cell r="BU159">
            <v>1</v>
          </cell>
          <cell r="BV159">
            <v>4220000</v>
          </cell>
          <cell r="BW159">
            <v>3268680</v>
          </cell>
          <cell r="BX159">
            <v>73088</v>
          </cell>
          <cell r="BY159">
            <v>683873</v>
          </cell>
          <cell r="BZ159">
            <v>684359</v>
          </cell>
          <cell r="CD159" t="str">
            <v/>
          </cell>
          <cell r="CH159">
            <v>76</v>
          </cell>
          <cell r="CI159">
            <v>44039</v>
          </cell>
          <cell r="CJ159" t="str">
            <v>一般</v>
          </cell>
          <cell r="CK159" t="str">
            <v>伊丹市内に本店</v>
          </cell>
          <cell r="CL159" t="str">
            <v>400点以上</v>
          </cell>
          <cell r="CP159">
            <v>71299</v>
          </cell>
          <cell r="CT159" t="str">
            <v>右記</v>
          </cell>
          <cell r="CU159" t="str">
            <v>電気工事の施工実績を有すること。</v>
          </cell>
          <cell r="CW159">
            <v>44047</v>
          </cell>
          <cell r="CX159">
            <v>44049</v>
          </cell>
          <cell r="CY159">
            <v>44050</v>
          </cell>
          <cell r="CZ159">
            <v>44054</v>
          </cell>
          <cell r="DA159">
            <v>44061</v>
          </cell>
          <cell r="DB159">
            <v>44064</v>
          </cell>
          <cell r="DC159">
            <v>17</v>
          </cell>
          <cell r="DD159" t="str">
            <v>○</v>
          </cell>
          <cell r="DL159">
            <v>63</v>
          </cell>
          <cell r="DM159">
            <v>83</v>
          </cell>
          <cell r="DN159">
            <v>93</v>
          </cell>
          <cell r="DO159">
            <v>128</v>
          </cell>
          <cell r="DP159">
            <v>545</v>
          </cell>
          <cell r="DQ159">
            <v>549</v>
          </cell>
          <cell r="DR159">
            <v>557</v>
          </cell>
          <cell r="DS159">
            <v>562</v>
          </cell>
          <cell r="EZ159">
            <v>8</v>
          </cell>
          <cell r="FA159">
            <v>8</v>
          </cell>
          <cell r="FI159">
            <v>1</v>
          </cell>
          <cell r="FJ159" t="str">
            <v>制限付一般競争入札</v>
          </cell>
          <cell r="FN159">
            <v>4</v>
          </cell>
          <cell r="FO159" t="str">
            <v>電子入札</v>
          </cell>
          <cell r="FS159">
            <v>1</v>
          </cell>
          <cell r="FT159" t="str">
            <v/>
          </cell>
          <cell r="FU159" t="str">
            <v/>
          </cell>
          <cell r="FW159" t="str">
            <v/>
          </cell>
          <cell r="FY159" t="str">
            <v/>
          </cell>
          <cell r="GD159">
            <v>1</v>
          </cell>
          <cell r="GE159" t="str">
            <v>契約・検査課長　松本　嘉博</v>
          </cell>
          <cell r="GF159">
            <v>562</v>
          </cell>
          <cell r="GG159" t="str">
            <v>(株)吉澤</v>
          </cell>
          <cell r="GH159">
            <v>4642000</v>
          </cell>
          <cell r="GI159">
            <v>422000</v>
          </cell>
          <cell r="GJ159">
            <v>465000</v>
          </cell>
          <cell r="GL159" t="str">
            <v>第一種電気工事士</v>
          </cell>
          <cell r="GM159" t="str">
            <v>吉澤　努</v>
          </cell>
          <cell r="GN159" t="str">
            <v>第一種電気工事士</v>
          </cell>
          <cell r="GO159" t="str">
            <v>吉澤　努</v>
          </cell>
          <cell r="GP159">
            <v>44112</v>
          </cell>
          <cell r="GQ159">
            <v>73</v>
          </cell>
          <cell r="GT159" t="str">
            <v/>
          </cell>
          <cell r="GV159">
            <v>19530</v>
          </cell>
          <cell r="GW159">
            <v>4.2072382593709605</v>
          </cell>
          <cell r="HO159" t="str">
            <v/>
          </cell>
          <cell r="HP159">
            <v>4220000</v>
          </cell>
          <cell r="HQ159">
            <v>4470000</v>
          </cell>
          <cell r="HR159">
            <v>4230000</v>
          </cell>
          <cell r="HS159">
            <v>4220000</v>
          </cell>
          <cell r="HT159">
            <v>4060000</v>
          </cell>
          <cell r="HU159">
            <v>4220000</v>
          </cell>
          <cell r="HV159" t="str">
            <v>-</v>
          </cell>
          <cell r="HW159">
            <v>4220000</v>
          </cell>
          <cell r="JD159" t="str">
            <v/>
          </cell>
          <cell r="JE159" t="str">
            <v/>
          </cell>
          <cell r="JF159" t="str">
            <v/>
          </cell>
          <cell r="JG159" t="str">
            <v/>
          </cell>
          <cell r="JH159" t="str">
            <v/>
          </cell>
          <cell r="JI159" t="str">
            <v/>
          </cell>
          <cell r="JJ159" t="str">
            <v/>
          </cell>
          <cell r="JK159" t="str">
            <v/>
          </cell>
          <cell r="JL159">
            <v>6</v>
          </cell>
          <cell r="JM159">
            <v>6</v>
          </cell>
          <cell r="JN159" t="str">
            <v/>
          </cell>
          <cell r="JO159" t="str">
            <v/>
          </cell>
          <cell r="JP159" t="str">
            <v/>
          </cell>
          <cell r="JQ159" t="str">
            <v/>
          </cell>
          <cell r="JR159" t="str">
            <v/>
          </cell>
          <cell r="JS159" t="str">
            <v/>
          </cell>
          <cell r="JT159" t="str">
            <v/>
          </cell>
          <cell r="JU159" t="str">
            <v/>
          </cell>
          <cell r="JV159" t="str">
            <v/>
          </cell>
          <cell r="JW159" t="str">
            <v/>
          </cell>
          <cell r="JX159" t="str">
            <v/>
          </cell>
          <cell r="JY159" t="str">
            <v/>
          </cell>
          <cell r="JZ159">
            <v>0.89596602972399153</v>
          </cell>
        </row>
        <row r="160">
          <cell r="C160" t="str">
            <v/>
          </cell>
          <cell r="D160" t="str">
            <v/>
          </cell>
          <cell r="E160" t="str">
            <v/>
          </cell>
          <cell r="I160">
            <v>152</v>
          </cell>
          <cell r="M160" t="str">
            <v>令和２年度伊丹市立緑ケ丘体育館第２体育室照明設備ＬＥＤ化工事</v>
          </cell>
          <cell r="Q160" t="str">
            <v>緑丘第２体LED</v>
          </cell>
          <cell r="Y160">
            <v>1</v>
          </cell>
          <cell r="AC160">
            <v>5</v>
          </cell>
          <cell r="AI160" t="str">
            <v>伊丹市緑ケ丘１丁目１０番地の１</v>
          </cell>
          <cell r="AM160" t="str">
            <v>照明設備ＬＥＤ化工事一式</v>
          </cell>
          <cell r="AQ160">
            <v>1</v>
          </cell>
          <cell r="AY160">
            <v>44075</v>
          </cell>
          <cell r="AZ160">
            <v>44076</v>
          </cell>
          <cell r="BA160">
            <v>150</v>
          </cell>
          <cell r="BB160">
            <v>44225</v>
          </cell>
          <cell r="BC160">
            <v>17</v>
          </cell>
          <cell r="BD160" t="str">
            <v>○</v>
          </cell>
          <cell r="BE160" t="str">
            <v>○</v>
          </cell>
          <cell r="BF160">
            <v>0.42152777777777778</v>
          </cell>
          <cell r="BG160">
            <v>7800</v>
          </cell>
          <cell r="BH160" t="str">
            <v>野田　開斗</v>
          </cell>
          <cell r="BI160" t="str">
            <v>営繕課</v>
          </cell>
          <cell r="BJ160">
            <v>4809</v>
          </cell>
          <cell r="BN160" t="str">
            <v>建</v>
          </cell>
          <cell r="BO160">
            <v>24</v>
          </cell>
          <cell r="BS160">
            <v>3036000</v>
          </cell>
          <cell r="BT160">
            <v>2760000</v>
          </cell>
          <cell r="BU160">
            <v>1</v>
          </cell>
          <cell r="BV160">
            <v>2480000</v>
          </cell>
          <cell r="BW160">
            <v>1972666</v>
          </cell>
          <cell r="BX160">
            <v>33387</v>
          </cell>
          <cell r="BY160">
            <v>349094</v>
          </cell>
          <cell r="BZ160">
            <v>404853</v>
          </cell>
          <cell r="CD160" t="str">
            <v/>
          </cell>
          <cell r="CH160">
            <v>77</v>
          </cell>
          <cell r="CI160">
            <v>44039</v>
          </cell>
          <cell r="CJ160" t="str">
            <v>一般</v>
          </cell>
          <cell r="CK160" t="str">
            <v>伊丹市内に本店</v>
          </cell>
          <cell r="CL160" t="str">
            <v>400点以上</v>
          </cell>
          <cell r="CP160">
            <v>71943</v>
          </cell>
          <cell r="CT160" t="str">
            <v>右記</v>
          </cell>
          <cell r="CU160" t="str">
            <v>電気工事の施工実績を有すること。</v>
          </cell>
          <cell r="CW160">
            <v>44047</v>
          </cell>
          <cell r="CX160">
            <v>44049</v>
          </cell>
          <cell r="CY160">
            <v>44050</v>
          </cell>
          <cell r="CZ160">
            <v>44054</v>
          </cell>
          <cell r="DA160">
            <v>44061</v>
          </cell>
          <cell r="DB160">
            <v>44064</v>
          </cell>
          <cell r="DC160">
            <v>17</v>
          </cell>
          <cell r="DD160" t="str">
            <v>○</v>
          </cell>
          <cell r="DL160">
            <v>63</v>
          </cell>
          <cell r="DM160">
            <v>93</v>
          </cell>
          <cell r="DN160">
            <v>128</v>
          </cell>
          <cell r="DO160">
            <v>545</v>
          </cell>
          <cell r="DP160">
            <v>549</v>
          </cell>
          <cell r="DQ160">
            <v>557</v>
          </cell>
          <cell r="DR160">
            <v>562</v>
          </cell>
          <cell r="EZ160">
            <v>7</v>
          </cell>
          <cell r="FA160">
            <v>6</v>
          </cell>
          <cell r="FI160">
            <v>1</v>
          </cell>
          <cell r="FJ160" t="str">
            <v>制限付一般競争入札</v>
          </cell>
          <cell r="FN160">
            <v>4</v>
          </cell>
          <cell r="FO160" t="str">
            <v>電子入札</v>
          </cell>
          <cell r="FS160">
            <v>1</v>
          </cell>
          <cell r="FT160" t="str">
            <v/>
          </cell>
          <cell r="FU160" t="str">
            <v/>
          </cell>
          <cell r="FW160" t="str">
            <v/>
          </cell>
          <cell r="FY160" t="str">
            <v/>
          </cell>
          <cell r="GD160">
            <v>1</v>
          </cell>
          <cell r="GE160" t="str">
            <v>契約・検査課長　松本　嘉博</v>
          </cell>
          <cell r="GF160" t="str">
            <v>-</v>
          </cell>
          <cell r="GG160" t="str">
            <v>×</v>
          </cell>
          <cell r="GI160" t="str">
            <v/>
          </cell>
          <cell r="GJ160" t="str">
            <v/>
          </cell>
          <cell r="GT160" t="str">
            <v/>
          </cell>
          <cell r="GW160" t="str">
            <v/>
          </cell>
          <cell r="HO160" t="str">
            <v/>
          </cell>
          <cell r="HP160">
            <v>2450000</v>
          </cell>
          <cell r="HQ160">
            <v>2430000</v>
          </cell>
          <cell r="HR160">
            <v>2470000</v>
          </cell>
          <cell r="HS160">
            <v>2380000</v>
          </cell>
          <cell r="HT160">
            <v>2470000</v>
          </cell>
          <cell r="HU160" t="str">
            <v>-</v>
          </cell>
          <cell r="HV160">
            <v>2470000</v>
          </cell>
          <cell r="JD160" t="str">
            <v/>
          </cell>
          <cell r="JE160" t="str">
            <v/>
          </cell>
          <cell r="JF160" t="str">
            <v/>
          </cell>
          <cell r="JG160" t="str">
            <v/>
          </cell>
          <cell r="JH160">
            <v>24</v>
          </cell>
          <cell r="JI160">
            <v>24</v>
          </cell>
          <cell r="JJ160" t="str">
            <v/>
          </cell>
          <cell r="JK160" t="str">
            <v/>
          </cell>
          <cell r="JL160" t="str">
            <v/>
          </cell>
          <cell r="JM160" t="str">
            <v/>
          </cell>
          <cell r="JN160" t="str">
            <v/>
          </cell>
          <cell r="JO160" t="str">
            <v/>
          </cell>
          <cell r="JP160" t="str">
            <v/>
          </cell>
          <cell r="JQ160" t="str">
            <v/>
          </cell>
          <cell r="JR160" t="str">
            <v/>
          </cell>
          <cell r="JS160" t="str">
            <v/>
          </cell>
          <cell r="JT160" t="str">
            <v/>
          </cell>
          <cell r="JU160" t="str">
            <v/>
          </cell>
          <cell r="JV160" t="str">
            <v/>
          </cell>
          <cell r="JW160" t="str">
            <v/>
          </cell>
          <cell r="JX160" t="str">
            <v/>
          </cell>
          <cell r="JY160" t="str">
            <v/>
          </cell>
          <cell r="JZ160" t="str">
            <v/>
          </cell>
        </row>
        <row r="161">
          <cell r="C161" t="str">
            <v/>
          </cell>
          <cell r="D161" t="str">
            <v/>
          </cell>
          <cell r="E161" t="str">
            <v/>
          </cell>
          <cell r="I161">
            <v>153</v>
          </cell>
          <cell r="M161" t="str">
            <v>令和２年度伊丹市立南中学校格技室高天井用照明器具更新工事</v>
          </cell>
          <cell r="Q161" t="str">
            <v>南中格照更新</v>
          </cell>
          <cell r="Y161">
            <v>1</v>
          </cell>
          <cell r="AC161">
            <v>5</v>
          </cell>
          <cell r="AI161" t="str">
            <v>伊丹市南町２丁目４番１号</v>
          </cell>
          <cell r="AM161" t="str">
            <v>高天井用照明器具更新工事一式</v>
          </cell>
          <cell r="AQ161">
            <v>1</v>
          </cell>
          <cell r="AY161">
            <v>44075</v>
          </cell>
          <cell r="AZ161">
            <v>44076</v>
          </cell>
          <cell r="BA161">
            <v>59</v>
          </cell>
          <cell r="BB161">
            <v>44134</v>
          </cell>
          <cell r="BC161">
            <v>17</v>
          </cell>
          <cell r="BD161" t="str">
            <v>○</v>
          </cell>
          <cell r="BE161" t="str">
            <v>○</v>
          </cell>
          <cell r="BF161">
            <v>0.42222222222222222</v>
          </cell>
          <cell r="BG161">
            <v>7799</v>
          </cell>
          <cell r="BH161" t="str">
            <v>石田　怜</v>
          </cell>
          <cell r="BI161" t="str">
            <v>施設課</v>
          </cell>
          <cell r="BJ161">
            <v>4811</v>
          </cell>
          <cell r="BN161" t="str">
            <v>教</v>
          </cell>
          <cell r="BO161">
            <v>7</v>
          </cell>
          <cell r="BS161">
            <v>2068000</v>
          </cell>
          <cell r="BT161">
            <v>1880000</v>
          </cell>
          <cell r="BU161">
            <v>1</v>
          </cell>
          <cell r="BV161">
            <v>1680000</v>
          </cell>
          <cell r="BW161">
            <v>1289510</v>
          </cell>
          <cell r="BX161">
            <v>29396</v>
          </cell>
          <cell r="BY161">
            <v>283499</v>
          </cell>
          <cell r="BZ161">
            <v>277595</v>
          </cell>
          <cell r="CD161" t="str">
            <v/>
          </cell>
          <cell r="CH161">
            <v>78</v>
          </cell>
          <cell r="CI161">
            <v>44039</v>
          </cell>
          <cell r="CJ161" t="str">
            <v>一般</v>
          </cell>
          <cell r="CK161" t="str">
            <v>伊丹市内に本店</v>
          </cell>
          <cell r="CL161" t="str">
            <v>400点以上</v>
          </cell>
          <cell r="CP161">
            <v>81260</v>
          </cell>
          <cell r="CT161" t="str">
            <v>右記</v>
          </cell>
          <cell r="CU161" t="str">
            <v>電気工事の施工実績を有すること。</v>
          </cell>
          <cell r="CW161">
            <v>44047</v>
          </cell>
          <cell r="CX161">
            <v>44049</v>
          </cell>
          <cell r="CY161">
            <v>44050</v>
          </cell>
          <cell r="CZ161">
            <v>44054</v>
          </cell>
          <cell r="DA161">
            <v>44061</v>
          </cell>
          <cell r="DB161">
            <v>44064</v>
          </cell>
          <cell r="DC161">
            <v>17</v>
          </cell>
          <cell r="DD161" t="str">
            <v>○</v>
          </cell>
          <cell r="DL161">
            <v>63</v>
          </cell>
          <cell r="DM161">
            <v>93</v>
          </cell>
          <cell r="DN161">
            <v>128</v>
          </cell>
          <cell r="DO161">
            <v>545</v>
          </cell>
          <cell r="DP161">
            <v>549</v>
          </cell>
          <cell r="DQ161">
            <v>557</v>
          </cell>
          <cell r="DR161">
            <v>562</v>
          </cell>
          <cell r="EZ161">
            <v>7</v>
          </cell>
          <cell r="FA161">
            <v>6</v>
          </cell>
          <cell r="FI161">
            <v>1</v>
          </cell>
          <cell r="FJ161" t="str">
            <v>制限付一般競争入札</v>
          </cell>
          <cell r="FN161">
            <v>4</v>
          </cell>
          <cell r="FO161" t="str">
            <v>電子入札</v>
          </cell>
          <cell r="FS161">
            <v>1</v>
          </cell>
          <cell r="FT161" t="str">
            <v/>
          </cell>
          <cell r="FU161" t="str">
            <v/>
          </cell>
          <cell r="FW161" t="str">
            <v/>
          </cell>
          <cell r="FY161" t="str">
            <v/>
          </cell>
          <cell r="GD161">
            <v>1</v>
          </cell>
          <cell r="GE161" t="str">
            <v>契約・検査課長　松本　嘉博</v>
          </cell>
          <cell r="GF161">
            <v>128</v>
          </cell>
          <cell r="GG161" t="str">
            <v>庄野電気工事(株)</v>
          </cell>
          <cell r="GH161">
            <v>1848000</v>
          </cell>
          <cell r="GI161">
            <v>168000</v>
          </cell>
          <cell r="GJ161" t="str">
            <v/>
          </cell>
          <cell r="GL161" t="str">
            <v>第一種電気工事士</v>
          </cell>
          <cell r="GM161" t="str">
            <v>森本　英樹</v>
          </cell>
          <cell r="GN161" t="str">
            <v>第一種電気工事士</v>
          </cell>
          <cell r="GO161" t="str">
            <v>森本　英樹</v>
          </cell>
          <cell r="GP161">
            <v>44131</v>
          </cell>
          <cell r="GQ161">
            <v>69</v>
          </cell>
          <cell r="GT161" t="str">
            <v/>
          </cell>
          <cell r="GW161" t="str">
            <v/>
          </cell>
          <cell r="HO161" t="str">
            <v/>
          </cell>
          <cell r="HP161">
            <v>1690000</v>
          </cell>
          <cell r="HQ161">
            <v>1690000</v>
          </cell>
          <cell r="HR161">
            <v>1680000</v>
          </cell>
          <cell r="HS161">
            <v>1620000</v>
          </cell>
          <cell r="HT161">
            <v>1690000</v>
          </cell>
          <cell r="HU161" t="str">
            <v>-</v>
          </cell>
          <cell r="HV161">
            <v>1680000</v>
          </cell>
          <cell r="JD161" t="str">
            <v/>
          </cell>
          <cell r="JE161" t="str">
            <v/>
          </cell>
          <cell r="JF161" t="str">
            <v/>
          </cell>
          <cell r="JG161" t="str">
            <v/>
          </cell>
          <cell r="JH161" t="str">
            <v/>
          </cell>
          <cell r="JI161" t="str">
            <v/>
          </cell>
          <cell r="JJ161" t="str">
            <v/>
          </cell>
          <cell r="JK161" t="str">
            <v/>
          </cell>
          <cell r="JL161">
            <v>7</v>
          </cell>
          <cell r="JM161">
            <v>7</v>
          </cell>
          <cell r="JN161" t="str">
            <v/>
          </cell>
          <cell r="JO161" t="str">
            <v/>
          </cell>
          <cell r="JP161" t="str">
            <v/>
          </cell>
          <cell r="JQ161" t="str">
            <v/>
          </cell>
          <cell r="JR161" t="str">
            <v/>
          </cell>
          <cell r="JS161" t="str">
            <v/>
          </cell>
          <cell r="JT161" t="str">
            <v/>
          </cell>
          <cell r="JU161" t="str">
            <v/>
          </cell>
          <cell r="JV161" t="str">
            <v/>
          </cell>
          <cell r="JW161" t="str">
            <v/>
          </cell>
          <cell r="JX161" t="str">
            <v/>
          </cell>
          <cell r="JY161" t="str">
            <v/>
          </cell>
          <cell r="JZ161">
            <v>0.89361702127659559</v>
          </cell>
        </row>
        <row r="162">
          <cell r="C162" t="str">
            <v/>
          </cell>
          <cell r="D162" t="str">
            <v/>
          </cell>
          <cell r="E162" t="str">
            <v/>
          </cell>
          <cell r="I162">
            <v>154</v>
          </cell>
          <cell r="M162" t="str">
            <v>令和２年度旧伊丹市共同利用施設西センター及び旧伊丹市立桜台保育所解体工事</v>
          </cell>
          <cell r="Q162" t="str">
            <v>西セ桜保解体</v>
          </cell>
          <cell r="Y162">
            <v>1</v>
          </cell>
          <cell r="AC162">
            <v>1</v>
          </cell>
          <cell r="AI162" t="str">
            <v>伊丹市西野２丁目８５番地</v>
          </cell>
          <cell r="AM162" t="str">
            <v>建築解体撤去工事一式
電気設備解体撤去工事一式
機械設備解体撤去工事一式</v>
          </cell>
          <cell r="AQ162">
            <v>2</v>
          </cell>
          <cell r="AY162">
            <v>44071</v>
          </cell>
          <cell r="AZ162">
            <v>44076</v>
          </cell>
          <cell r="BA162">
            <v>199</v>
          </cell>
          <cell r="BB162">
            <v>44274</v>
          </cell>
          <cell r="BC162">
            <v>20</v>
          </cell>
          <cell r="BD162" t="str">
            <v>○</v>
          </cell>
          <cell r="BE162" t="str">
            <v>○</v>
          </cell>
          <cell r="BF162">
            <v>0.41736111111111113</v>
          </cell>
          <cell r="BG162">
            <v>7579</v>
          </cell>
          <cell r="BH162" t="str">
            <v>星野　和佐</v>
          </cell>
          <cell r="BI162" t="str">
            <v>営繕課</v>
          </cell>
          <cell r="BJ162">
            <v>4661</v>
          </cell>
          <cell r="BN162" t="str">
            <v>建</v>
          </cell>
          <cell r="BO162">
            <v>25</v>
          </cell>
          <cell r="BS162">
            <v>73370000</v>
          </cell>
          <cell r="BT162">
            <v>66700000</v>
          </cell>
          <cell r="BU162">
            <v>1</v>
          </cell>
          <cell r="BV162">
            <v>60720000</v>
          </cell>
          <cell r="BW162">
            <v>50489617</v>
          </cell>
          <cell r="BX162">
            <v>4369183</v>
          </cell>
          <cell r="BY162">
            <v>3741911</v>
          </cell>
          <cell r="BZ162">
            <v>8099289</v>
          </cell>
          <cell r="CH162">
            <v>79</v>
          </cell>
          <cell r="CI162">
            <v>44042</v>
          </cell>
          <cell r="CJ162" t="str">
            <v>一般</v>
          </cell>
          <cell r="CK162" t="str">
            <v>伊丹市内に本店</v>
          </cell>
          <cell r="CL162" t="str">
            <v>580点以上</v>
          </cell>
          <cell r="CP162">
            <v>54336</v>
          </cell>
          <cell r="CT162" t="str">
            <v>請負金額が1,500万円以上</v>
          </cell>
          <cell r="CW162">
            <v>44050</v>
          </cell>
          <cell r="CX162" t="str">
            <v/>
          </cell>
          <cell r="CY162" t="str">
            <v/>
          </cell>
          <cell r="CZ162" t="str">
            <v/>
          </cell>
          <cell r="DA162">
            <v>44060</v>
          </cell>
          <cell r="DB162">
            <v>44063</v>
          </cell>
          <cell r="DC162">
            <v>24</v>
          </cell>
          <cell r="DD162" t="str">
            <v>○</v>
          </cell>
          <cell r="DL162">
            <v>23</v>
          </cell>
          <cell r="DM162">
            <v>26</v>
          </cell>
          <cell r="DN162">
            <v>6</v>
          </cell>
          <cell r="DO162">
            <v>21</v>
          </cell>
          <cell r="DP162">
            <v>48</v>
          </cell>
          <cell r="DQ162">
            <v>53</v>
          </cell>
          <cell r="DR162">
            <v>176</v>
          </cell>
          <cell r="DS162">
            <v>211</v>
          </cell>
          <cell r="DT162">
            <v>314</v>
          </cell>
          <cell r="EZ162">
            <v>9</v>
          </cell>
          <cell r="FA162">
            <v>10</v>
          </cell>
          <cell r="FI162">
            <v>4</v>
          </cell>
          <cell r="FJ162" t="str">
            <v>事後審査型一般競争入札</v>
          </cell>
          <cell r="FN162">
            <v>4</v>
          </cell>
          <cell r="FO162" t="str">
            <v>電子入札</v>
          </cell>
          <cell r="FS162">
            <v>1</v>
          </cell>
          <cell r="FT162" t="str">
            <v/>
          </cell>
          <cell r="FU162" t="str">
            <v/>
          </cell>
          <cell r="FW162">
            <v>1</v>
          </cell>
          <cell r="FX162">
            <v>1</v>
          </cell>
          <cell r="FY162" t="str">
            <v>了</v>
          </cell>
          <cell r="GB162">
            <v>1</v>
          </cell>
          <cell r="GD162">
            <v>1</v>
          </cell>
          <cell r="GE162" t="str">
            <v>契約・検査課長　松本　嘉博</v>
          </cell>
          <cell r="GF162">
            <v>23</v>
          </cell>
          <cell r="GG162" t="str">
            <v>(株)林建設</v>
          </cell>
          <cell r="GH162">
            <v>72490000</v>
          </cell>
          <cell r="GI162">
            <v>6590000</v>
          </cell>
          <cell r="GJ162">
            <v>7249000</v>
          </cell>
          <cell r="GM162" t="str">
            <v>伊藤　隼人</v>
          </cell>
          <cell r="GN162" t="str">
            <v>一級建築施工管理技士 第B016600462</v>
          </cell>
          <cell r="GO162" t="str">
            <v>牧野　達行</v>
          </cell>
          <cell r="GT162" t="str">
            <v>要</v>
          </cell>
          <cell r="GV162">
            <v>181350</v>
          </cell>
          <cell r="GW162">
            <v>2.5017243757759693</v>
          </cell>
          <cell r="HO162" t="str">
            <v/>
          </cell>
          <cell r="HP162">
            <v>65900000</v>
          </cell>
          <cell r="HQ162">
            <v>60700000</v>
          </cell>
          <cell r="HR162" t="str">
            <v>-</v>
          </cell>
          <cell r="HS162" t="str">
            <v>-</v>
          </cell>
          <cell r="HT162" t="str">
            <v>-</v>
          </cell>
          <cell r="HU162" t="str">
            <v>-</v>
          </cell>
          <cell r="HV162" t="str">
            <v>-</v>
          </cell>
          <cell r="HW162" t="str">
            <v>-</v>
          </cell>
          <cell r="HX162" t="str">
            <v>-</v>
          </cell>
          <cell r="JD162" t="str">
            <v/>
          </cell>
          <cell r="JE162" t="str">
            <v/>
          </cell>
          <cell r="JF162" t="str">
            <v/>
          </cell>
          <cell r="JG162" t="str">
            <v/>
          </cell>
          <cell r="JH162">
            <v>25</v>
          </cell>
          <cell r="JI162">
            <v>25</v>
          </cell>
          <cell r="JJ162" t="str">
            <v/>
          </cell>
          <cell r="JK162" t="str">
            <v/>
          </cell>
          <cell r="JL162" t="str">
            <v/>
          </cell>
          <cell r="JM162" t="str">
            <v/>
          </cell>
          <cell r="JN162" t="str">
            <v/>
          </cell>
          <cell r="JO162" t="str">
            <v/>
          </cell>
          <cell r="JP162" t="str">
            <v/>
          </cell>
          <cell r="JQ162" t="str">
            <v/>
          </cell>
          <cell r="JR162" t="str">
            <v/>
          </cell>
          <cell r="JS162" t="str">
            <v/>
          </cell>
          <cell r="JT162" t="str">
            <v/>
          </cell>
          <cell r="JU162" t="str">
            <v/>
          </cell>
          <cell r="JV162" t="str">
            <v/>
          </cell>
          <cell r="JW162" t="str">
            <v/>
          </cell>
          <cell r="JX162" t="str">
            <v/>
          </cell>
          <cell r="JY162" t="str">
            <v/>
          </cell>
          <cell r="JZ162">
            <v>0.98800599700149916</v>
          </cell>
        </row>
        <row r="163">
          <cell r="C163" t="str">
            <v/>
          </cell>
          <cell r="D163" t="str">
            <v/>
          </cell>
          <cell r="E163" t="str">
            <v/>
          </cell>
          <cell r="I163">
            <v>155</v>
          </cell>
          <cell r="M163" t="str">
            <v>令和２年度旧伊丹市立緑幼稚園解体工事</v>
          </cell>
          <cell r="Q163" t="str">
            <v>緑幼稚園解体</v>
          </cell>
          <cell r="Y163">
            <v>1</v>
          </cell>
          <cell r="AC163">
            <v>1</v>
          </cell>
          <cell r="AI163" t="str">
            <v>伊丹市大鹿５丁目６７番地</v>
          </cell>
          <cell r="AM163" t="str">
            <v>建築解体撤去工事一式
電気設備解体撤去工事一式
機械設備解体撤去工事一式</v>
          </cell>
          <cell r="AQ163">
            <v>2</v>
          </cell>
          <cell r="AY163">
            <v>44071</v>
          </cell>
          <cell r="AZ163">
            <v>44076</v>
          </cell>
          <cell r="BA163">
            <v>115</v>
          </cell>
          <cell r="BB163">
            <v>44190</v>
          </cell>
          <cell r="BC163">
            <v>20</v>
          </cell>
          <cell r="BD163" t="str">
            <v>○</v>
          </cell>
          <cell r="BE163" t="str">
            <v>○</v>
          </cell>
          <cell r="BF163">
            <v>0.41805555555555557</v>
          </cell>
          <cell r="BG163">
            <v>7913</v>
          </cell>
          <cell r="BH163" t="str">
            <v>山下　諒</v>
          </cell>
          <cell r="BI163" t="str">
            <v>営繕課</v>
          </cell>
          <cell r="BJ163">
            <v>4784</v>
          </cell>
          <cell r="BN163" t="str">
            <v>建</v>
          </cell>
          <cell r="BO163">
            <v>26</v>
          </cell>
          <cell r="BS163">
            <v>46530000</v>
          </cell>
          <cell r="BT163">
            <v>42300000</v>
          </cell>
          <cell r="BU163">
            <v>1</v>
          </cell>
          <cell r="BV163">
            <v>38390000</v>
          </cell>
          <cell r="BW163">
            <v>31286100</v>
          </cell>
          <cell r="BX163">
            <v>4390933</v>
          </cell>
          <cell r="BY163">
            <v>1301837</v>
          </cell>
          <cell r="BZ163">
            <v>5321130</v>
          </cell>
          <cell r="CH163">
            <v>80</v>
          </cell>
          <cell r="CI163">
            <v>44042</v>
          </cell>
          <cell r="CJ163" t="str">
            <v>一般</v>
          </cell>
          <cell r="CK163" t="str">
            <v>伊丹市内に本店</v>
          </cell>
          <cell r="CL163" t="str">
            <v>580点以上</v>
          </cell>
          <cell r="CP163">
            <v>36447</v>
          </cell>
          <cell r="CT163" t="str">
            <v>請負金額が1,000万円以上</v>
          </cell>
          <cell r="CW163">
            <v>44050</v>
          </cell>
          <cell r="CX163" t="str">
            <v/>
          </cell>
          <cell r="CY163" t="str">
            <v/>
          </cell>
          <cell r="CZ163" t="str">
            <v/>
          </cell>
          <cell r="DA163">
            <v>44060</v>
          </cell>
          <cell r="DB163">
            <v>44063</v>
          </cell>
          <cell r="DC163">
            <v>26</v>
          </cell>
          <cell r="DD163" t="str">
            <v>○</v>
          </cell>
          <cell r="DL163">
            <v>6</v>
          </cell>
          <cell r="DM163">
            <v>211</v>
          </cell>
          <cell r="DN163">
            <v>21</v>
          </cell>
          <cell r="DO163">
            <v>53</v>
          </cell>
          <cell r="DP163">
            <v>26</v>
          </cell>
          <cell r="DQ163">
            <v>23</v>
          </cell>
          <cell r="DR163">
            <v>48</v>
          </cell>
          <cell r="DS163">
            <v>54</v>
          </cell>
          <cell r="DT163">
            <v>176</v>
          </cell>
          <cell r="DU163">
            <v>314</v>
          </cell>
          <cell r="EZ163">
            <v>10</v>
          </cell>
          <cell r="FA163">
            <v>8</v>
          </cell>
          <cell r="FI163">
            <v>4</v>
          </cell>
          <cell r="FJ163" t="str">
            <v>事後審査型一般競争入札</v>
          </cell>
          <cell r="FN163">
            <v>4</v>
          </cell>
          <cell r="FO163" t="str">
            <v>電子入札</v>
          </cell>
          <cell r="FS163">
            <v>1</v>
          </cell>
          <cell r="FT163" t="str">
            <v/>
          </cell>
          <cell r="FU163" t="str">
            <v/>
          </cell>
          <cell r="FW163">
            <v>1</v>
          </cell>
          <cell r="FX163">
            <v>1</v>
          </cell>
          <cell r="FY163" t="str">
            <v>了</v>
          </cell>
          <cell r="GD163">
            <v>1</v>
          </cell>
          <cell r="GE163" t="str">
            <v>契約・検査課長　松本　嘉博</v>
          </cell>
          <cell r="GF163">
            <v>6</v>
          </cell>
          <cell r="GG163" t="str">
            <v>(株)浜田組</v>
          </cell>
          <cell r="GH163">
            <v>42317000</v>
          </cell>
          <cell r="GI163">
            <v>3847000</v>
          </cell>
          <cell r="GJ163">
            <v>4232000</v>
          </cell>
          <cell r="GL163" t="str">
            <v>一級建築施工管理技士</v>
          </cell>
          <cell r="GM163" t="str">
            <v>小川　憲吾</v>
          </cell>
          <cell r="GN163" t="str">
            <v>一級建築施工管理技士</v>
          </cell>
          <cell r="GO163" t="str">
            <v>小川　憲吾</v>
          </cell>
          <cell r="GT163" t="str">
            <v>要</v>
          </cell>
          <cell r="GU163" t="str">
            <v>済</v>
          </cell>
          <cell r="GV163">
            <v>63550</v>
          </cell>
          <cell r="GW163">
            <v>1.5017605217761183</v>
          </cell>
          <cell r="HO163" t="str">
            <v/>
          </cell>
          <cell r="HP163">
            <v>38470000</v>
          </cell>
          <cell r="HQ163">
            <v>38479000</v>
          </cell>
          <cell r="HR163">
            <v>38480000</v>
          </cell>
          <cell r="HS163">
            <v>38490000</v>
          </cell>
          <cell r="HT163">
            <v>38610000</v>
          </cell>
          <cell r="HU163">
            <v>38380000</v>
          </cell>
          <cell r="HV163" t="str">
            <v>-</v>
          </cell>
          <cell r="HW163" t="str">
            <v>-</v>
          </cell>
          <cell r="HX163" t="str">
            <v>-</v>
          </cell>
          <cell r="HY163" t="str">
            <v>-</v>
          </cell>
          <cell r="JD163" t="str">
            <v/>
          </cell>
          <cell r="JE163" t="str">
            <v/>
          </cell>
          <cell r="JF163" t="str">
            <v/>
          </cell>
          <cell r="JG163" t="str">
            <v/>
          </cell>
          <cell r="JH163">
            <v>26</v>
          </cell>
          <cell r="JI163">
            <v>26</v>
          </cell>
          <cell r="JJ163" t="str">
            <v/>
          </cell>
          <cell r="JK163" t="str">
            <v/>
          </cell>
          <cell r="JL163" t="str">
            <v/>
          </cell>
          <cell r="JM163" t="str">
            <v/>
          </cell>
          <cell r="JN163" t="str">
            <v/>
          </cell>
          <cell r="JO163" t="str">
            <v/>
          </cell>
          <cell r="JP163" t="str">
            <v/>
          </cell>
          <cell r="JQ163" t="str">
            <v/>
          </cell>
          <cell r="JR163" t="str">
            <v/>
          </cell>
          <cell r="JS163" t="str">
            <v/>
          </cell>
          <cell r="JT163" t="str">
            <v/>
          </cell>
          <cell r="JU163" t="str">
            <v/>
          </cell>
          <cell r="JV163" t="str">
            <v/>
          </cell>
          <cell r="JW163" t="str">
            <v/>
          </cell>
          <cell r="JX163" t="str">
            <v/>
          </cell>
          <cell r="JY163" t="str">
            <v/>
          </cell>
          <cell r="JZ163">
            <v>0.90945626477541375</v>
          </cell>
        </row>
        <row r="164">
          <cell r="C164" t="str">
            <v/>
          </cell>
          <cell r="D164" t="str">
            <v/>
          </cell>
          <cell r="E164" t="str">
            <v/>
          </cell>
          <cell r="I164">
            <v>156</v>
          </cell>
          <cell r="M164" t="str">
            <v>令和２年度搬送用アイソレーター装置の購入</v>
          </cell>
          <cell r="Q164" t="str">
            <v>搬送用ｱｲｿﾚｰﾀｰ</v>
          </cell>
          <cell r="Y164">
            <v>1</v>
          </cell>
          <cell r="AC164">
            <v>8</v>
          </cell>
          <cell r="AD164">
            <v>1</v>
          </cell>
          <cell r="AI164" t="str">
            <v>伊丹市昆陽１丁目１－１伊丹市消防局</v>
          </cell>
          <cell r="AQ164">
            <v>1</v>
          </cell>
          <cell r="AY164">
            <v>44061</v>
          </cell>
          <cell r="AZ164">
            <v>44062</v>
          </cell>
          <cell r="BA164">
            <v>91</v>
          </cell>
          <cell r="BB164">
            <v>44152</v>
          </cell>
          <cell r="BC164" t="str">
            <v/>
          </cell>
          <cell r="BD164" t="str">
            <v/>
          </cell>
          <cell r="BE164" t="str">
            <v/>
          </cell>
          <cell r="BF164">
            <v>0.41944444444444445</v>
          </cell>
          <cell r="BG164">
            <v>5520</v>
          </cell>
          <cell r="BH164" t="str">
            <v>岩村　賢一</v>
          </cell>
          <cell r="BI164" t="str">
            <v>救急課</v>
          </cell>
          <cell r="BJ164">
            <v>6680224</v>
          </cell>
          <cell r="BN164" t="str">
            <v>物</v>
          </cell>
          <cell r="BO164">
            <v>22</v>
          </cell>
          <cell r="BS164">
            <v>1056000</v>
          </cell>
          <cell r="BT164">
            <v>960000</v>
          </cell>
          <cell r="BU164">
            <v>1</v>
          </cell>
          <cell r="BV164" t="str">
            <v/>
          </cell>
          <cell r="CD164" t="str">
            <v/>
          </cell>
          <cell r="CH164">
            <v>-72</v>
          </cell>
          <cell r="CI164">
            <v>44040</v>
          </cell>
          <cell r="CP164">
            <v>67775</v>
          </cell>
          <cell r="CW164" t="str">
            <v/>
          </cell>
          <cell r="CX164" t="str">
            <v/>
          </cell>
          <cell r="CY164" t="str">
            <v/>
          </cell>
          <cell r="CZ164" t="str">
            <v/>
          </cell>
          <cell r="DA164">
            <v>44047</v>
          </cell>
          <cell r="DB164">
            <v>44049</v>
          </cell>
          <cell r="DD164" t="str">
            <v/>
          </cell>
          <cell r="DL164">
            <v>10422</v>
          </cell>
          <cell r="DM164">
            <v>10817</v>
          </cell>
          <cell r="DN164">
            <v>11897</v>
          </cell>
          <cell r="DO164">
            <v>10106</v>
          </cell>
          <cell r="DP164">
            <v>10032</v>
          </cell>
          <cell r="DQ164">
            <v>11256</v>
          </cell>
          <cell r="DR164">
            <v>10443</v>
          </cell>
          <cell r="DS164">
            <v>11288</v>
          </cell>
          <cell r="DT164">
            <v>12697</v>
          </cell>
          <cell r="DU164">
            <v>10426</v>
          </cell>
          <cell r="DV164">
            <v>10094</v>
          </cell>
          <cell r="EZ164">
            <v>11</v>
          </cell>
          <cell r="FA164">
            <v>6</v>
          </cell>
          <cell r="FI164">
            <v>5</v>
          </cell>
          <cell r="FJ164" t="str">
            <v>指名競争入札（簡易認証）</v>
          </cell>
          <cell r="FN164">
            <v>4</v>
          </cell>
          <cell r="FO164" t="str">
            <v>電子入札</v>
          </cell>
          <cell r="FS164">
            <v>3</v>
          </cell>
          <cell r="FT164" t="str">
            <v/>
          </cell>
          <cell r="FU164" t="str">
            <v/>
          </cell>
          <cell r="FW164" t="str">
            <v/>
          </cell>
          <cell r="FY164" t="str">
            <v/>
          </cell>
          <cell r="GD164">
            <v>1</v>
          </cell>
          <cell r="GE164" t="str">
            <v>契約・検査課長　松本　嘉博</v>
          </cell>
          <cell r="GF164" t="str">
            <v>-</v>
          </cell>
          <cell r="GG164" t="str">
            <v>×</v>
          </cell>
          <cell r="GI164" t="str">
            <v/>
          </cell>
          <cell r="GJ164" t="str">
            <v/>
          </cell>
          <cell r="GT164" t="str">
            <v/>
          </cell>
          <cell r="GW164" t="str">
            <v/>
          </cell>
          <cell r="HO164" t="str">
            <v/>
          </cell>
          <cell r="HP164" t="str">
            <v>-</v>
          </cell>
          <cell r="HQ164" t="str">
            <v>-</v>
          </cell>
          <cell r="HR164" t="str">
            <v>-</v>
          </cell>
          <cell r="HS164" t="str">
            <v>-</v>
          </cell>
          <cell r="HT164" t="str">
            <v>-</v>
          </cell>
          <cell r="HU164" t="str">
            <v>-</v>
          </cell>
          <cell r="HV164" t="str">
            <v>-</v>
          </cell>
          <cell r="HW164" t="str">
            <v>-</v>
          </cell>
          <cell r="HX164" t="str">
            <v>-</v>
          </cell>
          <cell r="HY164" t="str">
            <v>-</v>
          </cell>
          <cell r="HZ164" t="str">
            <v>-</v>
          </cell>
          <cell r="JD164" t="str">
            <v/>
          </cell>
          <cell r="JE164" t="str">
            <v/>
          </cell>
          <cell r="JF164" t="str">
            <v/>
          </cell>
          <cell r="JG164" t="str">
            <v/>
          </cell>
          <cell r="JH164" t="str">
            <v/>
          </cell>
          <cell r="JI164" t="str">
            <v/>
          </cell>
          <cell r="JJ164" t="str">
            <v/>
          </cell>
          <cell r="JK164" t="str">
            <v/>
          </cell>
          <cell r="JL164" t="str">
            <v/>
          </cell>
          <cell r="JM164" t="str">
            <v/>
          </cell>
          <cell r="JN164" t="str">
            <v/>
          </cell>
          <cell r="JO164" t="str">
            <v/>
          </cell>
          <cell r="JP164">
            <v>22</v>
          </cell>
          <cell r="JQ164">
            <v>22</v>
          </cell>
          <cell r="JR164" t="str">
            <v/>
          </cell>
          <cell r="JS164" t="str">
            <v/>
          </cell>
          <cell r="JT164" t="str">
            <v/>
          </cell>
          <cell r="JU164" t="str">
            <v/>
          </cell>
          <cell r="JV164" t="str">
            <v/>
          </cell>
          <cell r="JW164" t="str">
            <v/>
          </cell>
          <cell r="JX164" t="str">
            <v/>
          </cell>
          <cell r="JY164" t="str">
            <v/>
          </cell>
          <cell r="JZ164" t="str">
            <v/>
          </cell>
        </row>
        <row r="165">
          <cell r="C165" t="str">
            <v/>
          </cell>
          <cell r="D165" t="str">
            <v/>
          </cell>
          <cell r="E165" t="str">
            <v/>
          </cell>
          <cell r="I165">
            <v>157</v>
          </cell>
          <cell r="M165" t="str">
            <v>令和２年度小学校給食センター牛乳保冷庫購入（製造の請負）</v>
          </cell>
          <cell r="Q165" t="str">
            <v>牛乳保冷庫</v>
          </cell>
          <cell r="Y165">
            <v>1</v>
          </cell>
          <cell r="AC165">
            <v>8</v>
          </cell>
          <cell r="AD165">
            <v>3</v>
          </cell>
          <cell r="AI165" t="str">
            <v>伊丹市森本１丁目８番地の１他２ヵ所</v>
          </cell>
          <cell r="AQ165">
            <v>1</v>
          </cell>
          <cell r="AY165">
            <v>44071</v>
          </cell>
          <cell r="AZ165">
            <v>44074</v>
          </cell>
          <cell r="BA165">
            <v>152</v>
          </cell>
          <cell r="BB165">
            <v>44225</v>
          </cell>
          <cell r="BC165" t="str">
            <v/>
          </cell>
          <cell r="BD165" t="str">
            <v/>
          </cell>
          <cell r="BE165" t="str">
            <v/>
          </cell>
          <cell r="BF165">
            <v>0.41736111111111113</v>
          </cell>
          <cell r="BG165">
            <v>6338</v>
          </cell>
          <cell r="BH165" t="str">
            <v>安福  奈津子</v>
          </cell>
          <cell r="BI165" t="str">
            <v>小学校給食センター</v>
          </cell>
          <cell r="BJ165" t="str">
            <v>782-0400</v>
          </cell>
          <cell r="BN165" t="str">
            <v>物</v>
          </cell>
          <cell r="BO165">
            <v>23</v>
          </cell>
          <cell r="BS165">
            <v>2613600</v>
          </cell>
          <cell r="BT165">
            <v>2370000</v>
          </cell>
          <cell r="BU165">
            <v>1</v>
          </cell>
          <cell r="BV165" t="str">
            <v/>
          </cell>
          <cell r="CD165" t="str">
            <v/>
          </cell>
          <cell r="CH165">
            <v>-73</v>
          </cell>
          <cell r="CI165">
            <v>44048</v>
          </cell>
          <cell r="CP165">
            <v>52491</v>
          </cell>
          <cell r="CW165" t="str">
            <v/>
          </cell>
          <cell r="CX165" t="str">
            <v/>
          </cell>
          <cell r="CY165" t="str">
            <v/>
          </cell>
          <cell r="CZ165" t="str">
            <v/>
          </cell>
          <cell r="DA165">
            <v>44063</v>
          </cell>
          <cell r="DB165">
            <v>44068</v>
          </cell>
          <cell r="DD165" t="str">
            <v/>
          </cell>
          <cell r="DL165">
            <v>10725</v>
          </cell>
          <cell r="DM165">
            <v>10744</v>
          </cell>
          <cell r="DN165">
            <v>11174</v>
          </cell>
          <cell r="DO165">
            <v>11527</v>
          </cell>
          <cell r="DP165">
            <v>11269</v>
          </cell>
          <cell r="DQ165">
            <v>11753</v>
          </cell>
          <cell r="DR165">
            <v>10946</v>
          </cell>
          <cell r="DS165">
            <v>10597</v>
          </cell>
          <cell r="DT165">
            <v>11709</v>
          </cell>
          <cell r="DU165">
            <v>11541</v>
          </cell>
          <cell r="DV165">
            <v>10598</v>
          </cell>
          <cell r="EZ165">
            <v>11</v>
          </cell>
          <cell r="FA165">
            <v>6</v>
          </cell>
          <cell r="FI165">
            <v>5</v>
          </cell>
          <cell r="FJ165" t="str">
            <v>指名競争入札（簡易認証）</v>
          </cell>
          <cell r="FN165">
            <v>4</v>
          </cell>
          <cell r="FO165" t="str">
            <v>電子入札</v>
          </cell>
          <cell r="FS165">
            <v>3</v>
          </cell>
          <cell r="FT165" t="str">
            <v/>
          </cell>
          <cell r="FU165" t="str">
            <v/>
          </cell>
          <cell r="FW165" t="str">
            <v/>
          </cell>
          <cell r="FY165" t="str">
            <v/>
          </cell>
          <cell r="GD165">
            <v>1</v>
          </cell>
          <cell r="GE165" t="str">
            <v>契約・検査課長　松本　嘉博</v>
          </cell>
          <cell r="GF165">
            <v>11174</v>
          </cell>
          <cell r="GG165" t="str">
            <v>日本調理機(株)</v>
          </cell>
          <cell r="GH165">
            <v>1716000</v>
          </cell>
          <cell r="GI165">
            <v>156000</v>
          </cell>
          <cell r="GJ165" t="str">
            <v/>
          </cell>
          <cell r="GL165" t="str">
            <v>１級厨房設備機能士</v>
          </cell>
          <cell r="GM165" t="str">
            <v>高畠　司</v>
          </cell>
          <cell r="GN165" t="str">
            <v>１級厨房設備機能士</v>
          </cell>
          <cell r="GO165" t="str">
            <v>高畠　司</v>
          </cell>
          <cell r="GT165" t="str">
            <v/>
          </cell>
          <cell r="GW165" t="str">
            <v/>
          </cell>
          <cell r="HO165" t="str">
            <v/>
          </cell>
          <cell r="HP165">
            <v>1800000</v>
          </cell>
          <cell r="HQ165">
            <v>1850000</v>
          </cell>
          <cell r="HR165">
            <v>1560000</v>
          </cell>
          <cell r="HS165">
            <v>1971000</v>
          </cell>
          <cell r="HT165">
            <v>1700000</v>
          </cell>
          <cell r="HU165" t="str">
            <v>-</v>
          </cell>
          <cell r="HV165">
            <v>1650000</v>
          </cell>
          <cell r="HW165">
            <v>1800000</v>
          </cell>
          <cell r="HX165" t="str">
            <v>-</v>
          </cell>
          <cell r="HY165" t="str">
            <v>-</v>
          </cell>
          <cell r="HZ165" t="str">
            <v>-</v>
          </cell>
          <cell r="JD165" t="str">
            <v/>
          </cell>
          <cell r="JE165" t="str">
            <v/>
          </cell>
          <cell r="JF165" t="str">
            <v/>
          </cell>
          <cell r="JG165" t="str">
            <v/>
          </cell>
          <cell r="JH165" t="str">
            <v/>
          </cell>
          <cell r="JI165" t="str">
            <v/>
          </cell>
          <cell r="JJ165" t="str">
            <v/>
          </cell>
          <cell r="JK165" t="str">
            <v/>
          </cell>
          <cell r="JL165" t="str">
            <v/>
          </cell>
          <cell r="JM165" t="str">
            <v/>
          </cell>
          <cell r="JN165" t="str">
            <v/>
          </cell>
          <cell r="JO165" t="str">
            <v/>
          </cell>
          <cell r="JP165">
            <v>23</v>
          </cell>
          <cell r="JQ165">
            <v>23</v>
          </cell>
          <cell r="JR165" t="str">
            <v/>
          </cell>
          <cell r="JS165" t="str">
            <v/>
          </cell>
          <cell r="JT165" t="str">
            <v/>
          </cell>
          <cell r="JU165" t="str">
            <v/>
          </cell>
          <cell r="JV165" t="str">
            <v/>
          </cell>
          <cell r="JW165" t="str">
            <v/>
          </cell>
          <cell r="JX165" t="str">
            <v/>
          </cell>
          <cell r="JY165" t="str">
            <v/>
          </cell>
          <cell r="JZ165">
            <v>0.65822784810126578</v>
          </cell>
        </row>
        <row r="166">
          <cell r="C166" t="str">
            <v/>
          </cell>
          <cell r="D166" t="str">
            <v/>
          </cell>
          <cell r="E166" t="str">
            <v/>
          </cell>
          <cell r="I166">
            <v>158</v>
          </cell>
          <cell r="M166" t="str">
            <v>令和２年度伊丹市人権・男女共同参画に関する市民意識調査委託業務</v>
          </cell>
          <cell r="Q166" t="str">
            <v>男女共同意識調査</v>
          </cell>
          <cell r="Y166">
            <v>1</v>
          </cell>
          <cell r="AC166">
            <v>8</v>
          </cell>
          <cell r="AD166">
            <v>8</v>
          </cell>
          <cell r="AI166" t="str">
            <v>伊丹市</v>
          </cell>
          <cell r="AQ166">
            <v>1</v>
          </cell>
          <cell r="AY166">
            <v>44069</v>
          </cell>
          <cell r="AZ166">
            <v>44070</v>
          </cell>
          <cell r="BA166">
            <v>217</v>
          </cell>
          <cell r="BB166">
            <v>44286</v>
          </cell>
          <cell r="BC166" t="str">
            <v/>
          </cell>
          <cell r="BD166" t="str">
            <v/>
          </cell>
          <cell r="BE166" t="str">
            <v/>
          </cell>
          <cell r="BF166">
            <v>0.41736111111111113</v>
          </cell>
          <cell r="BG166">
            <v>5508</v>
          </cell>
          <cell r="BH166" t="str">
            <v>筒井  好子</v>
          </cell>
          <cell r="BI166" t="str">
            <v>同和・人権推進課</v>
          </cell>
          <cell r="BJ166">
            <v>2338</v>
          </cell>
          <cell r="BN166" t="str">
            <v>他</v>
          </cell>
          <cell r="BO166">
            <v>50</v>
          </cell>
          <cell r="BS166">
            <v>3052000</v>
          </cell>
          <cell r="BT166">
            <v>2770000</v>
          </cell>
          <cell r="BU166" t="str">
            <v/>
          </cell>
          <cell r="BV166" t="str">
            <v/>
          </cell>
          <cell r="CD166" t="str">
            <v/>
          </cell>
          <cell r="CH166">
            <v>-74</v>
          </cell>
          <cell r="CI166">
            <v>44047</v>
          </cell>
          <cell r="CP166">
            <v>74787</v>
          </cell>
          <cell r="CW166" t="str">
            <v/>
          </cell>
          <cell r="CX166" t="str">
            <v/>
          </cell>
          <cell r="CY166" t="str">
            <v/>
          </cell>
          <cell r="CZ166" t="str">
            <v/>
          </cell>
          <cell r="DA166">
            <v>44061</v>
          </cell>
          <cell r="DB166">
            <v>44064</v>
          </cell>
          <cell r="DD166" t="str">
            <v/>
          </cell>
          <cell r="DL166">
            <v>10184</v>
          </cell>
          <cell r="DM166">
            <v>10773</v>
          </cell>
          <cell r="DN166">
            <v>11467</v>
          </cell>
          <cell r="DO166">
            <v>11120</v>
          </cell>
          <cell r="DP166">
            <v>11258</v>
          </cell>
          <cell r="DQ166">
            <v>10225</v>
          </cell>
          <cell r="DR166">
            <v>11025</v>
          </cell>
          <cell r="DS166">
            <v>11301</v>
          </cell>
          <cell r="DT166">
            <v>12956</v>
          </cell>
          <cell r="DU166">
            <v>10729</v>
          </cell>
          <cell r="DV166">
            <v>10197</v>
          </cell>
          <cell r="EZ166">
            <v>11</v>
          </cell>
          <cell r="FA166">
            <v>6</v>
          </cell>
          <cell r="FI166">
            <v>5</v>
          </cell>
          <cell r="FJ166" t="str">
            <v>指名競争入札（簡易認証）</v>
          </cell>
          <cell r="FN166">
            <v>4</v>
          </cell>
          <cell r="FO166" t="str">
            <v>電子入札</v>
          </cell>
          <cell r="FS166">
            <v>5</v>
          </cell>
          <cell r="FT166" t="str">
            <v/>
          </cell>
          <cell r="FU166" t="str">
            <v/>
          </cell>
          <cell r="FW166" t="str">
            <v/>
          </cell>
          <cell r="FY166" t="str">
            <v/>
          </cell>
          <cell r="GD166">
            <v>1</v>
          </cell>
          <cell r="GE166" t="str">
            <v>契約・検査課長　松本　嘉博</v>
          </cell>
          <cell r="GF166">
            <v>11258</v>
          </cell>
          <cell r="GG166" t="str">
            <v>(株)名豊</v>
          </cell>
          <cell r="GH166">
            <v>1848000</v>
          </cell>
          <cell r="GI166">
            <v>168000</v>
          </cell>
          <cell r="GJ166" t="str">
            <v/>
          </cell>
          <cell r="GM166" t="str">
            <v>山本　美紗</v>
          </cell>
          <cell r="GO166" t="str">
            <v>糸魚川　耕二</v>
          </cell>
          <cell r="GT166" t="str">
            <v/>
          </cell>
          <cell r="GW166" t="str">
            <v/>
          </cell>
          <cell r="HO166" t="str">
            <v/>
          </cell>
          <cell r="HP166">
            <v>2150000</v>
          </cell>
          <cell r="HQ166">
            <v>1690000</v>
          </cell>
          <cell r="HR166" t="str">
            <v>-</v>
          </cell>
          <cell r="HS166" t="str">
            <v>-</v>
          </cell>
          <cell r="HT166">
            <v>1680000</v>
          </cell>
          <cell r="HU166">
            <v>2500000</v>
          </cell>
          <cell r="HV166" t="str">
            <v>-</v>
          </cell>
          <cell r="HW166" t="str">
            <v>-</v>
          </cell>
          <cell r="HX166" t="str">
            <v>-</v>
          </cell>
          <cell r="HY166">
            <v>2100000</v>
          </cell>
          <cell r="HZ166" t="str">
            <v>-</v>
          </cell>
          <cell r="JD166" t="str">
            <v/>
          </cell>
          <cell r="JE166" t="str">
            <v/>
          </cell>
          <cell r="JF166" t="str">
            <v/>
          </cell>
          <cell r="JG166" t="str">
            <v/>
          </cell>
          <cell r="JH166" t="str">
            <v/>
          </cell>
          <cell r="JI166" t="str">
            <v/>
          </cell>
          <cell r="JJ166" t="str">
            <v/>
          </cell>
          <cell r="JK166" t="str">
            <v/>
          </cell>
          <cell r="JL166" t="str">
            <v/>
          </cell>
          <cell r="JM166" t="str">
            <v/>
          </cell>
          <cell r="JN166" t="str">
            <v/>
          </cell>
          <cell r="JO166" t="str">
            <v/>
          </cell>
          <cell r="JP166" t="str">
            <v/>
          </cell>
          <cell r="JQ166" t="str">
            <v/>
          </cell>
          <cell r="JR166" t="str">
            <v/>
          </cell>
          <cell r="JS166" t="str">
            <v/>
          </cell>
          <cell r="JT166" t="str">
            <v/>
          </cell>
          <cell r="JU166" t="str">
            <v/>
          </cell>
          <cell r="JV166" t="str">
            <v/>
          </cell>
          <cell r="JW166" t="str">
            <v/>
          </cell>
          <cell r="JX166">
            <v>50</v>
          </cell>
          <cell r="JY166">
            <v>47</v>
          </cell>
          <cell r="JZ166">
            <v>0.60649819494584833</v>
          </cell>
        </row>
        <row r="167">
          <cell r="C167" t="str">
            <v/>
          </cell>
          <cell r="D167" t="str">
            <v/>
          </cell>
          <cell r="E167" t="str">
            <v/>
          </cell>
          <cell r="I167">
            <v>159</v>
          </cell>
          <cell r="M167" t="str">
            <v>令和２年度納税通知書等刷成及び封入封緘業務（その２）</v>
          </cell>
          <cell r="Q167" t="str">
            <v>資納通封入封緘２</v>
          </cell>
          <cell r="Y167">
            <v>1</v>
          </cell>
          <cell r="AC167">
            <v>8</v>
          </cell>
          <cell r="AD167">
            <v>8</v>
          </cell>
          <cell r="AI167" t="str">
            <v>伊丹市</v>
          </cell>
          <cell r="AQ167">
            <v>1</v>
          </cell>
          <cell r="AY167">
            <v>44071</v>
          </cell>
          <cell r="AZ167">
            <v>44074</v>
          </cell>
          <cell r="BA167">
            <v>213</v>
          </cell>
          <cell r="BB167">
            <v>44286</v>
          </cell>
          <cell r="BC167" t="str">
            <v/>
          </cell>
          <cell r="BD167" t="str">
            <v/>
          </cell>
          <cell r="BE167" t="str">
            <v/>
          </cell>
          <cell r="BF167">
            <v>0.41875000000000001</v>
          </cell>
          <cell r="BG167">
            <v>7876</v>
          </cell>
          <cell r="BH167" t="str">
            <v>増田　裕紀</v>
          </cell>
          <cell r="BI167" t="str">
            <v>資産税課</v>
          </cell>
          <cell r="BJ167">
            <v>4831</v>
          </cell>
          <cell r="BN167" t="str">
            <v>他</v>
          </cell>
          <cell r="BO167">
            <v>51</v>
          </cell>
          <cell r="BS167">
            <v>4697000</v>
          </cell>
          <cell r="BT167">
            <v>4270000</v>
          </cell>
          <cell r="BU167">
            <v>1</v>
          </cell>
          <cell r="BV167" t="str">
            <v/>
          </cell>
          <cell r="CD167" t="str">
            <v/>
          </cell>
          <cell r="CH167">
            <v>-76</v>
          </cell>
          <cell r="CI167">
            <v>44049</v>
          </cell>
          <cell r="CP167">
            <v>44758</v>
          </cell>
          <cell r="CW167" t="str">
            <v/>
          </cell>
          <cell r="CX167" t="str">
            <v/>
          </cell>
          <cell r="CY167" t="str">
            <v/>
          </cell>
          <cell r="CZ167" t="str">
            <v/>
          </cell>
          <cell r="DA167">
            <v>44063</v>
          </cell>
          <cell r="DB167">
            <v>44068</v>
          </cell>
          <cell r="DD167" t="str">
            <v/>
          </cell>
          <cell r="DL167">
            <v>10945</v>
          </cell>
          <cell r="DM167">
            <v>11925</v>
          </cell>
          <cell r="DN167">
            <v>11479</v>
          </cell>
          <cell r="DO167">
            <v>10501</v>
          </cell>
          <cell r="DP167">
            <v>10750</v>
          </cell>
          <cell r="DQ167">
            <v>10986</v>
          </cell>
          <cell r="DR167">
            <v>11595</v>
          </cell>
          <cell r="DS167">
            <v>12853</v>
          </cell>
          <cell r="DT167">
            <v>10851</v>
          </cell>
          <cell r="DU167">
            <v>11481</v>
          </cell>
          <cell r="DV167">
            <v>10160</v>
          </cell>
          <cell r="DW167">
            <v>10130</v>
          </cell>
          <cell r="EZ167">
            <v>12</v>
          </cell>
          <cell r="FA167">
            <v>6</v>
          </cell>
          <cell r="FI167">
            <v>5</v>
          </cell>
          <cell r="FJ167" t="str">
            <v>指名競争入札（簡易認証）</v>
          </cell>
          <cell r="FN167">
            <v>4</v>
          </cell>
          <cell r="FO167" t="str">
            <v>電子入札</v>
          </cell>
          <cell r="FS167">
            <v>5</v>
          </cell>
          <cell r="FT167" t="str">
            <v/>
          </cell>
          <cell r="FU167" t="str">
            <v/>
          </cell>
          <cell r="FW167" t="str">
            <v/>
          </cell>
          <cell r="FY167" t="str">
            <v/>
          </cell>
          <cell r="GD167">
            <v>1</v>
          </cell>
          <cell r="GE167" t="str">
            <v>契約・検査課長　松本　嘉博</v>
          </cell>
          <cell r="GF167">
            <v>10945</v>
          </cell>
          <cell r="GG167" t="str">
            <v>塚田印刷(株)</v>
          </cell>
          <cell r="GH167">
            <v>4548500</v>
          </cell>
          <cell r="GI167">
            <v>413500</v>
          </cell>
          <cell r="GJ167">
            <v>455000</v>
          </cell>
          <cell r="GM167" t="str">
            <v>内田　圭治</v>
          </cell>
          <cell r="GO167" t="str">
            <v>有田　仁</v>
          </cell>
          <cell r="GT167" t="str">
            <v/>
          </cell>
          <cell r="GW167" t="str">
            <v/>
          </cell>
          <cell r="HO167" t="str">
            <v/>
          </cell>
          <cell r="HP167">
            <v>4135000</v>
          </cell>
          <cell r="HQ167">
            <v>4599000</v>
          </cell>
          <cell r="HR167" t="str">
            <v>-</v>
          </cell>
          <cell r="HS167" t="str">
            <v>-</v>
          </cell>
          <cell r="HT167" t="str">
            <v>-</v>
          </cell>
          <cell r="HU167">
            <v>4850000</v>
          </cell>
          <cell r="HV167" t="str">
            <v>-</v>
          </cell>
          <cell r="HW167" t="str">
            <v>-</v>
          </cell>
          <cell r="HX167">
            <v>4680000</v>
          </cell>
          <cell r="HY167" t="str">
            <v>-</v>
          </cell>
          <cell r="HZ167" t="str">
            <v>-</v>
          </cell>
          <cell r="IA167" t="str">
            <v>-</v>
          </cell>
          <cell r="JD167" t="str">
            <v/>
          </cell>
          <cell r="JE167" t="str">
            <v/>
          </cell>
          <cell r="JF167" t="str">
            <v/>
          </cell>
          <cell r="JG167" t="str">
            <v/>
          </cell>
          <cell r="JH167" t="str">
            <v/>
          </cell>
          <cell r="JI167" t="str">
            <v/>
          </cell>
          <cell r="JJ167" t="str">
            <v/>
          </cell>
          <cell r="JK167" t="str">
            <v/>
          </cell>
          <cell r="JL167" t="str">
            <v/>
          </cell>
          <cell r="JM167" t="str">
            <v/>
          </cell>
          <cell r="JN167" t="str">
            <v/>
          </cell>
          <cell r="JO167" t="str">
            <v/>
          </cell>
          <cell r="JP167" t="str">
            <v/>
          </cell>
          <cell r="JQ167" t="str">
            <v/>
          </cell>
          <cell r="JR167" t="str">
            <v/>
          </cell>
          <cell r="JS167" t="str">
            <v/>
          </cell>
          <cell r="JT167" t="str">
            <v/>
          </cell>
          <cell r="JU167" t="str">
            <v/>
          </cell>
          <cell r="JV167" t="str">
            <v/>
          </cell>
          <cell r="JW167" t="str">
            <v/>
          </cell>
          <cell r="JX167">
            <v>51</v>
          </cell>
          <cell r="JY167">
            <v>48</v>
          </cell>
          <cell r="JZ167">
            <v>0.96838407494145184</v>
          </cell>
        </row>
        <row r="168">
          <cell r="C168" t="str">
            <v/>
          </cell>
          <cell r="D168" t="str">
            <v/>
          </cell>
          <cell r="E168" t="str">
            <v/>
          </cell>
          <cell r="I168">
            <v>160</v>
          </cell>
          <cell r="M168" t="str">
            <v>令和２年度伊丹市立小・中・特別支援学校モバイルルータの購入（入札期日変更）</v>
          </cell>
          <cell r="Q168" t="str">
            <v>ﾓﾊﾞｲﾙﾙｰﾀ期日変更</v>
          </cell>
          <cell r="Y168">
            <v>1</v>
          </cell>
          <cell r="AC168">
            <v>8</v>
          </cell>
          <cell r="AD168">
            <v>1</v>
          </cell>
          <cell r="AI168" t="str">
            <v>伊丹市千僧１丁目１番地総合教育センター</v>
          </cell>
          <cell r="AQ168">
            <v>1</v>
          </cell>
          <cell r="AY168">
            <v>44043</v>
          </cell>
          <cell r="AZ168">
            <v>44043</v>
          </cell>
          <cell r="BA168">
            <v>32</v>
          </cell>
          <cell r="BB168">
            <v>44074</v>
          </cell>
          <cell r="BC168" t="str">
            <v/>
          </cell>
          <cell r="BD168" t="str">
            <v/>
          </cell>
          <cell r="BE168" t="str">
            <v/>
          </cell>
          <cell r="BF168">
            <v>0.58402777777777781</v>
          </cell>
          <cell r="BG168">
            <v>7548</v>
          </cell>
          <cell r="BH168" t="str">
            <v>片岡　栄二郎</v>
          </cell>
          <cell r="BI168" t="str">
            <v>総合教育センター</v>
          </cell>
          <cell r="BJ168">
            <v>4649</v>
          </cell>
          <cell r="BN168" t="str">
            <v>物</v>
          </cell>
          <cell r="BO168">
            <v>24</v>
          </cell>
          <cell r="BS168">
            <v>1200000</v>
          </cell>
          <cell r="BT168">
            <v>1090000</v>
          </cell>
          <cell r="BU168">
            <v>1</v>
          </cell>
          <cell r="BV168" t="str">
            <v/>
          </cell>
          <cell r="CD168" t="str">
            <v/>
          </cell>
          <cell r="CH168">
            <v>-57</v>
          </cell>
          <cell r="CI168">
            <v>44040</v>
          </cell>
          <cell r="CP168">
            <v>46064</v>
          </cell>
          <cell r="CW168" t="str">
            <v/>
          </cell>
          <cell r="CX168" t="str">
            <v/>
          </cell>
          <cell r="CY168" t="str">
            <v/>
          </cell>
          <cell r="CZ168" t="str">
            <v/>
          </cell>
          <cell r="DA168">
            <v>44040</v>
          </cell>
          <cell r="DB168">
            <v>44040</v>
          </cell>
          <cell r="DD168" t="str">
            <v/>
          </cell>
          <cell r="DL168">
            <v>11227</v>
          </cell>
          <cell r="DM168">
            <v>10075</v>
          </cell>
          <cell r="DN168">
            <v>10434</v>
          </cell>
          <cell r="DO168">
            <v>10220</v>
          </cell>
          <cell r="DP168">
            <v>11716</v>
          </cell>
          <cell r="DQ168">
            <v>10669</v>
          </cell>
          <cell r="DR168">
            <v>12608</v>
          </cell>
          <cell r="DS168">
            <v>10529</v>
          </cell>
          <cell r="DT168">
            <v>11334</v>
          </cell>
          <cell r="DU168">
            <v>10402</v>
          </cell>
          <cell r="DV168">
            <v>10795</v>
          </cell>
          <cell r="DW168">
            <v>10793</v>
          </cell>
          <cell r="DX168">
            <v>10089</v>
          </cell>
          <cell r="DY168">
            <v>10107</v>
          </cell>
          <cell r="DZ168">
            <v>10158</v>
          </cell>
          <cell r="EA168">
            <v>10357</v>
          </cell>
          <cell r="EB168">
            <v>10556</v>
          </cell>
          <cell r="EC168">
            <v>11188</v>
          </cell>
          <cell r="EZ168">
            <v>18</v>
          </cell>
          <cell r="FA168">
            <v>6</v>
          </cell>
          <cell r="FI168">
            <v>5</v>
          </cell>
          <cell r="FJ168" t="str">
            <v>指名競争入札（簡易認証）</v>
          </cell>
          <cell r="FN168">
            <v>4</v>
          </cell>
          <cell r="FO168" t="str">
            <v>電子入札</v>
          </cell>
          <cell r="FS168">
            <v>3</v>
          </cell>
          <cell r="FT168" t="str">
            <v/>
          </cell>
          <cell r="FU168" t="str">
            <v/>
          </cell>
          <cell r="FW168" t="str">
            <v/>
          </cell>
          <cell r="FY168" t="str">
            <v/>
          </cell>
          <cell r="GD168">
            <v>1</v>
          </cell>
          <cell r="GE168" t="str">
            <v>契約・検査課長　松本　嘉博</v>
          </cell>
          <cell r="GF168">
            <v>12608</v>
          </cell>
          <cell r="GG168" t="str">
            <v>日興通信(株)</v>
          </cell>
          <cell r="GH168">
            <v>1029600</v>
          </cell>
          <cell r="GI168">
            <v>93600</v>
          </cell>
          <cell r="GJ168" t="str">
            <v/>
          </cell>
          <cell r="GT168" t="str">
            <v/>
          </cell>
          <cell r="GW168" t="str">
            <v/>
          </cell>
          <cell r="HO168" t="str">
            <v/>
          </cell>
          <cell r="HP168">
            <v>1368000</v>
          </cell>
          <cell r="HQ168">
            <v>993600</v>
          </cell>
          <cell r="HR168" t="str">
            <v>-</v>
          </cell>
          <cell r="HS168" t="str">
            <v>-</v>
          </cell>
          <cell r="HT168" t="str">
            <v>-</v>
          </cell>
          <cell r="HU168" t="str">
            <v>-</v>
          </cell>
          <cell r="HV168">
            <v>936000</v>
          </cell>
          <cell r="HW168" t="str">
            <v>-</v>
          </cell>
          <cell r="HX168" t="str">
            <v>-</v>
          </cell>
          <cell r="HY168" t="str">
            <v>-</v>
          </cell>
          <cell r="HZ168" t="str">
            <v>-</v>
          </cell>
          <cell r="IA168">
            <v>996000</v>
          </cell>
          <cell r="IB168" t="str">
            <v>-</v>
          </cell>
          <cell r="IC168" t="str">
            <v>-</v>
          </cell>
          <cell r="ID168" t="str">
            <v>-</v>
          </cell>
          <cell r="IE168">
            <v>1164000</v>
          </cell>
          <cell r="IF168" t="str">
            <v>-</v>
          </cell>
          <cell r="IG168" t="str">
            <v>-</v>
          </cell>
          <cell r="JD168" t="str">
            <v/>
          </cell>
          <cell r="JE168" t="str">
            <v/>
          </cell>
          <cell r="JF168" t="str">
            <v/>
          </cell>
          <cell r="JG168" t="str">
            <v/>
          </cell>
          <cell r="JH168" t="str">
            <v/>
          </cell>
          <cell r="JI168" t="str">
            <v/>
          </cell>
          <cell r="JJ168" t="str">
            <v/>
          </cell>
          <cell r="JK168" t="str">
            <v/>
          </cell>
          <cell r="JL168" t="str">
            <v/>
          </cell>
          <cell r="JM168" t="str">
            <v/>
          </cell>
          <cell r="JN168" t="str">
            <v/>
          </cell>
          <cell r="JO168" t="str">
            <v/>
          </cell>
          <cell r="JP168">
            <v>24</v>
          </cell>
          <cell r="JQ168">
            <v>24</v>
          </cell>
          <cell r="JR168" t="str">
            <v/>
          </cell>
          <cell r="JS168" t="str">
            <v/>
          </cell>
          <cell r="JT168" t="str">
            <v/>
          </cell>
          <cell r="JU168" t="str">
            <v/>
          </cell>
          <cell r="JV168" t="str">
            <v/>
          </cell>
          <cell r="JW168" t="str">
            <v/>
          </cell>
          <cell r="JX168" t="str">
            <v/>
          </cell>
          <cell r="JY168" t="str">
            <v/>
          </cell>
          <cell r="JZ168">
            <v>0.85871559633027517</v>
          </cell>
        </row>
        <row r="169">
          <cell r="C169" t="str">
            <v/>
          </cell>
          <cell r="D169" t="str">
            <v/>
          </cell>
          <cell r="E169" t="str">
            <v/>
          </cell>
          <cell r="I169">
            <v>161</v>
          </cell>
          <cell r="M169" t="str">
            <v>令和２年度廃棄物運搬・処理委託業務（旧伊丹市立緑幼稚園）その２</v>
          </cell>
          <cell r="Q169" t="str">
            <v>緑幼稚園廃棄２</v>
          </cell>
          <cell r="Y169">
            <v>1</v>
          </cell>
          <cell r="AC169">
            <v>8</v>
          </cell>
          <cell r="AD169">
            <v>8</v>
          </cell>
          <cell r="AI169" t="str">
            <v>伊丹市大鹿５丁目６７番地</v>
          </cell>
          <cell r="AQ169">
            <v>1</v>
          </cell>
          <cell r="AY169">
            <v>44062</v>
          </cell>
          <cell r="AZ169">
            <v>44062</v>
          </cell>
          <cell r="BA169">
            <v>43</v>
          </cell>
          <cell r="BB169">
            <v>44104</v>
          </cell>
          <cell r="BC169" t="str">
            <v/>
          </cell>
          <cell r="BD169" t="str">
            <v/>
          </cell>
          <cell r="BE169" t="str">
            <v/>
          </cell>
          <cell r="BF169">
            <v>0.58402777777777781</v>
          </cell>
          <cell r="BG169">
            <v>6095</v>
          </cell>
          <cell r="BH169" t="str">
            <v>竹中  やよい</v>
          </cell>
          <cell r="BI169" t="str">
            <v>幼児教育推進課</v>
          </cell>
          <cell r="BJ169">
            <v>4268</v>
          </cell>
          <cell r="BN169" t="str">
            <v>他</v>
          </cell>
          <cell r="BO169">
            <v>52</v>
          </cell>
          <cell r="BS169">
            <v>1811700</v>
          </cell>
          <cell r="BT169">
            <v>1640000</v>
          </cell>
          <cell r="BU169" t="str">
            <v/>
          </cell>
          <cell r="BV169" t="str">
            <v/>
          </cell>
          <cell r="CD169" t="str">
            <v/>
          </cell>
          <cell r="CH169">
            <v>-75</v>
          </cell>
          <cell r="CI169">
            <v>44041</v>
          </cell>
          <cell r="CP169">
            <v>94614</v>
          </cell>
          <cell r="CW169" t="str">
            <v/>
          </cell>
          <cell r="CX169" t="str">
            <v/>
          </cell>
          <cell r="CY169" t="str">
            <v/>
          </cell>
          <cell r="CZ169" t="str">
            <v/>
          </cell>
          <cell r="DA169">
            <v>44048</v>
          </cell>
          <cell r="DB169">
            <v>44050</v>
          </cell>
          <cell r="DD169" t="str">
            <v/>
          </cell>
          <cell r="DL169">
            <v>10273</v>
          </cell>
          <cell r="DM169">
            <v>10353</v>
          </cell>
          <cell r="DN169">
            <v>10514</v>
          </cell>
          <cell r="DO169">
            <v>10886</v>
          </cell>
          <cell r="DP169">
            <v>10969</v>
          </cell>
          <cell r="DQ169">
            <v>11082</v>
          </cell>
          <cell r="DR169">
            <v>11266</v>
          </cell>
          <cell r="DS169">
            <v>11843</v>
          </cell>
          <cell r="EZ169">
            <v>8</v>
          </cell>
          <cell r="FA169">
            <v>6</v>
          </cell>
          <cell r="FI169">
            <v>5</v>
          </cell>
          <cell r="FJ169" t="str">
            <v>指名競争入札（簡易認証）</v>
          </cell>
          <cell r="FN169">
            <v>4</v>
          </cell>
          <cell r="FO169" t="str">
            <v>電子入札</v>
          </cell>
          <cell r="FS169">
            <v>5</v>
          </cell>
          <cell r="FT169" t="str">
            <v/>
          </cell>
          <cell r="FU169" t="str">
            <v/>
          </cell>
          <cell r="FW169" t="str">
            <v/>
          </cell>
          <cell r="FY169" t="str">
            <v/>
          </cell>
          <cell r="GD169">
            <v>1</v>
          </cell>
          <cell r="GE169" t="str">
            <v>契約・検査課長　松本　嘉博</v>
          </cell>
          <cell r="GF169">
            <v>10886</v>
          </cell>
          <cell r="GG169" t="str">
            <v>(株)大協</v>
          </cell>
          <cell r="GH169">
            <v>1628000</v>
          </cell>
          <cell r="GI169">
            <v>148000</v>
          </cell>
          <cell r="GJ169" t="str">
            <v/>
          </cell>
          <cell r="GL169" t="str">
            <v>大型自動車免許,普通自動二輪車免許</v>
          </cell>
          <cell r="GM169" t="str">
            <v>奥野　智一</v>
          </cell>
          <cell r="GN169" t="str">
            <v>大型自動車免許,普通自動二輪車免許</v>
          </cell>
          <cell r="GO169" t="str">
            <v>奥野　智一</v>
          </cell>
          <cell r="GT169" t="str">
            <v/>
          </cell>
          <cell r="GW169" t="str">
            <v/>
          </cell>
          <cell r="HO169" t="str">
            <v/>
          </cell>
          <cell r="HP169">
            <v>1640000</v>
          </cell>
          <cell r="HQ169" t="str">
            <v>-</v>
          </cell>
          <cell r="HR169" t="str">
            <v>-</v>
          </cell>
          <cell r="HS169">
            <v>1480000</v>
          </cell>
          <cell r="HT169">
            <v>1640000</v>
          </cell>
          <cell r="HU169">
            <v>1640000</v>
          </cell>
          <cell r="HV169">
            <v>1640000</v>
          </cell>
          <cell r="HW169">
            <v>1635000</v>
          </cell>
          <cell r="JD169" t="str">
            <v/>
          </cell>
          <cell r="JE169" t="str">
            <v/>
          </cell>
          <cell r="JF169" t="str">
            <v/>
          </cell>
          <cell r="JG169" t="str">
            <v/>
          </cell>
          <cell r="JH169" t="str">
            <v/>
          </cell>
          <cell r="JI169" t="str">
            <v/>
          </cell>
          <cell r="JJ169" t="str">
            <v/>
          </cell>
          <cell r="JK169" t="str">
            <v/>
          </cell>
          <cell r="JL169" t="str">
            <v/>
          </cell>
          <cell r="JM169" t="str">
            <v/>
          </cell>
          <cell r="JN169" t="str">
            <v/>
          </cell>
          <cell r="JO169" t="str">
            <v/>
          </cell>
          <cell r="JP169" t="str">
            <v/>
          </cell>
          <cell r="JQ169" t="str">
            <v/>
          </cell>
          <cell r="JR169" t="str">
            <v/>
          </cell>
          <cell r="JS169" t="str">
            <v/>
          </cell>
          <cell r="JT169" t="str">
            <v/>
          </cell>
          <cell r="JU169" t="str">
            <v/>
          </cell>
          <cell r="JV169" t="str">
            <v/>
          </cell>
          <cell r="JW169" t="str">
            <v/>
          </cell>
          <cell r="JX169">
            <v>52</v>
          </cell>
          <cell r="JY169">
            <v>49</v>
          </cell>
          <cell r="JZ169">
            <v>0.90243902439024382</v>
          </cell>
        </row>
        <row r="170">
          <cell r="C170" t="str">
            <v/>
          </cell>
          <cell r="D170" t="str">
            <v/>
          </cell>
          <cell r="E170" t="str">
            <v/>
          </cell>
          <cell r="I170">
            <v>162</v>
          </cell>
          <cell r="K170">
            <v>1</v>
          </cell>
          <cell r="M170" t="str">
            <v>令和２年度新型コロナウイルス感染拡大に係る物品の購入（衛生用品）</v>
          </cell>
          <cell r="Q170" t="str">
            <v>衛生用品</v>
          </cell>
          <cell r="Y170">
            <v>1</v>
          </cell>
          <cell r="AC170">
            <v>8</v>
          </cell>
          <cell r="AD170">
            <v>1</v>
          </cell>
          <cell r="AI170" t="str">
            <v>伊丹市内の公立幼稚園および公私立保育施設、認定こども園</v>
          </cell>
          <cell r="AQ170">
            <v>3</v>
          </cell>
          <cell r="AU170">
            <v>2</v>
          </cell>
          <cell r="AY170" t="str">
            <v/>
          </cell>
          <cell r="BA170">
            <v>44197</v>
          </cell>
          <cell r="BB170">
            <v>44196</v>
          </cell>
          <cell r="BC170" t="str">
            <v/>
          </cell>
          <cell r="BD170" t="str">
            <v/>
          </cell>
          <cell r="BE170" t="str">
            <v/>
          </cell>
          <cell r="BG170">
            <v>5819</v>
          </cell>
          <cell r="BH170" t="str">
            <v>原田　桂子</v>
          </cell>
          <cell r="BI170" t="str">
            <v>幼児教育推進課</v>
          </cell>
          <cell r="BJ170">
            <v>4241</v>
          </cell>
          <cell r="BN170" t="str">
            <v>物</v>
          </cell>
          <cell r="BO170">
            <v>25</v>
          </cell>
          <cell r="BU170">
            <v>1</v>
          </cell>
          <cell r="BV170" t="str">
            <v/>
          </cell>
          <cell r="CD170" t="str">
            <v/>
          </cell>
          <cell r="CH170">
            <v>-77</v>
          </cell>
          <cell r="CI170">
            <v>44060</v>
          </cell>
          <cell r="CP170">
            <v>87879</v>
          </cell>
          <cell r="CW170" t="str">
            <v/>
          </cell>
          <cell r="CX170" t="str">
            <v/>
          </cell>
          <cell r="CY170" t="str">
            <v/>
          </cell>
          <cell r="CZ170" t="str">
            <v/>
          </cell>
          <cell r="DD170" t="str">
            <v/>
          </cell>
          <cell r="DL170">
            <v>10249</v>
          </cell>
          <cell r="DM170">
            <v>11381</v>
          </cell>
          <cell r="DN170">
            <v>11598</v>
          </cell>
          <cell r="DO170">
            <v>10556</v>
          </cell>
          <cell r="DP170">
            <v>10793</v>
          </cell>
          <cell r="DQ170">
            <v>10687</v>
          </cell>
          <cell r="DR170">
            <v>11597</v>
          </cell>
          <cell r="DS170">
            <v>11134</v>
          </cell>
          <cell r="DT170">
            <v>10004</v>
          </cell>
          <cell r="DU170">
            <v>11385</v>
          </cell>
          <cell r="DV170">
            <v>11945</v>
          </cell>
          <cell r="DW170">
            <v>11108</v>
          </cell>
          <cell r="DX170">
            <v>11446</v>
          </cell>
          <cell r="DY170">
            <v>11538</v>
          </cell>
          <cell r="DZ170">
            <v>12688</v>
          </cell>
          <cell r="EA170">
            <v>10639</v>
          </cell>
          <cell r="EB170">
            <v>10744</v>
          </cell>
          <cell r="EC170">
            <v>11897</v>
          </cell>
          <cell r="ED170">
            <v>10143</v>
          </cell>
          <cell r="EE170">
            <v>12131</v>
          </cell>
          <cell r="EF170">
            <v>10484</v>
          </cell>
          <cell r="EG170">
            <v>12770</v>
          </cell>
          <cell r="EH170">
            <v>10162</v>
          </cell>
          <cell r="EI170">
            <v>10705</v>
          </cell>
          <cell r="EZ170">
            <v>24</v>
          </cell>
          <cell r="FA170" t="str">
            <v/>
          </cell>
          <cell r="FI170">
            <v>5</v>
          </cell>
          <cell r="FJ170" t="str">
            <v>指名競争入札（簡易認証）</v>
          </cell>
          <cell r="FN170">
            <v>4</v>
          </cell>
          <cell r="FO170" t="str">
            <v>電子入札</v>
          </cell>
          <cell r="FS170">
            <v>3</v>
          </cell>
          <cell r="FT170" t="str">
            <v/>
          </cell>
          <cell r="FU170" t="str">
            <v/>
          </cell>
          <cell r="FW170" t="str">
            <v/>
          </cell>
          <cell r="FY170" t="str">
            <v/>
          </cell>
          <cell r="GD170">
            <v>1</v>
          </cell>
          <cell r="GE170" t="str">
            <v>契約・検査課長　松本　嘉博</v>
          </cell>
          <cell r="GG170" t="str">
            <v/>
          </cell>
          <cell r="GI170" t="str">
            <v/>
          </cell>
          <cell r="GJ170" t="str">
            <v/>
          </cell>
          <cell r="GT170" t="str">
            <v/>
          </cell>
          <cell r="GW170" t="str">
            <v/>
          </cell>
          <cell r="HO170" t="str">
            <v/>
          </cell>
          <cell r="JD170" t="str">
            <v/>
          </cell>
          <cell r="JE170" t="str">
            <v/>
          </cell>
          <cell r="JF170" t="str">
            <v/>
          </cell>
          <cell r="JG170" t="str">
            <v/>
          </cell>
          <cell r="JH170" t="str">
            <v/>
          </cell>
          <cell r="JI170" t="str">
            <v/>
          </cell>
          <cell r="JJ170" t="str">
            <v/>
          </cell>
          <cell r="JK170" t="str">
            <v/>
          </cell>
          <cell r="JL170" t="str">
            <v/>
          </cell>
          <cell r="JM170" t="str">
            <v/>
          </cell>
          <cell r="JN170" t="str">
            <v/>
          </cell>
          <cell r="JO170" t="str">
            <v/>
          </cell>
          <cell r="JP170">
            <v>25</v>
          </cell>
          <cell r="JQ170">
            <v>25</v>
          </cell>
          <cell r="JR170" t="str">
            <v/>
          </cell>
          <cell r="JS170" t="str">
            <v/>
          </cell>
          <cell r="JT170" t="str">
            <v/>
          </cell>
          <cell r="JU170" t="str">
            <v/>
          </cell>
          <cell r="JV170" t="str">
            <v/>
          </cell>
          <cell r="JW170" t="str">
            <v/>
          </cell>
          <cell r="JX170" t="str">
            <v/>
          </cell>
          <cell r="JY170" t="str">
            <v/>
          </cell>
          <cell r="JZ170" t="str">
            <v/>
          </cell>
        </row>
        <row r="171">
          <cell r="C171" t="str">
            <v/>
          </cell>
          <cell r="D171" t="str">
            <v/>
          </cell>
          <cell r="E171" t="str">
            <v/>
          </cell>
          <cell r="I171">
            <v>163</v>
          </cell>
          <cell r="K171">
            <v>1</v>
          </cell>
          <cell r="M171" t="str">
            <v>令和２年度新型コロナウイルス感染拡大に係る物品の購入（次亜塩素酸ナトリウム）</v>
          </cell>
          <cell r="Q171" t="str">
            <v>次亜塩素酸ﾅﾄﾘｳﾑ</v>
          </cell>
          <cell r="Y171">
            <v>1</v>
          </cell>
          <cell r="AC171">
            <v>8</v>
          </cell>
          <cell r="AD171">
            <v>1</v>
          </cell>
          <cell r="AI171" t="str">
            <v>伊丹市内の公立幼稚園および公私立保育施設、認定こども園</v>
          </cell>
          <cell r="AQ171">
            <v>3</v>
          </cell>
          <cell r="AU171">
            <v>2</v>
          </cell>
          <cell r="AY171" t="str">
            <v/>
          </cell>
          <cell r="BA171">
            <v>44197</v>
          </cell>
          <cell r="BB171">
            <v>44196</v>
          </cell>
          <cell r="BC171" t="str">
            <v/>
          </cell>
          <cell r="BD171" t="str">
            <v/>
          </cell>
          <cell r="BE171" t="str">
            <v/>
          </cell>
          <cell r="BG171">
            <v>5819</v>
          </cell>
          <cell r="BH171" t="str">
            <v>原田　桂子</v>
          </cell>
          <cell r="BI171" t="str">
            <v>幼児教育推進課</v>
          </cell>
          <cell r="BJ171">
            <v>4241</v>
          </cell>
          <cell r="BN171" t="str">
            <v>物</v>
          </cell>
          <cell r="BO171">
            <v>26</v>
          </cell>
          <cell r="BU171">
            <v>1</v>
          </cell>
          <cell r="BV171" t="str">
            <v/>
          </cell>
          <cell r="CD171" t="str">
            <v/>
          </cell>
          <cell r="CH171">
            <v>-78</v>
          </cell>
          <cell r="CI171">
            <v>44060</v>
          </cell>
          <cell r="CP171">
            <v>37259</v>
          </cell>
          <cell r="CW171" t="str">
            <v/>
          </cell>
          <cell r="CX171" t="str">
            <v/>
          </cell>
          <cell r="CY171" t="str">
            <v/>
          </cell>
          <cell r="CZ171" t="str">
            <v/>
          </cell>
          <cell r="DD171" t="str">
            <v/>
          </cell>
          <cell r="EZ171" t="str">
            <v/>
          </cell>
          <cell r="FA171" t="str">
            <v/>
          </cell>
          <cell r="FI171">
            <v>5</v>
          </cell>
          <cell r="FJ171" t="str">
            <v>指名競争入札（簡易認証）</v>
          </cell>
          <cell r="FN171">
            <v>4</v>
          </cell>
          <cell r="FO171" t="str">
            <v>電子入札</v>
          </cell>
          <cell r="FS171">
            <v>3</v>
          </cell>
          <cell r="FT171" t="str">
            <v/>
          </cell>
          <cell r="FU171" t="str">
            <v/>
          </cell>
          <cell r="FW171" t="str">
            <v/>
          </cell>
          <cell r="FY171" t="str">
            <v/>
          </cell>
          <cell r="GD171">
            <v>1</v>
          </cell>
          <cell r="GE171" t="str">
            <v>契約・検査課長　松本　嘉博</v>
          </cell>
          <cell r="GG171" t="str">
            <v/>
          </cell>
          <cell r="GI171" t="str">
            <v/>
          </cell>
          <cell r="GJ171" t="str">
            <v/>
          </cell>
          <cell r="GT171" t="str">
            <v/>
          </cell>
          <cell r="GW171" t="str">
            <v/>
          </cell>
          <cell r="HO171" t="str">
            <v/>
          </cell>
          <cell r="JD171" t="str">
            <v/>
          </cell>
          <cell r="JE171" t="str">
            <v/>
          </cell>
          <cell r="JF171" t="str">
            <v/>
          </cell>
          <cell r="JG171" t="str">
            <v/>
          </cell>
          <cell r="JH171" t="str">
            <v/>
          </cell>
          <cell r="JI171" t="str">
            <v/>
          </cell>
          <cell r="JJ171" t="str">
            <v/>
          </cell>
          <cell r="JK171" t="str">
            <v/>
          </cell>
          <cell r="JL171" t="str">
            <v/>
          </cell>
          <cell r="JM171" t="str">
            <v/>
          </cell>
          <cell r="JN171" t="str">
            <v/>
          </cell>
          <cell r="JO171" t="str">
            <v/>
          </cell>
          <cell r="JP171">
            <v>26</v>
          </cell>
          <cell r="JQ171">
            <v>26</v>
          </cell>
          <cell r="JR171" t="str">
            <v/>
          </cell>
          <cell r="JS171" t="str">
            <v/>
          </cell>
          <cell r="JT171" t="str">
            <v/>
          </cell>
          <cell r="JU171" t="str">
            <v/>
          </cell>
          <cell r="JV171" t="str">
            <v/>
          </cell>
          <cell r="JW171" t="str">
            <v/>
          </cell>
          <cell r="JX171" t="str">
            <v/>
          </cell>
          <cell r="JY171" t="str">
            <v/>
          </cell>
          <cell r="JZ171" t="str">
            <v/>
          </cell>
        </row>
        <row r="172">
          <cell r="C172" t="str">
            <v/>
          </cell>
          <cell r="D172" t="str">
            <v/>
          </cell>
          <cell r="E172" t="str">
            <v/>
          </cell>
          <cell r="I172">
            <v>164</v>
          </cell>
          <cell r="K172">
            <v>1</v>
          </cell>
          <cell r="M172" t="str">
            <v>令和２年度新型コロナウイルス感染拡大に係る物品の購入（エタノール製剤）</v>
          </cell>
          <cell r="Q172" t="str">
            <v>エタノール製剤</v>
          </cell>
          <cell r="Y172">
            <v>1</v>
          </cell>
          <cell r="AC172">
            <v>8</v>
          </cell>
          <cell r="AD172">
            <v>1</v>
          </cell>
          <cell r="AI172" t="str">
            <v>伊丹市内の公立幼稚園および公私立保育施設、認定こども園</v>
          </cell>
          <cell r="AQ172">
            <v>3</v>
          </cell>
          <cell r="AU172">
            <v>2</v>
          </cell>
          <cell r="AY172" t="str">
            <v/>
          </cell>
          <cell r="BA172">
            <v>44197</v>
          </cell>
          <cell r="BB172">
            <v>44196</v>
          </cell>
          <cell r="BC172" t="str">
            <v/>
          </cell>
          <cell r="BD172" t="str">
            <v/>
          </cell>
          <cell r="BE172" t="str">
            <v/>
          </cell>
          <cell r="BG172">
            <v>5819</v>
          </cell>
          <cell r="BH172" t="str">
            <v>原田　桂子</v>
          </cell>
          <cell r="BI172" t="str">
            <v>幼児教育推進課</v>
          </cell>
          <cell r="BJ172">
            <v>4241</v>
          </cell>
          <cell r="BN172" t="str">
            <v>物</v>
          </cell>
          <cell r="BO172">
            <v>27</v>
          </cell>
          <cell r="BU172">
            <v>1</v>
          </cell>
          <cell r="BV172" t="str">
            <v/>
          </cell>
          <cell r="CD172" t="str">
            <v/>
          </cell>
          <cell r="CH172">
            <v>-79</v>
          </cell>
          <cell r="CI172">
            <v>44060</v>
          </cell>
          <cell r="CP172">
            <v>88720</v>
          </cell>
          <cell r="CW172" t="str">
            <v/>
          </cell>
          <cell r="CX172" t="str">
            <v/>
          </cell>
          <cell r="CY172" t="str">
            <v/>
          </cell>
          <cell r="CZ172" t="str">
            <v/>
          </cell>
          <cell r="DD172" t="str">
            <v/>
          </cell>
          <cell r="DL172">
            <v>10249</v>
          </cell>
          <cell r="DM172">
            <v>11381</v>
          </cell>
          <cell r="DN172">
            <v>11598</v>
          </cell>
          <cell r="DO172">
            <v>10556</v>
          </cell>
          <cell r="DP172">
            <v>10793</v>
          </cell>
          <cell r="DQ172">
            <v>10687</v>
          </cell>
          <cell r="DR172">
            <v>11597</v>
          </cell>
          <cell r="DS172">
            <v>11134</v>
          </cell>
          <cell r="DT172">
            <v>10004</v>
          </cell>
          <cell r="DU172">
            <v>11385</v>
          </cell>
          <cell r="DV172">
            <v>11945</v>
          </cell>
          <cell r="DW172">
            <v>11108</v>
          </cell>
          <cell r="DX172">
            <v>11446</v>
          </cell>
          <cell r="DY172">
            <v>11538</v>
          </cell>
          <cell r="DZ172">
            <v>12688</v>
          </cell>
          <cell r="EA172">
            <v>10639</v>
          </cell>
          <cell r="EB172">
            <v>10744</v>
          </cell>
          <cell r="EC172">
            <v>11541</v>
          </cell>
          <cell r="ED172">
            <v>11623</v>
          </cell>
          <cell r="EE172">
            <v>10669</v>
          </cell>
          <cell r="EZ172">
            <v>20</v>
          </cell>
          <cell r="FA172" t="str">
            <v/>
          </cell>
          <cell r="FI172">
            <v>5</v>
          </cell>
          <cell r="FJ172" t="str">
            <v>指名競争入札（簡易認証）</v>
          </cell>
          <cell r="FN172">
            <v>4</v>
          </cell>
          <cell r="FO172" t="str">
            <v>電子入札</v>
          </cell>
          <cell r="FS172">
            <v>3</v>
          </cell>
          <cell r="FT172" t="str">
            <v/>
          </cell>
          <cell r="FU172" t="str">
            <v/>
          </cell>
          <cell r="FW172" t="str">
            <v/>
          </cell>
          <cell r="FY172" t="str">
            <v/>
          </cell>
          <cell r="GD172">
            <v>1</v>
          </cell>
          <cell r="GE172" t="str">
            <v>契約・検査課長　松本　嘉博</v>
          </cell>
          <cell r="GG172" t="str">
            <v/>
          </cell>
          <cell r="GI172" t="str">
            <v/>
          </cell>
          <cell r="GJ172" t="str">
            <v/>
          </cell>
          <cell r="GT172" t="str">
            <v/>
          </cell>
          <cell r="GW172" t="str">
            <v/>
          </cell>
          <cell r="HO172" t="str">
            <v/>
          </cell>
          <cell r="JD172" t="str">
            <v/>
          </cell>
          <cell r="JE172" t="str">
            <v/>
          </cell>
          <cell r="JF172" t="str">
            <v/>
          </cell>
          <cell r="JG172" t="str">
            <v/>
          </cell>
          <cell r="JH172" t="str">
            <v/>
          </cell>
          <cell r="JI172" t="str">
            <v/>
          </cell>
          <cell r="JJ172" t="str">
            <v/>
          </cell>
          <cell r="JK172" t="str">
            <v/>
          </cell>
          <cell r="JL172" t="str">
            <v/>
          </cell>
          <cell r="JM172" t="str">
            <v/>
          </cell>
          <cell r="JN172" t="str">
            <v/>
          </cell>
          <cell r="JO172" t="str">
            <v/>
          </cell>
          <cell r="JP172">
            <v>27</v>
          </cell>
          <cell r="JQ172">
            <v>27</v>
          </cell>
          <cell r="JR172" t="str">
            <v/>
          </cell>
          <cell r="JS172" t="str">
            <v/>
          </cell>
          <cell r="JT172" t="str">
            <v/>
          </cell>
          <cell r="JU172" t="str">
            <v/>
          </cell>
          <cell r="JV172" t="str">
            <v/>
          </cell>
          <cell r="JW172" t="str">
            <v/>
          </cell>
          <cell r="JX172" t="str">
            <v/>
          </cell>
          <cell r="JY172" t="str">
            <v/>
          </cell>
          <cell r="JZ172" t="str">
            <v/>
          </cell>
        </row>
        <row r="173">
          <cell r="C173" t="str">
            <v/>
          </cell>
          <cell r="D173" t="str">
            <v/>
          </cell>
          <cell r="E173" t="str">
            <v/>
          </cell>
          <cell r="I173">
            <v>165</v>
          </cell>
          <cell r="K173">
            <v>1</v>
          </cell>
          <cell r="M173" t="str">
            <v>令和２年度新型コロナウイルス感染拡大に係る物品の購入（手洗い石鹸液）</v>
          </cell>
          <cell r="Q173" t="str">
            <v>手洗い石鹸液</v>
          </cell>
          <cell r="Y173">
            <v>1</v>
          </cell>
          <cell r="AC173">
            <v>8</v>
          </cell>
          <cell r="AD173">
            <v>1</v>
          </cell>
          <cell r="AI173" t="str">
            <v>伊丹市内の公立幼稚園および公私立保育施設、認定こども園</v>
          </cell>
          <cell r="AQ173">
            <v>3</v>
          </cell>
          <cell r="AU173">
            <v>2</v>
          </cell>
          <cell r="AY173" t="str">
            <v/>
          </cell>
          <cell r="BA173">
            <v>44197</v>
          </cell>
          <cell r="BB173">
            <v>44196</v>
          </cell>
          <cell r="BC173" t="str">
            <v/>
          </cell>
          <cell r="BD173" t="str">
            <v/>
          </cell>
          <cell r="BE173" t="str">
            <v/>
          </cell>
          <cell r="BG173">
            <v>5819</v>
          </cell>
          <cell r="BH173" t="str">
            <v>原田　桂子</v>
          </cell>
          <cell r="BI173" t="str">
            <v>幼児教育推進課</v>
          </cell>
          <cell r="BJ173">
            <v>4241</v>
          </cell>
          <cell r="BN173" t="str">
            <v>物</v>
          </cell>
          <cell r="BO173">
            <v>28</v>
          </cell>
          <cell r="BU173">
            <v>1</v>
          </cell>
          <cell r="BV173" t="str">
            <v/>
          </cell>
          <cell r="CD173" t="str">
            <v/>
          </cell>
          <cell r="CH173">
            <v>-80</v>
          </cell>
          <cell r="CI173">
            <v>44060</v>
          </cell>
          <cell r="CP173">
            <v>20982</v>
          </cell>
          <cell r="CW173" t="str">
            <v/>
          </cell>
          <cell r="CX173" t="str">
            <v/>
          </cell>
          <cell r="CY173" t="str">
            <v/>
          </cell>
          <cell r="CZ173" t="str">
            <v/>
          </cell>
          <cell r="DD173" t="str">
            <v/>
          </cell>
          <cell r="DL173">
            <v>10249</v>
          </cell>
          <cell r="DM173">
            <v>11381</v>
          </cell>
          <cell r="DN173">
            <v>11598</v>
          </cell>
          <cell r="DO173">
            <v>10556</v>
          </cell>
          <cell r="DP173">
            <v>10793</v>
          </cell>
          <cell r="DQ173">
            <v>10687</v>
          </cell>
          <cell r="DR173">
            <v>11597</v>
          </cell>
          <cell r="DS173">
            <v>11134</v>
          </cell>
          <cell r="DT173">
            <v>10004</v>
          </cell>
          <cell r="DU173">
            <v>11385</v>
          </cell>
          <cell r="DV173">
            <v>11945</v>
          </cell>
          <cell r="DW173">
            <v>11108</v>
          </cell>
          <cell r="DX173">
            <v>11446</v>
          </cell>
          <cell r="DY173">
            <v>11538</v>
          </cell>
          <cell r="DZ173">
            <v>12688</v>
          </cell>
          <cell r="EA173">
            <v>10639</v>
          </cell>
          <cell r="EB173">
            <v>10744</v>
          </cell>
          <cell r="EC173">
            <v>11169</v>
          </cell>
          <cell r="ED173">
            <v>10250</v>
          </cell>
          <cell r="EZ173">
            <v>19</v>
          </cell>
          <cell r="FA173" t="str">
            <v/>
          </cell>
          <cell r="FI173">
            <v>5</v>
          </cell>
          <cell r="FJ173" t="str">
            <v>指名競争入札（簡易認証）</v>
          </cell>
          <cell r="FN173">
            <v>4</v>
          </cell>
          <cell r="FO173" t="str">
            <v>電子入札</v>
          </cell>
          <cell r="FS173">
            <v>3</v>
          </cell>
          <cell r="FT173" t="str">
            <v/>
          </cell>
          <cell r="FU173" t="str">
            <v/>
          </cell>
          <cell r="FW173" t="str">
            <v/>
          </cell>
          <cell r="FY173" t="str">
            <v/>
          </cell>
          <cell r="GD173">
            <v>1</v>
          </cell>
          <cell r="GE173" t="str">
            <v>契約・検査課長　松本　嘉博</v>
          </cell>
          <cell r="GG173" t="str">
            <v/>
          </cell>
          <cell r="GI173" t="str">
            <v/>
          </cell>
          <cell r="GJ173" t="str">
            <v/>
          </cell>
          <cell r="GT173" t="str">
            <v/>
          </cell>
          <cell r="GW173" t="str">
            <v/>
          </cell>
          <cell r="HO173" t="str">
            <v/>
          </cell>
          <cell r="JD173" t="str">
            <v/>
          </cell>
          <cell r="JE173" t="str">
            <v/>
          </cell>
          <cell r="JF173" t="str">
            <v/>
          </cell>
          <cell r="JG173" t="str">
            <v/>
          </cell>
          <cell r="JH173" t="str">
            <v/>
          </cell>
          <cell r="JI173" t="str">
            <v/>
          </cell>
          <cell r="JJ173" t="str">
            <v/>
          </cell>
          <cell r="JK173" t="str">
            <v/>
          </cell>
          <cell r="JL173" t="str">
            <v/>
          </cell>
          <cell r="JM173" t="str">
            <v/>
          </cell>
          <cell r="JN173" t="str">
            <v/>
          </cell>
          <cell r="JO173" t="str">
            <v/>
          </cell>
          <cell r="JP173">
            <v>28</v>
          </cell>
          <cell r="JQ173">
            <v>28</v>
          </cell>
          <cell r="JR173" t="str">
            <v/>
          </cell>
          <cell r="JS173" t="str">
            <v/>
          </cell>
          <cell r="JT173" t="str">
            <v/>
          </cell>
          <cell r="JU173" t="str">
            <v/>
          </cell>
          <cell r="JV173" t="str">
            <v/>
          </cell>
          <cell r="JW173" t="str">
            <v/>
          </cell>
          <cell r="JX173" t="str">
            <v/>
          </cell>
          <cell r="JY173" t="str">
            <v/>
          </cell>
          <cell r="JZ173" t="str">
            <v/>
          </cell>
        </row>
        <row r="174">
          <cell r="C174" t="str">
            <v/>
          </cell>
          <cell r="D174" t="str">
            <v/>
          </cell>
          <cell r="E174" t="str">
            <v/>
          </cell>
          <cell r="I174">
            <v>166</v>
          </cell>
          <cell r="M174" t="str">
            <v>令和２年度伊丹市国民健康保険被保険者証更新業務</v>
          </cell>
          <cell r="Q174" t="str">
            <v>国保保険証更新</v>
          </cell>
          <cell r="Y174">
            <v>1</v>
          </cell>
          <cell r="AC174">
            <v>8</v>
          </cell>
          <cell r="AD174">
            <v>8</v>
          </cell>
          <cell r="AI174" t="str">
            <v>伊丹市</v>
          </cell>
          <cell r="AQ174">
            <v>1</v>
          </cell>
          <cell r="AY174">
            <v>44071</v>
          </cell>
          <cell r="AZ174">
            <v>44074</v>
          </cell>
          <cell r="BA174">
            <v>92</v>
          </cell>
          <cell r="BB174">
            <v>44165</v>
          </cell>
          <cell r="BC174" t="str">
            <v/>
          </cell>
          <cell r="BD174" t="str">
            <v/>
          </cell>
          <cell r="BE174" t="str">
            <v/>
          </cell>
          <cell r="BF174">
            <v>0.41805555555555557</v>
          </cell>
          <cell r="BG174">
            <v>6961</v>
          </cell>
          <cell r="BH174" t="str">
            <v>菊池  亜耶</v>
          </cell>
          <cell r="BI174" t="str">
            <v>国保年金課</v>
          </cell>
          <cell r="BJ174">
            <v>6961</v>
          </cell>
          <cell r="BN174" t="str">
            <v>他</v>
          </cell>
          <cell r="BO174">
            <v>52</v>
          </cell>
          <cell r="BS174">
            <v>1380835</v>
          </cell>
          <cell r="BT174">
            <v>1250000</v>
          </cell>
          <cell r="BU174">
            <v>1</v>
          </cell>
          <cell r="BV174" t="str">
            <v/>
          </cell>
          <cell r="CD174" t="str">
            <v/>
          </cell>
          <cell r="CH174">
            <v>-81</v>
          </cell>
          <cell r="CI174">
            <v>44049</v>
          </cell>
          <cell r="CP174">
            <v>75029</v>
          </cell>
          <cell r="CW174" t="str">
            <v/>
          </cell>
          <cell r="CX174" t="str">
            <v/>
          </cell>
          <cell r="CY174" t="str">
            <v/>
          </cell>
          <cell r="CZ174" t="str">
            <v/>
          </cell>
          <cell r="DA174">
            <v>44063</v>
          </cell>
          <cell r="DB174">
            <v>44068</v>
          </cell>
          <cell r="DD174" t="str">
            <v/>
          </cell>
          <cell r="DL174">
            <v>10945</v>
          </cell>
          <cell r="DM174">
            <v>11925</v>
          </cell>
          <cell r="DN174">
            <v>11479</v>
          </cell>
          <cell r="DO174">
            <v>10501</v>
          </cell>
          <cell r="DP174">
            <v>10750</v>
          </cell>
          <cell r="DQ174">
            <v>10986</v>
          </cell>
          <cell r="DR174">
            <v>11595</v>
          </cell>
          <cell r="DS174">
            <v>12853</v>
          </cell>
          <cell r="DT174">
            <v>10851</v>
          </cell>
          <cell r="DU174">
            <v>11481</v>
          </cell>
          <cell r="DV174">
            <v>10160</v>
          </cell>
          <cell r="DW174">
            <v>10130</v>
          </cell>
          <cell r="EZ174">
            <v>12</v>
          </cell>
          <cell r="FA174">
            <v>6</v>
          </cell>
          <cell r="FI174">
            <v>5</v>
          </cell>
          <cell r="FJ174" t="str">
            <v>指名競争入札（簡易認証）</v>
          </cell>
          <cell r="FN174">
            <v>4</v>
          </cell>
          <cell r="FO174" t="str">
            <v>電子入札</v>
          </cell>
          <cell r="FS174">
            <v>5</v>
          </cell>
          <cell r="FT174" t="str">
            <v/>
          </cell>
          <cell r="FU174" t="str">
            <v/>
          </cell>
          <cell r="FW174" t="str">
            <v/>
          </cell>
          <cell r="FY174" t="str">
            <v/>
          </cell>
          <cell r="GD174">
            <v>1</v>
          </cell>
          <cell r="GE174" t="str">
            <v>契約・検査課長　松本　嘉博</v>
          </cell>
          <cell r="GF174" t="str">
            <v>-</v>
          </cell>
          <cell r="GG174" t="str">
            <v>×</v>
          </cell>
          <cell r="GI174" t="str">
            <v/>
          </cell>
          <cell r="GJ174" t="str">
            <v/>
          </cell>
          <cell r="GT174" t="str">
            <v/>
          </cell>
          <cell r="GW174" t="str">
            <v/>
          </cell>
          <cell r="HO174" t="str">
            <v/>
          </cell>
          <cell r="HP174" t="str">
            <v>-</v>
          </cell>
          <cell r="HQ174" t="str">
            <v>-</v>
          </cell>
          <cell r="HR174" t="str">
            <v>-</v>
          </cell>
          <cell r="HS174" t="str">
            <v>-</v>
          </cell>
          <cell r="HT174" t="str">
            <v>-</v>
          </cell>
          <cell r="HU174" t="str">
            <v>-</v>
          </cell>
          <cell r="HV174" t="str">
            <v>-</v>
          </cell>
          <cell r="HW174" t="str">
            <v>-</v>
          </cell>
          <cell r="HX174" t="str">
            <v>-</v>
          </cell>
          <cell r="HY174" t="str">
            <v>-</v>
          </cell>
          <cell r="HZ174" t="str">
            <v>-</v>
          </cell>
          <cell r="IA174" t="str">
            <v>-</v>
          </cell>
          <cell r="JD174" t="str">
            <v/>
          </cell>
          <cell r="JE174" t="str">
            <v/>
          </cell>
          <cell r="JF174" t="str">
            <v/>
          </cell>
          <cell r="JG174" t="str">
            <v/>
          </cell>
          <cell r="JH174" t="str">
            <v/>
          </cell>
          <cell r="JI174" t="str">
            <v/>
          </cell>
          <cell r="JJ174" t="str">
            <v/>
          </cell>
          <cell r="JK174" t="str">
            <v/>
          </cell>
          <cell r="JL174" t="str">
            <v/>
          </cell>
          <cell r="JM174" t="str">
            <v/>
          </cell>
          <cell r="JN174" t="str">
            <v/>
          </cell>
          <cell r="JO174" t="str">
            <v/>
          </cell>
          <cell r="JP174" t="str">
            <v/>
          </cell>
          <cell r="JQ174" t="str">
            <v/>
          </cell>
          <cell r="JR174" t="str">
            <v/>
          </cell>
          <cell r="JS174" t="str">
            <v/>
          </cell>
          <cell r="JT174" t="str">
            <v/>
          </cell>
          <cell r="JU174" t="str">
            <v/>
          </cell>
          <cell r="JV174" t="str">
            <v/>
          </cell>
          <cell r="JW174" t="str">
            <v/>
          </cell>
          <cell r="JX174">
            <v>52</v>
          </cell>
          <cell r="JY174">
            <v>49</v>
          </cell>
          <cell r="JZ174" t="str">
            <v/>
          </cell>
        </row>
        <row r="175">
          <cell r="C175" t="str">
            <v/>
          </cell>
          <cell r="D175" t="str">
            <v/>
          </cell>
          <cell r="E175" t="str">
            <v/>
          </cell>
          <cell r="I175">
            <v>167</v>
          </cell>
          <cell r="M175" t="str">
            <v>令和２年度小学校給食センターボイラ用軟水器購入（製造の請負）</v>
          </cell>
          <cell r="Q175" t="str">
            <v>ﾎﾞｲﾗ軟水器</v>
          </cell>
          <cell r="Y175">
            <v>1</v>
          </cell>
          <cell r="AC175">
            <v>8</v>
          </cell>
          <cell r="AD175">
            <v>3</v>
          </cell>
          <cell r="AI175" t="str">
            <v>伊丹市鴻池３－４－５</v>
          </cell>
          <cell r="AQ175">
            <v>1</v>
          </cell>
          <cell r="AY175">
            <v>44075</v>
          </cell>
          <cell r="AZ175">
            <v>44076</v>
          </cell>
          <cell r="BA175">
            <v>150</v>
          </cell>
          <cell r="BB175">
            <v>44225</v>
          </cell>
          <cell r="BC175" t="str">
            <v/>
          </cell>
          <cell r="BD175" t="str">
            <v/>
          </cell>
          <cell r="BE175" t="str">
            <v/>
          </cell>
          <cell r="BF175">
            <v>0.41736111111111113</v>
          </cell>
          <cell r="BG175">
            <v>6338</v>
          </cell>
          <cell r="BH175" t="str">
            <v>安福  奈津子</v>
          </cell>
          <cell r="BI175" t="str">
            <v>小学校給食センター</v>
          </cell>
          <cell r="BJ175" t="str">
            <v>782-0400</v>
          </cell>
          <cell r="BN175" t="str">
            <v>物</v>
          </cell>
          <cell r="BO175">
            <v>29</v>
          </cell>
          <cell r="BS175">
            <v>2365000</v>
          </cell>
          <cell r="BT175">
            <v>2150000</v>
          </cell>
          <cell r="BU175">
            <v>1</v>
          </cell>
          <cell r="BV175" t="str">
            <v/>
          </cell>
          <cell r="CD175" t="str">
            <v/>
          </cell>
          <cell r="CH175">
            <v>-82</v>
          </cell>
          <cell r="CI175">
            <v>44060</v>
          </cell>
          <cell r="CP175">
            <v>86696</v>
          </cell>
          <cell r="CW175" t="str">
            <v/>
          </cell>
          <cell r="CX175" t="str">
            <v/>
          </cell>
          <cell r="CY175" t="str">
            <v/>
          </cell>
          <cell r="CZ175" t="str">
            <v/>
          </cell>
          <cell r="DA175">
            <v>44068</v>
          </cell>
          <cell r="DB175">
            <v>44070</v>
          </cell>
          <cell r="DD175" t="str">
            <v/>
          </cell>
          <cell r="DL175">
            <v>11443</v>
          </cell>
          <cell r="DM175">
            <v>11689</v>
          </cell>
          <cell r="DN175">
            <v>10229</v>
          </cell>
          <cell r="DO175">
            <v>10285</v>
          </cell>
          <cell r="DP175">
            <v>12080</v>
          </cell>
          <cell r="DQ175">
            <v>12464</v>
          </cell>
          <cell r="DR175">
            <v>10931</v>
          </cell>
          <cell r="DS175">
            <v>10569</v>
          </cell>
          <cell r="DT175">
            <v>12764</v>
          </cell>
          <cell r="EZ175">
            <v>9</v>
          </cell>
          <cell r="FA175">
            <v>6</v>
          </cell>
          <cell r="FI175">
            <v>5</v>
          </cell>
          <cell r="FJ175" t="str">
            <v>指名競争入札（簡易認証）</v>
          </cell>
          <cell r="FN175">
            <v>4</v>
          </cell>
          <cell r="FO175" t="str">
            <v>電子入札</v>
          </cell>
          <cell r="FS175">
            <v>3</v>
          </cell>
          <cell r="FT175" t="str">
            <v/>
          </cell>
          <cell r="FU175" t="str">
            <v/>
          </cell>
          <cell r="FW175" t="str">
            <v/>
          </cell>
          <cell r="FY175" t="str">
            <v/>
          </cell>
          <cell r="GD175">
            <v>1</v>
          </cell>
          <cell r="GE175" t="str">
            <v>契約・検査課長　松本　嘉博</v>
          </cell>
          <cell r="GF175">
            <v>10931</v>
          </cell>
          <cell r="GG175" t="str">
            <v>三浦工業(株)</v>
          </cell>
          <cell r="GH175">
            <v>1540000</v>
          </cell>
          <cell r="GI175">
            <v>140000</v>
          </cell>
          <cell r="GJ175" t="str">
            <v/>
          </cell>
          <cell r="GM175" t="str">
            <v>畑山　康幸</v>
          </cell>
          <cell r="GO175" t="str">
            <v>畑山　康幸</v>
          </cell>
          <cell r="GT175" t="str">
            <v/>
          </cell>
          <cell r="GW175" t="str">
            <v/>
          </cell>
          <cell r="HO175" t="str">
            <v/>
          </cell>
          <cell r="HP175" t="str">
            <v>-</v>
          </cell>
          <cell r="HQ175" t="str">
            <v>-</v>
          </cell>
          <cell r="HR175" t="str">
            <v>-</v>
          </cell>
          <cell r="HS175" t="str">
            <v>-</v>
          </cell>
          <cell r="HT175" t="str">
            <v>-</v>
          </cell>
          <cell r="HU175" t="str">
            <v>-</v>
          </cell>
          <cell r="HV175">
            <v>1400000</v>
          </cell>
          <cell r="HW175" t="str">
            <v>-</v>
          </cell>
          <cell r="HX175" t="str">
            <v>-</v>
          </cell>
          <cell r="JD175" t="str">
            <v/>
          </cell>
          <cell r="JE175" t="str">
            <v/>
          </cell>
          <cell r="JF175" t="str">
            <v/>
          </cell>
          <cell r="JG175" t="str">
            <v/>
          </cell>
          <cell r="JH175" t="str">
            <v/>
          </cell>
          <cell r="JI175" t="str">
            <v/>
          </cell>
          <cell r="JJ175" t="str">
            <v/>
          </cell>
          <cell r="JK175" t="str">
            <v/>
          </cell>
          <cell r="JL175" t="str">
            <v/>
          </cell>
          <cell r="JM175" t="str">
            <v/>
          </cell>
          <cell r="JN175" t="str">
            <v/>
          </cell>
          <cell r="JO175" t="str">
            <v/>
          </cell>
          <cell r="JP175">
            <v>29</v>
          </cell>
          <cell r="JQ175">
            <v>29</v>
          </cell>
          <cell r="JR175" t="str">
            <v/>
          </cell>
          <cell r="JS175" t="str">
            <v/>
          </cell>
          <cell r="JT175" t="str">
            <v/>
          </cell>
          <cell r="JU175" t="str">
            <v/>
          </cell>
          <cell r="JV175" t="str">
            <v/>
          </cell>
          <cell r="JW175" t="str">
            <v/>
          </cell>
          <cell r="JX175" t="str">
            <v/>
          </cell>
          <cell r="JY175" t="str">
            <v/>
          </cell>
          <cell r="JZ175">
            <v>0.65116279069767447</v>
          </cell>
        </row>
        <row r="176">
          <cell r="C176" t="str">
            <v/>
          </cell>
          <cell r="D176" t="str">
            <v/>
          </cell>
          <cell r="E176" t="str">
            <v/>
          </cell>
          <cell r="I176">
            <v>168</v>
          </cell>
          <cell r="M176" t="str">
            <v>令和２年度低濃度ＰＣＢ汚染廃電気機器収集運搬処理委託業務（旧伊丹市立桜台保育所等他１件）</v>
          </cell>
          <cell r="Q176" t="str">
            <v>PCB収集運搬</v>
          </cell>
          <cell r="U176">
            <v>1</v>
          </cell>
          <cell r="Y176">
            <v>1</v>
          </cell>
          <cell r="AC176">
            <v>8</v>
          </cell>
          <cell r="AD176">
            <v>8</v>
          </cell>
          <cell r="AI176" t="str">
            <v>伊丹市西野２丁目８５番地他２か所</v>
          </cell>
          <cell r="AQ176">
            <v>1</v>
          </cell>
          <cell r="AY176">
            <v>44075</v>
          </cell>
          <cell r="AZ176">
            <v>44076</v>
          </cell>
          <cell r="BA176">
            <v>118</v>
          </cell>
          <cell r="BB176">
            <v>44193</v>
          </cell>
          <cell r="BC176" t="str">
            <v/>
          </cell>
          <cell r="BD176" t="str">
            <v/>
          </cell>
          <cell r="BE176" t="str">
            <v/>
          </cell>
          <cell r="BF176">
            <v>0.41805555555555557</v>
          </cell>
          <cell r="BG176">
            <v>4146</v>
          </cell>
          <cell r="BH176" t="str">
            <v>柳田  三世子</v>
          </cell>
          <cell r="BI176" t="str">
            <v>教育保育課</v>
          </cell>
          <cell r="BJ176">
            <v>4021</v>
          </cell>
          <cell r="BN176" t="str">
            <v>他</v>
          </cell>
          <cell r="BO176">
            <v>53</v>
          </cell>
          <cell r="BS176">
            <v>2184000</v>
          </cell>
          <cell r="BT176">
            <v>1980000</v>
          </cell>
          <cell r="BU176" t="str">
            <v/>
          </cell>
          <cell r="BV176" t="str">
            <v/>
          </cell>
          <cell r="CD176" t="str">
            <v/>
          </cell>
          <cell r="CH176">
            <v>-83</v>
          </cell>
          <cell r="CI176">
            <v>44060</v>
          </cell>
          <cell r="CP176">
            <v>31982</v>
          </cell>
          <cell r="CW176" t="str">
            <v/>
          </cell>
          <cell r="CX176" t="str">
            <v/>
          </cell>
          <cell r="CY176" t="str">
            <v/>
          </cell>
          <cell r="CZ176" t="str">
            <v/>
          </cell>
          <cell r="DA176">
            <v>44067</v>
          </cell>
          <cell r="DB176">
            <v>44070</v>
          </cell>
          <cell r="DD176" t="str">
            <v/>
          </cell>
          <cell r="DL176">
            <v>10353</v>
          </cell>
          <cell r="DM176">
            <v>10620</v>
          </cell>
          <cell r="DN176">
            <v>11114</v>
          </cell>
          <cell r="DO176">
            <v>10072</v>
          </cell>
          <cell r="DP176">
            <v>11643</v>
          </cell>
          <cell r="DQ176">
            <v>10514</v>
          </cell>
          <cell r="DR176">
            <v>11283</v>
          </cell>
          <cell r="DS176">
            <v>11121</v>
          </cell>
          <cell r="DT176">
            <v>10474</v>
          </cell>
          <cell r="DU176">
            <v>10019</v>
          </cell>
          <cell r="DV176">
            <v>12848</v>
          </cell>
          <cell r="DW176">
            <v>12855</v>
          </cell>
          <cell r="DX176">
            <v>12935</v>
          </cell>
          <cell r="DY176">
            <v>12952</v>
          </cell>
          <cell r="DZ176">
            <v>12957</v>
          </cell>
          <cell r="EZ176">
            <v>15</v>
          </cell>
          <cell r="FA176">
            <v>6</v>
          </cell>
          <cell r="FI176">
            <v>5</v>
          </cell>
          <cell r="FJ176" t="str">
            <v>指名競争入札（簡易認証）</v>
          </cell>
          <cell r="FN176">
            <v>4</v>
          </cell>
          <cell r="FO176" t="str">
            <v>電子入札</v>
          </cell>
          <cell r="FS176">
            <v>5</v>
          </cell>
          <cell r="FT176" t="str">
            <v/>
          </cell>
          <cell r="FU176" t="str">
            <v/>
          </cell>
          <cell r="FW176" t="str">
            <v/>
          </cell>
          <cell r="FY176" t="str">
            <v/>
          </cell>
          <cell r="GD176">
            <v>1</v>
          </cell>
          <cell r="GE176" t="str">
            <v>契約・検査課長　松本　嘉博</v>
          </cell>
          <cell r="GF176">
            <v>12957</v>
          </cell>
          <cell r="GG176" t="str">
            <v>エコシステム山陽(株)　(株)ジャパンクリーンサービス</v>
          </cell>
          <cell r="GH176">
            <v>1244760</v>
          </cell>
          <cell r="GI176">
            <v>113160</v>
          </cell>
          <cell r="GJ176" t="str">
            <v/>
          </cell>
          <cell r="GT176" t="str">
            <v/>
          </cell>
          <cell r="GW176" t="str">
            <v/>
          </cell>
          <cell r="HO176" t="str">
            <v/>
          </cell>
          <cell r="HP176" t="str">
            <v>-</v>
          </cell>
          <cell r="HQ176" t="str">
            <v>-</v>
          </cell>
          <cell r="HR176" t="str">
            <v>-</v>
          </cell>
          <cell r="HS176" t="str">
            <v>-</v>
          </cell>
          <cell r="HT176" t="str">
            <v>-</v>
          </cell>
          <cell r="HU176" t="str">
            <v>-</v>
          </cell>
          <cell r="HV176" t="str">
            <v>-</v>
          </cell>
          <cell r="HW176" t="str">
            <v>-</v>
          </cell>
          <cell r="HX176" t="str">
            <v>-</v>
          </cell>
          <cell r="HY176" t="str">
            <v>-</v>
          </cell>
          <cell r="HZ176" t="str">
            <v>-</v>
          </cell>
          <cell r="IA176" t="str">
            <v>-</v>
          </cell>
          <cell r="IB176">
            <v>1700000</v>
          </cell>
          <cell r="IC176" t="str">
            <v>-</v>
          </cell>
          <cell r="ID176">
            <v>1131600</v>
          </cell>
          <cell r="JD176" t="str">
            <v/>
          </cell>
          <cell r="JE176" t="str">
            <v/>
          </cell>
          <cell r="JF176" t="str">
            <v/>
          </cell>
          <cell r="JG176" t="str">
            <v/>
          </cell>
          <cell r="JH176" t="str">
            <v/>
          </cell>
          <cell r="JI176" t="str">
            <v/>
          </cell>
          <cell r="JJ176" t="str">
            <v/>
          </cell>
          <cell r="JK176" t="str">
            <v/>
          </cell>
          <cell r="JL176" t="str">
            <v/>
          </cell>
          <cell r="JM176" t="str">
            <v/>
          </cell>
          <cell r="JN176" t="str">
            <v/>
          </cell>
          <cell r="JO176" t="str">
            <v/>
          </cell>
          <cell r="JP176" t="str">
            <v/>
          </cell>
          <cell r="JQ176" t="str">
            <v/>
          </cell>
          <cell r="JR176" t="str">
            <v/>
          </cell>
          <cell r="JS176" t="str">
            <v/>
          </cell>
          <cell r="JT176" t="str">
            <v/>
          </cell>
          <cell r="JU176" t="str">
            <v/>
          </cell>
          <cell r="JV176" t="str">
            <v/>
          </cell>
          <cell r="JW176" t="str">
            <v/>
          </cell>
          <cell r="JX176">
            <v>53</v>
          </cell>
          <cell r="JY176">
            <v>51</v>
          </cell>
          <cell r="JZ176">
            <v>0.57151515151515153</v>
          </cell>
        </row>
        <row r="177">
          <cell r="C177" t="str">
            <v/>
          </cell>
          <cell r="D177" t="str">
            <v/>
          </cell>
          <cell r="E177" t="str">
            <v/>
          </cell>
          <cell r="I177">
            <v>169</v>
          </cell>
          <cell r="M177" t="str">
            <v>令和２年度低濃度ＰＣＢ汚染廃電気機器収集運搬処理委託業務（旧伊丹市立桜台保育所等）</v>
          </cell>
          <cell r="Q177" t="str">
            <v>PCB収集運搬</v>
          </cell>
          <cell r="U177">
            <v>2</v>
          </cell>
          <cell r="Y177">
            <v>1</v>
          </cell>
          <cell r="AC177">
            <v>8</v>
          </cell>
          <cell r="AD177">
            <v>8</v>
          </cell>
          <cell r="AI177" t="str">
            <v>伊丹市西野２丁目８５番地他２か所</v>
          </cell>
          <cell r="AY177">
            <v>44075</v>
          </cell>
          <cell r="AZ177">
            <v>44076</v>
          </cell>
          <cell r="BA177">
            <v>118</v>
          </cell>
          <cell r="BB177">
            <v>44193</v>
          </cell>
          <cell r="BC177" t="str">
            <v/>
          </cell>
          <cell r="BD177" t="str">
            <v/>
          </cell>
          <cell r="BE177" t="str">
            <v/>
          </cell>
          <cell r="BG177">
            <v>4146</v>
          </cell>
          <cell r="BH177" t="str">
            <v>柳田  三世子</v>
          </cell>
          <cell r="BI177" t="str">
            <v>教育保育課</v>
          </cell>
          <cell r="BJ177">
            <v>4021</v>
          </cell>
          <cell r="BN177" t="str">
            <v>他</v>
          </cell>
          <cell r="BO177">
            <v>54</v>
          </cell>
          <cell r="BS177">
            <v>1464000</v>
          </cell>
          <cell r="BT177">
            <v>1330000</v>
          </cell>
          <cell r="BU177" t="str">
            <v/>
          </cell>
          <cell r="BV177" t="str">
            <v/>
          </cell>
          <cell r="CD177" t="str">
            <v/>
          </cell>
          <cell r="CH177">
            <v>-83</v>
          </cell>
          <cell r="CI177">
            <v>44060</v>
          </cell>
          <cell r="CP177">
            <v>42177</v>
          </cell>
          <cell r="CW177" t="str">
            <v/>
          </cell>
          <cell r="CX177" t="str">
            <v/>
          </cell>
          <cell r="CY177" t="str">
            <v/>
          </cell>
          <cell r="CZ177" t="str">
            <v/>
          </cell>
          <cell r="DA177">
            <v>44067</v>
          </cell>
          <cell r="DB177">
            <v>44070</v>
          </cell>
          <cell r="DD177" t="str">
            <v/>
          </cell>
          <cell r="DL177">
            <v>10353</v>
          </cell>
          <cell r="DM177">
            <v>10620</v>
          </cell>
          <cell r="DN177">
            <v>11114</v>
          </cell>
          <cell r="DO177">
            <v>10072</v>
          </cell>
          <cell r="DP177">
            <v>11643</v>
          </cell>
          <cell r="DQ177">
            <v>10514</v>
          </cell>
          <cell r="DR177">
            <v>11283</v>
          </cell>
          <cell r="DS177">
            <v>11121</v>
          </cell>
          <cell r="DT177">
            <v>10474</v>
          </cell>
          <cell r="DU177">
            <v>10019</v>
          </cell>
          <cell r="DV177">
            <v>12848</v>
          </cell>
          <cell r="DW177">
            <v>12855</v>
          </cell>
          <cell r="DX177">
            <v>12935</v>
          </cell>
          <cell r="DY177">
            <v>12952</v>
          </cell>
          <cell r="DZ177">
            <v>12957</v>
          </cell>
          <cell r="EZ177">
            <v>15</v>
          </cell>
          <cell r="FA177">
            <v>6</v>
          </cell>
          <cell r="FI177">
            <v>5</v>
          </cell>
          <cell r="FJ177" t="str">
            <v>指名競争入札（簡易認証）</v>
          </cell>
          <cell r="FN177">
            <v>4</v>
          </cell>
          <cell r="FO177" t="str">
            <v>電子入札</v>
          </cell>
          <cell r="FS177">
            <v>5</v>
          </cell>
          <cell r="FT177" t="str">
            <v/>
          </cell>
          <cell r="FU177" t="str">
            <v/>
          </cell>
          <cell r="FW177" t="str">
            <v/>
          </cell>
          <cell r="FY177" t="str">
            <v/>
          </cell>
          <cell r="GD177">
            <v>1</v>
          </cell>
          <cell r="GE177" t="str">
            <v>契約・検査課長　松本　嘉博</v>
          </cell>
          <cell r="GF177">
            <v>12957</v>
          </cell>
          <cell r="GG177" t="str">
            <v>エコシステム山陽(株)　(株)ジャパンクリーンサービス</v>
          </cell>
          <cell r="GH177">
            <v>834400</v>
          </cell>
          <cell r="GI177">
            <v>75854.545454545456</v>
          </cell>
          <cell r="GJ177" t="str">
            <v/>
          </cell>
          <cell r="GL177" t="str">
            <v>危険物取扱者　乙種　４類（㈱ジャパンクリーンサービス）　　　　　　　　　　　　　　　　　　　　　　　　　　　　　　　　　　　　　　　　　　　　　　　　　　　　　　　　　　　　　　　　　　　　　　　　　　　　　　　　　　　　　　　　　　　　　　　　　　　　　　　　　　　　　　　　　　　　　　　　　　　　　　　　　　　　　　　　　　　　　　　　　　　　　　　　　　　　　　　　　　　　　　　　　　　　　　　　　　　　　　　</v>
          </cell>
          <cell r="GM177" t="str">
            <v>中原　昭宏（㈱ジャパンクリーンサービス）</v>
          </cell>
          <cell r="GN177" t="str">
            <v>廃棄物の焼却施設に関する業務に係る特別教育(エコシステム山陽㈱）　　　　　　　　　　　　　　　　　　　　　　　　　　　　　　　　　　　　　　　　　　　　　　　　　　　　　　　　　　　　　　　　　　　　　　　　　　　　　　危険物取扱者　乙種　４類（㈱ジャパンクリーンサービス）　　　　　　　　　　　　　　　　　　　　　　　　　　　　　　　　　　　　　　　　　　　　　　　　　　　　　　　　　　　　　　　　　　　　　　　　　　　　　　　　　　　　　　　　　　　　　　　　　　　　　　　　　　　　　　　　　　　　　　　　　　　　　　　　　　　　　　　　　　　　　　　　　　　　　　　　　　　　　　　　　　　　　　　　　　　　　　　　　　　　　　　</v>
          </cell>
          <cell r="GO177" t="str">
            <v>柳澤　正富(エコシステム山陽㈱）　　　　　　　　　　　　　　　　　　　　　　　　　　　　　　　　　　　　　　　　　　　　　　　　　　　　　　　　　　　　　　　　　　　　　　　　　　　　　　　　　　　　　　　　　　　　　中原　昭宏（㈱ジャパンクリーンサービス）</v>
          </cell>
          <cell r="GT177" t="str">
            <v/>
          </cell>
          <cell r="GW177" t="str">
            <v/>
          </cell>
          <cell r="HO177" t="str">
            <v/>
          </cell>
          <cell r="JD177" t="str">
            <v/>
          </cell>
          <cell r="JE177" t="str">
            <v/>
          </cell>
          <cell r="JF177" t="str">
            <v/>
          </cell>
          <cell r="JG177" t="str">
            <v/>
          </cell>
          <cell r="JH177" t="str">
            <v/>
          </cell>
          <cell r="JI177" t="str">
            <v/>
          </cell>
          <cell r="JJ177" t="str">
            <v/>
          </cell>
          <cell r="JK177" t="str">
            <v/>
          </cell>
          <cell r="JL177" t="str">
            <v/>
          </cell>
          <cell r="JM177" t="str">
            <v/>
          </cell>
          <cell r="JN177" t="str">
            <v/>
          </cell>
          <cell r="JO177" t="str">
            <v/>
          </cell>
          <cell r="JP177" t="str">
            <v/>
          </cell>
          <cell r="JQ177" t="str">
            <v/>
          </cell>
          <cell r="JR177" t="str">
            <v/>
          </cell>
          <cell r="JS177" t="str">
            <v/>
          </cell>
          <cell r="JT177" t="str">
            <v/>
          </cell>
          <cell r="JU177" t="str">
            <v/>
          </cell>
          <cell r="JV177" t="str">
            <v/>
          </cell>
          <cell r="JW177" t="str">
            <v/>
          </cell>
          <cell r="JX177">
            <v>54</v>
          </cell>
          <cell r="JY177">
            <v>52</v>
          </cell>
          <cell r="JZ177">
            <v>0.57033492822966503</v>
          </cell>
        </row>
        <row r="178">
          <cell r="C178" t="str">
            <v/>
          </cell>
          <cell r="D178" t="str">
            <v/>
          </cell>
          <cell r="E178" t="str">
            <v/>
          </cell>
          <cell r="I178">
            <v>170</v>
          </cell>
          <cell r="M178" t="str">
            <v>令和２年度低濃度ＰＣＢ汚染廃電気機器収集運搬処理委託業務（環境クリーンセンター）</v>
          </cell>
          <cell r="Q178" t="str">
            <v>PCB収集運搬</v>
          </cell>
          <cell r="U178">
            <v>3</v>
          </cell>
          <cell r="Y178">
            <v>1</v>
          </cell>
          <cell r="AC178">
            <v>8</v>
          </cell>
          <cell r="AD178">
            <v>8</v>
          </cell>
          <cell r="AI178" t="str">
            <v>伊丹市岩屋２－２－８（環境クリーンセンター）</v>
          </cell>
          <cell r="AY178">
            <v>44075</v>
          </cell>
          <cell r="AZ178">
            <v>44076</v>
          </cell>
          <cell r="BA178">
            <v>118</v>
          </cell>
          <cell r="BB178">
            <v>44193</v>
          </cell>
          <cell r="BC178" t="str">
            <v/>
          </cell>
          <cell r="BD178" t="str">
            <v/>
          </cell>
          <cell r="BE178" t="str">
            <v/>
          </cell>
          <cell r="BG178">
            <v>5604</v>
          </cell>
          <cell r="BH178" t="str">
            <v>朝山  順一</v>
          </cell>
          <cell r="BI178" t="str">
            <v>まちづくり推進課</v>
          </cell>
          <cell r="BJ178">
            <v>4221</v>
          </cell>
          <cell r="BS178">
            <v>720000</v>
          </cell>
          <cell r="BT178">
            <v>650000</v>
          </cell>
          <cell r="BU178" t="str">
            <v/>
          </cell>
          <cell r="BV178" t="str">
            <v/>
          </cell>
          <cell r="CD178" t="str">
            <v/>
          </cell>
          <cell r="CH178">
            <v>-83</v>
          </cell>
          <cell r="CI178">
            <v>44060</v>
          </cell>
          <cell r="CP178">
            <v>31562</v>
          </cell>
          <cell r="CW178" t="str">
            <v/>
          </cell>
          <cell r="CX178" t="str">
            <v/>
          </cell>
          <cell r="CY178" t="str">
            <v/>
          </cell>
          <cell r="CZ178" t="str">
            <v/>
          </cell>
          <cell r="DA178">
            <v>44067</v>
          </cell>
          <cell r="DB178">
            <v>44070</v>
          </cell>
          <cell r="DD178" t="str">
            <v/>
          </cell>
          <cell r="DL178">
            <v>10353</v>
          </cell>
          <cell r="DM178">
            <v>10620</v>
          </cell>
          <cell r="DN178">
            <v>11114</v>
          </cell>
          <cell r="DO178">
            <v>10072</v>
          </cell>
          <cell r="DP178">
            <v>11643</v>
          </cell>
          <cell r="DQ178">
            <v>10514</v>
          </cell>
          <cell r="DR178">
            <v>11283</v>
          </cell>
          <cell r="DS178">
            <v>11121</v>
          </cell>
          <cell r="DT178">
            <v>10474</v>
          </cell>
          <cell r="DU178">
            <v>10019</v>
          </cell>
          <cell r="DV178">
            <v>12848</v>
          </cell>
          <cell r="DW178">
            <v>12855</v>
          </cell>
          <cell r="DX178">
            <v>12935</v>
          </cell>
          <cell r="DY178">
            <v>12952</v>
          </cell>
          <cell r="DZ178">
            <v>12957</v>
          </cell>
          <cell r="EZ178">
            <v>15</v>
          </cell>
          <cell r="FA178">
            <v>6</v>
          </cell>
          <cell r="FI178">
            <v>5</v>
          </cell>
          <cell r="FJ178" t="str">
            <v>指名競争入札（簡易認証）</v>
          </cell>
          <cell r="FN178">
            <v>4</v>
          </cell>
          <cell r="FO178" t="str">
            <v>電子入札</v>
          </cell>
          <cell r="FS178">
            <v>5</v>
          </cell>
          <cell r="FT178" t="str">
            <v/>
          </cell>
          <cell r="FU178" t="str">
            <v/>
          </cell>
          <cell r="FW178" t="str">
            <v/>
          </cell>
          <cell r="FY178" t="str">
            <v/>
          </cell>
          <cell r="GD178">
            <v>1</v>
          </cell>
          <cell r="GE178" t="str">
            <v>契約・検査課長　松本　嘉博</v>
          </cell>
          <cell r="GF178">
            <v>12957</v>
          </cell>
          <cell r="GG178" t="str">
            <v>エコシステム山陽(株)　(株)ジャパンクリーンサービス</v>
          </cell>
          <cell r="GH178">
            <v>410360</v>
          </cell>
          <cell r="GI178">
            <v>37305.454545454544</v>
          </cell>
          <cell r="GJ178" t="str">
            <v/>
          </cell>
          <cell r="GL178" t="str">
            <v>危険物取扱者　乙種　４類（㈱ジャパンクリーンサービス）　　　　　　　　　　　　　　　　　　　　　　　　　　　　　　　　　　　　　　　　　　　　　　　　　　　　　　　　　　　　　　　　　　　　　　　　　　　　　　　　　　　　　　　　　　　　　　　　　　　　　　　　　　　　　　　　　　　　　　　　　　　　　　　　　　　　　　　　　　　　　　　　　　　　　　　　　　　　　　　　　　　　　　　　　　　　　　　　　　　　　　　</v>
          </cell>
          <cell r="GM178" t="str">
            <v>中原　昭宏（㈱ジャパンクリーンサービス）</v>
          </cell>
          <cell r="GN178" t="str">
            <v>廃棄物の焼却施設に関する業務に係る特別教育(エコシステム山陽㈱）　　　　　　　　　　　　　　　　　　　　　　　　　　　　　　　　　　　　　　　　　　　　　　　　　　　　　　　　　　　　　　　　　　　　　　　　　　　　　　危険物取扱者　乙種　４類（㈱ジャパンクリーンサービス）　　　　　　　　　　　　　　　　　　　　　　　　　　　　　　　　　　　　　　　　　　　　　　　　　　　　　　　　　　　　　　　　　　　　　　　　　　　　　　　　　　　　　　　　　　　　　　　　　　　　　　　　　　　　　　　　　　　　　　　　　　　　　　　　　　　　　　　　　　　　　　　　　　　　　　　　　　　　　　　　　　　　　　　　　　　　　　　　　　　　　　　</v>
          </cell>
          <cell r="GO178" t="str">
            <v>柳澤　正富(エコシステム山陽㈱）　　　　　　　　　　　　　　　　　　　　　　　　　　　　　　　　　　　　　　　　　　　　　　　　　　　　　　　　　　　　　　　　　　　　　　　　　　　　　　　　　　　　　　　　　　　　　中原　昭宏（㈱ジャパンクリーンサービス）</v>
          </cell>
          <cell r="GT178" t="str">
            <v/>
          </cell>
          <cell r="GW178" t="str">
            <v/>
          </cell>
          <cell r="HO178" t="str">
            <v/>
          </cell>
          <cell r="JD178" t="str">
            <v/>
          </cell>
          <cell r="JE178" t="str">
            <v/>
          </cell>
          <cell r="JF178" t="str">
            <v/>
          </cell>
          <cell r="JG178" t="str">
            <v/>
          </cell>
          <cell r="JH178" t="str">
            <v/>
          </cell>
          <cell r="JI178" t="str">
            <v/>
          </cell>
          <cell r="JJ178" t="str">
            <v/>
          </cell>
          <cell r="JK178" t="str">
            <v/>
          </cell>
          <cell r="JL178" t="str">
            <v/>
          </cell>
          <cell r="JM178" t="str">
            <v/>
          </cell>
          <cell r="JN178" t="str">
            <v/>
          </cell>
          <cell r="JO178" t="str">
            <v/>
          </cell>
          <cell r="JP178" t="str">
            <v/>
          </cell>
          <cell r="JQ178" t="str">
            <v/>
          </cell>
          <cell r="JR178" t="str">
            <v/>
          </cell>
          <cell r="JS178" t="str">
            <v/>
          </cell>
          <cell r="JT178" t="str">
            <v/>
          </cell>
          <cell r="JU178" t="str">
            <v/>
          </cell>
          <cell r="JV178" t="str">
            <v/>
          </cell>
          <cell r="JW178" t="str">
            <v/>
          </cell>
          <cell r="JX178" t="str">
            <v/>
          </cell>
          <cell r="JY178" t="str">
            <v/>
          </cell>
          <cell r="JZ178">
            <v>0.5739300699300699</v>
          </cell>
        </row>
        <row r="179">
          <cell r="C179" t="str">
            <v/>
          </cell>
          <cell r="D179" t="str">
            <v/>
          </cell>
          <cell r="E179" t="str">
            <v/>
          </cell>
          <cell r="I179">
            <v>171</v>
          </cell>
          <cell r="M179" t="str">
            <v>令和２年度西野北公園再整備工事</v>
          </cell>
          <cell r="Q179" t="str">
            <v>西野北公再整</v>
          </cell>
          <cell r="Y179">
            <v>1</v>
          </cell>
          <cell r="AC179">
            <v>6</v>
          </cell>
          <cell r="AI179" t="str">
            <v>伊丹市西野３丁目地内</v>
          </cell>
          <cell r="AM179" t="str">
            <v>【本体工事】
公園土工一式　真砂土舗装194㎡　複合遊具新設1基
健康遊具新設3基　撤去工一式
【附帯工事】
土壌改良一式　植栽工一式　公園土工一式　真砂土舗装303㎡
ベンチ新設2基　撤去工一式　伐採工一式</v>
          </cell>
          <cell r="AQ179">
            <v>2</v>
          </cell>
          <cell r="AS179" t="str">
            <v>　</v>
          </cell>
          <cell r="AY179">
            <v>44075</v>
          </cell>
          <cell r="AZ179">
            <v>44078</v>
          </cell>
          <cell r="BA179">
            <v>160</v>
          </cell>
          <cell r="BB179">
            <v>44237</v>
          </cell>
          <cell r="BC179">
            <v>16</v>
          </cell>
          <cell r="BD179" t="str">
            <v>○</v>
          </cell>
          <cell r="BE179" t="str">
            <v>○</v>
          </cell>
          <cell r="BF179">
            <v>0.42291666666666666</v>
          </cell>
          <cell r="BG179">
            <v>7436</v>
          </cell>
          <cell r="BH179" t="str">
            <v>久保　琢史</v>
          </cell>
          <cell r="BI179" t="str">
            <v>公園課</v>
          </cell>
          <cell r="BJ179">
            <v>4615</v>
          </cell>
          <cell r="BN179" t="str">
            <v>緑</v>
          </cell>
          <cell r="BO179">
            <v>8</v>
          </cell>
          <cell r="BS179">
            <v>16089700</v>
          </cell>
          <cell r="BT179">
            <v>14620000</v>
          </cell>
          <cell r="BU179">
            <v>1</v>
          </cell>
          <cell r="BV179">
            <v>12860000</v>
          </cell>
          <cell r="BW179">
            <v>7905000</v>
          </cell>
          <cell r="BX179">
            <v>615000</v>
          </cell>
          <cell r="BY179">
            <v>3684000</v>
          </cell>
          <cell r="BZ179">
            <v>2423000</v>
          </cell>
          <cell r="CD179" t="str">
            <v/>
          </cell>
          <cell r="CH179">
            <v>81</v>
          </cell>
          <cell r="CI179">
            <v>44050</v>
          </cell>
          <cell r="CJ179" t="str">
            <v>一般</v>
          </cell>
          <cell r="CK179" t="str">
            <v>尼崎市、西宮市、芦屋市、宝塚市、川西市、伊丹市内に本店</v>
          </cell>
          <cell r="CL179" t="str">
            <v>伊丹市内に本店を有する者においては400点以上、その他の者においては800点以上</v>
          </cell>
          <cell r="CO179">
            <v>1</v>
          </cell>
          <cell r="CP179">
            <v>63243</v>
          </cell>
          <cell r="CT179" t="str">
            <v>請負金額が700万円以上(伊丹市内に本店を有する者においては300万円以上)</v>
          </cell>
          <cell r="CU179">
            <v>11</v>
          </cell>
          <cell r="CW179">
            <v>44064</v>
          </cell>
          <cell r="CX179" t="str">
            <v/>
          </cell>
          <cell r="CY179" t="str">
            <v/>
          </cell>
          <cell r="CZ179" t="str">
            <v/>
          </cell>
          <cell r="DA179">
            <v>44068</v>
          </cell>
          <cell r="DB179">
            <v>44070</v>
          </cell>
          <cell r="DC179">
            <v>20</v>
          </cell>
          <cell r="DD179" t="str">
            <v>○</v>
          </cell>
          <cell r="DL179">
            <v>2094</v>
          </cell>
          <cell r="DM179">
            <v>3253</v>
          </cell>
          <cell r="DN179">
            <v>74</v>
          </cell>
          <cell r="DO179">
            <v>2859</v>
          </cell>
          <cell r="DP179">
            <v>287</v>
          </cell>
          <cell r="DQ179">
            <v>3255</v>
          </cell>
          <cell r="DR179">
            <v>2887</v>
          </cell>
          <cell r="EZ179">
            <v>7</v>
          </cell>
          <cell r="FA179">
            <v>8</v>
          </cell>
          <cell r="FI179">
            <v>4</v>
          </cell>
          <cell r="FJ179" t="str">
            <v>事後審査型一般競争入札</v>
          </cell>
          <cell r="FN179">
            <v>4</v>
          </cell>
          <cell r="FO179" t="str">
            <v>電子入札</v>
          </cell>
          <cell r="FS179">
            <v>1</v>
          </cell>
          <cell r="FT179" t="str">
            <v/>
          </cell>
          <cell r="FU179" t="str">
            <v/>
          </cell>
          <cell r="FW179" t="str">
            <v/>
          </cell>
          <cell r="FY179" t="str">
            <v/>
          </cell>
          <cell r="GD179">
            <v>1</v>
          </cell>
          <cell r="GE179" t="str">
            <v>契約・検査課長　松本　嘉博</v>
          </cell>
          <cell r="GF179">
            <v>2094</v>
          </cell>
          <cell r="GG179" t="str">
            <v>(有)荒木造園土木</v>
          </cell>
          <cell r="GH179">
            <v>14157000</v>
          </cell>
          <cell r="GI179">
            <v>1287000</v>
          </cell>
          <cell r="GJ179">
            <v>1416000</v>
          </cell>
          <cell r="GL179" t="str">
            <v>一級造園施工管理技士</v>
          </cell>
          <cell r="GM179" t="str">
            <v>渡邉　裕介</v>
          </cell>
          <cell r="GN179" t="str">
            <v>一級造園施工管理技士</v>
          </cell>
          <cell r="GO179" t="str">
            <v>渡邉　裕介</v>
          </cell>
          <cell r="GT179" t="str">
            <v/>
          </cell>
          <cell r="GU179" t="str">
            <v>済</v>
          </cell>
          <cell r="GV179">
            <v>72850</v>
          </cell>
          <cell r="GW179">
            <v>5.1458642367733276</v>
          </cell>
          <cell r="GX179">
            <v>44193</v>
          </cell>
          <cell r="GY179">
            <v>16249200</v>
          </cell>
          <cell r="GZ179">
            <v>14296700</v>
          </cell>
          <cell r="HN179" t="str">
            <v>【本工事】現地精査の結果、処分数量の変更を行うものである。
【附帯工事】縁石設置、伐採・抜根工の増工、並びに現地精査による数量変更を行うものである。</v>
          </cell>
          <cell r="HO179">
            <v>1</v>
          </cell>
          <cell r="HP179">
            <v>12870000</v>
          </cell>
          <cell r="HQ179">
            <v>14000000</v>
          </cell>
          <cell r="HR179">
            <v>14550000</v>
          </cell>
          <cell r="HS179">
            <v>14550000</v>
          </cell>
          <cell r="HT179">
            <v>12820000</v>
          </cell>
          <cell r="HU179" t="str">
            <v>-</v>
          </cell>
          <cell r="HV179" t="str">
            <v>-</v>
          </cell>
          <cell r="JD179" t="str">
            <v/>
          </cell>
          <cell r="JE179" t="str">
            <v/>
          </cell>
          <cell r="JF179" t="str">
            <v/>
          </cell>
          <cell r="JG179" t="str">
            <v/>
          </cell>
          <cell r="JH179" t="str">
            <v/>
          </cell>
          <cell r="JI179" t="str">
            <v/>
          </cell>
          <cell r="JJ179">
            <v>8</v>
          </cell>
          <cell r="JK179">
            <v>8</v>
          </cell>
          <cell r="JL179" t="str">
            <v/>
          </cell>
          <cell r="JM179" t="str">
            <v/>
          </cell>
          <cell r="JN179" t="str">
            <v/>
          </cell>
          <cell r="JO179" t="str">
            <v/>
          </cell>
          <cell r="JP179" t="str">
            <v/>
          </cell>
          <cell r="JQ179" t="str">
            <v/>
          </cell>
          <cell r="JR179" t="str">
            <v/>
          </cell>
          <cell r="JS179" t="str">
            <v/>
          </cell>
          <cell r="JT179" t="str">
            <v/>
          </cell>
          <cell r="JU179" t="str">
            <v/>
          </cell>
          <cell r="JV179" t="str">
            <v/>
          </cell>
          <cell r="JW179" t="str">
            <v/>
          </cell>
          <cell r="JX179" t="str">
            <v/>
          </cell>
          <cell r="JY179" t="str">
            <v/>
          </cell>
          <cell r="JZ179">
            <v>0.88030095759233917</v>
          </cell>
        </row>
        <row r="180">
          <cell r="C180" t="str">
            <v/>
          </cell>
          <cell r="D180" t="str">
            <v/>
          </cell>
          <cell r="E180" t="str">
            <v/>
          </cell>
          <cell r="I180">
            <v>172</v>
          </cell>
          <cell r="M180" t="str">
            <v>令和２年度宮ノ上公園再整備工事</v>
          </cell>
          <cell r="Q180" t="str">
            <v>宮ノ上公再整</v>
          </cell>
          <cell r="Y180">
            <v>1</v>
          </cell>
          <cell r="AC180">
            <v>6</v>
          </cell>
          <cell r="AI180" t="str">
            <v>伊丹市北本町２丁目地内</v>
          </cell>
          <cell r="AM180" t="str">
            <v>【本体工事】
公園土工一式　真砂土舗装138ｍ2　人工芝設置57m2
複合遊具更新1基　ブランコ更新1基　鉄棒設置1基
【附帯工事】
乾式組積ブロック29m　低木植栽154本　公園土工一式
雨水排水設備工一式　真砂土舗装413m2　健康遊具移設1基</v>
          </cell>
          <cell r="AQ180">
            <v>2</v>
          </cell>
          <cell r="AY180">
            <v>44075</v>
          </cell>
          <cell r="AZ180">
            <v>44078</v>
          </cell>
          <cell r="BA180">
            <v>134</v>
          </cell>
          <cell r="BB180">
            <v>44211</v>
          </cell>
          <cell r="BC180">
            <v>16</v>
          </cell>
          <cell r="BD180" t="str">
            <v>○</v>
          </cell>
          <cell r="BE180" t="str">
            <v>○</v>
          </cell>
          <cell r="BF180">
            <v>0.4236111111111111</v>
          </cell>
          <cell r="BG180">
            <v>7680</v>
          </cell>
          <cell r="BH180" t="str">
            <v>田中　駿</v>
          </cell>
          <cell r="BI180" t="str">
            <v>公園課</v>
          </cell>
          <cell r="BJ180">
            <v>4727</v>
          </cell>
          <cell r="BN180" t="str">
            <v>緑</v>
          </cell>
          <cell r="BO180">
            <v>9</v>
          </cell>
          <cell r="BS180">
            <v>14273600</v>
          </cell>
          <cell r="BT180">
            <v>12970000</v>
          </cell>
          <cell r="BU180">
            <v>1</v>
          </cell>
          <cell r="BV180">
            <v>11370000</v>
          </cell>
          <cell r="BW180">
            <v>6809000</v>
          </cell>
          <cell r="BX180">
            <v>533000</v>
          </cell>
          <cell r="BY180">
            <v>3397000</v>
          </cell>
          <cell r="BZ180">
            <v>2237000</v>
          </cell>
          <cell r="CD180" t="str">
            <v/>
          </cell>
          <cell r="CH180">
            <v>82</v>
          </cell>
          <cell r="CI180">
            <v>44050</v>
          </cell>
          <cell r="CJ180" t="str">
            <v>一般</v>
          </cell>
          <cell r="CK180" t="str">
            <v>尼崎市、西宮市、芦屋市、宝塚市、川西市、伊丹市内に本店</v>
          </cell>
          <cell r="CL180" t="str">
            <v>伊丹市内に本店を有する者においては400点以上、その他の者においては800点以上</v>
          </cell>
          <cell r="CO180">
            <v>1</v>
          </cell>
          <cell r="CP180">
            <v>70144</v>
          </cell>
          <cell r="CT180" t="str">
            <v>請負金額が600万円以上(伊丹市内に本店を有する者においては300万円以上)</v>
          </cell>
          <cell r="CU180">
            <v>11</v>
          </cell>
          <cell r="CW180">
            <v>44064</v>
          </cell>
          <cell r="CX180" t="str">
            <v/>
          </cell>
          <cell r="CY180" t="str">
            <v/>
          </cell>
          <cell r="CZ180" t="str">
            <v/>
          </cell>
          <cell r="DA180">
            <v>44068</v>
          </cell>
          <cell r="DB180">
            <v>44070</v>
          </cell>
          <cell r="DC180">
            <v>20</v>
          </cell>
          <cell r="DD180" t="str">
            <v>○</v>
          </cell>
          <cell r="DL180">
            <v>3255</v>
          </cell>
          <cell r="DM180">
            <v>74</v>
          </cell>
          <cell r="DN180">
            <v>2859</v>
          </cell>
          <cell r="DO180">
            <v>287</v>
          </cell>
          <cell r="DP180">
            <v>2887</v>
          </cell>
          <cell r="DQ180">
            <v>2094</v>
          </cell>
          <cell r="EZ180">
            <v>6</v>
          </cell>
          <cell r="FA180">
            <v>8</v>
          </cell>
          <cell r="FI180">
            <v>4</v>
          </cell>
          <cell r="FJ180" t="str">
            <v>事後審査型一般競争入札</v>
          </cell>
          <cell r="FN180">
            <v>4</v>
          </cell>
          <cell r="FO180" t="str">
            <v>電子入札</v>
          </cell>
          <cell r="FS180">
            <v>1</v>
          </cell>
          <cell r="FT180" t="str">
            <v/>
          </cell>
          <cell r="FU180" t="str">
            <v/>
          </cell>
          <cell r="FW180" t="str">
            <v/>
          </cell>
          <cell r="FY180" t="str">
            <v/>
          </cell>
          <cell r="GC180">
            <v>1</v>
          </cell>
          <cell r="GD180">
            <v>1</v>
          </cell>
          <cell r="GE180" t="str">
            <v>契約・検査課長　松本　嘉博</v>
          </cell>
          <cell r="GF180">
            <v>3255</v>
          </cell>
          <cell r="GG180" t="str">
            <v>宝塚緑化(株)</v>
          </cell>
          <cell r="GH180">
            <v>12562000</v>
          </cell>
          <cell r="GI180">
            <v>1142000</v>
          </cell>
          <cell r="GJ180">
            <v>1257000</v>
          </cell>
          <cell r="GL180" t="str">
            <v>１級造園施工管理技士</v>
          </cell>
          <cell r="GM180" t="str">
            <v>駒木根　昌彦</v>
          </cell>
          <cell r="GN180" t="str">
            <v>１級造園施工管理技士</v>
          </cell>
          <cell r="GO180" t="str">
            <v>駒木根　昌彦</v>
          </cell>
          <cell r="GT180" t="str">
            <v/>
          </cell>
          <cell r="GU180" t="str">
            <v>済</v>
          </cell>
          <cell r="GV180">
            <v>46500</v>
          </cell>
          <cell r="GW180">
            <v>3.7016398662633336</v>
          </cell>
          <cell r="GX180">
            <v>44209</v>
          </cell>
          <cell r="GY180">
            <v>14218600</v>
          </cell>
          <cell r="GZ180">
            <v>12512500</v>
          </cell>
          <cell r="HN180" t="str">
            <v>真砂土舗装面積の減</v>
          </cell>
          <cell r="HO180">
            <v>1</v>
          </cell>
          <cell r="HP180">
            <v>11420000</v>
          </cell>
          <cell r="HQ180">
            <v>12780000</v>
          </cell>
          <cell r="HR180">
            <v>12900000</v>
          </cell>
          <cell r="HS180">
            <v>11360000</v>
          </cell>
          <cell r="HT180" t="str">
            <v>-</v>
          </cell>
          <cell r="HU180" t="str">
            <v>-</v>
          </cell>
          <cell r="JD180" t="str">
            <v/>
          </cell>
          <cell r="JE180" t="str">
            <v/>
          </cell>
          <cell r="JF180" t="str">
            <v/>
          </cell>
          <cell r="JG180" t="str">
            <v/>
          </cell>
          <cell r="JH180" t="str">
            <v/>
          </cell>
          <cell r="JI180" t="str">
            <v/>
          </cell>
          <cell r="JJ180">
            <v>9</v>
          </cell>
          <cell r="JK180">
            <v>9</v>
          </cell>
          <cell r="JL180" t="str">
            <v/>
          </cell>
          <cell r="JM180" t="str">
            <v/>
          </cell>
          <cell r="JN180" t="str">
            <v/>
          </cell>
          <cell r="JO180" t="str">
            <v/>
          </cell>
          <cell r="JP180" t="str">
            <v/>
          </cell>
          <cell r="JQ180" t="str">
            <v/>
          </cell>
          <cell r="JR180" t="str">
            <v/>
          </cell>
          <cell r="JS180" t="str">
            <v/>
          </cell>
          <cell r="JT180" t="str">
            <v/>
          </cell>
          <cell r="JU180" t="str">
            <v/>
          </cell>
          <cell r="JV180" t="str">
            <v/>
          </cell>
          <cell r="JW180" t="str">
            <v/>
          </cell>
          <cell r="JX180" t="str">
            <v/>
          </cell>
          <cell r="JY180" t="str">
            <v/>
          </cell>
          <cell r="JZ180">
            <v>0.88049344641480343</v>
          </cell>
        </row>
        <row r="181">
          <cell r="C181" t="str">
            <v/>
          </cell>
          <cell r="D181" t="str">
            <v/>
          </cell>
          <cell r="E181" t="str">
            <v/>
          </cell>
          <cell r="I181">
            <v>173</v>
          </cell>
          <cell r="M181" t="str">
            <v>令和２年度教育支援ネットワークシステム機器リース</v>
          </cell>
          <cell r="Q181" t="str">
            <v>教育支援ｼｽﾃﾑ</v>
          </cell>
          <cell r="Y181">
            <v>1</v>
          </cell>
          <cell r="AC181">
            <v>8</v>
          </cell>
          <cell r="AD181">
            <v>6</v>
          </cell>
          <cell r="AI181" t="str">
            <v>伊丹市千僧１丁目１番地伊丹市立総合教育センター</v>
          </cell>
          <cell r="AQ181">
            <v>7</v>
          </cell>
          <cell r="AU181">
            <v>60</v>
          </cell>
          <cell r="AY181">
            <v>44083</v>
          </cell>
          <cell r="AZ181">
            <v>44084</v>
          </cell>
          <cell r="BA181">
            <v>1908</v>
          </cell>
          <cell r="BB181">
            <v>45991</v>
          </cell>
          <cell r="BC181" t="str">
            <v/>
          </cell>
          <cell r="BD181" t="str">
            <v/>
          </cell>
          <cell r="BE181" t="str">
            <v/>
          </cell>
          <cell r="BF181">
            <v>0.41736111111111113</v>
          </cell>
          <cell r="BG181">
            <v>7548</v>
          </cell>
          <cell r="BH181" t="str">
            <v>片岡　栄二郎</v>
          </cell>
          <cell r="BI181" t="str">
            <v>総合教育センター</v>
          </cell>
          <cell r="BJ181">
            <v>4649</v>
          </cell>
          <cell r="BN181" t="str">
            <v>リ</v>
          </cell>
          <cell r="BO181">
            <v>8</v>
          </cell>
          <cell r="BS181">
            <v>156578400</v>
          </cell>
          <cell r="BT181">
            <v>2372400</v>
          </cell>
          <cell r="BU181">
            <v>1</v>
          </cell>
          <cell r="BV181" t="str">
            <v/>
          </cell>
          <cell r="CH181">
            <v>-88</v>
          </cell>
          <cell r="CI181">
            <v>44064</v>
          </cell>
          <cell r="CP181">
            <v>47430</v>
          </cell>
          <cell r="CW181" t="str">
            <v/>
          </cell>
          <cell r="CX181" t="str">
            <v/>
          </cell>
          <cell r="CY181" t="str">
            <v/>
          </cell>
          <cell r="CZ181" t="str">
            <v/>
          </cell>
          <cell r="DA181">
            <v>44074</v>
          </cell>
          <cell r="DB181">
            <v>44077</v>
          </cell>
          <cell r="DD181" t="str">
            <v/>
          </cell>
          <cell r="DL181">
            <v>10006</v>
          </cell>
          <cell r="DM181">
            <v>10064</v>
          </cell>
          <cell r="DN181">
            <v>10115</v>
          </cell>
          <cell r="DO181">
            <v>10126</v>
          </cell>
          <cell r="DP181">
            <v>10153</v>
          </cell>
          <cell r="DQ181">
            <v>10287</v>
          </cell>
          <cell r="DR181">
            <v>11587</v>
          </cell>
          <cell r="DS181">
            <v>10200</v>
          </cell>
          <cell r="DT181">
            <v>10529</v>
          </cell>
          <cell r="DU181">
            <v>10689</v>
          </cell>
          <cell r="DV181">
            <v>12344</v>
          </cell>
          <cell r="DW181">
            <v>10070</v>
          </cell>
          <cell r="DX181">
            <v>10509</v>
          </cell>
          <cell r="DY181">
            <v>10437</v>
          </cell>
          <cell r="EZ181">
            <v>14</v>
          </cell>
          <cell r="FA181">
            <v>10</v>
          </cell>
          <cell r="FI181">
            <v>5</v>
          </cell>
          <cell r="FJ181" t="str">
            <v>指名競争入札（簡易認証）</v>
          </cell>
          <cell r="FN181">
            <v>4</v>
          </cell>
          <cell r="FO181" t="str">
            <v>電子入札</v>
          </cell>
          <cell r="FS181">
            <v>4</v>
          </cell>
          <cell r="FT181" t="str">
            <v/>
          </cell>
          <cell r="FU181" t="str">
            <v/>
          </cell>
          <cell r="FW181" t="str">
            <v/>
          </cell>
          <cell r="FY181" t="str">
            <v/>
          </cell>
          <cell r="GD181">
            <v>1</v>
          </cell>
          <cell r="GE181" t="str">
            <v>契約・検査課長　松本　嘉博</v>
          </cell>
          <cell r="GF181">
            <v>10115</v>
          </cell>
          <cell r="GG181" t="str">
            <v>ＮＥＣキャピタルソリューション(株)</v>
          </cell>
          <cell r="GH181">
            <v>147424200</v>
          </cell>
          <cell r="GI181">
            <v>13402200</v>
          </cell>
          <cell r="GJ181" t="str">
            <v/>
          </cell>
          <cell r="GT181" t="str">
            <v>要</v>
          </cell>
          <cell r="GW181" t="str">
            <v/>
          </cell>
          <cell r="HO181" t="str">
            <v/>
          </cell>
          <cell r="HP181" t="str">
            <v>-</v>
          </cell>
          <cell r="HQ181" t="str">
            <v>-</v>
          </cell>
          <cell r="HR181">
            <v>2233700</v>
          </cell>
          <cell r="HS181" t="str">
            <v>-</v>
          </cell>
          <cell r="HT181" t="str">
            <v>-</v>
          </cell>
          <cell r="HU181">
            <v>2264300</v>
          </cell>
          <cell r="HV181" t="str">
            <v>-</v>
          </cell>
          <cell r="HW181">
            <v>2297200</v>
          </cell>
          <cell r="HX181" t="str">
            <v>-</v>
          </cell>
          <cell r="HY181" t="str">
            <v>-</v>
          </cell>
          <cell r="HZ181" t="str">
            <v>-</v>
          </cell>
          <cell r="IA181" t="str">
            <v>-</v>
          </cell>
          <cell r="IB181" t="str">
            <v>-</v>
          </cell>
          <cell r="IC181" t="str">
            <v>-</v>
          </cell>
          <cell r="JD181" t="str">
            <v/>
          </cell>
          <cell r="JE181" t="str">
            <v/>
          </cell>
          <cell r="JF181" t="str">
            <v/>
          </cell>
          <cell r="JG181" t="str">
            <v/>
          </cell>
          <cell r="JH181" t="str">
            <v/>
          </cell>
          <cell r="JI181" t="str">
            <v/>
          </cell>
          <cell r="JJ181" t="str">
            <v/>
          </cell>
          <cell r="JK181" t="str">
            <v/>
          </cell>
          <cell r="JL181" t="str">
            <v/>
          </cell>
          <cell r="JM181" t="str">
            <v/>
          </cell>
          <cell r="JN181" t="str">
            <v/>
          </cell>
          <cell r="JO181" t="str">
            <v/>
          </cell>
          <cell r="JP181" t="str">
            <v/>
          </cell>
          <cell r="JQ181" t="str">
            <v/>
          </cell>
          <cell r="JR181" t="str">
            <v/>
          </cell>
          <cell r="JS181" t="str">
            <v/>
          </cell>
          <cell r="JT181" t="str">
            <v/>
          </cell>
          <cell r="JU181" t="str">
            <v/>
          </cell>
          <cell r="JV181" t="str">
            <v/>
          </cell>
          <cell r="JW181" t="str">
            <v/>
          </cell>
          <cell r="JX181" t="str">
            <v/>
          </cell>
          <cell r="JY181" t="str">
            <v/>
          </cell>
          <cell r="JZ181">
            <v>0.95897184918226264</v>
          </cell>
        </row>
        <row r="182">
          <cell r="C182" t="str">
            <v/>
          </cell>
          <cell r="D182" t="str">
            <v/>
          </cell>
          <cell r="E182" t="str">
            <v/>
          </cell>
          <cell r="I182">
            <v>174</v>
          </cell>
          <cell r="M182" t="str">
            <v>令和２年度市道平松６２６３号線歩道改良工事</v>
          </cell>
          <cell r="Q182" t="str">
            <v>平松6263歩道</v>
          </cell>
          <cell r="Y182">
            <v>1</v>
          </cell>
          <cell r="AC182">
            <v>2</v>
          </cell>
          <cell r="AI182" t="str">
            <v>伊丹市南町２丁目地内</v>
          </cell>
          <cell r="AM182" t="str">
            <v>道路土工一式
構造物撤去工一式
舗装　表層（車道部・路肩部）24㎡　歩道舗装工（一般部）7㎡
　　　　歩道舗装工（乗入部）15㎡　インターロッキングブロック舗装工14㎡
縁石工　歩車道境界ブロック11m　地先境界ブロック22m
防護柵工　横断・転落防止柵設置工40m</v>
          </cell>
          <cell r="AQ182">
            <v>1</v>
          </cell>
          <cell r="AY182">
            <v>44075</v>
          </cell>
          <cell r="AZ182">
            <v>44078</v>
          </cell>
          <cell r="BA182">
            <v>106</v>
          </cell>
          <cell r="BB182">
            <v>44183</v>
          </cell>
          <cell r="BC182">
            <v>16</v>
          </cell>
          <cell r="BD182" t="str">
            <v>○</v>
          </cell>
          <cell r="BE182" t="str">
            <v>○</v>
          </cell>
          <cell r="BF182">
            <v>0.42430555555555555</v>
          </cell>
          <cell r="BG182">
            <v>6870</v>
          </cell>
          <cell r="BH182" t="str">
            <v>井上  亮</v>
          </cell>
          <cell r="BI182" t="str">
            <v>道路建設課</v>
          </cell>
          <cell r="BJ182">
            <v>3019</v>
          </cell>
          <cell r="BN182" t="str">
            <v>土</v>
          </cell>
          <cell r="BO182">
            <v>12</v>
          </cell>
          <cell r="BS182">
            <v>2788500</v>
          </cell>
          <cell r="BT182">
            <v>2530000</v>
          </cell>
          <cell r="BU182">
            <v>1</v>
          </cell>
          <cell r="BV182">
            <v>2200000</v>
          </cell>
          <cell r="BW182">
            <v>1309000</v>
          </cell>
          <cell r="BX182">
            <v>200000</v>
          </cell>
          <cell r="BY182">
            <v>557000</v>
          </cell>
          <cell r="BZ182">
            <v>469000</v>
          </cell>
          <cell r="CD182" t="str">
            <v/>
          </cell>
          <cell r="CH182">
            <v>83</v>
          </cell>
          <cell r="CI182">
            <v>44050</v>
          </cell>
          <cell r="CJ182" t="str">
            <v>一般</v>
          </cell>
          <cell r="CK182" t="str">
            <v>伊丹市内に本店</v>
          </cell>
          <cell r="CL182" t="str">
            <v>670点未満</v>
          </cell>
          <cell r="CP182">
            <v>88787</v>
          </cell>
          <cell r="CT182" t="str">
            <v>右記</v>
          </cell>
          <cell r="CU182" t="str">
            <v>土木一式工事の施工実績を有すること。</v>
          </cell>
          <cell r="CW182">
            <v>44064</v>
          </cell>
          <cell r="CX182" t="str">
            <v/>
          </cell>
          <cell r="CY182" t="str">
            <v/>
          </cell>
          <cell r="CZ182" t="str">
            <v/>
          </cell>
          <cell r="DA182">
            <v>44068</v>
          </cell>
          <cell r="DB182">
            <v>44070</v>
          </cell>
          <cell r="DC182">
            <v>34</v>
          </cell>
          <cell r="DD182" t="str">
            <v>○</v>
          </cell>
          <cell r="DL182">
            <v>440</v>
          </cell>
          <cell r="DM182">
            <v>579</v>
          </cell>
          <cell r="DN182">
            <v>474</v>
          </cell>
          <cell r="DO182">
            <v>146</v>
          </cell>
          <cell r="DP182">
            <v>492</v>
          </cell>
          <cell r="DQ182">
            <v>527</v>
          </cell>
          <cell r="EZ182">
            <v>6</v>
          </cell>
          <cell r="FA182">
            <v>6</v>
          </cell>
          <cell r="FI182">
            <v>4</v>
          </cell>
          <cell r="FJ182" t="str">
            <v>事後審査型一般競争入札</v>
          </cell>
          <cell r="FN182">
            <v>4</v>
          </cell>
          <cell r="FO182" t="str">
            <v>電子入札</v>
          </cell>
          <cell r="FS182">
            <v>1</v>
          </cell>
          <cell r="FT182" t="str">
            <v/>
          </cell>
          <cell r="FU182" t="str">
            <v/>
          </cell>
          <cell r="FW182" t="str">
            <v/>
          </cell>
          <cell r="FY182" t="str">
            <v/>
          </cell>
          <cell r="GC182">
            <v>1</v>
          </cell>
          <cell r="GD182">
            <v>1</v>
          </cell>
          <cell r="GE182" t="str">
            <v>契約・検査課長　松本　嘉博</v>
          </cell>
          <cell r="GF182">
            <v>440</v>
          </cell>
          <cell r="GG182" t="str">
            <v>エスエス工業(株)</v>
          </cell>
          <cell r="GH182">
            <v>2420000</v>
          </cell>
          <cell r="GI182">
            <v>220000</v>
          </cell>
          <cell r="GJ182">
            <v>242000</v>
          </cell>
          <cell r="GL182" t="str">
            <v>２級土木施工管理技士</v>
          </cell>
          <cell r="GM182" t="str">
            <v>蝉平　定夫</v>
          </cell>
          <cell r="GN182" t="str">
            <v>２級土木施工管理技士</v>
          </cell>
          <cell r="GO182" t="str">
            <v>蝉平　定夫</v>
          </cell>
          <cell r="GT182" t="str">
            <v/>
          </cell>
          <cell r="GV182">
            <v>31000</v>
          </cell>
          <cell r="GW182">
            <v>12.809917355371901</v>
          </cell>
          <cell r="GX182">
            <v>44181</v>
          </cell>
          <cell r="HA182">
            <v>44246</v>
          </cell>
          <cell r="HB182">
            <v>44244</v>
          </cell>
          <cell r="HE182">
            <v>44286</v>
          </cell>
          <cell r="HF182">
            <v>44285</v>
          </cell>
          <cell r="HG182">
            <v>3489200</v>
          </cell>
          <cell r="HH182">
            <v>3027200</v>
          </cell>
          <cell r="HN182" t="str">
            <v>１．横断勾配の見直し及び公安協議により舗装復旧面積が追加になったため
２．精算変更のため</v>
          </cell>
          <cell r="HO182">
            <v>3</v>
          </cell>
          <cell r="HP182">
            <v>2200000</v>
          </cell>
          <cell r="HQ182">
            <v>2200000</v>
          </cell>
          <cell r="HR182">
            <v>2210000</v>
          </cell>
          <cell r="HS182">
            <v>2500000</v>
          </cell>
          <cell r="HT182">
            <v>2190000</v>
          </cell>
          <cell r="HU182" t="str">
            <v>-</v>
          </cell>
          <cell r="JD182">
            <v>12</v>
          </cell>
          <cell r="JE182">
            <v>12</v>
          </cell>
          <cell r="JF182" t="str">
            <v/>
          </cell>
          <cell r="JG182" t="str">
            <v/>
          </cell>
          <cell r="JH182" t="str">
            <v/>
          </cell>
          <cell r="JI182" t="str">
            <v/>
          </cell>
          <cell r="JJ182" t="str">
            <v/>
          </cell>
          <cell r="JK182" t="str">
            <v/>
          </cell>
          <cell r="JL182" t="str">
            <v/>
          </cell>
          <cell r="JM182" t="str">
            <v/>
          </cell>
          <cell r="JN182" t="str">
            <v/>
          </cell>
          <cell r="JO182" t="str">
            <v/>
          </cell>
          <cell r="JP182" t="str">
            <v/>
          </cell>
          <cell r="JQ182" t="str">
            <v/>
          </cell>
          <cell r="JR182" t="str">
            <v/>
          </cell>
          <cell r="JS182" t="str">
            <v/>
          </cell>
          <cell r="JT182" t="str">
            <v/>
          </cell>
          <cell r="JU182" t="str">
            <v/>
          </cell>
          <cell r="JV182" t="str">
            <v/>
          </cell>
          <cell r="JW182" t="str">
            <v/>
          </cell>
          <cell r="JX182" t="str">
            <v/>
          </cell>
          <cell r="JY182" t="str">
            <v/>
          </cell>
          <cell r="JZ182">
            <v>0.86956521739130432</v>
          </cell>
        </row>
        <row r="183">
          <cell r="C183" t="str">
            <v/>
          </cell>
          <cell r="D183" t="str">
            <v/>
          </cell>
          <cell r="E183" t="str">
            <v/>
          </cell>
          <cell r="I183">
            <v>175</v>
          </cell>
          <cell r="M183" t="str">
            <v>令和２年度伊丹市立南小学校他５校無線ＬＡＮ整備工事</v>
          </cell>
          <cell r="Q183" t="str">
            <v>南他５校無LAN</v>
          </cell>
          <cell r="Y183">
            <v>1</v>
          </cell>
          <cell r="AC183">
            <v>5</v>
          </cell>
          <cell r="AI183" t="str">
            <v>伊丹市御願塚２丁目６番１号他</v>
          </cell>
          <cell r="AM183" t="str">
            <v>校内ＬＡＮ整備工事一式
電源キャビネット整備工事一式</v>
          </cell>
          <cell r="AQ183">
            <v>2</v>
          </cell>
          <cell r="AY183">
            <v>44098</v>
          </cell>
          <cell r="AZ183">
            <v>44098</v>
          </cell>
          <cell r="BA183">
            <v>155</v>
          </cell>
          <cell r="BB183">
            <v>44252</v>
          </cell>
          <cell r="BC183">
            <v>17</v>
          </cell>
          <cell r="BD183" t="str">
            <v>○</v>
          </cell>
          <cell r="BE183" t="str">
            <v>○</v>
          </cell>
          <cell r="BF183">
            <v>0.58402777777777781</v>
          </cell>
          <cell r="BG183">
            <v>7799</v>
          </cell>
          <cell r="BH183" t="str">
            <v>石田　怜</v>
          </cell>
          <cell r="BI183" t="str">
            <v>施設課</v>
          </cell>
          <cell r="BJ183">
            <v>4811</v>
          </cell>
          <cell r="BN183" t="str">
            <v>教</v>
          </cell>
          <cell r="BO183">
            <v>9</v>
          </cell>
          <cell r="BS183">
            <v>83237000</v>
          </cell>
          <cell r="BT183">
            <v>75670000</v>
          </cell>
          <cell r="BU183">
            <v>1</v>
          </cell>
          <cell r="BV183">
            <v>69540000</v>
          </cell>
          <cell r="BW183">
            <v>64224451</v>
          </cell>
          <cell r="BX183">
            <v>728923</v>
          </cell>
          <cell r="BY183">
            <v>2004571</v>
          </cell>
          <cell r="BZ183">
            <v>8712055</v>
          </cell>
          <cell r="CH183">
            <v>84</v>
          </cell>
          <cell r="CI183">
            <v>44062</v>
          </cell>
          <cell r="CJ183" t="str">
            <v>特定</v>
          </cell>
          <cell r="CK183" t="str">
            <v>尼崎市、西宮市、芦屋市、宝塚市、川西市、伊丹市内に本店を有すること。又は伊丹市内に支店</v>
          </cell>
          <cell r="CL183" t="str">
            <v>伊丹市内に本店を有する者においては700点以上、その他の者においては900点以上</v>
          </cell>
          <cell r="CP183">
            <v>33027</v>
          </cell>
          <cell r="CT183" t="str">
            <v>請負金額が3,700万円以上(伊丹市内に本店を有する者においては1,800万円以上)</v>
          </cell>
          <cell r="CU183">
            <v>16</v>
          </cell>
          <cell r="CW183">
            <v>44070</v>
          </cell>
          <cell r="CX183">
            <v>44074</v>
          </cell>
          <cell r="CY183">
            <v>44075</v>
          </cell>
          <cell r="CZ183">
            <v>44076</v>
          </cell>
          <cell r="DA183">
            <v>44077</v>
          </cell>
          <cell r="DB183">
            <v>44084</v>
          </cell>
          <cell r="DC183">
            <v>21</v>
          </cell>
          <cell r="DD183" t="str">
            <v>○</v>
          </cell>
          <cell r="DL183">
            <v>63</v>
          </cell>
          <cell r="DM183">
            <v>83</v>
          </cell>
          <cell r="DN183">
            <v>128</v>
          </cell>
          <cell r="DO183">
            <v>368</v>
          </cell>
          <cell r="DP183">
            <v>545</v>
          </cell>
          <cell r="DQ183">
            <v>562</v>
          </cell>
          <cell r="DR183">
            <v>2350</v>
          </cell>
          <cell r="DS183">
            <v>3237</v>
          </cell>
          <cell r="DT183">
            <v>3676</v>
          </cell>
          <cell r="DU183">
            <v>3989</v>
          </cell>
          <cell r="DV183">
            <v>3992</v>
          </cell>
          <cell r="DW183">
            <v>4048</v>
          </cell>
          <cell r="DX183">
            <v>4417</v>
          </cell>
          <cell r="EZ183">
            <v>13</v>
          </cell>
          <cell r="FA183">
            <v>10</v>
          </cell>
          <cell r="FI183">
            <v>1</v>
          </cell>
          <cell r="FJ183" t="str">
            <v>制限付一般競争入札</v>
          </cell>
          <cell r="FN183">
            <v>4</v>
          </cell>
          <cell r="FO183" t="str">
            <v>電子入札</v>
          </cell>
          <cell r="FS183">
            <v>1</v>
          </cell>
          <cell r="FT183" t="str">
            <v/>
          </cell>
          <cell r="FU183" t="str">
            <v/>
          </cell>
          <cell r="FW183">
            <v>1</v>
          </cell>
          <cell r="FX183">
            <v>1</v>
          </cell>
          <cell r="FY183" t="str">
            <v>了</v>
          </cell>
          <cell r="GB183">
            <v>1</v>
          </cell>
          <cell r="GD183">
            <v>1</v>
          </cell>
          <cell r="GE183" t="str">
            <v>契約・検査課長　松本　嘉博</v>
          </cell>
          <cell r="GF183">
            <v>4048</v>
          </cell>
          <cell r="GG183" t="str">
            <v>本多電気(株)</v>
          </cell>
          <cell r="GH183">
            <v>80190000</v>
          </cell>
          <cell r="GI183">
            <v>7290000</v>
          </cell>
          <cell r="GJ183">
            <v>8019000</v>
          </cell>
          <cell r="GL183" t="str">
            <v>　←１級電気工事施工管理技士</v>
          </cell>
          <cell r="GM183" t="str">
            <v>密山　章剛←宮崎　明彦</v>
          </cell>
          <cell r="GN183" t="str">
            <v>１級電気工事施工管理技士</v>
          </cell>
          <cell r="GO183" t="str">
            <v>宮崎　明彦</v>
          </cell>
          <cell r="GT183" t="str">
            <v>要</v>
          </cell>
          <cell r="GU183" t="str">
            <v>済</v>
          </cell>
          <cell r="GW183" t="str">
            <v/>
          </cell>
          <cell r="GX183">
            <v>44243</v>
          </cell>
          <cell r="GY183">
            <v>84623000</v>
          </cell>
          <cell r="GZ183">
            <v>81521000</v>
          </cell>
          <cell r="HN183" t="str">
            <v>①校内ＬＡＮの既設配線不良に伴う配線更新の追加
②職員室への校内ＬＡＮの配線追加
③電源キャビネットの電源配線ルート変更</v>
          </cell>
          <cell r="HO183">
            <v>1</v>
          </cell>
          <cell r="HP183">
            <v>69250000</v>
          </cell>
          <cell r="HQ183">
            <v>74150000</v>
          </cell>
          <cell r="HR183">
            <v>75660000</v>
          </cell>
          <cell r="HS183">
            <v>75670000</v>
          </cell>
          <cell r="HT183">
            <v>67720000</v>
          </cell>
          <cell r="HU183">
            <v>69250000</v>
          </cell>
          <cell r="HV183">
            <v>69500000</v>
          </cell>
          <cell r="HW183">
            <v>64546000</v>
          </cell>
          <cell r="HX183" t="str">
            <v>-</v>
          </cell>
          <cell r="HY183" t="str">
            <v>-</v>
          </cell>
          <cell r="HZ183">
            <v>69316000</v>
          </cell>
          <cell r="IA183">
            <v>72900000</v>
          </cell>
          <cell r="IB183" t="str">
            <v>-</v>
          </cell>
          <cell r="JD183" t="str">
            <v/>
          </cell>
          <cell r="JE183" t="str">
            <v/>
          </cell>
          <cell r="JF183" t="str">
            <v/>
          </cell>
          <cell r="JG183" t="str">
            <v/>
          </cell>
          <cell r="JH183" t="str">
            <v/>
          </cell>
          <cell r="JI183" t="str">
            <v/>
          </cell>
          <cell r="JJ183" t="str">
            <v/>
          </cell>
          <cell r="JK183" t="str">
            <v/>
          </cell>
          <cell r="JL183">
            <v>9</v>
          </cell>
          <cell r="JM183">
            <v>9</v>
          </cell>
          <cell r="JN183" t="str">
            <v/>
          </cell>
          <cell r="JO183" t="str">
            <v/>
          </cell>
          <cell r="JP183" t="str">
            <v/>
          </cell>
          <cell r="JQ183" t="str">
            <v/>
          </cell>
          <cell r="JR183" t="str">
            <v/>
          </cell>
          <cell r="JS183" t="str">
            <v/>
          </cell>
          <cell r="JT183" t="str">
            <v/>
          </cell>
          <cell r="JU183" t="str">
            <v/>
          </cell>
          <cell r="JV183" t="str">
            <v/>
          </cell>
          <cell r="JW183" t="str">
            <v/>
          </cell>
          <cell r="JX183" t="str">
            <v/>
          </cell>
          <cell r="JY183" t="str">
            <v/>
          </cell>
          <cell r="JZ183">
            <v>0.96339368309766094</v>
          </cell>
        </row>
        <row r="184">
          <cell r="C184" t="str">
            <v/>
          </cell>
          <cell r="D184" t="str">
            <v/>
          </cell>
          <cell r="E184" t="str">
            <v/>
          </cell>
          <cell r="I184">
            <v>176</v>
          </cell>
          <cell r="M184" t="str">
            <v>令和２年度伊丹市立伊丹小学校他６校無線ＬＡＮ整備工事</v>
          </cell>
          <cell r="Q184" t="str">
            <v>伊他６校無LAN</v>
          </cell>
          <cell r="Y184">
            <v>1</v>
          </cell>
          <cell r="AC184">
            <v>5</v>
          </cell>
          <cell r="AI184" t="str">
            <v>伊丹市船原１丁目１番１号他</v>
          </cell>
          <cell r="AM184" t="str">
            <v>校内ＬＡＮ整備工事一式
電源キャビネット整備工事一式</v>
          </cell>
          <cell r="AQ184">
            <v>2</v>
          </cell>
          <cell r="AY184">
            <v>44098</v>
          </cell>
          <cell r="AZ184">
            <v>44098</v>
          </cell>
          <cell r="BA184">
            <v>155</v>
          </cell>
          <cell r="BB184">
            <v>44252</v>
          </cell>
          <cell r="BC184">
            <v>17</v>
          </cell>
          <cell r="BD184" t="str">
            <v>○</v>
          </cell>
          <cell r="BE184" t="str">
            <v>○</v>
          </cell>
          <cell r="BF184">
            <v>0.58472222222222225</v>
          </cell>
          <cell r="BG184">
            <v>7799</v>
          </cell>
          <cell r="BH184" t="str">
            <v>石田　怜</v>
          </cell>
          <cell r="BI184" t="str">
            <v>施設課</v>
          </cell>
          <cell r="BJ184">
            <v>4811</v>
          </cell>
          <cell r="BN184" t="str">
            <v>教</v>
          </cell>
          <cell r="BO184">
            <v>10</v>
          </cell>
          <cell r="BS184">
            <v>80938000</v>
          </cell>
          <cell r="BT184">
            <v>73580000</v>
          </cell>
          <cell r="BU184">
            <v>1</v>
          </cell>
          <cell r="BV184">
            <v>67610000</v>
          </cell>
          <cell r="BW184">
            <v>62331481</v>
          </cell>
          <cell r="BX184">
            <v>718039</v>
          </cell>
          <cell r="BY184">
            <v>2035903</v>
          </cell>
          <cell r="BZ184">
            <v>8494577</v>
          </cell>
          <cell r="CH184">
            <v>85</v>
          </cell>
          <cell r="CI184">
            <v>44062</v>
          </cell>
          <cell r="CJ184" t="str">
            <v>特定</v>
          </cell>
          <cell r="CK184" t="str">
            <v>尼崎市、西宮市、芦屋市、宝塚市、川西市、伊丹市内に本店を有すること。又は伊丹市内に支店</v>
          </cell>
          <cell r="CL184" t="str">
            <v>伊丹市内に本店を有する者においては700点以上、その他の者においては900点以上</v>
          </cell>
          <cell r="CP184">
            <v>65232</v>
          </cell>
          <cell r="CT184" t="str">
            <v>請負金額が3,600万円以上(伊丹市内に本店を有する者においては1,800万円以上)</v>
          </cell>
          <cell r="CU184">
            <v>16</v>
          </cell>
          <cell r="CW184">
            <v>44070</v>
          </cell>
          <cell r="CX184">
            <v>44074</v>
          </cell>
          <cell r="CY184">
            <v>44075</v>
          </cell>
          <cell r="CZ184">
            <v>44076</v>
          </cell>
          <cell r="DA184">
            <v>44077</v>
          </cell>
          <cell r="DB184">
            <v>44084</v>
          </cell>
          <cell r="DC184">
            <v>21</v>
          </cell>
          <cell r="DD184" t="str">
            <v>○</v>
          </cell>
          <cell r="DL184">
            <v>63</v>
          </cell>
          <cell r="DM184">
            <v>83</v>
          </cell>
          <cell r="DN184">
            <v>128</v>
          </cell>
          <cell r="DO184">
            <v>368</v>
          </cell>
          <cell r="DP184">
            <v>545</v>
          </cell>
          <cell r="DQ184">
            <v>562</v>
          </cell>
          <cell r="DR184">
            <v>2350</v>
          </cell>
          <cell r="DS184">
            <v>3237</v>
          </cell>
          <cell r="DT184">
            <v>3676</v>
          </cell>
          <cell r="DU184">
            <v>3989</v>
          </cell>
          <cell r="DV184">
            <v>3992</v>
          </cell>
          <cell r="DW184">
            <v>4048</v>
          </cell>
          <cell r="DX184">
            <v>4417</v>
          </cell>
          <cell r="EZ184">
            <v>13</v>
          </cell>
          <cell r="FA184">
            <v>10</v>
          </cell>
          <cell r="FI184">
            <v>1</v>
          </cell>
          <cell r="FJ184" t="str">
            <v>制限付一般競争入札</v>
          </cell>
          <cell r="FN184">
            <v>4</v>
          </cell>
          <cell r="FO184" t="str">
            <v>電子入札</v>
          </cell>
          <cell r="FS184">
            <v>1</v>
          </cell>
          <cell r="FT184" t="str">
            <v/>
          </cell>
          <cell r="FU184" t="str">
            <v/>
          </cell>
          <cell r="FW184">
            <v>1</v>
          </cell>
          <cell r="FX184">
            <v>1</v>
          </cell>
          <cell r="FY184" t="str">
            <v>了</v>
          </cell>
          <cell r="GB184">
            <v>1</v>
          </cell>
          <cell r="GD184">
            <v>1</v>
          </cell>
          <cell r="GE184" t="str">
            <v>契約・検査課長　松本　嘉博</v>
          </cell>
          <cell r="GF184">
            <v>83</v>
          </cell>
          <cell r="GG184" t="str">
            <v>野澤電気工事(株)</v>
          </cell>
          <cell r="GH184">
            <v>79310000</v>
          </cell>
          <cell r="GI184">
            <v>7210000</v>
          </cell>
          <cell r="GJ184">
            <v>7931000</v>
          </cell>
          <cell r="GL184" t="str">
            <v>一電施</v>
          </cell>
          <cell r="GM184" t="str">
            <v>野澤　克敏</v>
          </cell>
          <cell r="GN184" t="str">
            <v>一電施</v>
          </cell>
          <cell r="GO184" t="str">
            <v>野澤　克敏</v>
          </cell>
          <cell r="GT184" t="str">
            <v>要</v>
          </cell>
          <cell r="GU184" t="str">
            <v>済</v>
          </cell>
          <cell r="GV184">
            <v>142910</v>
          </cell>
          <cell r="GW184">
            <v>1.8019165300718698</v>
          </cell>
          <cell r="GX184">
            <v>44243</v>
          </cell>
          <cell r="GY184">
            <v>81752000</v>
          </cell>
          <cell r="GZ184">
            <v>80102000</v>
          </cell>
          <cell r="HN184" t="str">
            <v>①校内ＬＡＮの既設配線不良に伴う配線更新の追加
②電源キャビネットの位置変更に伴う電源工事追加</v>
          </cell>
          <cell r="HO184">
            <v>1</v>
          </cell>
          <cell r="HP184">
            <v>67330000</v>
          </cell>
          <cell r="HQ184">
            <v>72100000</v>
          </cell>
          <cell r="HR184">
            <v>73560000</v>
          </cell>
          <cell r="HS184">
            <v>73580000</v>
          </cell>
          <cell r="HT184">
            <v>67310000</v>
          </cell>
          <cell r="HU184">
            <v>67320000</v>
          </cell>
          <cell r="HV184" t="str">
            <v>-</v>
          </cell>
          <cell r="HW184">
            <v>65920000</v>
          </cell>
          <cell r="HX184" t="str">
            <v>-</v>
          </cell>
          <cell r="HY184" t="str">
            <v>-</v>
          </cell>
          <cell r="HZ184">
            <v>67388000</v>
          </cell>
          <cell r="IA184" t="str">
            <v>-</v>
          </cell>
          <cell r="IB184" t="str">
            <v>-</v>
          </cell>
          <cell r="JD184" t="str">
            <v/>
          </cell>
          <cell r="JE184" t="str">
            <v/>
          </cell>
          <cell r="JF184" t="str">
            <v/>
          </cell>
          <cell r="JG184" t="str">
            <v/>
          </cell>
          <cell r="JH184" t="str">
            <v/>
          </cell>
          <cell r="JI184" t="str">
            <v/>
          </cell>
          <cell r="JJ184" t="str">
            <v/>
          </cell>
          <cell r="JK184" t="str">
            <v/>
          </cell>
          <cell r="JL184">
            <v>10</v>
          </cell>
          <cell r="JM184">
            <v>10</v>
          </cell>
          <cell r="JN184" t="str">
            <v/>
          </cell>
          <cell r="JO184" t="str">
            <v/>
          </cell>
          <cell r="JP184" t="str">
            <v/>
          </cell>
          <cell r="JQ184" t="str">
            <v/>
          </cell>
          <cell r="JR184" t="str">
            <v/>
          </cell>
          <cell r="JS184" t="str">
            <v/>
          </cell>
          <cell r="JT184" t="str">
            <v/>
          </cell>
          <cell r="JU184" t="str">
            <v/>
          </cell>
          <cell r="JV184" t="str">
            <v/>
          </cell>
          <cell r="JW184" t="str">
            <v/>
          </cell>
          <cell r="JX184" t="str">
            <v/>
          </cell>
          <cell r="JY184" t="str">
            <v/>
          </cell>
          <cell r="JZ184">
            <v>0.97988583854308231</v>
          </cell>
        </row>
        <row r="185">
          <cell r="C185" t="str">
            <v/>
          </cell>
          <cell r="D185" t="str">
            <v/>
          </cell>
          <cell r="E185" t="str">
            <v/>
          </cell>
          <cell r="I185">
            <v>177</v>
          </cell>
          <cell r="M185" t="str">
            <v>令和２年度伊丹市立稲野小学校他６校無線ＬＡＮ整備工事</v>
          </cell>
          <cell r="Q185" t="str">
            <v>稲他６校無LAN</v>
          </cell>
          <cell r="Y185">
            <v>1</v>
          </cell>
          <cell r="AC185">
            <v>5</v>
          </cell>
          <cell r="AI185" t="str">
            <v>伊丹市昆陽１丁目１７５番地他</v>
          </cell>
          <cell r="AM185" t="str">
            <v>校内ＬＡＮ整備工事一式
電源キャビネット整備工事一式</v>
          </cell>
          <cell r="AQ185">
            <v>2</v>
          </cell>
          <cell r="AY185">
            <v>44098</v>
          </cell>
          <cell r="AZ185">
            <v>44098</v>
          </cell>
          <cell r="BA185">
            <v>155</v>
          </cell>
          <cell r="BB185">
            <v>44252</v>
          </cell>
          <cell r="BC185">
            <v>17</v>
          </cell>
          <cell r="BD185" t="str">
            <v>○</v>
          </cell>
          <cell r="BE185" t="str">
            <v>○</v>
          </cell>
          <cell r="BF185">
            <v>0.5854166666666667</v>
          </cell>
          <cell r="BG185">
            <v>7799</v>
          </cell>
          <cell r="BH185" t="str">
            <v>石田　怜</v>
          </cell>
          <cell r="BI185" t="str">
            <v>施設課</v>
          </cell>
          <cell r="BJ185">
            <v>4811</v>
          </cell>
          <cell r="BN185" t="str">
            <v>教</v>
          </cell>
          <cell r="BO185">
            <v>11</v>
          </cell>
          <cell r="BS185">
            <v>79915000</v>
          </cell>
          <cell r="BT185">
            <v>72650000</v>
          </cell>
          <cell r="BU185">
            <v>1</v>
          </cell>
          <cell r="BV185">
            <v>66740000</v>
          </cell>
          <cell r="BW185">
            <v>61428468</v>
          </cell>
          <cell r="BX185">
            <v>719314</v>
          </cell>
          <cell r="BY185">
            <v>2099393</v>
          </cell>
          <cell r="BZ185">
            <v>8402825</v>
          </cell>
          <cell r="CH185">
            <v>86</v>
          </cell>
          <cell r="CI185">
            <v>44062</v>
          </cell>
          <cell r="CJ185" t="str">
            <v>特定</v>
          </cell>
          <cell r="CK185" t="str">
            <v>尼崎市、西宮市、芦屋市、宝塚市、川西市、伊丹市内に本店を有すること。又は伊丹市内に支店</v>
          </cell>
          <cell r="CL185" t="str">
            <v>伊丹市内に本店を有する者においては700点以上、その他の者においては900点以上</v>
          </cell>
          <cell r="CP185">
            <v>43512</v>
          </cell>
          <cell r="CT185" t="str">
            <v>請負金額が3,600万円以上(伊丹市内に本店を有する者においては1,800万円以上)</v>
          </cell>
          <cell r="CU185">
            <v>16</v>
          </cell>
          <cell r="CW185">
            <v>44070</v>
          </cell>
          <cell r="CX185">
            <v>44074</v>
          </cell>
          <cell r="CY185">
            <v>44075</v>
          </cell>
          <cell r="CZ185">
            <v>44076</v>
          </cell>
          <cell r="DA185">
            <v>44077</v>
          </cell>
          <cell r="DB185">
            <v>44084</v>
          </cell>
          <cell r="DC185">
            <v>21</v>
          </cell>
          <cell r="DD185" t="str">
            <v>○</v>
          </cell>
          <cell r="DL185">
            <v>63</v>
          </cell>
          <cell r="DM185">
            <v>83</v>
          </cell>
          <cell r="DN185">
            <v>128</v>
          </cell>
          <cell r="DO185">
            <v>368</v>
          </cell>
          <cell r="DP185">
            <v>545</v>
          </cell>
          <cell r="DQ185">
            <v>562</v>
          </cell>
          <cell r="DR185">
            <v>2350</v>
          </cell>
          <cell r="DS185">
            <v>3237</v>
          </cell>
          <cell r="DT185">
            <v>3676</v>
          </cell>
          <cell r="DU185">
            <v>3989</v>
          </cell>
          <cell r="DV185">
            <v>3992</v>
          </cell>
          <cell r="DW185">
            <v>4048</v>
          </cell>
          <cell r="DX185">
            <v>4417</v>
          </cell>
          <cell r="EZ185">
            <v>13</v>
          </cell>
          <cell r="FA185">
            <v>10</v>
          </cell>
          <cell r="FI185">
            <v>1</v>
          </cell>
          <cell r="FJ185" t="str">
            <v>制限付一般競争入札</v>
          </cell>
          <cell r="FN185">
            <v>4</v>
          </cell>
          <cell r="FO185" t="str">
            <v>電子入札</v>
          </cell>
          <cell r="FS185">
            <v>1</v>
          </cell>
          <cell r="FT185" t="str">
            <v/>
          </cell>
          <cell r="FU185" t="str">
            <v/>
          </cell>
          <cell r="FW185">
            <v>1</v>
          </cell>
          <cell r="FX185">
            <v>1</v>
          </cell>
          <cell r="FY185" t="str">
            <v>了</v>
          </cell>
          <cell r="GB185">
            <v>1</v>
          </cell>
          <cell r="GD185">
            <v>1</v>
          </cell>
          <cell r="GE185" t="str">
            <v>契約・検査課長　松本　嘉博</v>
          </cell>
          <cell r="GF185">
            <v>128</v>
          </cell>
          <cell r="GG185" t="str">
            <v>庄野電気工事(株)</v>
          </cell>
          <cell r="GH185">
            <v>73524000</v>
          </cell>
          <cell r="GI185">
            <v>6684000</v>
          </cell>
          <cell r="GJ185">
            <v>7353000</v>
          </cell>
          <cell r="GL185" t="str">
            <v>監理技術者資格者</v>
          </cell>
          <cell r="GM185" t="str">
            <v>山崎　博文</v>
          </cell>
          <cell r="GN185" t="str">
            <v>監理技術者資格者</v>
          </cell>
          <cell r="GO185" t="str">
            <v>山崎　博文</v>
          </cell>
          <cell r="GT185" t="str">
            <v>要</v>
          </cell>
          <cell r="GU185" t="str">
            <v>済</v>
          </cell>
          <cell r="GW185" t="str">
            <v/>
          </cell>
          <cell r="HO185" t="str">
            <v/>
          </cell>
          <cell r="HP185">
            <v>66470000</v>
          </cell>
          <cell r="HQ185">
            <v>71190000</v>
          </cell>
          <cell r="HR185">
            <v>66840000</v>
          </cell>
          <cell r="HS185">
            <v>72650000</v>
          </cell>
          <cell r="HT185">
            <v>65020000</v>
          </cell>
          <cell r="HU185">
            <v>66610000</v>
          </cell>
          <cell r="HV185">
            <v>69500000</v>
          </cell>
          <cell r="HW185">
            <v>65385000</v>
          </cell>
          <cell r="HX185" t="str">
            <v>-</v>
          </cell>
          <cell r="HY185" t="str">
            <v>-</v>
          </cell>
          <cell r="HZ185">
            <v>66527000</v>
          </cell>
          <cell r="IA185" t="str">
            <v>-</v>
          </cell>
          <cell r="IB185" t="str">
            <v>-</v>
          </cell>
          <cell r="JD185" t="str">
            <v/>
          </cell>
          <cell r="JE185" t="str">
            <v/>
          </cell>
          <cell r="JF185" t="str">
            <v/>
          </cell>
          <cell r="JG185" t="str">
            <v/>
          </cell>
          <cell r="JH185" t="str">
            <v/>
          </cell>
          <cell r="JI185" t="str">
            <v/>
          </cell>
          <cell r="JJ185" t="str">
            <v/>
          </cell>
          <cell r="JK185" t="str">
            <v/>
          </cell>
          <cell r="JL185">
            <v>11</v>
          </cell>
          <cell r="JM185">
            <v>11</v>
          </cell>
          <cell r="JN185" t="str">
            <v/>
          </cell>
          <cell r="JO185" t="str">
            <v/>
          </cell>
          <cell r="JP185" t="str">
            <v/>
          </cell>
          <cell r="JQ185" t="str">
            <v/>
          </cell>
          <cell r="JR185" t="str">
            <v/>
          </cell>
          <cell r="JS185" t="str">
            <v/>
          </cell>
          <cell r="JT185" t="str">
            <v/>
          </cell>
          <cell r="JU185" t="str">
            <v/>
          </cell>
          <cell r="JV185" t="str">
            <v/>
          </cell>
          <cell r="JW185" t="str">
            <v/>
          </cell>
          <cell r="JX185" t="str">
            <v/>
          </cell>
          <cell r="JY185" t="str">
            <v/>
          </cell>
          <cell r="JZ185">
            <v>0.92002752924982789</v>
          </cell>
        </row>
        <row r="186">
          <cell r="C186" t="str">
            <v/>
          </cell>
          <cell r="D186" t="str">
            <v/>
          </cell>
          <cell r="E186" t="str">
            <v/>
          </cell>
          <cell r="I186">
            <v>178</v>
          </cell>
          <cell r="M186" t="str">
            <v>令和２年度伊丹市立桜台小学校他６校無線ＬＡＮ整備工事</v>
          </cell>
          <cell r="Q186" t="str">
            <v>桜他６校無LAN</v>
          </cell>
          <cell r="Y186">
            <v>1</v>
          </cell>
          <cell r="AC186">
            <v>5</v>
          </cell>
          <cell r="AI186" t="str">
            <v>伊丹市中野西４丁目１００番地他</v>
          </cell>
          <cell r="AM186" t="str">
            <v>校内ＬＡＮ整備工事一式
電源キャビネット整備工事一式</v>
          </cell>
          <cell r="AQ186">
            <v>2</v>
          </cell>
          <cell r="AY186">
            <v>44098</v>
          </cell>
          <cell r="AZ186">
            <v>44098</v>
          </cell>
          <cell r="BA186">
            <v>155</v>
          </cell>
          <cell r="BB186">
            <v>44252</v>
          </cell>
          <cell r="BC186">
            <v>17</v>
          </cell>
          <cell r="BD186" t="str">
            <v>○</v>
          </cell>
          <cell r="BE186" t="str">
            <v>○</v>
          </cell>
          <cell r="BF186">
            <v>0.58611111111111114</v>
          </cell>
          <cell r="BG186">
            <v>7799</v>
          </cell>
          <cell r="BH186" t="str">
            <v>石田　怜</v>
          </cell>
          <cell r="BI186" t="str">
            <v>施設課</v>
          </cell>
          <cell r="BJ186">
            <v>4811</v>
          </cell>
          <cell r="BN186" t="str">
            <v>教</v>
          </cell>
          <cell r="BO186">
            <v>12</v>
          </cell>
          <cell r="BS186">
            <v>76571000</v>
          </cell>
          <cell r="BT186">
            <v>69610000</v>
          </cell>
          <cell r="BU186">
            <v>1</v>
          </cell>
          <cell r="BV186">
            <v>63920000</v>
          </cell>
          <cell r="BW186">
            <v>58700219</v>
          </cell>
          <cell r="BX186">
            <v>701106</v>
          </cell>
          <cell r="BY186">
            <v>2121586</v>
          </cell>
          <cell r="BZ186">
            <v>8087089</v>
          </cell>
          <cell r="CH186">
            <v>87</v>
          </cell>
          <cell r="CI186">
            <v>44062</v>
          </cell>
          <cell r="CJ186" t="str">
            <v>特定</v>
          </cell>
          <cell r="CK186" t="str">
            <v>尼崎市、西宮市、芦屋市、宝塚市、川西市、伊丹市内に本店を有すること。又は伊丹市内に支店</v>
          </cell>
          <cell r="CL186" t="str">
            <v>伊丹市内に本店を有する者においては700点以上、その他の者においては900点以上</v>
          </cell>
          <cell r="CP186">
            <v>42918</v>
          </cell>
          <cell r="CT186" t="str">
            <v>請負金額が3,400万円以上(伊丹市内に本店を有する者においては1,700万円以上)</v>
          </cell>
          <cell r="CU186">
            <v>16</v>
          </cell>
          <cell r="CW186">
            <v>44070</v>
          </cell>
          <cell r="CX186">
            <v>44074</v>
          </cell>
          <cell r="CY186">
            <v>44075</v>
          </cell>
          <cell r="CZ186">
            <v>44076</v>
          </cell>
          <cell r="DA186">
            <v>44077</v>
          </cell>
          <cell r="DB186">
            <v>44084</v>
          </cell>
          <cell r="DC186">
            <v>21</v>
          </cell>
          <cell r="DD186" t="str">
            <v>○</v>
          </cell>
          <cell r="DL186">
            <v>63</v>
          </cell>
          <cell r="DM186">
            <v>83</v>
          </cell>
          <cell r="DN186">
            <v>128</v>
          </cell>
          <cell r="DO186">
            <v>368</v>
          </cell>
          <cell r="DP186">
            <v>545</v>
          </cell>
          <cell r="DQ186">
            <v>562</v>
          </cell>
          <cell r="DR186">
            <v>2350</v>
          </cell>
          <cell r="DS186">
            <v>3237</v>
          </cell>
          <cell r="DT186">
            <v>3676</v>
          </cell>
          <cell r="DU186">
            <v>3989</v>
          </cell>
          <cell r="DV186">
            <v>3992</v>
          </cell>
          <cell r="DW186">
            <v>4048</v>
          </cell>
          <cell r="DX186">
            <v>4417</v>
          </cell>
          <cell r="EZ186">
            <v>13</v>
          </cell>
          <cell r="FA186">
            <v>10</v>
          </cell>
          <cell r="FI186">
            <v>1</v>
          </cell>
          <cell r="FJ186" t="str">
            <v>制限付一般競争入札</v>
          </cell>
          <cell r="FN186">
            <v>4</v>
          </cell>
          <cell r="FO186" t="str">
            <v>電子入札</v>
          </cell>
          <cell r="FS186">
            <v>1</v>
          </cell>
          <cell r="FT186" t="str">
            <v/>
          </cell>
          <cell r="FU186" t="str">
            <v/>
          </cell>
          <cell r="FW186">
            <v>1</v>
          </cell>
          <cell r="FX186">
            <v>1</v>
          </cell>
          <cell r="FY186" t="str">
            <v>了</v>
          </cell>
          <cell r="GB186">
            <v>1</v>
          </cell>
          <cell r="GD186">
            <v>1</v>
          </cell>
          <cell r="GE186" t="str">
            <v>契約・検査課長　松本　嘉博</v>
          </cell>
          <cell r="GF186">
            <v>2350</v>
          </cell>
          <cell r="GG186" t="str">
            <v>(株)小川電設</v>
          </cell>
          <cell r="GH186">
            <v>75625000</v>
          </cell>
          <cell r="GI186">
            <v>6875000</v>
          </cell>
          <cell r="GJ186">
            <v>7563000</v>
          </cell>
          <cell r="GL186" t="str">
            <v>１級電気工事施工管理技士</v>
          </cell>
          <cell r="GM186" t="str">
            <v>田中　寿直</v>
          </cell>
          <cell r="GN186" t="str">
            <v>１級電気工事施工管理技士</v>
          </cell>
          <cell r="GO186" t="str">
            <v>田中　寿直</v>
          </cell>
          <cell r="GT186" t="str">
            <v>要</v>
          </cell>
          <cell r="GU186" t="str">
            <v>済</v>
          </cell>
          <cell r="GW186" t="str">
            <v/>
          </cell>
          <cell r="GX186">
            <v>44245</v>
          </cell>
          <cell r="GY186">
            <v>77429000</v>
          </cell>
          <cell r="GZ186">
            <v>76472000</v>
          </cell>
          <cell r="HN186" t="str">
            <v>①校内ＬＡＮの既設配線不良に伴う配線更新の追加
②職員室への校内ＬＡＮの配線追加
③電源キャビネットの電源配線ルート変更</v>
          </cell>
          <cell r="HO186">
            <v>1</v>
          </cell>
          <cell r="HP186">
            <v>63670000</v>
          </cell>
          <cell r="HQ186" t="str">
            <v>-</v>
          </cell>
          <cell r="HR186">
            <v>69600000</v>
          </cell>
          <cell r="HS186">
            <v>69610000</v>
          </cell>
          <cell r="HT186">
            <v>63650000</v>
          </cell>
          <cell r="HU186">
            <v>63900000</v>
          </cell>
          <cell r="HV186">
            <v>68750000</v>
          </cell>
          <cell r="HW186">
            <v>61925000</v>
          </cell>
          <cell r="HX186" t="str">
            <v>-</v>
          </cell>
          <cell r="HY186" t="str">
            <v>-</v>
          </cell>
          <cell r="HZ186">
            <v>63720000</v>
          </cell>
          <cell r="IA186" t="str">
            <v>-</v>
          </cell>
          <cell r="IB186" t="str">
            <v>-</v>
          </cell>
          <cell r="JD186" t="str">
            <v/>
          </cell>
          <cell r="JE186" t="str">
            <v/>
          </cell>
          <cell r="JF186" t="str">
            <v/>
          </cell>
          <cell r="JG186" t="str">
            <v/>
          </cell>
          <cell r="JH186" t="str">
            <v/>
          </cell>
          <cell r="JI186" t="str">
            <v/>
          </cell>
          <cell r="JJ186" t="str">
            <v/>
          </cell>
          <cell r="JK186" t="str">
            <v/>
          </cell>
          <cell r="JL186">
            <v>12</v>
          </cell>
          <cell r="JM186">
            <v>12</v>
          </cell>
          <cell r="JN186" t="str">
            <v/>
          </cell>
          <cell r="JO186" t="str">
            <v/>
          </cell>
          <cell r="JP186" t="str">
            <v/>
          </cell>
          <cell r="JQ186" t="str">
            <v/>
          </cell>
          <cell r="JR186" t="str">
            <v/>
          </cell>
          <cell r="JS186" t="str">
            <v/>
          </cell>
          <cell r="JT186" t="str">
            <v/>
          </cell>
          <cell r="JU186" t="str">
            <v/>
          </cell>
          <cell r="JV186" t="str">
            <v/>
          </cell>
          <cell r="JW186" t="str">
            <v/>
          </cell>
          <cell r="JX186" t="str">
            <v/>
          </cell>
          <cell r="JY186" t="str">
            <v/>
          </cell>
          <cell r="JZ186">
            <v>0.98764545323947706</v>
          </cell>
        </row>
        <row r="187">
          <cell r="C187" t="str">
            <v/>
          </cell>
          <cell r="D187" t="str">
            <v/>
          </cell>
          <cell r="E187" t="str">
            <v/>
          </cell>
          <cell r="I187">
            <v>179</v>
          </cell>
          <cell r="M187" t="str">
            <v>令和２年度トレンドマイクロエデュケーションパック等ライセンスの購入</v>
          </cell>
          <cell r="Q187" t="str">
            <v>ｴﾃﾞｭｹｰｼｮﾝﾊﾟｸ</v>
          </cell>
          <cell r="Y187">
            <v>1</v>
          </cell>
          <cell r="AC187">
            <v>8</v>
          </cell>
          <cell r="AD187">
            <v>1</v>
          </cell>
          <cell r="AI187" t="str">
            <v>伊丹市千僧１丁目１番地　総合教育センター</v>
          </cell>
          <cell r="AQ187">
            <v>1</v>
          </cell>
          <cell r="AY187">
            <v>44075</v>
          </cell>
          <cell r="AZ187">
            <v>44076</v>
          </cell>
          <cell r="BA187">
            <v>90</v>
          </cell>
          <cell r="BB187">
            <v>44165</v>
          </cell>
          <cell r="BC187" t="str">
            <v/>
          </cell>
          <cell r="BD187" t="str">
            <v/>
          </cell>
          <cell r="BE187" t="str">
            <v/>
          </cell>
          <cell r="BF187">
            <v>0.41875000000000001</v>
          </cell>
          <cell r="BG187">
            <v>7548</v>
          </cell>
          <cell r="BH187" t="str">
            <v>片岡　栄二郎</v>
          </cell>
          <cell r="BI187" t="str">
            <v>総合教育センター</v>
          </cell>
          <cell r="BJ187">
            <v>4649</v>
          </cell>
          <cell r="BN187" t="str">
            <v>物</v>
          </cell>
          <cell r="BO187">
            <v>30</v>
          </cell>
          <cell r="BS187">
            <v>3923975</v>
          </cell>
          <cell r="BT187">
            <v>3567000</v>
          </cell>
          <cell r="BU187">
            <v>1</v>
          </cell>
          <cell r="BV187" t="str">
            <v/>
          </cell>
          <cell r="CD187" t="str">
            <v/>
          </cell>
          <cell r="CH187">
            <v>-84</v>
          </cell>
          <cell r="CI187">
            <v>44061</v>
          </cell>
          <cell r="CP187">
            <v>24033</v>
          </cell>
          <cell r="CW187" t="str">
            <v/>
          </cell>
          <cell r="CX187" t="str">
            <v/>
          </cell>
          <cell r="CY187" t="str">
            <v/>
          </cell>
          <cell r="CZ187" t="str">
            <v/>
          </cell>
          <cell r="DA187">
            <v>44068</v>
          </cell>
          <cell r="DB187">
            <v>44070</v>
          </cell>
          <cell r="DD187" t="str">
            <v/>
          </cell>
          <cell r="DL187">
            <v>10793</v>
          </cell>
          <cell r="DM187">
            <v>10511</v>
          </cell>
          <cell r="DN187">
            <v>11068</v>
          </cell>
          <cell r="DO187">
            <v>11022</v>
          </cell>
          <cell r="DP187">
            <v>10167</v>
          </cell>
          <cell r="DQ187">
            <v>12608</v>
          </cell>
          <cell r="DR187">
            <v>10844</v>
          </cell>
          <cell r="DS187">
            <v>10696</v>
          </cell>
          <cell r="DT187">
            <v>10547</v>
          </cell>
          <cell r="DU187">
            <v>10556</v>
          </cell>
          <cell r="DV187">
            <v>12603</v>
          </cell>
          <cell r="DW187">
            <v>12532</v>
          </cell>
          <cell r="DX187">
            <v>10635</v>
          </cell>
          <cell r="DY187">
            <v>10849</v>
          </cell>
          <cell r="DZ187">
            <v>10529</v>
          </cell>
          <cell r="EZ187">
            <v>15</v>
          </cell>
          <cell r="FA187">
            <v>6</v>
          </cell>
          <cell r="FI187">
            <v>5</v>
          </cell>
          <cell r="FJ187" t="str">
            <v>指名競争入札（簡易認証）</v>
          </cell>
          <cell r="FN187">
            <v>4</v>
          </cell>
          <cell r="FO187" t="str">
            <v>電子入札</v>
          </cell>
          <cell r="FS187">
            <v>3</v>
          </cell>
          <cell r="FT187" t="str">
            <v/>
          </cell>
          <cell r="FU187" t="str">
            <v/>
          </cell>
          <cell r="FW187" t="str">
            <v/>
          </cell>
          <cell r="FY187" t="str">
            <v/>
          </cell>
          <cell r="GD187">
            <v>1</v>
          </cell>
          <cell r="GE187" t="str">
            <v>契約・検査課長　松本　嘉博</v>
          </cell>
          <cell r="GF187">
            <v>10793</v>
          </cell>
          <cell r="GG187" t="str">
            <v>(株)大塚商会</v>
          </cell>
          <cell r="GH187">
            <v>3544669</v>
          </cell>
          <cell r="GI187">
            <v>322242</v>
          </cell>
          <cell r="GJ187">
            <v>355000</v>
          </cell>
          <cell r="GT187" t="str">
            <v/>
          </cell>
          <cell r="GW187" t="str">
            <v/>
          </cell>
          <cell r="HO187" t="str">
            <v/>
          </cell>
          <cell r="HP187">
            <v>3222427</v>
          </cell>
          <cell r="HQ187" t="str">
            <v>-</v>
          </cell>
          <cell r="HR187" t="str">
            <v>-</v>
          </cell>
          <cell r="HS187" t="str">
            <v>-</v>
          </cell>
          <cell r="HT187" t="str">
            <v>-</v>
          </cell>
          <cell r="HU187" t="str">
            <v>-</v>
          </cell>
          <cell r="HV187" t="str">
            <v>-</v>
          </cell>
          <cell r="HW187" t="str">
            <v>-</v>
          </cell>
          <cell r="HX187">
            <v>3292920</v>
          </cell>
          <cell r="HY187" t="str">
            <v>-</v>
          </cell>
          <cell r="HZ187" t="str">
            <v>-</v>
          </cell>
          <cell r="IA187" t="str">
            <v>-</v>
          </cell>
          <cell r="IB187" t="str">
            <v>-</v>
          </cell>
          <cell r="IC187" t="str">
            <v>-</v>
          </cell>
          <cell r="ID187" t="str">
            <v>-</v>
          </cell>
          <cell r="JD187" t="str">
            <v/>
          </cell>
          <cell r="JE187" t="str">
            <v/>
          </cell>
          <cell r="JF187" t="str">
            <v/>
          </cell>
          <cell r="JG187" t="str">
            <v/>
          </cell>
          <cell r="JH187" t="str">
            <v/>
          </cell>
          <cell r="JI187" t="str">
            <v/>
          </cell>
          <cell r="JJ187" t="str">
            <v/>
          </cell>
          <cell r="JK187" t="str">
            <v/>
          </cell>
          <cell r="JL187" t="str">
            <v/>
          </cell>
          <cell r="JM187" t="str">
            <v/>
          </cell>
          <cell r="JN187" t="str">
            <v/>
          </cell>
          <cell r="JO187" t="str">
            <v/>
          </cell>
          <cell r="JP187">
            <v>30</v>
          </cell>
          <cell r="JQ187">
            <v>30</v>
          </cell>
          <cell r="JR187" t="str">
            <v/>
          </cell>
          <cell r="JS187" t="str">
            <v/>
          </cell>
          <cell r="JT187" t="str">
            <v/>
          </cell>
          <cell r="JU187" t="str">
            <v/>
          </cell>
          <cell r="JV187" t="str">
            <v/>
          </cell>
          <cell r="JW187" t="str">
            <v/>
          </cell>
          <cell r="JX187" t="str">
            <v/>
          </cell>
          <cell r="JY187" t="str">
            <v/>
          </cell>
          <cell r="JZ187">
            <v>0.90339959731885711</v>
          </cell>
        </row>
        <row r="188">
          <cell r="C188" t="str">
            <v/>
          </cell>
          <cell r="D188" t="str">
            <v/>
          </cell>
          <cell r="E188" t="str">
            <v/>
          </cell>
          <cell r="I188">
            <v>180</v>
          </cell>
          <cell r="M188" t="str">
            <v>令和２年度基幹系連続帳票プリンタリース</v>
          </cell>
          <cell r="Q188" t="str">
            <v>連続帳票ﾌﾟﾘﾝﾀ</v>
          </cell>
          <cell r="Y188">
            <v>1</v>
          </cell>
          <cell r="AC188">
            <v>8</v>
          </cell>
          <cell r="AD188">
            <v>6</v>
          </cell>
          <cell r="AI188" t="str">
            <v>伊丹市役所本庁舎</v>
          </cell>
          <cell r="AQ188">
            <v>7</v>
          </cell>
          <cell r="AU188">
            <v>60</v>
          </cell>
          <cell r="AY188">
            <v>44076</v>
          </cell>
          <cell r="AZ188">
            <v>44077</v>
          </cell>
          <cell r="BA188">
            <v>1885</v>
          </cell>
          <cell r="BB188">
            <v>45961</v>
          </cell>
          <cell r="BC188" t="str">
            <v/>
          </cell>
          <cell r="BD188" t="str">
            <v/>
          </cell>
          <cell r="BE188" t="str">
            <v/>
          </cell>
          <cell r="BF188">
            <v>0.41805555555555557</v>
          </cell>
          <cell r="BH188" t="str">
            <v>木庭　卓也</v>
          </cell>
          <cell r="BI188" t="str">
            <v>情報管理課</v>
          </cell>
          <cell r="BJ188">
            <v>4892</v>
          </cell>
          <cell r="BN188" t="str">
            <v>リ</v>
          </cell>
          <cell r="BO188">
            <v>9</v>
          </cell>
          <cell r="BS188">
            <v>7716060</v>
          </cell>
          <cell r="BT188">
            <v>116910</v>
          </cell>
          <cell r="BU188">
            <v>1</v>
          </cell>
          <cell r="BV188" t="str">
            <v/>
          </cell>
          <cell r="CD188" t="str">
            <v/>
          </cell>
          <cell r="CH188">
            <v>-85</v>
          </cell>
          <cell r="CI188">
            <v>44061</v>
          </cell>
          <cell r="CP188">
            <v>30205</v>
          </cell>
          <cell r="CW188" t="str">
            <v/>
          </cell>
          <cell r="CX188" t="str">
            <v/>
          </cell>
          <cell r="CY188" t="str">
            <v/>
          </cell>
          <cell r="CZ188" t="str">
            <v/>
          </cell>
          <cell r="DA188">
            <v>44068</v>
          </cell>
          <cell r="DB188">
            <v>44071</v>
          </cell>
          <cell r="DD188" t="str">
            <v/>
          </cell>
          <cell r="DL188">
            <v>10006</v>
          </cell>
          <cell r="DM188">
            <v>10064</v>
          </cell>
          <cell r="DN188">
            <v>10115</v>
          </cell>
          <cell r="DO188">
            <v>10126</v>
          </cell>
          <cell r="DP188">
            <v>10153</v>
          </cell>
          <cell r="DQ188">
            <v>10287</v>
          </cell>
          <cell r="DR188">
            <v>11587</v>
          </cell>
          <cell r="DS188">
            <v>10200</v>
          </cell>
          <cell r="DT188">
            <v>10529</v>
          </cell>
          <cell r="DU188">
            <v>10689</v>
          </cell>
          <cell r="DV188">
            <v>12344</v>
          </cell>
          <cell r="DW188">
            <v>10070</v>
          </cell>
          <cell r="DX188">
            <v>10509</v>
          </cell>
          <cell r="DY188">
            <v>10437</v>
          </cell>
          <cell r="EZ188">
            <v>14</v>
          </cell>
          <cell r="FA188">
            <v>8</v>
          </cell>
          <cell r="FI188">
            <v>5</v>
          </cell>
          <cell r="FJ188" t="str">
            <v>指名競争入札（簡易認証）</v>
          </cell>
          <cell r="FN188">
            <v>4</v>
          </cell>
          <cell r="FO188" t="str">
            <v>電子入札</v>
          </cell>
          <cell r="FS188">
            <v>4</v>
          </cell>
          <cell r="FT188" t="str">
            <v/>
          </cell>
          <cell r="FU188" t="str">
            <v/>
          </cell>
          <cell r="FW188" t="str">
            <v/>
          </cell>
          <cell r="FY188" t="str">
            <v/>
          </cell>
          <cell r="GD188">
            <v>1</v>
          </cell>
          <cell r="GE188" t="str">
            <v>契約・検査課長　松本　嘉博</v>
          </cell>
          <cell r="GF188">
            <v>10200</v>
          </cell>
          <cell r="GG188" t="str">
            <v>富士通リース(株)</v>
          </cell>
          <cell r="GH188">
            <v>7283100</v>
          </cell>
          <cell r="GI188">
            <v>662100</v>
          </cell>
          <cell r="GJ188" t="str">
            <v/>
          </cell>
          <cell r="GT188" t="str">
            <v/>
          </cell>
          <cell r="GW188" t="str">
            <v/>
          </cell>
          <cell r="HO188" t="str">
            <v/>
          </cell>
          <cell r="HP188" t="str">
            <v>-</v>
          </cell>
          <cell r="HQ188" t="str">
            <v>-</v>
          </cell>
          <cell r="HR188" t="str">
            <v>-</v>
          </cell>
          <cell r="HS188" t="str">
            <v>-</v>
          </cell>
          <cell r="HT188" t="str">
            <v>-</v>
          </cell>
          <cell r="HU188">
            <v>115000</v>
          </cell>
          <cell r="HV188" t="str">
            <v>-</v>
          </cell>
          <cell r="HW188">
            <v>110350</v>
          </cell>
          <cell r="HX188" t="str">
            <v>-</v>
          </cell>
          <cell r="HY188" t="str">
            <v>-</v>
          </cell>
          <cell r="HZ188" t="str">
            <v>-</v>
          </cell>
          <cell r="IA188" t="str">
            <v>-</v>
          </cell>
          <cell r="IB188" t="str">
            <v>-</v>
          </cell>
          <cell r="IC188" t="str">
            <v>-</v>
          </cell>
          <cell r="JD188" t="str">
            <v/>
          </cell>
          <cell r="JE188" t="str">
            <v/>
          </cell>
          <cell r="JF188" t="str">
            <v/>
          </cell>
          <cell r="JG188" t="str">
            <v/>
          </cell>
          <cell r="JH188" t="str">
            <v/>
          </cell>
          <cell r="JI188" t="str">
            <v/>
          </cell>
          <cell r="JJ188" t="str">
            <v/>
          </cell>
          <cell r="JK188" t="str">
            <v/>
          </cell>
          <cell r="JL188" t="str">
            <v/>
          </cell>
          <cell r="JM188" t="str">
            <v/>
          </cell>
          <cell r="JN188" t="str">
            <v/>
          </cell>
          <cell r="JO188" t="str">
            <v/>
          </cell>
          <cell r="JP188" t="str">
            <v/>
          </cell>
          <cell r="JQ188" t="str">
            <v/>
          </cell>
          <cell r="JR188" t="str">
            <v/>
          </cell>
          <cell r="JS188" t="str">
            <v/>
          </cell>
          <cell r="JT188" t="str">
            <v/>
          </cell>
          <cell r="JU188" t="str">
            <v/>
          </cell>
          <cell r="JV188" t="str">
            <v/>
          </cell>
          <cell r="JW188" t="str">
            <v/>
          </cell>
          <cell r="JX188" t="str">
            <v/>
          </cell>
          <cell r="JY188" t="str">
            <v/>
          </cell>
          <cell r="JZ188">
            <v>0.96136788127619532</v>
          </cell>
        </row>
        <row r="189">
          <cell r="C189" t="str">
            <v/>
          </cell>
          <cell r="D189" t="str">
            <v/>
          </cell>
          <cell r="E189" t="str">
            <v/>
          </cell>
          <cell r="I189">
            <v>181</v>
          </cell>
          <cell r="M189" t="str">
            <v>令和２年度営繕課クライアントＰＣリース</v>
          </cell>
          <cell r="Q189" t="str">
            <v>営繕課ｸﾗｲｱﾝﾄPC</v>
          </cell>
          <cell r="Y189">
            <v>1</v>
          </cell>
          <cell r="AC189">
            <v>8</v>
          </cell>
          <cell r="AD189">
            <v>6</v>
          </cell>
          <cell r="AI189" t="str">
            <v>伊丹市千僧１－１</v>
          </cell>
          <cell r="AQ189">
            <v>7</v>
          </cell>
          <cell r="AU189">
            <v>60</v>
          </cell>
          <cell r="AY189">
            <v>44083</v>
          </cell>
          <cell r="AZ189">
            <v>44084</v>
          </cell>
          <cell r="BA189">
            <v>1847</v>
          </cell>
          <cell r="BB189">
            <v>45930</v>
          </cell>
          <cell r="BC189" t="str">
            <v/>
          </cell>
          <cell r="BD189" t="str">
            <v/>
          </cell>
          <cell r="BE189" t="str">
            <v/>
          </cell>
          <cell r="BF189">
            <v>0.41875000000000001</v>
          </cell>
          <cell r="BG189">
            <v>7099</v>
          </cell>
          <cell r="BH189" t="str">
            <v>清水　大貴</v>
          </cell>
          <cell r="BI189" t="str">
            <v>営繕課</v>
          </cell>
          <cell r="BJ189">
            <v>4541</v>
          </cell>
          <cell r="BN189" t="str">
            <v>リ</v>
          </cell>
          <cell r="BO189">
            <v>10</v>
          </cell>
          <cell r="BS189">
            <v>2761624</v>
          </cell>
          <cell r="BT189">
            <v>41800</v>
          </cell>
          <cell r="BU189">
            <v>1</v>
          </cell>
          <cell r="BV189" t="str">
            <v/>
          </cell>
          <cell r="CD189" t="str">
            <v/>
          </cell>
          <cell r="CH189">
            <v>-86</v>
          </cell>
          <cell r="CI189">
            <v>44064</v>
          </cell>
          <cell r="CP189">
            <v>78792</v>
          </cell>
          <cell r="CW189" t="str">
            <v/>
          </cell>
          <cell r="CX189" t="str">
            <v/>
          </cell>
          <cell r="CY189" t="str">
            <v/>
          </cell>
          <cell r="CZ189" t="str">
            <v/>
          </cell>
          <cell r="DA189">
            <v>44074</v>
          </cell>
          <cell r="DB189">
            <v>44077</v>
          </cell>
          <cell r="DD189" t="str">
            <v/>
          </cell>
          <cell r="DL189">
            <v>10064</v>
          </cell>
          <cell r="DM189">
            <v>10115</v>
          </cell>
          <cell r="DN189">
            <v>10147</v>
          </cell>
          <cell r="DO189">
            <v>10153</v>
          </cell>
          <cell r="DP189">
            <v>10200</v>
          </cell>
          <cell r="DQ189">
            <v>10287</v>
          </cell>
          <cell r="DR189">
            <v>10295</v>
          </cell>
          <cell r="DS189">
            <v>10437</v>
          </cell>
          <cell r="DT189">
            <v>10439</v>
          </cell>
          <cell r="DU189">
            <v>10471</v>
          </cell>
          <cell r="DV189">
            <v>10509</v>
          </cell>
          <cell r="DW189">
            <v>10667</v>
          </cell>
          <cell r="EZ189">
            <v>12</v>
          </cell>
          <cell r="FA189">
            <v>6</v>
          </cell>
          <cell r="FI189">
            <v>5</v>
          </cell>
          <cell r="FJ189" t="str">
            <v>指名競争入札（簡易認証）</v>
          </cell>
          <cell r="FN189">
            <v>4</v>
          </cell>
          <cell r="FO189" t="str">
            <v>電子入札</v>
          </cell>
          <cell r="FS189">
            <v>4</v>
          </cell>
          <cell r="FT189" t="str">
            <v/>
          </cell>
          <cell r="FU189" t="str">
            <v/>
          </cell>
          <cell r="FW189" t="str">
            <v/>
          </cell>
          <cell r="FY189" t="str">
            <v/>
          </cell>
          <cell r="GD189">
            <v>1</v>
          </cell>
          <cell r="GE189" t="str">
            <v>契約・検査課長　松本　嘉博</v>
          </cell>
          <cell r="GF189">
            <v>10115</v>
          </cell>
          <cell r="GG189" t="str">
            <v>ＮＥＣキャピタルソリューション(株)</v>
          </cell>
          <cell r="GH189">
            <v>2638680</v>
          </cell>
          <cell r="GI189">
            <v>239880</v>
          </cell>
          <cell r="GJ189" t="str">
            <v/>
          </cell>
          <cell r="GT189" t="str">
            <v/>
          </cell>
          <cell r="GW189" t="str">
            <v/>
          </cell>
          <cell r="HO189" t="str">
            <v/>
          </cell>
          <cell r="HP189" t="str">
            <v>-</v>
          </cell>
          <cell r="HQ189">
            <v>39980</v>
          </cell>
          <cell r="HR189" t="str">
            <v>-</v>
          </cell>
          <cell r="HS189" t="str">
            <v>-</v>
          </cell>
          <cell r="HT189" t="str">
            <v>-</v>
          </cell>
          <cell r="HU189">
            <v>41400</v>
          </cell>
          <cell r="HV189" t="str">
            <v>-</v>
          </cell>
          <cell r="HW189" t="str">
            <v>-</v>
          </cell>
          <cell r="HX189" t="str">
            <v>-</v>
          </cell>
          <cell r="HY189" t="str">
            <v>-</v>
          </cell>
          <cell r="HZ189" t="str">
            <v>-</v>
          </cell>
          <cell r="IA189" t="str">
            <v>-</v>
          </cell>
          <cell r="JD189" t="str">
            <v/>
          </cell>
          <cell r="JE189" t="str">
            <v/>
          </cell>
          <cell r="JF189" t="str">
            <v/>
          </cell>
          <cell r="JG189" t="str">
            <v/>
          </cell>
          <cell r="JH189" t="str">
            <v/>
          </cell>
          <cell r="JI189" t="str">
            <v/>
          </cell>
          <cell r="JJ189" t="str">
            <v/>
          </cell>
          <cell r="JK189" t="str">
            <v/>
          </cell>
          <cell r="JL189" t="str">
            <v/>
          </cell>
          <cell r="JM189" t="str">
            <v/>
          </cell>
          <cell r="JN189" t="str">
            <v/>
          </cell>
          <cell r="JO189" t="str">
            <v/>
          </cell>
          <cell r="JP189" t="str">
            <v/>
          </cell>
          <cell r="JQ189" t="str">
            <v/>
          </cell>
          <cell r="JR189" t="str">
            <v/>
          </cell>
          <cell r="JS189" t="str">
            <v/>
          </cell>
          <cell r="JT189" t="str">
            <v/>
          </cell>
          <cell r="JU189" t="str">
            <v/>
          </cell>
          <cell r="JV189" t="str">
            <v/>
          </cell>
          <cell r="JW189" t="str">
            <v/>
          </cell>
          <cell r="JX189" t="str">
            <v/>
          </cell>
          <cell r="JY189" t="str">
            <v/>
          </cell>
          <cell r="JZ189">
            <v>0.97417153110047849</v>
          </cell>
        </row>
        <row r="190">
          <cell r="C190" t="str">
            <v/>
          </cell>
          <cell r="D190" t="str">
            <v/>
          </cell>
          <cell r="E190" t="str">
            <v/>
          </cell>
          <cell r="I190">
            <v>182</v>
          </cell>
          <cell r="M190" t="str">
            <v>令和２年度伊丹市立児童くらぶ児童用座卓の購入</v>
          </cell>
          <cell r="Q190" t="str">
            <v>児童用座卓</v>
          </cell>
          <cell r="Y190">
            <v>1</v>
          </cell>
          <cell r="AC190">
            <v>8</v>
          </cell>
          <cell r="AD190">
            <v>1</v>
          </cell>
          <cell r="AI190" t="str">
            <v>伊丹市立児童くらぶ１５か所</v>
          </cell>
          <cell r="AQ190">
            <v>1</v>
          </cell>
          <cell r="AY190">
            <v>44075</v>
          </cell>
          <cell r="AZ190">
            <v>44076</v>
          </cell>
          <cell r="BA190">
            <v>44</v>
          </cell>
          <cell r="BB190">
            <v>44119</v>
          </cell>
          <cell r="BC190" t="str">
            <v/>
          </cell>
          <cell r="BD190" t="str">
            <v/>
          </cell>
          <cell r="BE190" t="str">
            <v/>
          </cell>
          <cell r="BF190">
            <v>0.41944444444444445</v>
          </cell>
          <cell r="BG190">
            <v>6971</v>
          </cell>
          <cell r="BH190" t="str">
            <v>福田  千景</v>
          </cell>
          <cell r="BI190" t="str">
            <v>こども家庭課</v>
          </cell>
          <cell r="BJ190">
            <v>4486</v>
          </cell>
          <cell r="BN190" t="str">
            <v>物</v>
          </cell>
          <cell r="BO190">
            <v>31</v>
          </cell>
          <cell r="BS190">
            <v>1439900</v>
          </cell>
          <cell r="BT190">
            <v>1300000</v>
          </cell>
          <cell r="BU190">
            <v>1</v>
          </cell>
          <cell r="BV190" t="str">
            <v/>
          </cell>
          <cell r="CD190" t="str">
            <v/>
          </cell>
          <cell r="CH190">
            <v>-87</v>
          </cell>
          <cell r="CI190">
            <v>44061</v>
          </cell>
          <cell r="CP190">
            <v>62477</v>
          </cell>
          <cell r="CW190" t="str">
            <v/>
          </cell>
          <cell r="CX190" t="str">
            <v/>
          </cell>
          <cell r="CY190" t="str">
            <v/>
          </cell>
          <cell r="CZ190" t="str">
            <v/>
          </cell>
          <cell r="DA190">
            <v>44068</v>
          </cell>
          <cell r="DB190">
            <v>44070</v>
          </cell>
          <cell r="DD190" t="str">
            <v/>
          </cell>
          <cell r="DL190">
            <v>10249</v>
          </cell>
          <cell r="DM190">
            <v>11381</v>
          </cell>
          <cell r="DN190">
            <v>11598</v>
          </cell>
          <cell r="DO190">
            <v>10655</v>
          </cell>
          <cell r="DP190">
            <v>10257</v>
          </cell>
          <cell r="DQ190">
            <v>11844</v>
          </cell>
          <cell r="DR190">
            <v>11134</v>
          </cell>
          <cell r="DS190">
            <v>10556</v>
          </cell>
          <cell r="DT190">
            <v>10712</v>
          </cell>
          <cell r="DU190">
            <v>10424</v>
          </cell>
          <cell r="DV190">
            <v>10631</v>
          </cell>
          <cell r="EZ190">
            <v>11</v>
          </cell>
          <cell r="FA190">
            <v>6</v>
          </cell>
          <cell r="FI190">
            <v>5</v>
          </cell>
          <cell r="FJ190" t="str">
            <v>指名競争入札（簡易認証）</v>
          </cell>
          <cell r="FN190">
            <v>4</v>
          </cell>
          <cell r="FO190" t="str">
            <v>電子入札</v>
          </cell>
          <cell r="FS190">
            <v>3</v>
          </cell>
          <cell r="FT190" t="str">
            <v/>
          </cell>
          <cell r="FU190" t="str">
            <v/>
          </cell>
          <cell r="FW190" t="str">
            <v/>
          </cell>
          <cell r="FY190" t="str">
            <v/>
          </cell>
          <cell r="GD190">
            <v>1</v>
          </cell>
          <cell r="GE190" t="str">
            <v>契約・検査課長　松本　嘉博</v>
          </cell>
          <cell r="GF190">
            <v>11381</v>
          </cell>
          <cell r="GG190" t="str">
            <v>(株)ナミサキ</v>
          </cell>
          <cell r="GH190">
            <v>1429736</v>
          </cell>
          <cell r="GI190">
            <v>129976</v>
          </cell>
          <cell r="GJ190" t="str">
            <v/>
          </cell>
          <cell r="GT190" t="str">
            <v/>
          </cell>
          <cell r="GW190" t="str">
            <v/>
          </cell>
          <cell r="HO190" t="str">
            <v/>
          </cell>
          <cell r="HP190">
            <v>1463000</v>
          </cell>
          <cell r="HQ190">
            <v>1299760</v>
          </cell>
          <cell r="HR190" t="str">
            <v>-</v>
          </cell>
          <cell r="HS190">
            <v>1540000</v>
          </cell>
          <cell r="HT190" t="str">
            <v>-</v>
          </cell>
          <cell r="HU190" t="str">
            <v>-</v>
          </cell>
          <cell r="HV190" t="str">
            <v>-</v>
          </cell>
          <cell r="HW190" t="str">
            <v>-</v>
          </cell>
          <cell r="HX190">
            <v>1694000</v>
          </cell>
          <cell r="HY190" t="str">
            <v>-</v>
          </cell>
          <cell r="HZ190" t="str">
            <v>-</v>
          </cell>
          <cell r="JD190" t="str">
            <v/>
          </cell>
          <cell r="JE190" t="str">
            <v/>
          </cell>
          <cell r="JF190" t="str">
            <v/>
          </cell>
          <cell r="JG190" t="str">
            <v/>
          </cell>
          <cell r="JH190" t="str">
            <v/>
          </cell>
          <cell r="JI190" t="str">
            <v/>
          </cell>
          <cell r="JJ190" t="str">
            <v/>
          </cell>
          <cell r="JK190" t="str">
            <v/>
          </cell>
          <cell r="JL190" t="str">
            <v/>
          </cell>
          <cell r="JM190" t="str">
            <v/>
          </cell>
          <cell r="JN190" t="str">
            <v/>
          </cell>
          <cell r="JO190" t="str">
            <v/>
          </cell>
          <cell r="JP190">
            <v>31</v>
          </cell>
          <cell r="JQ190">
            <v>31</v>
          </cell>
          <cell r="JR190" t="str">
            <v/>
          </cell>
          <cell r="JS190" t="str">
            <v/>
          </cell>
          <cell r="JT190" t="str">
            <v/>
          </cell>
          <cell r="JU190" t="str">
            <v/>
          </cell>
          <cell r="JV190" t="str">
            <v/>
          </cell>
          <cell r="JW190" t="str">
            <v/>
          </cell>
          <cell r="JX190" t="str">
            <v/>
          </cell>
          <cell r="JY190" t="str">
            <v/>
          </cell>
          <cell r="JZ190">
            <v>0.99981538461538466</v>
          </cell>
        </row>
        <row r="191">
          <cell r="C191" t="str">
            <v/>
          </cell>
          <cell r="D191" t="str">
            <v/>
          </cell>
          <cell r="E191" t="str">
            <v/>
          </cell>
          <cell r="I191">
            <v>183</v>
          </cell>
          <cell r="M191" t="str">
            <v>令和２年度伊丹市立新児童館グラウンド整備他工事</v>
          </cell>
          <cell r="Q191" t="str">
            <v>新児館ｸﾞﾗﾝﾄﾞ他</v>
          </cell>
          <cell r="Y191">
            <v>1</v>
          </cell>
          <cell r="AC191">
            <v>1</v>
          </cell>
          <cell r="AI191" t="str">
            <v>伊丹市御願塚６丁目１番１号</v>
          </cell>
          <cell r="AM191" t="str">
            <v>伊丹市立新児童館グラウンド整備工事一式
伊丹市立働く女性の家解体工事一式
上記に付随する電気設備工事及び機械設備工事一式</v>
          </cell>
          <cell r="AQ191">
            <v>9</v>
          </cell>
          <cell r="AU191">
            <v>1</v>
          </cell>
          <cell r="AY191">
            <v>44111</v>
          </cell>
          <cell r="AZ191">
            <v>44112</v>
          </cell>
          <cell r="BA191">
            <v>266</v>
          </cell>
          <cell r="BB191">
            <v>44377</v>
          </cell>
          <cell r="BC191">
            <v>17</v>
          </cell>
          <cell r="BD191" t="str">
            <v>○</v>
          </cell>
          <cell r="BE191" t="str">
            <v>○</v>
          </cell>
          <cell r="BF191">
            <v>0.41736111111111113</v>
          </cell>
          <cell r="BG191">
            <v>7442</v>
          </cell>
          <cell r="BH191" t="str">
            <v>前田　剛</v>
          </cell>
          <cell r="BI191" t="str">
            <v>営繕課</v>
          </cell>
          <cell r="BJ191">
            <v>4621</v>
          </cell>
          <cell r="BN191" t="str">
            <v>建</v>
          </cell>
          <cell r="BO191">
            <v>27</v>
          </cell>
          <cell r="BS191">
            <v>128700000</v>
          </cell>
          <cell r="BT191">
            <v>117000000</v>
          </cell>
          <cell r="BU191">
            <v>1</v>
          </cell>
          <cell r="BV191">
            <v>107110000</v>
          </cell>
          <cell r="BW191">
            <v>91462244</v>
          </cell>
          <cell r="BX191">
            <v>6100276</v>
          </cell>
          <cell r="BY191">
            <v>6317122</v>
          </cell>
          <cell r="BZ191">
            <v>13120358</v>
          </cell>
          <cell r="CD191">
            <v>44068</v>
          </cell>
          <cell r="CH191">
            <v>88</v>
          </cell>
          <cell r="CI191">
            <v>44075</v>
          </cell>
          <cell r="CJ191" t="str">
            <v>特定</v>
          </cell>
          <cell r="CK191" t="str">
            <v>尼崎市、西宮市、芦屋市、宝塚市、川西市、伊丹市内に本店を有すること。又は伊丹市内に支店</v>
          </cell>
          <cell r="CL191" t="str">
            <v>伊丹市内に本店を有する者においては670点以上、その他の者においては900点以上</v>
          </cell>
          <cell r="CP191">
            <v>41280</v>
          </cell>
          <cell r="CT191" t="str">
            <v>請負金額が5,800万円以上(伊丹市内に本店を有する者においては2,800万円以上)</v>
          </cell>
          <cell r="CW191">
            <v>44083</v>
          </cell>
          <cell r="CX191">
            <v>44085</v>
          </cell>
          <cell r="CY191">
            <v>44088</v>
          </cell>
          <cell r="CZ191">
            <v>44089</v>
          </cell>
          <cell r="DA191">
            <v>44097</v>
          </cell>
          <cell r="DB191">
            <v>44103</v>
          </cell>
          <cell r="DC191">
            <v>30</v>
          </cell>
          <cell r="DD191" t="str">
            <v>○</v>
          </cell>
          <cell r="DL191">
            <v>21</v>
          </cell>
          <cell r="DM191">
            <v>23</v>
          </cell>
          <cell r="DN191">
            <v>26</v>
          </cell>
          <cell r="DO191">
            <v>48</v>
          </cell>
          <cell r="DP191">
            <v>53</v>
          </cell>
          <cell r="DQ191">
            <v>2165</v>
          </cell>
          <cell r="DR191">
            <v>2725</v>
          </cell>
          <cell r="DS191">
            <v>2760</v>
          </cell>
          <cell r="DT191">
            <v>4376</v>
          </cell>
          <cell r="EZ191">
            <v>9</v>
          </cell>
          <cell r="FA191">
            <v>10</v>
          </cell>
          <cell r="FI191">
            <v>1</v>
          </cell>
          <cell r="FJ191" t="str">
            <v>制限付一般競争入札</v>
          </cell>
          <cell r="FN191">
            <v>4</v>
          </cell>
          <cell r="FO191" t="str">
            <v>電子入札</v>
          </cell>
          <cell r="FS191">
            <v>1</v>
          </cell>
          <cell r="FT191" t="str">
            <v/>
          </cell>
          <cell r="FU191" t="str">
            <v/>
          </cell>
          <cell r="FW191">
            <v>1</v>
          </cell>
          <cell r="FY191" t="str">
            <v>未</v>
          </cell>
          <cell r="GB191">
            <v>1</v>
          </cell>
          <cell r="GD191">
            <v>1</v>
          </cell>
          <cell r="GE191" t="str">
            <v>契約・検査課長　松本　嘉博</v>
          </cell>
          <cell r="GF191">
            <v>26</v>
          </cell>
          <cell r="GG191" t="str">
            <v>(株)染の川組</v>
          </cell>
          <cell r="GH191">
            <v>128370000</v>
          </cell>
          <cell r="GI191">
            <v>11670000</v>
          </cell>
          <cell r="GJ191">
            <v>12837000</v>
          </cell>
          <cell r="GL191" t="str">
            <v>１級建築施工管理技士 第B071004347号</v>
          </cell>
          <cell r="GM191" t="str">
            <v>西口　友啓</v>
          </cell>
          <cell r="GN191" t="str">
            <v>１級建築施工管理技士 第B071004347号</v>
          </cell>
          <cell r="GO191" t="str">
            <v>西口　友啓</v>
          </cell>
          <cell r="GT191" t="str">
            <v>要</v>
          </cell>
          <cell r="GV191">
            <v>269700</v>
          </cell>
          <cell r="GW191">
            <v>2.1009581677962141</v>
          </cell>
          <cell r="HO191" t="str">
            <v/>
          </cell>
          <cell r="HP191" t="str">
            <v>-</v>
          </cell>
          <cell r="HQ191" t="str">
            <v>-</v>
          </cell>
          <cell r="HR191">
            <v>116700000</v>
          </cell>
          <cell r="HS191" t="str">
            <v>-</v>
          </cell>
          <cell r="HT191" t="str">
            <v>-</v>
          </cell>
          <cell r="HU191" t="str">
            <v>-</v>
          </cell>
          <cell r="HV191" t="str">
            <v>-</v>
          </cell>
          <cell r="HW191" t="str">
            <v>-</v>
          </cell>
          <cell r="HX191" t="str">
            <v>-</v>
          </cell>
          <cell r="JD191" t="str">
            <v/>
          </cell>
          <cell r="JE191" t="str">
            <v/>
          </cell>
          <cell r="JF191" t="str">
            <v/>
          </cell>
          <cell r="JG191" t="str">
            <v/>
          </cell>
          <cell r="JH191">
            <v>27</v>
          </cell>
          <cell r="JI191">
            <v>27</v>
          </cell>
          <cell r="JJ191" t="str">
            <v/>
          </cell>
          <cell r="JK191" t="str">
            <v/>
          </cell>
          <cell r="JL191" t="str">
            <v/>
          </cell>
          <cell r="JM191" t="str">
            <v/>
          </cell>
          <cell r="JN191" t="str">
            <v/>
          </cell>
          <cell r="JO191" t="str">
            <v/>
          </cell>
          <cell r="JP191" t="str">
            <v/>
          </cell>
          <cell r="JQ191" t="str">
            <v/>
          </cell>
          <cell r="JR191" t="str">
            <v/>
          </cell>
          <cell r="JS191" t="str">
            <v/>
          </cell>
          <cell r="JT191" t="str">
            <v/>
          </cell>
          <cell r="JU191" t="str">
            <v/>
          </cell>
          <cell r="JV191" t="str">
            <v/>
          </cell>
          <cell r="JW191" t="str">
            <v/>
          </cell>
          <cell r="JX191" t="str">
            <v/>
          </cell>
          <cell r="JY191" t="str">
            <v/>
          </cell>
          <cell r="JZ191">
            <v>0.99743589743589733</v>
          </cell>
        </row>
        <row r="192">
          <cell r="C192" t="str">
            <v/>
          </cell>
          <cell r="D192" t="str">
            <v/>
          </cell>
          <cell r="E192" t="str">
            <v/>
          </cell>
          <cell r="I192">
            <v>184</v>
          </cell>
          <cell r="M192" t="str">
            <v>令和２年度北本町公園遊具改修工事</v>
          </cell>
          <cell r="Q192" t="str">
            <v>北本町園遊具</v>
          </cell>
          <cell r="Y192">
            <v>1</v>
          </cell>
          <cell r="AC192">
            <v>6</v>
          </cell>
          <cell r="AI192" t="str">
            <v>伊丹市北本町１丁目地内</v>
          </cell>
          <cell r="AM192" t="str">
            <v>【本体工事】
公園土工一式　人工芝設置工90㎡　複合遊具更新1基　砂場更新1基
【附帯工事】
公園土工一式　真砂土舗装48㎡　縁石設置2m　健康遊具移設3基</v>
          </cell>
          <cell r="AQ192">
            <v>2</v>
          </cell>
          <cell r="AY192">
            <v>44083</v>
          </cell>
          <cell r="AZ192">
            <v>44085</v>
          </cell>
          <cell r="BA192">
            <v>153</v>
          </cell>
          <cell r="BB192">
            <v>44237</v>
          </cell>
          <cell r="BC192">
            <v>14</v>
          </cell>
          <cell r="BD192" t="str">
            <v>○</v>
          </cell>
          <cell r="BE192" t="str">
            <v>○</v>
          </cell>
          <cell r="BF192">
            <v>0.58402777777777781</v>
          </cell>
          <cell r="BG192">
            <v>6999</v>
          </cell>
          <cell r="BH192" t="str">
            <v>横山  祐太</v>
          </cell>
          <cell r="BI192" t="str">
            <v>公園課</v>
          </cell>
          <cell r="BJ192">
            <v>4509</v>
          </cell>
          <cell r="BN192" t="str">
            <v>緑</v>
          </cell>
          <cell r="BO192">
            <v>10</v>
          </cell>
          <cell r="BS192">
            <v>19461200</v>
          </cell>
          <cell r="BT192">
            <v>17690000</v>
          </cell>
          <cell r="BU192">
            <v>1</v>
          </cell>
          <cell r="BV192">
            <v>15560000</v>
          </cell>
          <cell r="BW192">
            <v>9809000</v>
          </cell>
          <cell r="BX192">
            <v>374000</v>
          </cell>
          <cell r="BY192">
            <v>4536000</v>
          </cell>
          <cell r="BZ192">
            <v>2973000</v>
          </cell>
          <cell r="CD192" t="str">
            <v/>
          </cell>
          <cell r="CH192">
            <v>89</v>
          </cell>
          <cell r="CI192">
            <v>44062</v>
          </cell>
          <cell r="CJ192" t="str">
            <v>一般</v>
          </cell>
          <cell r="CK192" t="str">
            <v>尼崎市、西宮市、芦屋市、宝塚市、川西市、伊丹市内に本店</v>
          </cell>
          <cell r="CL192" t="str">
            <v>伊丹市内に本店を有する者においては400点以上、その他の者においては800点以上</v>
          </cell>
          <cell r="CP192">
            <v>74721</v>
          </cell>
          <cell r="CT192" t="str">
            <v>請負金額が800万円以上(伊丹市内に本店を有する者においては400万円以上)</v>
          </cell>
          <cell r="CW192">
            <v>44070</v>
          </cell>
          <cell r="CX192" t="str">
            <v/>
          </cell>
          <cell r="CY192" t="str">
            <v/>
          </cell>
          <cell r="CZ192" t="str">
            <v/>
          </cell>
          <cell r="DA192">
            <v>44071</v>
          </cell>
          <cell r="DB192">
            <v>44075</v>
          </cell>
          <cell r="DC192">
            <v>20</v>
          </cell>
          <cell r="DD192" t="str">
            <v>○</v>
          </cell>
          <cell r="DL192">
            <v>74</v>
          </cell>
          <cell r="DM192">
            <v>287</v>
          </cell>
          <cell r="DN192">
            <v>2859</v>
          </cell>
          <cell r="DO192">
            <v>3253</v>
          </cell>
          <cell r="DP192">
            <v>4427</v>
          </cell>
          <cell r="DQ192">
            <v>2094</v>
          </cell>
          <cell r="EZ192">
            <v>6</v>
          </cell>
          <cell r="FA192">
            <v>8</v>
          </cell>
          <cell r="FI192">
            <v>4</v>
          </cell>
          <cell r="FJ192" t="str">
            <v>事後審査型一般競争入札</v>
          </cell>
          <cell r="FN192">
            <v>4</v>
          </cell>
          <cell r="FO192" t="str">
            <v>電子入札</v>
          </cell>
          <cell r="FS192">
            <v>1</v>
          </cell>
          <cell r="FT192" t="str">
            <v/>
          </cell>
          <cell r="FU192" t="str">
            <v/>
          </cell>
          <cell r="FW192" t="str">
            <v/>
          </cell>
          <cell r="FY192" t="str">
            <v/>
          </cell>
          <cell r="GD192">
            <v>1</v>
          </cell>
          <cell r="GE192" t="str">
            <v>契約・検査課長　松本　嘉博</v>
          </cell>
          <cell r="GF192">
            <v>74</v>
          </cell>
          <cell r="GG192" t="str">
            <v>(株)土井庭苑</v>
          </cell>
          <cell r="GH192">
            <v>17127000</v>
          </cell>
          <cell r="GI192">
            <v>1557000</v>
          </cell>
          <cell r="GJ192">
            <v>1713000</v>
          </cell>
          <cell r="GM192" t="str">
            <v>後藤　雅史</v>
          </cell>
          <cell r="GN192" t="str">
            <v>一級造園施工管理技士</v>
          </cell>
          <cell r="GO192" t="str">
            <v>土井　秀治</v>
          </cell>
          <cell r="GT192" t="str">
            <v/>
          </cell>
          <cell r="GU192" t="str">
            <v>済</v>
          </cell>
          <cell r="GV192">
            <v>61690</v>
          </cell>
          <cell r="GW192">
            <v>3.6019151048052782</v>
          </cell>
          <cell r="GX192">
            <v>44235</v>
          </cell>
          <cell r="GY192">
            <v>19486500</v>
          </cell>
          <cell r="GZ192">
            <v>17149000</v>
          </cell>
          <cell r="HN192" t="str">
            <v>【本体工事】現地精査の結果、木材及び廃プラスチック並びにスクラップ処分の数量変更を行うものである。
【附帯工事】現地精査による数量変更を行うものである。</v>
          </cell>
          <cell r="HO192">
            <v>1</v>
          </cell>
          <cell r="HP192">
            <v>15570000</v>
          </cell>
          <cell r="HQ192">
            <v>15570000</v>
          </cell>
          <cell r="HR192">
            <v>17600000</v>
          </cell>
          <cell r="HS192">
            <v>17600000</v>
          </cell>
          <cell r="HT192">
            <v>17690000</v>
          </cell>
          <cell r="HU192">
            <v>15550000</v>
          </cell>
          <cell r="JD192" t="str">
            <v/>
          </cell>
          <cell r="JE192" t="str">
            <v/>
          </cell>
          <cell r="JF192" t="str">
            <v/>
          </cell>
          <cell r="JG192" t="str">
            <v/>
          </cell>
          <cell r="JH192" t="str">
            <v/>
          </cell>
          <cell r="JI192" t="str">
            <v/>
          </cell>
          <cell r="JJ192">
            <v>10</v>
          </cell>
          <cell r="JK192">
            <v>10</v>
          </cell>
          <cell r="JL192" t="str">
            <v/>
          </cell>
          <cell r="JM192" t="str">
            <v/>
          </cell>
          <cell r="JN192" t="str">
            <v/>
          </cell>
          <cell r="JO192" t="str">
            <v/>
          </cell>
          <cell r="JP192" t="str">
            <v/>
          </cell>
          <cell r="JQ192" t="str">
            <v/>
          </cell>
          <cell r="JR192" t="str">
            <v/>
          </cell>
          <cell r="JS192" t="str">
            <v/>
          </cell>
          <cell r="JT192" t="str">
            <v/>
          </cell>
          <cell r="JU192" t="str">
            <v/>
          </cell>
          <cell r="JV192" t="str">
            <v/>
          </cell>
          <cell r="JW192" t="str">
            <v/>
          </cell>
          <cell r="JX192" t="str">
            <v/>
          </cell>
          <cell r="JY192" t="str">
            <v/>
          </cell>
          <cell r="JZ192">
            <v>0.8801582815149801</v>
          </cell>
        </row>
        <row r="193">
          <cell r="C193" t="str">
            <v/>
          </cell>
          <cell r="D193" t="str">
            <v/>
          </cell>
          <cell r="E193" t="str">
            <v/>
          </cell>
          <cell r="I193">
            <v>185</v>
          </cell>
          <cell r="M193" t="str">
            <v>令和２年度公園他維持管理工事（その１）</v>
          </cell>
          <cell r="Q193" t="str">
            <v>園維管その１</v>
          </cell>
          <cell r="Y193">
            <v>1</v>
          </cell>
          <cell r="AC193">
            <v>6</v>
          </cell>
          <cell r="AI193" t="str">
            <v>伊丹市中央６丁目他地内</v>
          </cell>
          <cell r="AM193" t="str">
            <v>西ノ町児童遊園地
　ﾒｯｼｭﾌｪﾝｽ(H3m)L=22m　手洗場更新N=1基　出入口改修N=1箇所　支障木抜根N=2本
東中田児童遊園地
　ﾒｯｼｭﾌｪﾝｽ(H1.2m)L=50m　張りｺﾝｸﾘｰﾄL=5m　園名板更新N=1基
日生住宅児童遊園地
　ﾒｯｼｭﾌｪﾝｽ(H3m)L=31m　張りｺﾝｸﾘｰﾄL=24m　支障木伐採N=2本　支障木抜根N=3本
伊丹緑地
　ｶﾞｰﾄﾞﾌｪﾝｽ(H1.2m)L=60m　門扉N=3基
東桑津（Ⅰ）児童遊園地
　ﾒｯｼｭﾌｪﾝｽ（H1.5m）L=24m</v>
          </cell>
          <cell r="AQ193">
            <v>1</v>
          </cell>
          <cell r="AY193">
            <v>44083</v>
          </cell>
          <cell r="AZ193">
            <v>44085</v>
          </cell>
          <cell r="BA193">
            <v>132</v>
          </cell>
          <cell r="BB193">
            <v>44216</v>
          </cell>
          <cell r="BC193">
            <v>14</v>
          </cell>
          <cell r="BD193" t="str">
            <v>○</v>
          </cell>
          <cell r="BE193" t="str">
            <v>○</v>
          </cell>
          <cell r="BF193">
            <v>0.58472222222222225</v>
          </cell>
          <cell r="BG193">
            <v>7439</v>
          </cell>
          <cell r="BH193" t="str">
            <v>余田　寛樹</v>
          </cell>
          <cell r="BI193" t="str">
            <v>公園課</v>
          </cell>
          <cell r="BJ193">
            <v>4618</v>
          </cell>
          <cell r="BN193" t="str">
            <v>緑</v>
          </cell>
          <cell r="BO193">
            <v>11</v>
          </cell>
          <cell r="BS193">
            <v>9367600</v>
          </cell>
          <cell r="BT193">
            <v>8510000</v>
          </cell>
          <cell r="BU193">
            <v>1</v>
          </cell>
          <cell r="BV193">
            <v>7410000</v>
          </cell>
          <cell r="BW193">
            <v>4183000</v>
          </cell>
          <cell r="BX193">
            <v>563000</v>
          </cell>
          <cell r="BY193">
            <v>2234000</v>
          </cell>
          <cell r="BZ193">
            <v>1536000</v>
          </cell>
          <cell r="CD193" t="str">
            <v/>
          </cell>
          <cell r="CH193">
            <v>90</v>
          </cell>
          <cell r="CI193">
            <v>44062</v>
          </cell>
          <cell r="CJ193" t="str">
            <v>一般</v>
          </cell>
          <cell r="CK193" t="str">
            <v>伊丹市内に本店</v>
          </cell>
          <cell r="CL193" t="str">
            <v>400点以上</v>
          </cell>
          <cell r="CP193">
            <v>31535</v>
          </cell>
          <cell r="CT193" t="str">
            <v>右記</v>
          </cell>
          <cell r="CU193" t="str">
            <v>造園工事の施工実績を有すること。</v>
          </cell>
          <cell r="CW193">
            <v>44070</v>
          </cell>
          <cell r="CX193" t="str">
            <v/>
          </cell>
          <cell r="CY193" t="str">
            <v/>
          </cell>
          <cell r="CZ193" t="str">
            <v/>
          </cell>
          <cell r="DA193">
            <v>44071</v>
          </cell>
          <cell r="DB193">
            <v>44075</v>
          </cell>
          <cell r="DC193">
            <v>14</v>
          </cell>
          <cell r="DD193" t="str">
            <v>○</v>
          </cell>
          <cell r="DL193">
            <v>74</v>
          </cell>
          <cell r="DM193">
            <v>287</v>
          </cell>
          <cell r="DN193">
            <v>544</v>
          </cell>
          <cell r="EZ193">
            <v>3</v>
          </cell>
          <cell r="FA193">
            <v>8</v>
          </cell>
          <cell r="FI193">
            <v>4</v>
          </cell>
          <cell r="FJ193" t="str">
            <v>事後審査型一般競争入札</v>
          </cell>
          <cell r="FN193">
            <v>4</v>
          </cell>
          <cell r="FO193" t="str">
            <v>電子入札</v>
          </cell>
          <cell r="FS193">
            <v>1</v>
          </cell>
          <cell r="FT193" t="str">
            <v/>
          </cell>
          <cell r="FU193" t="str">
            <v/>
          </cell>
          <cell r="FW193" t="str">
            <v/>
          </cell>
          <cell r="FY193" t="str">
            <v/>
          </cell>
          <cell r="GD193">
            <v>1</v>
          </cell>
          <cell r="GE193" t="str">
            <v>契約・検査課長　松本　嘉博</v>
          </cell>
          <cell r="GF193">
            <v>74</v>
          </cell>
          <cell r="GG193" t="str">
            <v>(株)土井庭苑</v>
          </cell>
          <cell r="GH193">
            <v>8778000</v>
          </cell>
          <cell r="GI193">
            <v>798000</v>
          </cell>
          <cell r="GJ193">
            <v>878000</v>
          </cell>
          <cell r="GM193" t="str">
            <v>竹内　颯</v>
          </cell>
          <cell r="GN193" t="str">
            <v>一級造園施工管理技士</v>
          </cell>
          <cell r="GO193" t="str">
            <v>土井　秀治</v>
          </cell>
          <cell r="GT193" t="str">
            <v/>
          </cell>
          <cell r="GV193">
            <v>36270</v>
          </cell>
          <cell r="GW193">
            <v>4.1319207108680791</v>
          </cell>
          <cell r="GX193">
            <v>44215</v>
          </cell>
          <cell r="GY193">
            <v>9573300</v>
          </cell>
          <cell r="GZ193">
            <v>8970500</v>
          </cell>
          <cell r="HN193" t="str">
            <v>西ノ町児童遊園地において手すりの追加
伊丹緑地においてフェンス延長の追加</v>
          </cell>
          <cell r="HO193">
            <v>1</v>
          </cell>
          <cell r="HP193">
            <v>7980000</v>
          </cell>
          <cell r="HQ193">
            <v>8350000</v>
          </cell>
          <cell r="HR193">
            <v>7380000</v>
          </cell>
          <cell r="JD193" t="str">
            <v/>
          </cell>
          <cell r="JE193" t="str">
            <v/>
          </cell>
          <cell r="JF193" t="str">
            <v/>
          </cell>
          <cell r="JG193" t="str">
            <v/>
          </cell>
          <cell r="JH193" t="str">
            <v/>
          </cell>
          <cell r="JI193" t="str">
            <v/>
          </cell>
          <cell r="JJ193">
            <v>11</v>
          </cell>
          <cell r="JK193">
            <v>11</v>
          </cell>
          <cell r="JL193" t="str">
            <v/>
          </cell>
          <cell r="JM193" t="str">
            <v/>
          </cell>
          <cell r="JN193" t="str">
            <v/>
          </cell>
          <cell r="JO193" t="str">
            <v/>
          </cell>
          <cell r="JP193" t="str">
            <v/>
          </cell>
          <cell r="JQ193" t="str">
            <v/>
          </cell>
          <cell r="JR193" t="str">
            <v/>
          </cell>
          <cell r="JS193" t="str">
            <v/>
          </cell>
          <cell r="JT193" t="str">
            <v/>
          </cell>
          <cell r="JU193" t="str">
            <v/>
          </cell>
          <cell r="JV193" t="str">
            <v/>
          </cell>
          <cell r="JW193" t="str">
            <v/>
          </cell>
          <cell r="JX193" t="str">
            <v/>
          </cell>
          <cell r="JY193" t="str">
            <v/>
          </cell>
          <cell r="JZ193">
            <v>0.93772032902467672</v>
          </cell>
        </row>
        <row r="194">
          <cell r="C194" t="str">
            <v/>
          </cell>
          <cell r="D194" t="str">
            <v/>
          </cell>
          <cell r="E194" t="str">
            <v/>
          </cell>
          <cell r="I194">
            <v>186</v>
          </cell>
          <cell r="M194" t="str">
            <v>令和２年度観光案内標識保守点検委託業務</v>
          </cell>
          <cell r="Q194" t="str">
            <v>標識保守点検</v>
          </cell>
          <cell r="Y194">
            <v>1</v>
          </cell>
          <cell r="AC194">
            <v>8</v>
          </cell>
          <cell r="AD194">
            <v>8</v>
          </cell>
          <cell r="AI194" t="str">
            <v>伊丹市</v>
          </cell>
          <cell r="AQ194">
            <v>1</v>
          </cell>
          <cell r="AY194">
            <v>44083</v>
          </cell>
          <cell r="AZ194">
            <v>44084</v>
          </cell>
          <cell r="BA194">
            <v>203</v>
          </cell>
          <cell r="BB194">
            <v>44286</v>
          </cell>
          <cell r="BC194" t="str">
            <v/>
          </cell>
          <cell r="BD194" t="str">
            <v/>
          </cell>
          <cell r="BE194" t="str">
            <v/>
          </cell>
          <cell r="BF194">
            <v>0.41944444444444445</v>
          </cell>
          <cell r="BG194">
            <v>7558</v>
          </cell>
          <cell r="BH194" t="str">
            <v>吉田　陽司</v>
          </cell>
          <cell r="BI194" t="str">
            <v>まちなかにぎわい課</v>
          </cell>
          <cell r="BJ194">
            <v>4655</v>
          </cell>
          <cell r="BN194" t="str">
            <v>他</v>
          </cell>
          <cell r="BO194">
            <v>55</v>
          </cell>
          <cell r="BS194">
            <v>787600</v>
          </cell>
          <cell r="BT194">
            <v>710000</v>
          </cell>
          <cell r="BU194" t="str">
            <v/>
          </cell>
          <cell r="BV194" t="str">
            <v/>
          </cell>
          <cell r="CD194" t="str">
            <v/>
          </cell>
          <cell r="CH194">
            <v>-89</v>
          </cell>
          <cell r="CI194">
            <v>44069</v>
          </cell>
          <cell r="CP194">
            <v>13096</v>
          </cell>
          <cell r="CW194" t="str">
            <v/>
          </cell>
          <cell r="CX194" t="str">
            <v/>
          </cell>
          <cell r="CY194" t="str">
            <v/>
          </cell>
          <cell r="CZ194" t="str">
            <v/>
          </cell>
          <cell r="DA194">
            <v>44076</v>
          </cell>
          <cell r="DB194">
            <v>44078</v>
          </cell>
          <cell r="DD194" t="str">
            <v/>
          </cell>
          <cell r="DL194">
            <v>2644</v>
          </cell>
          <cell r="DM194">
            <v>3782</v>
          </cell>
          <cell r="DN194">
            <v>3108</v>
          </cell>
          <cell r="DO194">
            <v>2888</v>
          </cell>
          <cell r="DP194">
            <v>3120</v>
          </cell>
          <cell r="DQ194">
            <v>3828</v>
          </cell>
          <cell r="DR194">
            <v>2765</v>
          </cell>
          <cell r="DS194">
            <v>261</v>
          </cell>
          <cell r="DT194">
            <v>3928</v>
          </cell>
          <cell r="EZ194">
            <v>9</v>
          </cell>
          <cell r="FA194">
            <v>6</v>
          </cell>
          <cell r="FI194">
            <v>2</v>
          </cell>
          <cell r="FJ194" t="str">
            <v>指名競争入札</v>
          </cell>
          <cell r="FN194">
            <v>4</v>
          </cell>
          <cell r="FO194" t="str">
            <v>電子入札</v>
          </cell>
          <cell r="FS194">
            <v>2</v>
          </cell>
          <cell r="FT194" t="str">
            <v/>
          </cell>
          <cell r="FU194" t="str">
            <v/>
          </cell>
          <cell r="FW194" t="str">
            <v/>
          </cell>
          <cell r="FY194" t="str">
            <v/>
          </cell>
          <cell r="GD194">
            <v>1</v>
          </cell>
          <cell r="GE194" t="str">
            <v>契約・検査課長　松本　嘉博</v>
          </cell>
          <cell r="GF194">
            <v>3782</v>
          </cell>
          <cell r="GG194" t="str">
            <v>白陽化学工業(株)</v>
          </cell>
          <cell r="GH194">
            <v>493900</v>
          </cell>
          <cell r="GI194">
            <v>44900</v>
          </cell>
          <cell r="GJ194" t="str">
            <v/>
          </cell>
          <cell r="GL194" t="str">
            <v>二級土木施工管理技士</v>
          </cell>
          <cell r="GM194" t="str">
            <v>楊　建国</v>
          </cell>
          <cell r="GN194" t="str">
            <v>二級土木施工管理技士</v>
          </cell>
          <cell r="GO194" t="str">
            <v>楊　建国</v>
          </cell>
          <cell r="GT194" t="str">
            <v/>
          </cell>
          <cell r="GW194" t="str">
            <v/>
          </cell>
          <cell r="HO194" t="str">
            <v/>
          </cell>
          <cell r="HP194" t="str">
            <v>-</v>
          </cell>
          <cell r="HQ194">
            <v>449000</v>
          </cell>
          <cell r="HR194" t="str">
            <v>-</v>
          </cell>
          <cell r="HS194" t="str">
            <v>-</v>
          </cell>
          <cell r="HT194">
            <v>516000</v>
          </cell>
          <cell r="HU194">
            <v>500000</v>
          </cell>
          <cell r="HV194">
            <v>645000</v>
          </cell>
          <cell r="HW194">
            <v>700000</v>
          </cell>
          <cell r="HX194">
            <v>530000</v>
          </cell>
          <cell r="JD194" t="str">
            <v/>
          </cell>
          <cell r="JE194" t="str">
            <v/>
          </cell>
          <cell r="JF194" t="str">
            <v/>
          </cell>
          <cell r="JG194" t="str">
            <v/>
          </cell>
          <cell r="JH194" t="str">
            <v/>
          </cell>
          <cell r="JI194" t="str">
            <v/>
          </cell>
          <cell r="JJ194" t="str">
            <v/>
          </cell>
          <cell r="JK194" t="str">
            <v/>
          </cell>
          <cell r="JL194" t="str">
            <v/>
          </cell>
          <cell r="JM194" t="str">
            <v/>
          </cell>
          <cell r="JN194" t="str">
            <v/>
          </cell>
          <cell r="JO194" t="str">
            <v/>
          </cell>
          <cell r="JP194" t="str">
            <v/>
          </cell>
          <cell r="JQ194" t="str">
            <v/>
          </cell>
          <cell r="JR194" t="str">
            <v/>
          </cell>
          <cell r="JS194" t="str">
            <v/>
          </cell>
          <cell r="JT194" t="str">
            <v/>
          </cell>
          <cell r="JU194" t="str">
            <v/>
          </cell>
          <cell r="JV194" t="str">
            <v/>
          </cell>
          <cell r="JW194" t="str">
            <v/>
          </cell>
          <cell r="JX194">
            <v>55</v>
          </cell>
          <cell r="JY194">
            <v>53</v>
          </cell>
          <cell r="JZ194">
            <v>0.63239436619718303</v>
          </cell>
        </row>
        <row r="195">
          <cell r="C195" t="str">
            <v/>
          </cell>
          <cell r="D195" t="str">
            <v/>
          </cell>
          <cell r="E195" t="str">
            <v/>
          </cell>
          <cell r="I195">
            <v>187</v>
          </cell>
          <cell r="M195" t="str">
            <v>令和２年度（都）山田伊丹線（昆陽泉町工区）物件調査委託業務（その３）</v>
          </cell>
          <cell r="Q195" t="str">
            <v>物件調査その３</v>
          </cell>
          <cell r="Y195">
            <v>1</v>
          </cell>
          <cell r="AC195">
            <v>8</v>
          </cell>
          <cell r="AD195">
            <v>14</v>
          </cell>
          <cell r="AI195" t="str">
            <v>伊丹市昆陽南２丁目外地内</v>
          </cell>
          <cell r="AM195" t="str">
            <v>建物調査
附帯工作物調査
補償費算定(物件補償）</v>
          </cell>
          <cell r="AQ195">
            <v>1</v>
          </cell>
          <cell r="AY195">
            <v>44084</v>
          </cell>
          <cell r="AZ195">
            <v>44088</v>
          </cell>
          <cell r="BA195">
            <v>106</v>
          </cell>
          <cell r="BB195">
            <v>44193</v>
          </cell>
          <cell r="BC195">
            <v>13</v>
          </cell>
          <cell r="BD195" t="str">
            <v>○</v>
          </cell>
          <cell r="BE195" t="str">
            <v/>
          </cell>
          <cell r="BF195">
            <v>0.58402777777777781</v>
          </cell>
          <cell r="BG195">
            <v>6632</v>
          </cell>
          <cell r="BH195" t="str">
            <v>笹部  琢也</v>
          </cell>
          <cell r="BI195" t="str">
            <v>道路建設課</v>
          </cell>
          <cell r="BJ195">
            <v>3071</v>
          </cell>
          <cell r="BN195" t="str">
            <v>他</v>
          </cell>
          <cell r="BO195">
            <v>56</v>
          </cell>
          <cell r="BS195">
            <v>2191200</v>
          </cell>
          <cell r="BT195">
            <v>1990000</v>
          </cell>
          <cell r="BU195" t="str">
            <v/>
          </cell>
          <cell r="BV195" t="str">
            <v/>
          </cell>
          <cell r="CD195" t="str">
            <v/>
          </cell>
          <cell r="CH195">
            <v>91</v>
          </cell>
          <cell r="CI195">
            <v>44064</v>
          </cell>
          <cell r="CK195" t="str">
            <v>兵庫県内又は、大阪府内に本店又は支店</v>
          </cell>
          <cell r="CP195">
            <v>95523</v>
          </cell>
          <cell r="CW195">
            <v>44074</v>
          </cell>
          <cell r="CX195" t="str">
            <v/>
          </cell>
          <cell r="CY195" t="str">
            <v/>
          </cell>
          <cell r="CZ195" t="str">
            <v/>
          </cell>
          <cell r="DA195">
            <v>44075</v>
          </cell>
          <cell r="DB195">
            <v>44078</v>
          </cell>
          <cell r="DC195">
            <v>52</v>
          </cell>
          <cell r="DD195" t="str">
            <v/>
          </cell>
          <cell r="DL195">
            <v>5821</v>
          </cell>
          <cell r="DM195">
            <v>5485</v>
          </cell>
          <cell r="EZ195">
            <v>2</v>
          </cell>
          <cell r="FA195">
            <v>6</v>
          </cell>
          <cell r="FI195">
            <v>4</v>
          </cell>
          <cell r="FJ195" t="str">
            <v>事後審査型一般競争入札</v>
          </cell>
          <cell r="FN195">
            <v>4</v>
          </cell>
          <cell r="FO195" t="str">
            <v>電子入札</v>
          </cell>
          <cell r="FS195">
            <v>2</v>
          </cell>
          <cell r="FT195" t="str">
            <v/>
          </cell>
          <cell r="FU195" t="str">
            <v/>
          </cell>
          <cell r="FW195" t="str">
            <v/>
          </cell>
          <cell r="FY195" t="str">
            <v/>
          </cell>
          <cell r="GD195">
            <v>1</v>
          </cell>
          <cell r="GE195" t="str">
            <v>契約・検査課長　松本　嘉博</v>
          </cell>
          <cell r="GF195">
            <v>5821</v>
          </cell>
          <cell r="GG195" t="str">
            <v>(株)中央クリエイト</v>
          </cell>
          <cell r="GH195">
            <v>1707200</v>
          </cell>
          <cell r="GI195">
            <v>155200</v>
          </cell>
          <cell r="GJ195" t="str">
            <v/>
          </cell>
          <cell r="GL195" t="str">
            <v>補償業務管理士（物件部門)Ⅱ-6-第1642号(H30.10.1取得),一級建築士　第343828号(H23.1.31取得)</v>
          </cell>
          <cell r="GM195" t="str">
            <v>廣瀬　祐子</v>
          </cell>
          <cell r="GN195" t="str">
            <v>補償業務管理士（物件部門)Ⅱ-6-第1642号(H30.10.1取得),一級建築士　第343828号(H23.1.31取得)</v>
          </cell>
          <cell r="GO195" t="str">
            <v>廣瀬　祐子</v>
          </cell>
          <cell r="GT195" t="str">
            <v/>
          </cell>
          <cell r="GW195" t="str">
            <v/>
          </cell>
          <cell r="GX195">
            <v>44186</v>
          </cell>
          <cell r="GY195">
            <v>2211000</v>
          </cell>
          <cell r="GZ195">
            <v>1722600</v>
          </cell>
          <cell r="HN195" t="str">
            <v>伊丹市昆陽南2丁目外地内の物件調査を実施した結果、当初予定していなかった、借家人補償が発生することが判明したため、契約額の変更を行うもの。</v>
          </cell>
          <cell r="HO195">
            <v>1</v>
          </cell>
          <cell r="HP195">
            <v>1552000</v>
          </cell>
          <cell r="HQ195">
            <v>1920000</v>
          </cell>
          <cell r="JD195" t="str">
            <v/>
          </cell>
          <cell r="JE195" t="str">
            <v/>
          </cell>
          <cell r="JF195" t="str">
            <v/>
          </cell>
          <cell r="JG195" t="str">
            <v/>
          </cell>
          <cell r="JH195" t="str">
            <v/>
          </cell>
          <cell r="JI195" t="str">
            <v/>
          </cell>
          <cell r="JJ195" t="str">
            <v/>
          </cell>
          <cell r="JK195" t="str">
            <v/>
          </cell>
          <cell r="JL195" t="str">
            <v/>
          </cell>
          <cell r="JM195" t="str">
            <v/>
          </cell>
          <cell r="JN195" t="str">
            <v/>
          </cell>
          <cell r="JO195" t="str">
            <v/>
          </cell>
          <cell r="JP195" t="str">
            <v/>
          </cell>
          <cell r="JQ195" t="str">
            <v/>
          </cell>
          <cell r="JR195" t="str">
            <v/>
          </cell>
          <cell r="JS195" t="str">
            <v/>
          </cell>
          <cell r="JT195" t="str">
            <v/>
          </cell>
          <cell r="JU195" t="str">
            <v/>
          </cell>
          <cell r="JV195" t="str">
            <v/>
          </cell>
          <cell r="JW195" t="str">
            <v/>
          </cell>
          <cell r="JX195">
            <v>56</v>
          </cell>
          <cell r="JY195">
            <v>54</v>
          </cell>
          <cell r="JZ195">
            <v>0.77989949748743703</v>
          </cell>
        </row>
        <row r="196">
          <cell r="C196" t="str">
            <v/>
          </cell>
          <cell r="D196" t="str">
            <v/>
          </cell>
          <cell r="E196" t="str">
            <v/>
          </cell>
          <cell r="I196">
            <v>188</v>
          </cell>
          <cell r="M196" t="str">
            <v>令和２年度特別管理産業廃棄物（高濃度ポリ塩化ビフェニル廃棄物）収集運搬委託業務</v>
          </cell>
          <cell r="Q196" t="str">
            <v>高濃度PCB 運搬</v>
          </cell>
          <cell r="Y196">
            <v>1</v>
          </cell>
          <cell r="AC196">
            <v>8</v>
          </cell>
          <cell r="AD196">
            <v>8</v>
          </cell>
          <cell r="AI196" t="str">
            <v>豊中市伊丹市クリーンランド（豊中市原田西町２番１号）</v>
          </cell>
          <cell r="AQ196">
            <v>1</v>
          </cell>
          <cell r="AY196">
            <v>44082</v>
          </cell>
          <cell r="AZ196">
            <v>44083</v>
          </cell>
          <cell r="BA196">
            <v>204</v>
          </cell>
          <cell r="BB196">
            <v>44286</v>
          </cell>
          <cell r="BC196" t="str">
            <v/>
          </cell>
          <cell r="BD196" t="str">
            <v/>
          </cell>
          <cell r="BE196" t="str">
            <v/>
          </cell>
          <cell r="BF196">
            <v>0.41736111111111113</v>
          </cell>
          <cell r="BG196">
            <v>5439</v>
          </cell>
          <cell r="BH196" t="str">
            <v>前田  徹</v>
          </cell>
          <cell r="BI196" t="str">
            <v>管財課</v>
          </cell>
          <cell r="BJ196">
            <v>4833</v>
          </cell>
          <cell r="BN196" t="str">
            <v>他</v>
          </cell>
          <cell r="BO196">
            <v>57</v>
          </cell>
          <cell r="BS196">
            <v>704000</v>
          </cell>
          <cell r="BT196">
            <v>640000</v>
          </cell>
          <cell r="BU196" t="str">
            <v/>
          </cell>
          <cell r="BV196" t="str">
            <v/>
          </cell>
          <cell r="CD196" t="str">
            <v/>
          </cell>
          <cell r="CH196">
            <v>-90</v>
          </cell>
          <cell r="CI196">
            <v>44067</v>
          </cell>
          <cell r="CP196">
            <v>48424</v>
          </cell>
          <cell r="CW196" t="str">
            <v/>
          </cell>
          <cell r="CX196" t="str">
            <v/>
          </cell>
          <cell r="CY196" t="str">
            <v/>
          </cell>
          <cell r="CZ196" t="str">
            <v/>
          </cell>
          <cell r="DA196">
            <v>44074</v>
          </cell>
          <cell r="DB196">
            <v>44077</v>
          </cell>
          <cell r="DD196" t="str">
            <v/>
          </cell>
          <cell r="DL196">
            <v>11602</v>
          </cell>
          <cell r="DM196">
            <v>12836</v>
          </cell>
          <cell r="EZ196">
            <v>2</v>
          </cell>
          <cell r="FA196">
            <v>6</v>
          </cell>
          <cell r="FI196">
            <v>5</v>
          </cell>
          <cell r="FJ196" t="str">
            <v>指名競争入札（簡易認証）</v>
          </cell>
          <cell r="FN196">
            <v>4</v>
          </cell>
          <cell r="FO196" t="str">
            <v>電子入札</v>
          </cell>
          <cell r="FS196">
            <v>5</v>
          </cell>
          <cell r="FT196" t="str">
            <v/>
          </cell>
          <cell r="FU196" t="str">
            <v/>
          </cell>
          <cell r="FW196" t="str">
            <v/>
          </cell>
          <cell r="FY196" t="str">
            <v/>
          </cell>
          <cell r="GD196">
            <v>1</v>
          </cell>
          <cell r="GE196" t="str">
            <v>契約・検査課長　松本　嘉博</v>
          </cell>
          <cell r="GF196">
            <v>11602</v>
          </cell>
          <cell r="GG196" t="str">
            <v>日本通運(株)</v>
          </cell>
          <cell r="GH196">
            <v>693000</v>
          </cell>
          <cell r="GI196">
            <v>63000</v>
          </cell>
          <cell r="GJ196" t="str">
            <v/>
          </cell>
          <cell r="GL196" t="str">
            <v>PCB廃棄物の収集運搬業作業従事者講習会終了</v>
          </cell>
          <cell r="GM196" t="str">
            <v>中村　泰彦</v>
          </cell>
          <cell r="GN196" t="str">
            <v>PCB廃棄物の収集運搬業作業従事者講習会終了</v>
          </cell>
          <cell r="GO196" t="str">
            <v>中村　泰彦</v>
          </cell>
          <cell r="GT196" t="str">
            <v/>
          </cell>
          <cell r="GW196" t="str">
            <v/>
          </cell>
          <cell r="HO196" t="str">
            <v/>
          </cell>
          <cell r="HP196">
            <v>630000</v>
          </cell>
          <cell r="HQ196" t="str">
            <v>-</v>
          </cell>
          <cell r="JD196" t="str">
            <v/>
          </cell>
          <cell r="JE196" t="str">
            <v/>
          </cell>
          <cell r="JF196" t="str">
            <v/>
          </cell>
          <cell r="JG196" t="str">
            <v/>
          </cell>
          <cell r="JH196" t="str">
            <v/>
          </cell>
          <cell r="JI196" t="str">
            <v/>
          </cell>
          <cell r="JJ196" t="str">
            <v/>
          </cell>
          <cell r="JK196" t="str">
            <v/>
          </cell>
          <cell r="JL196" t="str">
            <v/>
          </cell>
          <cell r="JM196" t="str">
            <v/>
          </cell>
          <cell r="JN196" t="str">
            <v/>
          </cell>
          <cell r="JO196" t="str">
            <v/>
          </cell>
          <cell r="JP196" t="str">
            <v/>
          </cell>
          <cell r="JQ196" t="str">
            <v/>
          </cell>
          <cell r="JR196" t="str">
            <v/>
          </cell>
          <cell r="JS196" t="str">
            <v/>
          </cell>
          <cell r="JT196" t="str">
            <v/>
          </cell>
          <cell r="JU196" t="str">
            <v/>
          </cell>
          <cell r="JV196" t="str">
            <v/>
          </cell>
          <cell r="JW196" t="str">
            <v/>
          </cell>
          <cell r="JX196">
            <v>57</v>
          </cell>
          <cell r="JY196">
            <v>55</v>
          </cell>
          <cell r="JZ196">
            <v>0.984375</v>
          </cell>
        </row>
        <row r="197">
          <cell r="C197" t="str">
            <v/>
          </cell>
          <cell r="D197" t="str">
            <v/>
          </cell>
          <cell r="E197" t="str">
            <v/>
          </cell>
          <cell r="I197">
            <v>189</v>
          </cell>
          <cell r="M197" t="str">
            <v>令和２年度道路作業用車輌の購入（その２）</v>
          </cell>
          <cell r="Q197" t="str">
            <v>道路作業車輌２</v>
          </cell>
          <cell r="Y197">
            <v>1</v>
          </cell>
          <cell r="AC197">
            <v>8</v>
          </cell>
          <cell r="AD197">
            <v>1</v>
          </cell>
          <cell r="AF197">
            <v>1</v>
          </cell>
          <cell r="AI197" t="str">
            <v>伊丹市役所内</v>
          </cell>
          <cell r="AQ197">
            <v>1</v>
          </cell>
          <cell r="AY197">
            <v>44090</v>
          </cell>
          <cell r="AZ197">
            <v>44091</v>
          </cell>
          <cell r="BA197">
            <v>196</v>
          </cell>
          <cell r="BB197">
            <v>44286</v>
          </cell>
          <cell r="BC197" t="str">
            <v/>
          </cell>
          <cell r="BD197" t="str">
            <v/>
          </cell>
          <cell r="BE197" t="str">
            <v/>
          </cell>
          <cell r="BF197">
            <v>0.41736111111111113</v>
          </cell>
          <cell r="BG197">
            <v>5512</v>
          </cell>
          <cell r="BH197" t="str">
            <v>小中  留美子</v>
          </cell>
          <cell r="BI197" t="str">
            <v>道路保全課</v>
          </cell>
          <cell r="BJ197">
            <v>4736</v>
          </cell>
          <cell r="BN197" t="str">
            <v>物</v>
          </cell>
          <cell r="BO197">
            <v>32</v>
          </cell>
          <cell r="BS197">
            <v>2021200</v>
          </cell>
          <cell r="BT197">
            <v>1840000</v>
          </cell>
          <cell r="BU197">
            <v>1</v>
          </cell>
          <cell r="BV197" t="str">
            <v/>
          </cell>
          <cell r="CD197" t="str">
            <v/>
          </cell>
          <cell r="CH197">
            <v>-91</v>
          </cell>
          <cell r="CI197">
            <v>44074</v>
          </cell>
          <cell r="CP197">
            <v>75825</v>
          </cell>
          <cell r="CW197" t="str">
            <v/>
          </cell>
          <cell r="CX197" t="str">
            <v/>
          </cell>
          <cell r="CY197" t="str">
            <v/>
          </cell>
          <cell r="CZ197" t="str">
            <v/>
          </cell>
          <cell r="DA197">
            <v>44082</v>
          </cell>
          <cell r="DB197">
            <v>44085</v>
          </cell>
          <cell r="DD197" t="str">
            <v/>
          </cell>
          <cell r="DL197">
            <v>10462</v>
          </cell>
          <cell r="DM197">
            <v>11042</v>
          </cell>
          <cell r="DN197">
            <v>12675</v>
          </cell>
          <cell r="DO197">
            <v>10608</v>
          </cell>
          <cell r="DP197">
            <v>11592</v>
          </cell>
          <cell r="DQ197">
            <v>12666</v>
          </cell>
          <cell r="DR197">
            <v>10026</v>
          </cell>
          <cell r="DS197">
            <v>11539</v>
          </cell>
          <cell r="DT197">
            <v>11437</v>
          </cell>
          <cell r="EZ197">
            <v>9</v>
          </cell>
          <cell r="FA197">
            <v>6</v>
          </cell>
          <cell r="FI197">
            <v>5</v>
          </cell>
          <cell r="FJ197" t="str">
            <v>指名競争入札（簡易認証）</v>
          </cell>
          <cell r="FN197">
            <v>4</v>
          </cell>
          <cell r="FO197" t="str">
            <v>電子入札</v>
          </cell>
          <cell r="FS197">
            <v>3</v>
          </cell>
          <cell r="FT197" t="str">
            <v/>
          </cell>
          <cell r="FU197" t="str">
            <v/>
          </cell>
          <cell r="FW197" t="str">
            <v/>
          </cell>
          <cell r="FY197" t="str">
            <v/>
          </cell>
          <cell r="GD197">
            <v>1</v>
          </cell>
          <cell r="GE197" t="str">
            <v>契約・検査課長　松本　嘉博</v>
          </cell>
          <cell r="GF197">
            <v>10462</v>
          </cell>
          <cell r="GG197" t="str">
            <v>北川パリスオートサービス(株)</v>
          </cell>
          <cell r="GH197">
            <v>1801351</v>
          </cell>
          <cell r="GI197">
            <v>161173</v>
          </cell>
          <cell r="GJ197" t="str">
            <v/>
          </cell>
          <cell r="GT197" t="str">
            <v/>
          </cell>
          <cell r="GW197" t="str">
            <v/>
          </cell>
          <cell r="HO197" t="str">
            <v/>
          </cell>
          <cell r="HP197">
            <v>1640178</v>
          </cell>
          <cell r="HQ197" t="str">
            <v>-</v>
          </cell>
          <cell r="HR197">
            <v>1802700</v>
          </cell>
          <cell r="HS197">
            <v>1818430</v>
          </cell>
          <cell r="HT197" t="str">
            <v>-</v>
          </cell>
          <cell r="HU197" t="str">
            <v>-</v>
          </cell>
          <cell r="HV197" t="str">
            <v>-</v>
          </cell>
          <cell r="HW197" t="str">
            <v>-</v>
          </cell>
          <cell r="HX197">
            <v>2130000</v>
          </cell>
          <cell r="JD197" t="str">
            <v/>
          </cell>
          <cell r="JE197" t="str">
            <v/>
          </cell>
          <cell r="JF197" t="str">
            <v/>
          </cell>
          <cell r="JG197" t="str">
            <v/>
          </cell>
          <cell r="JH197" t="str">
            <v/>
          </cell>
          <cell r="JI197" t="str">
            <v/>
          </cell>
          <cell r="JJ197" t="str">
            <v/>
          </cell>
          <cell r="JK197" t="str">
            <v/>
          </cell>
          <cell r="JL197" t="str">
            <v/>
          </cell>
          <cell r="JM197" t="str">
            <v/>
          </cell>
          <cell r="JN197" t="str">
            <v/>
          </cell>
          <cell r="JO197" t="str">
            <v/>
          </cell>
          <cell r="JP197">
            <v>32</v>
          </cell>
          <cell r="JQ197">
            <v>32</v>
          </cell>
          <cell r="JR197" t="str">
            <v/>
          </cell>
          <cell r="JS197" t="str">
            <v/>
          </cell>
          <cell r="JT197" t="str">
            <v/>
          </cell>
          <cell r="JU197" t="str">
            <v/>
          </cell>
          <cell r="JV197" t="str">
            <v/>
          </cell>
          <cell r="JW197" t="str">
            <v/>
          </cell>
          <cell r="JX197" t="str">
            <v/>
          </cell>
          <cell r="JY197" t="str">
            <v/>
          </cell>
          <cell r="JZ197">
            <v>0.88999555335968372</v>
          </cell>
        </row>
        <row r="198">
          <cell r="C198" t="str">
            <v/>
          </cell>
          <cell r="D198" t="str">
            <v/>
          </cell>
          <cell r="E198" t="str">
            <v/>
          </cell>
          <cell r="I198">
            <v>190</v>
          </cell>
          <cell r="M198" t="str">
            <v>令和２年度みやのまえ文化の郷什器備品等移設委託業務</v>
          </cell>
          <cell r="Q198" t="str">
            <v>みやのまえ移設</v>
          </cell>
          <cell r="Y198">
            <v>1</v>
          </cell>
          <cell r="AC198">
            <v>8</v>
          </cell>
          <cell r="AD198">
            <v>8</v>
          </cell>
          <cell r="AI198" t="str">
            <v>伊丹市宮ノ前２丁目５－２０、２８号</v>
          </cell>
          <cell r="AQ198">
            <v>3</v>
          </cell>
          <cell r="AY198">
            <v>44092</v>
          </cell>
          <cell r="AZ198">
            <v>44097</v>
          </cell>
          <cell r="BA198">
            <v>555</v>
          </cell>
          <cell r="BB198">
            <v>44651</v>
          </cell>
          <cell r="BC198" t="str">
            <v/>
          </cell>
          <cell r="BD198" t="str">
            <v/>
          </cell>
          <cell r="BE198" t="str">
            <v/>
          </cell>
          <cell r="BF198">
            <v>0.41736111111111113</v>
          </cell>
          <cell r="BG198">
            <v>4887</v>
          </cell>
          <cell r="BH198" t="str">
            <v>松本  聖子</v>
          </cell>
          <cell r="BI198" t="str">
            <v>文化振興課</v>
          </cell>
          <cell r="BJ198">
            <v>2119</v>
          </cell>
          <cell r="BN198" t="str">
            <v>他</v>
          </cell>
          <cell r="BO198">
            <v>58</v>
          </cell>
          <cell r="BS198">
            <v>22366000</v>
          </cell>
          <cell r="BT198">
            <v>20330000</v>
          </cell>
          <cell r="BU198" t="str">
            <v/>
          </cell>
          <cell r="BV198" t="str">
            <v/>
          </cell>
          <cell r="CH198">
            <v>-92</v>
          </cell>
          <cell r="CI198">
            <v>44076</v>
          </cell>
          <cell r="CP198">
            <v>38357</v>
          </cell>
          <cell r="CW198" t="str">
            <v/>
          </cell>
          <cell r="CX198" t="str">
            <v/>
          </cell>
          <cell r="CY198" t="str">
            <v/>
          </cell>
          <cell r="CZ198" t="str">
            <v/>
          </cell>
          <cell r="DA198">
            <v>44085</v>
          </cell>
          <cell r="DB198">
            <v>44089</v>
          </cell>
          <cell r="DD198" t="str">
            <v/>
          </cell>
          <cell r="DL198">
            <v>11056</v>
          </cell>
          <cell r="DM198">
            <v>11602</v>
          </cell>
          <cell r="DN198">
            <v>11078</v>
          </cell>
          <cell r="DO198">
            <v>11107</v>
          </cell>
          <cell r="DP198">
            <v>11163</v>
          </cell>
          <cell r="DQ198">
            <v>10886</v>
          </cell>
          <cell r="DR198">
            <v>12561</v>
          </cell>
          <cell r="DS198">
            <v>11845</v>
          </cell>
          <cell r="EZ198">
            <v>8</v>
          </cell>
          <cell r="FA198">
            <v>8</v>
          </cell>
          <cell r="FI198">
            <v>5</v>
          </cell>
          <cell r="FJ198" t="str">
            <v>指名競争入札（簡易認証）</v>
          </cell>
          <cell r="FN198">
            <v>4</v>
          </cell>
          <cell r="FO198" t="str">
            <v>電子入札</v>
          </cell>
          <cell r="FS198">
            <v>5</v>
          </cell>
          <cell r="FT198" t="str">
            <v/>
          </cell>
          <cell r="FU198" t="str">
            <v/>
          </cell>
          <cell r="FW198" t="str">
            <v/>
          </cell>
          <cell r="FY198" t="str">
            <v/>
          </cell>
          <cell r="GD198">
            <v>1</v>
          </cell>
          <cell r="GE198" t="str">
            <v>契約・検査課長　松本　嘉博</v>
          </cell>
          <cell r="GF198">
            <v>11602</v>
          </cell>
          <cell r="GG198" t="str">
            <v>日本通運(株)</v>
          </cell>
          <cell r="GH198">
            <v>16390000</v>
          </cell>
          <cell r="GI198">
            <v>1490000</v>
          </cell>
          <cell r="GJ198">
            <v>1639000</v>
          </cell>
          <cell r="GL198" t="str">
            <v>運行管理者資格他</v>
          </cell>
          <cell r="GM198" t="str">
            <v>川瀬　総志</v>
          </cell>
          <cell r="GN198" t="str">
            <v>運行管理者資格他</v>
          </cell>
          <cell r="GO198" t="str">
            <v>川瀬　総志</v>
          </cell>
          <cell r="GT198" t="str">
            <v/>
          </cell>
          <cell r="GW198" t="str">
            <v/>
          </cell>
          <cell r="HO198" t="str">
            <v/>
          </cell>
          <cell r="HP198" t="str">
            <v>-</v>
          </cell>
          <cell r="HQ198">
            <v>14900000</v>
          </cell>
          <cell r="HR198" t="str">
            <v>-</v>
          </cell>
          <cell r="HS198" t="str">
            <v>-</v>
          </cell>
          <cell r="HT198" t="str">
            <v>-</v>
          </cell>
          <cell r="HU198" t="str">
            <v>-</v>
          </cell>
          <cell r="HV198" t="str">
            <v>-</v>
          </cell>
          <cell r="HW198" t="str">
            <v>-</v>
          </cell>
          <cell r="JD198" t="str">
            <v/>
          </cell>
          <cell r="JE198" t="str">
            <v/>
          </cell>
          <cell r="JF198" t="str">
            <v/>
          </cell>
          <cell r="JG198" t="str">
            <v/>
          </cell>
          <cell r="JH198" t="str">
            <v/>
          </cell>
          <cell r="JI198" t="str">
            <v/>
          </cell>
          <cell r="JJ198" t="str">
            <v/>
          </cell>
          <cell r="JK198" t="str">
            <v/>
          </cell>
          <cell r="JL198" t="str">
            <v/>
          </cell>
          <cell r="JM198" t="str">
            <v/>
          </cell>
          <cell r="JN198" t="str">
            <v/>
          </cell>
          <cell r="JO198" t="str">
            <v/>
          </cell>
          <cell r="JP198" t="str">
            <v/>
          </cell>
          <cell r="JQ198" t="str">
            <v/>
          </cell>
          <cell r="JR198" t="str">
            <v/>
          </cell>
          <cell r="JS198" t="str">
            <v/>
          </cell>
          <cell r="JT198" t="str">
            <v/>
          </cell>
          <cell r="JU198" t="str">
            <v/>
          </cell>
          <cell r="JV198" t="str">
            <v/>
          </cell>
          <cell r="JW198" t="str">
            <v/>
          </cell>
          <cell r="JX198">
            <v>58</v>
          </cell>
          <cell r="JY198">
            <v>56</v>
          </cell>
          <cell r="JZ198">
            <v>0.73290703393999002</v>
          </cell>
        </row>
        <row r="199">
          <cell r="C199" t="str">
            <v/>
          </cell>
          <cell r="D199" t="str">
            <v/>
          </cell>
          <cell r="E199" t="str">
            <v/>
          </cell>
          <cell r="I199">
            <v>191</v>
          </cell>
          <cell r="M199" t="str">
            <v>令和２年度児童生徒タブレット端末用セキュリティソフトの購入</v>
          </cell>
          <cell r="Q199" t="str">
            <v>ﾀﾌﾞﾚｯﾄｾｷｭﾘﾃｨｿﾌﾄ</v>
          </cell>
          <cell r="Y199">
            <v>1</v>
          </cell>
          <cell r="AC199">
            <v>8</v>
          </cell>
          <cell r="AD199">
            <v>1</v>
          </cell>
          <cell r="AI199" t="str">
            <v>伊丹市千僧１丁目１番地総合教育センター</v>
          </cell>
          <cell r="AQ199">
            <v>1</v>
          </cell>
          <cell r="AY199">
            <v>44083</v>
          </cell>
          <cell r="AZ199">
            <v>44084</v>
          </cell>
          <cell r="BA199">
            <v>52</v>
          </cell>
          <cell r="BB199">
            <v>44135</v>
          </cell>
          <cell r="BC199" t="str">
            <v/>
          </cell>
          <cell r="BD199" t="str">
            <v/>
          </cell>
          <cell r="BE199" t="str">
            <v/>
          </cell>
          <cell r="BF199">
            <v>0.41805555555555557</v>
          </cell>
          <cell r="BG199">
            <v>7548</v>
          </cell>
          <cell r="BH199" t="str">
            <v>片岡　栄二郎</v>
          </cell>
          <cell r="BI199" t="str">
            <v>総合教育センター</v>
          </cell>
          <cell r="BJ199">
            <v>4649</v>
          </cell>
          <cell r="BN199" t="str">
            <v>他</v>
          </cell>
          <cell r="BO199">
            <v>59</v>
          </cell>
          <cell r="BS199">
            <v>3236112</v>
          </cell>
          <cell r="BT199">
            <v>2941000</v>
          </cell>
          <cell r="BU199">
            <v>1</v>
          </cell>
          <cell r="BV199" t="str">
            <v/>
          </cell>
          <cell r="CD199" t="str">
            <v/>
          </cell>
          <cell r="CH199">
            <v>-93</v>
          </cell>
          <cell r="CI199">
            <v>44069</v>
          </cell>
          <cell r="CP199">
            <v>78162</v>
          </cell>
          <cell r="CW199" t="str">
            <v/>
          </cell>
          <cell r="CX199" t="str">
            <v/>
          </cell>
          <cell r="CY199" t="str">
            <v/>
          </cell>
          <cell r="CZ199" t="str">
            <v/>
          </cell>
          <cell r="DA199">
            <v>44076</v>
          </cell>
          <cell r="DB199">
            <v>44078</v>
          </cell>
          <cell r="DD199" t="str">
            <v/>
          </cell>
          <cell r="DL199">
            <v>10793</v>
          </cell>
          <cell r="DM199">
            <v>11022</v>
          </cell>
          <cell r="DN199">
            <v>10844</v>
          </cell>
          <cell r="DO199">
            <v>10547</v>
          </cell>
          <cell r="DP199">
            <v>10556</v>
          </cell>
          <cell r="DQ199">
            <v>10276</v>
          </cell>
          <cell r="DR199">
            <v>10529</v>
          </cell>
          <cell r="DS199">
            <v>10158</v>
          </cell>
          <cell r="DT199">
            <v>10075</v>
          </cell>
          <cell r="DU199">
            <v>10107</v>
          </cell>
          <cell r="DV199">
            <v>12692</v>
          </cell>
          <cell r="DW199">
            <v>12981</v>
          </cell>
          <cell r="EZ199">
            <v>12</v>
          </cell>
          <cell r="FA199">
            <v>6</v>
          </cell>
          <cell r="FI199">
            <v>5</v>
          </cell>
          <cell r="FJ199" t="str">
            <v>指名競争入札（簡易認証）</v>
          </cell>
          <cell r="FN199">
            <v>4</v>
          </cell>
          <cell r="FO199" t="str">
            <v>電子入札</v>
          </cell>
          <cell r="FS199">
            <v>3</v>
          </cell>
          <cell r="FT199" t="str">
            <v/>
          </cell>
          <cell r="FU199" t="str">
            <v/>
          </cell>
          <cell r="FW199" t="str">
            <v/>
          </cell>
          <cell r="FY199" t="str">
            <v/>
          </cell>
          <cell r="GD199">
            <v>1</v>
          </cell>
          <cell r="GE199" t="str">
            <v>契約・検査課長　松本　嘉博</v>
          </cell>
          <cell r="GF199">
            <v>10793</v>
          </cell>
          <cell r="GG199" t="str">
            <v>(株)大塚商会</v>
          </cell>
          <cell r="GH199">
            <v>3218133</v>
          </cell>
          <cell r="GI199">
            <v>292557</v>
          </cell>
          <cell r="GJ199">
            <v>322000</v>
          </cell>
          <cell r="GT199" t="str">
            <v/>
          </cell>
          <cell r="GW199" t="str">
            <v/>
          </cell>
          <cell r="HO199" t="str">
            <v/>
          </cell>
          <cell r="HP199">
            <v>2925576</v>
          </cell>
          <cell r="HQ199" t="str">
            <v>-</v>
          </cell>
          <cell r="HR199" t="str">
            <v>-</v>
          </cell>
          <cell r="HS199" t="str">
            <v>-</v>
          </cell>
          <cell r="HT199">
            <v>22227840</v>
          </cell>
          <cell r="HU199" t="str">
            <v>-</v>
          </cell>
          <cell r="HV199" t="str">
            <v>-</v>
          </cell>
          <cell r="HW199" t="str">
            <v>-</v>
          </cell>
          <cell r="HX199" t="str">
            <v>-</v>
          </cell>
          <cell r="HY199" t="str">
            <v>-</v>
          </cell>
          <cell r="HZ199" t="str">
            <v>-</v>
          </cell>
          <cell r="IA199" t="str">
            <v>-</v>
          </cell>
          <cell r="JD199" t="str">
            <v/>
          </cell>
          <cell r="JE199" t="str">
            <v/>
          </cell>
          <cell r="JF199" t="str">
            <v/>
          </cell>
          <cell r="JG199" t="str">
            <v/>
          </cell>
          <cell r="JH199" t="str">
            <v/>
          </cell>
          <cell r="JI199" t="str">
            <v/>
          </cell>
          <cell r="JJ199" t="str">
            <v/>
          </cell>
          <cell r="JK199" t="str">
            <v/>
          </cell>
          <cell r="JL199" t="str">
            <v/>
          </cell>
          <cell r="JM199" t="str">
            <v/>
          </cell>
          <cell r="JN199" t="str">
            <v/>
          </cell>
          <cell r="JO199" t="str">
            <v/>
          </cell>
          <cell r="JP199" t="str">
            <v/>
          </cell>
          <cell r="JQ199" t="str">
            <v/>
          </cell>
          <cell r="JR199" t="str">
            <v/>
          </cell>
          <cell r="JS199" t="str">
            <v/>
          </cell>
          <cell r="JT199" t="str">
            <v/>
          </cell>
          <cell r="JU199" t="str">
            <v/>
          </cell>
          <cell r="JV199" t="str">
            <v/>
          </cell>
          <cell r="JW199" t="str">
            <v/>
          </cell>
          <cell r="JX199">
            <v>59</v>
          </cell>
          <cell r="JY199">
            <v>57</v>
          </cell>
          <cell r="JZ199">
            <v>0.9947553398658463</v>
          </cell>
        </row>
        <row r="200">
          <cell r="C200" t="str">
            <v/>
          </cell>
          <cell r="D200" t="str">
            <v/>
          </cell>
          <cell r="E200" t="str">
            <v/>
          </cell>
          <cell r="I200">
            <v>192</v>
          </cell>
          <cell r="M200" t="str">
            <v>令和２年度伊丹市立演劇ホール外壁改修工事</v>
          </cell>
          <cell r="Q200" t="str">
            <v>演劇ﾎｰﾙ外壁</v>
          </cell>
          <cell r="Y200">
            <v>1</v>
          </cell>
          <cell r="AC200">
            <v>1</v>
          </cell>
          <cell r="AI200" t="str">
            <v>伊丹市伊丹２丁目４番１号</v>
          </cell>
          <cell r="AM200" t="str">
            <v>外壁改修工事一式</v>
          </cell>
          <cell r="AQ200">
            <v>2</v>
          </cell>
          <cell r="AY200">
            <v>44111</v>
          </cell>
          <cell r="AZ200">
            <v>44112</v>
          </cell>
          <cell r="BA200">
            <v>159</v>
          </cell>
          <cell r="BB200">
            <v>44270</v>
          </cell>
          <cell r="BC200">
            <v>17</v>
          </cell>
          <cell r="BD200" t="str">
            <v>○</v>
          </cell>
          <cell r="BE200" t="str">
            <v>○</v>
          </cell>
          <cell r="BF200">
            <v>0.41805555555555557</v>
          </cell>
          <cell r="BG200">
            <v>7440</v>
          </cell>
          <cell r="BH200" t="str">
            <v>井上　達朗</v>
          </cell>
          <cell r="BI200" t="str">
            <v>営繕課</v>
          </cell>
          <cell r="BJ200">
            <v>4619</v>
          </cell>
          <cell r="BN200" t="str">
            <v>建</v>
          </cell>
          <cell r="BO200">
            <v>28</v>
          </cell>
          <cell r="BS200">
            <v>33220000</v>
          </cell>
          <cell r="BT200">
            <v>30200000</v>
          </cell>
          <cell r="BU200">
            <v>1</v>
          </cell>
          <cell r="BV200">
            <v>27250000</v>
          </cell>
          <cell r="BW200">
            <v>20734773</v>
          </cell>
          <cell r="BX200">
            <v>2509079</v>
          </cell>
          <cell r="BY200">
            <v>3023769</v>
          </cell>
          <cell r="BZ200">
            <v>3932379</v>
          </cell>
          <cell r="CH200">
            <v>92</v>
          </cell>
          <cell r="CI200">
            <v>44075</v>
          </cell>
          <cell r="CJ200" t="str">
            <v>一般</v>
          </cell>
          <cell r="CK200" t="str">
            <v>伊丹市内に本店</v>
          </cell>
          <cell r="CL200" t="str">
            <v>580点以上</v>
          </cell>
          <cell r="CP200">
            <v>46530</v>
          </cell>
          <cell r="CT200" t="str">
            <v>請負金額が700万円以上</v>
          </cell>
          <cell r="CW200">
            <v>44083</v>
          </cell>
          <cell r="CX200">
            <v>44085</v>
          </cell>
          <cell r="CY200">
            <v>44088</v>
          </cell>
          <cell r="CZ200">
            <v>44089</v>
          </cell>
          <cell r="DA200">
            <v>44097</v>
          </cell>
          <cell r="DB200">
            <v>44103</v>
          </cell>
          <cell r="DC200">
            <v>28</v>
          </cell>
          <cell r="DD200" t="str">
            <v>○</v>
          </cell>
          <cell r="DL200">
            <v>21</v>
          </cell>
          <cell r="DM200">
            <v>23</v>
          </cell>
          <cell r="DN200">
            <v>26</v>
          </cell>
          <cell r="DO200">
            <v>48</v>
          </cell>
          <cell r="DP200">
            <v>49</v>
          </cell>
          <cell r="DQ200">
            <v>53</v>
          </cell>
          <cell r="DR200">
            <v>211</v>
          </cell>
          <cell r="DS200">
            <v>226</v>
          </cell>
          <cell r="DT200">
            <v>314</v>
          </cell>
          <cell r="DU200">
            <v>563</v>
          </cell>
          <cell r="EZ200">
            <v>10</v>
          </cell>
          <cell r="FA200">
            <v>8</v>
          </cell>
          <cell r="FI200">
            <v>1</v>
          </cell>
          <cell r="FJ200" t="str">
            <v>制限付一般競争入札</v>
          </cell>
          <cell r="FN200">
            <v>4</v>
          </cell>
          <cell r="FO200" t="str">
            <v>電子入札</v>
          </cell>
          <cell r="FS200">
            <v>1</v>
          </cell>
          <cell r="FT200" t="str">
            <v/>
          </cell>
          <cell r="FU200" t="str">
            <v/>
          </cell>
          <cell r="FW200">
            <v>1</v>
          </cell>
          <cell r="FY200" t="str">
            <v>未</v>
          </cell>
          <cell r="GB200">
            <v>1</v>
          </cell>
          <cell r="GD200">
            <v>1</v>
          </cell>
          <cell r="GE200" t="str">
            <v>契約・検査課長　松本　嘉博</v>
          </cell>
          <cell r="GF200">
            <v>26</v>
          </cell>
          <cell r="GG200" t="str">
            <v>(株)染の川組</v>
          </cell>
          <cell r="GH200">
            <v>30096000</v>
          </cell>
          <cell r="GI200">
            <v>2736000</v>
          </cell>
          <cell r="GJ200">
            <v>3010000</v>
          </cell>
          <cell r="GL200" t="str">
            <v>１級建築施工管理技士 第B141003633号</v>
          </cell>
          <cell r="GM200" t="str">
            <v>峰松　隆介</v>
          </cell>
          <cell r="GN200" t="str">
            <v>１級建築施工管理技士 第B141003633号</v>
          </cell>
          <cell r="GO200" t="str">
            <v>峰松　隆介</v>
          </cell>
          <cell r="GT200" t="str">
            <v>要</v>
          </cell>
          <cell r="GV200">
            <v>90520</v>
          </cell>
          <cell r="GW200">
            <v>3.0077086656034022</v>
          </cell>
          <cell r="GX200">
            <v>44256</v>
          </cell>
          <cell r="GY200">
            <v>33539000</v>
          </cell>
          <cell r="GZ200">
            <v>30382000</v>
          </cell>
          <cell r="HN200" t="str">
            <v>外壁下地補修等の数量変更工事他</v>
          </cell>
          <cell r="HO200">
            <v>1</v>
          </cell>
          <cell r="HP200">
            <v>29800000</v>
          </cell>
          <cell r="HQ200">
            <v>29400000</v>
          </cell>
          <cell r="HR200">
            <v>27360000</v>
          </cell>
          <cell r="HS200">
            <v>27480000</v>
          </cell>
          <cell r="HT200">
            <v>27640000</v>
          </cell>
          <cell r="HU200">
            <v>30200000</v>
          </cell>
          <cell r="HV200">
            <v>27599000</v>
          </cell>
          <cell r="HW200" t="str">
            <v>-</v>
          </cell>
          <cell r="HX200">
            <v>27800000</v>
          </cell>
          <cell r="HY200">
            <v>27633000</v>
          </cell>
          <cell r="JD200" t="str">
            <v/>
          </cell>
          <cell r="JE200" t="str">
            <v/>
          </cell>
          <cell r="JF200" t="str">
            <v/>
          </cell>
          <cell r="JG200" t="str">
            <v/>
          </cell>
          <cell r="JH200">
            <v>28</v>
          </cell>
          <cell r="JI200">
            <v>28</v>
          </cell>
          <cell r="JJ200" t="str">
            <v/>
          </cell>
          <cell r="JK200" t="str">
            <v/>
          </cell>
          <cell r="JL200" t="str">
            <v/>
          </cell>
          <cell r="JM200" t="str">
            <v/>
          </cell>
          <cell r="JN200" t="str">
            <v/>
          </cell>
          <cell r="JO200" t="str">
            <v/>
          </cell>
          <cell r="JP200" t="str">
            <v/>
          </cell>
          <cell r="JQ200" t="str">
            <v/>
          </cell>
          <cell r="JR200" t="str">
            <v/>
          </cell>
          <cell r="JS200" t="str">
            <v/>
          </cell>
          <cell r="JT200" t="str">
            <v/>
          </cell>
          <cell r="JU200" t="str">
            <v/>
          </cell>
          <cell r="JV200" t="str">
            <v/>
          </cell>
          <cell r="JW200" t="str">
            <v/>
          </cell>
          <cell r="JX200" t="str">
            <v/>
          </cell>
          <cell r="JY200" t="str">
            <v/>
          </cell>
          <cell r="JZ200">
            <v>0.90596026490066217</v>
          </cell>
        </row>
        <row r="201">
          <cell r="C201" t="str">
            <v/>
          </cell>
          <cell r="D201" t="str">
            <v/>
          </cell>
          <cell r="E201" t="str">
            <v/>
          </cell>
          <cell r="I201">
            <v>193</v>
          </cell>
          <cell r="M201" t="str">
            <v>令和２年度伊丹市立北保育所屋上防水他改修工事</v>
          </cell>
          <cell r="Q201" t="str">
            <v>北保育所屋上防水</v>
          </cell>
          <cell r="Y201">
            <v>1</v>
          </cell>
          <cell r="AC201">
            <v>1</v>
          </cell>
          <cell r="AI201" t="str">
            <v>伊丹市北園１丁目１３番地</v>
          </cell>
          <cell r="AM201" t="str">
            <v xml:space="preserve">屋上防水改修工事一式
屋上鉄部塗装改修工事一式
テラス庇・通路庇塗装及び破損ガラス取替工事一式
</v>
          </cell>
          <cell r="AQ201">
            <v>2</v>
          </cell>
          <cell r="AY201">
            <v>44111</v>
          </cell>
          <cell r="AZ201">
            <v>44116</v>
          </cell>
          <cell r="BA201">
            <v>96</v>
          </cell>
          <cell r="BB201">
            <v>44211</v>
          </cell>
          <cell r="BC201">
            <v>18</v>
          </cell>
          <cell r="BD201" t="str">
            <v>○</v>
          </cell>
          <cell r="BE201" t="str">
            <v>○</v>
          </cell>
          <cell r="BF201">
            <v>0.41875000000000001</v>
          </cell>
          <cell r="BG201">
            <v>3610</v>
          </cell>
          <cell r="BH201" t="str">
            <v>小坂  浩一</v>
          </cell>
          <cell r="BI201" t="str">
            <v>営繕課</v>
          </cell>
          <cell r="BJ201">
            <v>4711</v>
          </cell>
          <cell r="BN201" t="str">
            <v>建</v>
          </cell>
          <cell r="BO201">
            <v>29</v>
          </cell>
          <cell r="BS201">
            <v>14960000</v>
          </cell>
          <cell r="BT201">
            <v>13600000</v>
          </cell>
          <cell r="BU201">
            <v>1</v>
          </cell>
          <cell r="BV201">
            <v>12240000</v>
          </cell>
          <cell r="BW201">
            <v>9244053</v>
          </cell>
          <cell r="BX201">
            <v>869391</v>
          </cell>
          <cell r="BY201">
            <v>1644736</v>
          </cell>
          <cell r="BZ201">
            <v>1841820</v>
          </cell>
          <cell r="CD201" t="str">
            <v/>
          </cell>
          <cell r="CH201">
            <v>93</v>
          </cell>
          <cell r="CI201">
            <v>44084</v>
          </cell>
          <cell r="CJ201" t="str">
            <v>一般</v>
          </cell>
          <cell r="CK201" t="str">
            <v>伊丹市内に本店</v>
          </cell>
          <cell r="CL201" t="str">
            <v>750点未満</v>
          </cell>
          <cell r="CP201">
            <v>32694</v>
          </cell>
          <cell r="CT201" t="str">
            <v>請負金額が300万円以上</v>
          </cell>
          <cell r="CW201">
            <v>44092</v>
          </cell>
          <cell r="CX201" t="str">
            <v/>
          </cell>
          <cell r="CY201" t="str">
            <v/>
          </cell>
          <cell r="CZ201" t="str">
            <v/>
          </cell>
          <cell r="DA201">
            <v>44097</v>
          </cell>
          <cell r="DB201">
            <v>44103</v>
          </cell>
          <cell r="DC201">
            <v>20</v>
          </cell>
          <cell r="DD201" t="str">
            <v>○</v>
          </cell>
          <cell r="DL201">
            <v>211</v>
          </cell>
          <cell r="DM201">
            <v>48</v>
          </cell>
          <cell r="DN201">
            <v>314</v>
          </cell>
          <cell r="DO201">
            <v>226</v>
          </cell>
          <cell r="EZ201">
            <v>4</v>
          </cell>
          <cell r="FA201">
            <v>8</v>
          </cell>
          <cell r="FI201">
            <v>4</v>
          </cell>
          <cell r="FJ201" t="str">
            <v>事後審査型一般競争入札</v>
          </cell>
          <cell r="FN201">
            <v>4</v>
          </cell>
          <cell r="FO201" t="str">
            <v>電子入札</v>
          </cell>
          <cell r="FS201">
            <v>1</v>
          </cell>
          <cell r="FT201" t="str">
            <v/>
          </cell>
          <cell r="FU201" t="str">
            <v/>
          </cell>
          <cell r="FW201" t="str">
            <v/>
          </cell>
          <cell r="FY201" t="str">
            <v/>
          </cell>
          <cell r="GC201">
            <v>1</v>
          </cell>
          <cell r="GD201">
            <v>1</v>
          </cell>
          <cell r="GE201" t="str">
            <v>契約・検査課長　松本　嘉博</v>
          </cell>
          <cell r="GF201">
            <v>211</v>
          </cell>
          <cell r="GG201" t="str">
            <v>(株)深津工務店</v>
          </cell>
          <cell r="GH201">
            <v>13473900</v>
          </cell>
          <cell r="GI201">
            <v>1224900</v>
          </cell>
          <cell r="GJ201">
            <v>1348000</v>
          </cell>
          <cell r="GL201" t="str">
            <v>二級建築士</v>
          </cell>
          <cell r="GM201" t="str">
            <v>木村　基福</v>
          </cell>
          <cell r="GN201" t="str">
            <v>二級建築士</v>
          </cell>
          <cell r="GO201" t="str">
            <v>木村　基福</v>
          </cell>
          <cell r="GT201" t="str">
            <v/>
          </cell>
          <cell r="GV201">
            <v>37200</v>
          </cell>
          <cell r="GW201">
            <v>2.7608932825685213</v>
          </cell>
          <cell r="GX201">
            <v>44181</v>
          </cell>
          <cell r="GY201">
            <v>15466000</v>
          </cell>
          <cell r="GZ201">
            <v>13926000</v>
          </cell>
          <cell r="HN201" t="str">
            <v>着工後現場調査の際に破損ガラスの枚数が当初計画より多いことが判明した。</v>
          </cell>
          <cell r="HO201">
            <v>1</v>
          </cell>
          <cell r="HP201">
            <v>12249000</v>
          </cell>
          <cell r="HQ201">
            <v>12280000</v>
          </cell>
          <cell r="HR201">
            <v>13500000</v>
          </cell>
          <cell r="HS201" t="str">
            <v>-</v>
          </cell>
          <cell r="JD201" t="str">
            <v/>
          </cell>
          <cell r="JE201" t="str">
            <v/>
          </cell>
          <cell r="JF201" t="str">
            <v/>
          </cell>
          <cell r="JG201" t="str">
            <v/>
          </cell>
          <cell r="JH201">
            <v>29</v>
          </cell>
          <cell r="JI201">
            <v>29</v>
          </cell>
          <cell r="JJ201" t="str">
            <v/>
          </cell>
          <cell r="JK201" t="str">
            <v/>
          </cell>
          <cell r="JL201" t="str">
            <v/>
          </cell>
          <cell r="JM201" t="str">
            <v/>
          </cell>
          <cell r="JN201" t="str">
            <v/>
          </cell>
          <cell r="JO201" t="str">
            <v/>
          </cell>
          <cell r="JP201" t="str">
            <v/>
          </cell>
          <cell r="JQ201" t="str">
            <v/>
          </cell>
          <cell r="JR201" t="str">
            <v/>
          </cell>
          <cell r="JS201" t="str">
            <v/>
          </cell>
          <cell r="JT201" t="str">
            <v/>
          </cell>
          <cell r="JU201" t="str">
            <v/>
          </cell>
          <cell r="JV201" t="str">
            <v/>
          </cell>
          <cell r="JW201" t="str">
            <v/>
          </cell>
          <cell r="JX201" t="str">
            <v/>
          </cell>
          <cell r="JY201" t="str">
            <v/>
          </cell>
          <cell r="JZ201">
            <v>0.90066176470588222</v>
          </cell>
        </row>
        <row r="202">
          <cell r="C202" t="str">
            <v/>
          </cell>
          <cell r="D202" t="str">
            <v/>
          </cell>
          <cell r="E202" t="str">
            <v/>
          </cell>
          <cell r="I202">
            <v>194</v>
          </cell>
          <cell r="M202" t="str">
            <v>令和２年度伊丹市消防局東消防署訓練塔補修工事</v>
          </cell>
          <cell r="Q202" t="str">
            <v>東消防署訓練</v>
          </cell>
          <cell r="Y202">
            <v>1</v>
          </cell>
          <cell r="AC202">
            <v>1</v>
          </cell>
          <cell r="AI202" t="str">
            <v>伊丹市北本町２丁目１３３</v>
          </cell>
          <cell r="AM202" t="str">
            <v xml:space="preserve">訓練塔塗装工事一式
安全ネット張替一式
</v>
          </cell>
          <cell r="AQ202">
            <v>1</v>
          </cell>
          <cell r="AY202">
            <v>44111</v>
          </cell>
          <cell r="AZ202">
            <v>44116</v>
          </cell>
          <cell r="BA202">
            <v>75</v>
          </cell>
          <cell r="BB202">
            <v>44190</v>
          </cell>
          <cell r="BC202">
            <v>18</v>
          </cell>
          <cell r="BD202" t="str">
            <v>○</v>
          </cell>
          <cell r="BE202" t="str">
            <v>○</v>
          </cell>
          <cell r="BF202">
            <v>0.41944444444444445</v>
          </cell>
          <cell r="BG202">
            <v>3610</v>
          </cell>
          <cell r="BH202" t="str">
            <v>小坂  浩一</v>
          </cell>
          <cell r="BI202" t="str">
            <v>営繕課</v>
          </cell>
          <cell r="BJ202">
            <v>4711</v>
          </cell>
          <cell r="BN202" t="str">
            <v>建</v>
          </cell>
          <cell r="BO202">
            <v>30</v>
          </cell>
          <cell r="BS202">
            <v>4499000</v>
          </cell>
          <cell r="BT202">
            <v>4090000</v>
          </cell>
          <cell r="BU202">
            <v>1</v>
          </cell>
          <cell r="BV202">
            <v>3670000</v>
          </cell>
          <cell r="BW202">
            <v>2930470</v>
          </cell>
          <cell r="BX202">
            <v>167983</v>
          </cell>
          <cell r="BY202">
            <v>393503</v>
          </cell>
          <cell r="BZ202">
            <v>598044</v>
          </cell>
          <cell r="CD202" t="str">
            <v/>
          </cell>
          <cell r="CH202">
            <v>94</v>
          </cell>
          <cell r="CI202">
            <v>44084</v>
          </cell>
          <cell r="CJ202" t="str">
            <v>一般</v>
          </cell>
          <cell r="CK202" t="str">
            <v>伊丹市内に本店</v>
          </cell>
          <cell r="CL202" t="str">
            <v>750点未満</v>
          </cell>
          <cell r="CP202">
            <v>38179</v>
          </cell>
          <cell r="CT202" t="str">
            <v>右記</v>
          </cell>
          <cell r="CU202" t="str">
            <v>建築一式工事の施工実績を有すること。</v>
          </cell>
          <cell r="CW202">
            <v>44092</v>
          </cell>
          <cell r="CX202" t="str">
            <v/>
          </cell>
          <cell r="CY202" t="str">
            <v/>
          </cell>
          <cell r="CZ202" t="str">
            <v/>
          </cell>
          <cell r="DA202">
            <v>44097</v>
          </cell>
          <cell r="DB202">
            <v>44103</v>
          </cell>
          <cell r="DC202">
            <v>23</v>
          </cell>
          <cell r="DD202" t="str">
            <v>○</v>
          </cell>
          <cell r="DL202">
            <v>49</v>
          </cell>
          <cell r="DM202">
            <v>211</v>
          </cell>
          <cell r="DN202">
            <v>48</v>
          </cell>
          <cell r="DO202">
            <v>226</v>
          </cell>
          <cell r="DP202">
            <v>314</v>
          </cell>
          <cell r="EZ202">
            <v>5</v>
          </cell>
          <cell r="FA202">
            <v>6</v>
          </cell>
          <cell r="FI202">
            <v>4</v>
          </cell>
          <cell r="FJ202" t="str">
            <v>事後審査型一般競争入札</v>
          </cell>
          <cell r="FN202">
            <v>4</v>
          </cell>
          <cell r="FO202" t="str">
            <v>電子入札</v>
          </cell>
          <cell r="FS202">
            <v>1</v>
          </cell>
          <cell r="FT202" t="str">
            <v/>
          </cell>
          <cell r="FU202" t="str">
            <v/>
          </cell>
          <cell r="FW202" t="str">
            <v/>
          </cell>
          <cell r="FY202" t="str">
            <v/>
          </cell>
          <cell r="GB202">
            <v>1</v>
          </cell>
          <cell r="GC202">
            <v>1</v>
          </cell>
          <cell r="GD202">
            <v>1</v>
          </cell>
          <cell r="GE202" t="str">
            <v>契約・検査課長　松本　嘉博</v>
          </cell>
          <cell r="GF202">
            <v>49</v>
          </cell>
          <cell r="GG202" t="str">
            <v>三晃(株)</v>
          </cell>
          <cell r="GH202">
            <v>4268000</v>
          </cell>
          <cell r="GI202">
            <v>388000</v>
          </cell>
          <cell r="GJ202">
            <v>427000</v>
          </cell>
          <cell r="GM202" t="str">
            <v>菅原　秀介</v>
          </cell>
          <cell r="GO202" t="str">
            <v>菅原　正雄</v>
          </cell>
          <cell r="GP202">
            <v>44182</v>
          </cell>
          <cell r="GQ202">
            <v>76.599999999999994</v>
          </cell>
          <cell r="GT202" t="str">
            <v/>
          </cell>
          <cell r="GV202">
            <v>12710</v>
          </cell>
          <cell r="GW202">
            <v>2.9779756326148079</v>
          </cell>
          <cell r="HO202" t="str">
            <v/>
          </cell>
          <cell r="HP202">
            <v>3880000</v>
          </cell>
          <cell r="HQ202">
            <v>4090000</v>
          </cell>
          <cell r="HR202" t="str">
            <v>-</v>
          </cell>
          <cell r="HS202" t="str">
            <v>-</v>
          </cell>
          <cell r="HT202" t="str">
            <v>-</v>
          </cell>
          <cell r="JD202" t="str">
            <v/>
          </cell>
          <cell r="JE202" t="str">
            <v/>
          </cell>
          <cell r="JF202" t="str">
            <v/>
          </cell>
          <cell r="JG202" t="str">
            <v/>
          </cell>
          <cell r="JH202">
            <v>30</v>
          </cell>
          <cell r="JI202">
            <v>30</v>
          </cell>
          <cell r="JJ202" t="str">
            <v/>
          </cell>
          <cell r="JK202" t="str">
            <v/>
          </cell>
          <cell r="JL202" t="str">
            <v/>
          </cell>
          <cell r="JM202" t="str">
            <v/>
          </cell>
          <cell r="JN202" t="str">
            <v/>
          </cell>
          <cell r="JO202" t="str">
            <v/>
          </cell>
          <cell r="JP202" t="str">
            <v/>
          </cell>
          <cell r="JQ202" t="str">
            <v/>
          </cell>
          <cell r="JR202" t="str">
            <v/>
          </cell>
          <cell r="JS202" t="str">
            <v/>
          </cell>
          <cell r="JT202" t="str">
            <v/>
          </cell>
          <cell r="JU202" t="str">
            <v/>
          </cell>
          <cell r="JV202" t="str">
            <v/>
          </cell>
          <cell r="JW202" t="str">
            <v/>
          </cell>
          <cell r="JX202" t="str">
            <v/>
          </cell>
          <cell r="JY202" t="str">
            <v/>
          </cell>
          <cell r="JZ202">
            <v>0.94865525672371631</v>
          </cell>
        </row>
        <row r="203">
          <cell r="C203" t="str">
            <v/>
          </cell>
          <cell r="D203" t="str">
            <v/>
          </cell>
          <cell r="E203" t="str">
            <v/>
          </cell>
          <cell r="I203">
            <v>195</v>
          </cell>
          <cell r="M203" t="str">
            <v>令和２年度伊丹市立荒牧中学校体育館・格技室高天井用照明器具更新工事</v>
          </cell>
          <cell r="Q203" t="str">
            <v>荒中高天照明</v>
          </cell>
          <cell r="Y203">
            <v>1</v>
          </cell>
          <cell r="AC203">
            <v>5</v>
          </cell>
          <cell r="AI203" t="str">
            <v>伊丹市荒牧５丁目２番１８号</v>
          </cell>
          <cell r="AM203" t="str">
            <v>高天井用照明器具更新工事一式</v>
          </cell>
          <cell r="AQ203">
            <v>1</v>
          </cell>
          <cell r="AY203">
            <v>44104</v>
          </cell>
          <cell r="AZ203">
            <v>44105</v>
          </cell>
          <cell r="BA203">
            <v>89</v>
          </cell>
          <cell r="BB203">
            <v>44193</v>
          </cell>
          <cell r="BC203">
            <v>12</v>
          </cell>
          <cell r="BD203" t="str">
            <v>○</v>
          </cell>
          <cell r="BE203" t="str">
            <v>○</v>
          </cell>
          <cell r="BF203">
            <v>0.41736111111111113</v>
          </cell>
          <cell r="BG203">
            <v>6449</v>
          </cell>
          <cell r="BH203" t="str">
            <v>山田  実</v>
          </cell>
          <cell r="BI203" t="str">
            <v>施設課</v>
          </cell>
          <cell r="BJ203">
            <v>4327</v>
          </cell>
          <cell r="BN203" t="str">
            <v>教</v>
          </cell>
          <cell r="BO203">
            <v>13</v>
          </cell>
          <cell r="BS203">
            <v>8525000</v>
          </cell>
          <cell r="BT203">
            <v>7750000</v>
          </cell>
          <cell r="BU203">
            <v>1</v>
          </cell>
          <cell r="BV203">
            <v>6970000</v>
          </cell>
          <cell r="BW203">
            <v>5491270</v>
          </cell>
          <cell r="BX203">
            <v>126032</v>
          </cell>
          <cell r="BY203">
            <v>1047705</v>
          </cell>
          <cell r="BZ203">
            <v>1084993</v>
          </cell>
          <cell r="CD203" t="str">
            <v/>
          </cell>
          <cell r="CH203">
            <v>95</v>
          </cell>
          <cell r="CI203">
            <v>44075</v>
          </cell>
          <cell r="CJ203" t="str">
            <v>一般</v>
          </cell>
          <cell r="CK203" t="str">
            <v>伊丹市内に本店</v>
          </cell>
          <cell r="CL203" t="str">
            <v>400点以上</v>
          </cell>
          <cell r="CP203">
            <v>26302</v>
          </cell>
          <cell r="CT203" t="str">
            <v>右記</v>
          </cell>
          <cell r="CU203" t="str">
            <v>電気工事の施工実績を有すること。</v>
          </cell>
          <cell r="CW203">
            <v>44083</v>
          </cell>
          <cell r="CX203">
            <v>44085</v>
          </cell>
          <cell r="CY203">
            <v>44088</v>
          </cell>
          <cell r="CZ203">
            <v>44089</v>
          </cell>
          <cell r="DA203">
            <v>44091</v>
          </cell>
          <cell r="DB203">
            <v>44098</v>
          </cell>
          <cell r="DC203">
            <v>17</v>
          </cell>
          <cell r="DD203" t="str">
            <v>○</v>
          </cell>
          <cell r="DL203">
            <v>63</v>
          </cell>
          <cell r="DM203">
            <v>83</v>
          </cell>
          <cell r="DN203">
            <v>93</v>
          </cell>
          <cell r="DO203">
            <v>128</v>
          </cell>
          <cell r="DP203">
            <v>545</v>
          </cell>
          <cell r="DQ203">
            <v>549</v>
          </cell>
          <cell r="DR203">
            <v>557</v>
          </cell>
          <cell r="DS203">
            <v>562</v>
          </cell>
          <cell r="EZ203">
            <v>8</v>
          </cell>
          <cell r="FA203">
            <v>8</v>
          </cell>
          <cell r="FI203">
            <v>1</v>
          </cell>
          <cell r="FJ203" t="str">
            <v>制限付一般競争入札</v>
          </cell>
          <cell r="FN203">
            <v>4</v>
          </cell>
          <cell r="FO203" t="str">
            <v>電子入札</v>
          </cell>
          <cell r="FS203">
            <v>1</v>
          </cell>
          <cell r="FT203" t="str">
            <v/>
          </cell>
          <cell r="FU203" t="str">
            <v/>
          </cell>
          <cell r="FW203" t="str">
            <v/>
          </cell>
          <cell r="FY203" t="str">
            <v/>
          </cell>
          <cell r="GD203">
            <v>1</v>
          </cell>
          <cell r="GE203" t="str">
            <v>契約・検査課長　松本　嘉博</v>
          </cell>
          <cell r="GF203">
            <v>128</v>
          </cell>
          <cell r="GG203" t="str">
            <v>庄野電気工事(株)</v>
          </cell>
          <cell r="GH203">
            <v>7700000</v>
          </cell>
          <cell r="GI203">
            <v>700000</v>
          </cell>
          <cell r="GJ203">
            <v>770000</v>
          </cell>
          <cell r="GL203" t="str">
            <v>第一種電気工事士</v>
          </cell>
          <cell r="GM203" t="str">
            <v>酒井　勇毅</v>
          </cell>
          <cell r="GN203" t="str">
            <v>第一種電気工事士</v>
          </cell>
          <cell r="GO203" t="str">
            <v>酒井　勇毅</v>
          </cell>
          <cell r="GP203">
            <v>44168</v>
          </cell>
          <cell r="GQ203">
            <v>69</v>
          </cell>
          <cell r="GT203" t="str">
            <v/>
          </cell>
          <cell r="GV203">
            <v>24800</v>
          </cell>
          <cell r="GW203">
            <v>3.220779220779221</v>
          </cell>
          <cell r="HO203" t="str">
            <v/>
          </cell>
          <cell r="HP203">
            <v>6940000</v>
          </cell>
          <cell r="HQ203">
            <v>7510000</v>
          </cell>
          <cell r="HR203">
            <v>6950000</v>
          </cell>
          <cell r="HS203">
            <v>7000000</v>
          </cell>
          <cell r="HT203">
            <v>6950000</v>
          </cell>
          <cell r="HU203">
            <v>6940000</v>
          </cell>
          <cell r="HV203">
            <v>7130000</v>
          </cell>
          <cell r="HW203">
            <v>6960000</v>
          </cell>
          <cell r="JD203" t="str">
            <v/>
          </cell>
          <cell r="JE203" t="str">
            <v/>
          </cell>
          <cell r="JF203" t="str">
            <v/>
          </cell>
          <cell r="JG203" t="str">
            <v/>
          </cell>
          <cell r="JH203" t="str">
            <v/>
          </cell>
          <cell r="JI203" t="str">
            <v/>
          </cell>
          <cell r="JJ203" t="str">
            <v/>
          </cell>
          <cell r="JK203" t="str">
            <v/>
          </cell>
          <cell r="JL203">
            <v>13</v>
          </cell>
          <cell r="JM203">
            <v>13</v>
          </cell>
          <cell r="JN203" t="str">
            <v/>
          </cell>
          <cell r="JO203" t="str">
            <v/>
          </cell>
          <cell r="JP203" t="str">
            <v/>
          </cell>
          <cell r="JQ203" t="str">
            <v/>
          </cell>
          <cell r="JR203" t="str">
            <v/>
          </cell>
          <cell r="JS203" t="str">
            <v/>
          </cell>
          <cell r="JT203" t="str">
            <v/>
          </cell>
          <cell r="JU203" t="str">
            <v/>
          </cell>
          <cell r="JV203" t="str">
            <v/>
          </cell>
          <cell r="JW203" t="str">
            <v/>
          </cell>
          <cell r="JX203" t="str">
            <v/>
          </cell>
          <cell r="JY203" t="str">
            <v/>
          </cell>
          <cell r="JZ203">
            <v>0.90322580645161277</v>
          </cell>
        </row>
        <row r="204">
          <cell r="C204" t="str">
            <v/>
          </cell>
          <cell r="D204" t="str">
            <v/>
          </cell>
          <cell r="E204" t="str">
            <v/>
          </cell>
          <cell r="I204">
            <v>196</v>
          </cell>
          <cell r="M204" t="str">
            <v>令和２年度伊丹市橋梁補修・補強工事</v>
          </cell>
          <cell r="Q204" t="str">
            <v>市橋梁補修強</v>
          </cell>
          <cell r="Y204">
            <v>1</v>
          </cell>
          <cell r="AC204">
            <v>2</v>
          </cell>
          <cell r="AI204" t="str">
            <v>伊丹市荒牧１丁目ほか地内</v>
          </cell>
          <cell r="AM204" t="str">
            <v>施工箇所　　　補修工事ｎ=9橋　（内補強工事ｎ=1橋）
橋梁補修工　　ひび割れ補修（充填工法）n=2橋 ひび割れ補修（低圧注入工法）n=6橋
　　　　　　　断面修復(左官工法)n=9橋　表面含浸工A=256m2
舗装工　　　　路面切削A=689m2　舗装版破砕A=163m2　橋面防水A=805m2
　　　　　　　基層A=700m2　表層A=870m2
構造物工　　　床版補強工（炭素繊維接着工法）一式　構造物工一式
橋梁付属物工　伸縮継手工一式
橋梁補修工　　ボルト取替工一式
仮設工一式</v>
          </cell>
          <cell r="AQ204">
            <v>2</v>
          </cell>
          <cell r="AY204">
            <v>44103</v>
          </cell>
          <cell r="AZ204">
            <v>44106</v>
          </cell>
          <cell r="BA204">
            <v>167</v>
          </cell>
          <cell r="BB204">
            <v>44272</v>
          </cell>
          <cell r="BC204">
            <v>17</v>
          </cell>
          <cell r="BD204" t="str">
            <v>○</v>
          </cell>
          <cell r="BE204" t="str">
            <v>○</v>
          </cell>
          <cell r="BF204">
            <v>0.41736111111111113</v>
          </cell>
          <cell r="BG204">
            <v>7638</v>
          </cell>
          <cell r="BH204" t="str">
            <v>難波　辰弥</v>
          </cell>
          <cell r="BI204" t="str">
            <v>道路保全課</v>
          </cell>
          <cell r="BJ204">
            <v>4667</v>
          </cell>
          <cell r="BN204" t="str">
            <v>土</v>
          </cell>
          <cell r="BO204">
            <v>13</v>
          </cell>
          <cell r="BS204">
            <v>96763700</v>
          </cell>
          <cell r="BT204">
            <v>87960000</v>
          </cell>
          <cell r="BU204">
            <v>1</v>
          </cell>
          <cell r="BV204">
            <v>77710000</v>
          </cell>
          <cell r="BW204">
            <v>40821000</v>
          </cell>
          <cell r="BX204">
            <v>8861000</v>
          </cell>
          <cell r="BY204">
            <v>25962000</v>
          </cell>
          <cell r="BZ204">
            <v>12323000</v>
          </cell>
          <cell r="CH204">
            <v>96</v>
          </cell>
          <cell r="CI204">
            <v>44077</v>
          </cell>
          <cell r="CJ204" t="str">
            <v>特定</v>
          </cell>
          <cell r="CK204" t="str">
            <v>尼崎市、西宮市、芦屋市、宝塚市、川西市、伊丹市内に本店を有すること。又は伊丹市内に支店</v>
          </cell>
          <cell r="CL204" t="str">
            <v>伊丹市内に本店を有する者においては690点以上、伊丹市内に支店を有する者においては950点以上、その他の者においては1100点以上</v>
          </cell>
          <cell r="CP204">
            <v>42071</v>
          </cell>
          <cell r="CT204" t="str">
            <v>請負金額が4,300万円以上(伊丹市内に本店を有する者においては1,500万円以上)</v>
          </cell>
          <cell r="CW204">
            <v>44085</v>
          </cell>
          <cell r="CX204" t="str">
            <v/>
          </cell>
          <cell r="CY204" t="str">
            <v/>
          </cell>
          <cell r="CZ204" t="str">
            <v/>
          </cell>
          <cell r="DA204">
            <v>44088</v>
          </cell>
          <cell r="DB204">
            <v>44091</v>
          </cell>
          <cell r="DC204">
            <v>21</v>
          </cell>
          <cell r="DD204" t="str">
            <v>○</v>
          </cell>
          <cell r="DL204">
            <v>176</v>
          </cell>
          <cell r="DM204">
            <v>26</v>
          </cell>
          <cell r="DN204">
            <v>261</v>
          </cell>
          <cell r="DO204">
            <v>16</v>
          </cell>
          <cell r="DP204">
            <v>508</v>
          </cell>
          <cell r="EZ204">
            <v>5</v>
          </cell>
          <cell r="FA204">
            <v>10</v>
          </cell>
          <cell r="FI204">
            <v>4</v>
          </cell>
          <cell r="FJ204" t="str">
            <v>事後審査型一般競争入札</v>
          </cell>
          <cell r="FN204">
            <v>4</v>
          </cell>
          <cell r="FO204" t="str">
            <v>電子入札</v>
          </cell>
          <cell r="FS204">
            <v>1</v>
          </cell>
          <cell r="FT204" t="str">
            <v/>
          </cell>
          <cell r="FU204" t="str">
            <v/>
          </cell>
          <cell r="FW204">
            <v>1</v>
          </cell>
          <cell r="FY204" t="str">
            <v>未</v>
          </cell>
          <cell r="GB204">
            <v>1</v>
          </cell>
          <cell r="GD204">
            <v>1</v>
          </cell>
          <cell r="GE204" t="str">
            <v>契約・検査課長　松本　嘉博</v>
          </cell>
          <cell r="GF204">
            <v>176</v>
          </cell>
          <cell r="GG204" t="str">
            <v>(株)金山組</v>
          </cell>
          <cell r="GH204">
            <v>85481000</v>
          </cell>
          <cell r="GI204">
            <v>7771000</v>
          </cell>
          <cell r="GJ204">
            <v>8549000</v>
          </cell>
          <cell r="GL204" t="str">
            <v>１級土木施工管理技士</v>
          </cell>
          <cell r="GM204" t="str">
            <v>柏木　義浩</v>
          </cell>
          <cell r="GN204" t="str">
            <v>１級土木施工管理技士</v>
          </cell>
          <cell r="GO204" t="str">
            <v>柏木　義浩</v>
          </cell>
          <cell r="GT204" t="str">
            <v>要</v>
          </cell>
          <cell r="GV204">
            <v>239630</v>
          </cell>
          <cell r="GW204">
            <v>2.8033130169277385</v>
          </cell>
          <cell r="GX204">
            <v>44265</v>
          </cell>
          <cell r="GY204">
            <v>102099800</v>
          </cell>
          <cell r="GZ204">
            <v>90194500</v>
          </cell>
          <cell r="HA204">
            <v>44281</v>
          </cell>
          <cell r="HN204" t="str">
            <v>現地精査による精算変更
*交通誘導員について
　春日橋は当初施工時のみの配置を見込んでいたが、掘削範囲を精査した結果、車両通行可能なスペースが狭くなり、地元調整の結果、24時間体制で誘導員を配置することとなった。
　御坊橋の舗装工について伊丹市バスとの協議の結果夜間施工を実施した。
*その他舗装工、補修工の数量変更
近接工事との協議・調整により着手日に遅れが生じたため</v>
          </cell>
          <cell r="HO204">
            <v>1</v>
          </cell>
          <cell r="HP204">
            <v>77710000</v>
          </cell>
          <cell r="HQ204">
            <v>77720000</v>
          </cell>
          <cell r="HR204">
            <v>83560000</v>
          </cell>
          <cell r="HS204" t="str">
            <v>-</v>
          </cell>
          <cell r="HT204" t="str">
            <v>-</v>
          </cell>
          <cell r="JD204">
            <v>13</v>
          </cell>
          <cell r="JE204">
            <v>13</v>
          </cell>
          <cell r="JF204" t="str">
            <v/>
          </cell>
          <cell r="JG204" t="str">
            <v/>
          </cell>
          <cell r="JH204" t="str">
            <v/>
          </cell>
          <cell r="JI204" t="str">
            <v/>
          </cell>
          <cell r="JJ204" t="str">
            <v/>
          </cell>
          <cell r="JK204" t="str">
            <v/>
          </cell>
          <cell r="JL204" t="str">
            <v/>
          </cell>
          <cell r="JM204" t="str">
            <v/>
          </cell>
          <cell r="JN204" t="str">
            <v/>
          </cell>
          <cell r="JO204" t="str">
            <v/>
          </cell>
          <cell r="JP204" t="str">
            <v/>
          </cell>
          <cell r="JQ204" t="str">
            <v/>
          </cell>
          <cell r="JR204" t="str">
            <v/>
          </cell>
          <cell r="JS204" t="str">
            <v/>
          </cell>
          <cell r="JT204" t="str">
            <v/>
          </cell>
          <cell r="JU204" t="str">
            <v/>
          </cell>
          <cell r="JV204" t="str">
            <v/>
          </cell>
          <cell r="JW204" t="str">
            <v/>
          </cell>
          <cell r="JX204" t="str">
            <v/>
          </cell>
          <cell r="JY204" t="str">
            <v/>
          </cell>
          <cell r="JZ204">
            <v>0.88346975898135516</v>
          </cell>
        </row>
        <row r="205">
          <cell r="C205" t="str">
            <v/>
          </cell>
          <cell r="D205" t="str">
            <v/>
          </cell>
          <cell r="E205" t="str">
            <v/>
          </cell>
          <cell r="I205">
            <v>197</v>
          </cell>
          <cell r="M205" t="str">
            <v>令和２年度市道北園４００４号線ほか転落防護柵設置工事</v>
          </cell>
          <cell r="Q205" t="str">
            <v>北園4004ほか</v>
          </cell>
          <cell r="Y205">
            <v>1</v>
          </cell>
          <cell r="AC205">
            <v>2</v>
          </cell>
          <cell r="AI205" t="str">
            <v>伊丹市北園１丁目ほか地内</v>
          </cell>
          <cell r="AM205" t="str">
            <v>施工延長　290.4m
防護柵工
　横断・転落防止柵設置(H=800mm)L=46m　横断・転落防止柵設置(H=1100mm)L=243m
　門扉設置(H=1100mm)L=1m　横断・転落防止柵部材設置L=0.2m
舗装工
　舗装版切断L=15m　不陸整正A=7m2　表層工(ﾌﾟﾗｲﾑｺｰﾄ)A=7m2</v>
          </cell>
          <cell r="AQ205">
            <v>2</v>
          </cell>
          <cell r="AY205">
            <v>44103</v>
          </cell>
          <cell r="AZ205">
            <v>44106</v>
          </cell>
          <cell r="BA205">
            <v>106</v>
          </cell>
          <cell r="BB205">
            <v>44211</v>
          </cell>
          <cell r="BC205">
            <v>13</v>
          </cell>
          <cell r="BD205" t="str">
            <v>○</v>
          </cell>
          <cell r="BE205" t="str">
            <v>○</v>
          </cell>
          <cell r="BF205">
            <v>0.41805555555555557</v>
          </cell>
          <cell r="BG205">
            <v>7795</v>
          </cell>
          <cell r="BH205" t="str">
            <v>野口　聖矢</v>
          </cell>
          <cell r="BI205" t="str">
            <v>道路保全課</v>
          </cell>
          <cell r="BJ205">
            <v>4844</v>
          </cell>
          <cell r="BN205" t="str">
            <v>土</v>
          </cell>
          <cell r="BO205">
            <v>14</v>
          </cell>
          <cell r="BS205">
            <v>10645800</v>
          </cell>
          <cell r="BT205">
            <v>9670000</v>
          </cell>
          <cell r="BU205">
            <v>1</v>
          </cell>
          <cell r="BV205">
            <v>8370000</v>
          </cell>
          <cell r="BW205">
            <v>3870000</v>
          </cell>
          <cell r="BX205">
            <v>1028000</v>
          </cell>
          <cell r="BY205">
            <v>3056000</v>
          </cell>
          <cell r="BZ205">
            <v>1724000</v>
          </cell>
          <cell r="CD205" t="str">
            <v/>
          </cell>
          <cell r="CH205">
            <v>97</v>
          </cell>
          <cell r="CI205">
            <v>44083</v>
          </cell>
          <cell r="CJ205" t="str">
            <v>一般</v>
          </cell>
          <cell r="CK205" t="str">
            <v>伊丹市内に本店</v>
          </cell>
          <cell r="CL205" t="str">
            <v>670点未満</v>
          </cell>
          <cell r="CP205">
            <v>82880</v>
          </cell>
          <cell r="CT205" t="str">
            <v>請負金額が200万円以上</v>
          </cell>
          <cell r="CW205">
            <v>44091</v>
          </cell>
          <cell r="CX205" t="str">
            <v/>
          </cell>
          <cell r="CY205" t="str">
            <v/>
          </cell>
          <cell r="CZ205" t="str">
            <v/>
          </cell>
          <cell r="DA205">
            <v>44092</v>
          </cell>
          <cell r="DB205">
            <v>44098</v>
          </cell>
          <cell r="DC205">
            <v>17</v>
          </cell>
          <cell r="DD205" t="str">
            <v>○</v>
          </cell>
          <cell r="DL205">
            <v>408</v>
          </cell>
          <cell r="DM205">
            <v>440</v>
          </cell>
          <cell r="DN205">
            <v>492</v>
          </cell>
          <cell r="DO205">
            <v>579</v>
          </cell>
          <cell r="DP205">
            <v>581</v>
          </cell>
          <cell r="DQ205">
            <v>474</v>
          </cell>
          <cell r="DR205">
            <v>146</v>
          </cell>
          <cell r="EZ205">
            <v>7</v>
          </cell>
          <cell r="FA205">
            <v>8</v>
          </cell>
          <cell r="FI205">
            <v>4</v>
          </cell>
          <cell r="FJ205" t="str">
            <v>事後審査型一般競争入札</v>
          </cell>
          <cell r="FN205">
            <v>4</v>
          </cell>
          <cell r="FO205" t="str">
            <v>電子入札</v>
          </cell>
          <cell r="FS205">
            <v>1</v>
          </cell>
          <cell r="FT205" t="str">
            <v/>
          </cell>
          <cell r="FU205" t="str">
            <v/>
          </cell>
          <cell r="FW205" t="str">
            <v/>
          </cell>
          <cell r="FY205" t="str">
            <v/>
          </cell>
          <cell r="GC205">
            <v>1</v>
          </cell>
          <cell r="GD205">
            <v>1</v>
          </cell>
          <cell r="GE205" t="str">
            <v>契約・検査課長　松本　嘉博</v>
          </cell>
          <cell r="GF205">
            <v>408</v>
          </cell>
          <cell r="GG205" t="str">
            <v>(有)大内土木興業</v>
          </cell>
          <cell r="GH205">
            <v>9207000</v>
          </cell>
          <cell r="GI205">
            <v>837000</v>
          </cell>
          <cell r="GJ205">
            <v>921000</v>
          </cell>
          <cell r="GM205" t="str">
            <v>森山　鐘泰</v>
          </cell>
          <cell r="GO205" t="str">
            <v>森山　鐘泰</v>
          </cell>
          <cell r="GT205" t="str">
            <v/>
          </cell>
          <cell r="GW205" t="str">
            <v/>
          </cell>
          <cell r="GX205">
            <v>44203</v>
          </cell>
          <cell r="GY205">
            <v>10692000</v>
          </cell>
          <cell r="GZ205">
            <v>9246600</v>
          </cell>
          <cell r="HN205" t="str">
            <v>現地精査による精算変更</v>
          </cell>
          <cell r="HO205">
            <v>1</v>
          </cell>
          <cell r="HP205">
            <v>8370000</v>
          </cell>
          <cell r="HQ205">
            <v>8370000</v>
          </cell>
          <cell r="HR205">
            <v>8370000</v>
          </cell>
          <cell r="HS205">
            <v>8370000</v>
          </cell>
          <cell r="HT205">
            <v>8380000</v>
          </cell>
          <cell r="HU205">
            <v>8530000</v>
          </cell>
          <cell r="HV205" t="str">
            <v>-</v>
          </cell>
          <cell r="JD205">
            <v>14</v>
          </cell>
          <cell r="JE205">
            <v>14</v>
          </cell>
          <cell r="JF205" t="str">
            <v/>
          </cell>
          <cell r="JG205" t="str">
            <v/>
          </cell>
          <cell r="JH205" t="str">
            <v/>
          </cell>
          <cell r="JI205" t="str">
            <v/>
          </cell>
          <cell r="JJ205" t="str">
            <v/>
          </cell>
          <cell r="JK205" t="str">
            <v/>
          </cell>
          <cell r="JL205" t="str">
            <v/>
          </cell>
          <cell r="JM205" t="str">
            <v/>
          </cell>
          <cell r="JN205" t="str">
            <v/>
          </cell>
          <cell r="JO205" t="str">
            <v/>
          </cell>
          <cell r="JP205" t="str">
            <v/>
          </cell>
          <cell r="JQ205" t="str">
            <v/>
          </cell>
          <cell r="JR205" t="str">
            <v/>
          </cell>
          <cell r="JS205" t="str">
            <v/>
          </cell>
          <cell r="JT205" t="str">
            <v/>
          </cell>
          <cell r="JU205" t="str">
            <v/>
          </cell>
          <cell r="JV205" t="str">
            <v/>
          </cell>
          <cell r="JW205" t="str">
            <v/>
          </cell>
          <cell r="JX205" t="str">
            <v/>
          </cell>
          <cell r="JY205" t="str">
            <v/>
          </cell>
          <cell r="JZ205">
            <v>0.86556359875904854</v>
          </cell>
        </row>
        <row r="206">
          <cell r="C206" t="str">
            <v/>
          </cell>
          <cell r="D206" t="str">
            <v/>
          </cell>
          <cell r="E206" t="str">
            <v/>
          </cell>
          <cell r="I206">
            <v>198</v>
          </cell>
          <cell r="M206" t="str">
            <v>令和２年度消毒液の購入</v>
          </cell>
          <cell r="Q206" t="str">
            <v>危機管理消毒液</v>
          </cell>
          <cell r="Y206">
            <v>1</v>
          </cell>
          <cell r="AC206">
            <v>8</v>
          </cell>
          <cell r="AD206">
            <v>1</v>
          </cell>
          <cell r="AI206" t="str">
            <v>伊丹市防災センター他</v>
          </cell>
          <cell r="AQ206">
            <v>1</v>
          </cell>
          <cell r="AY206">
            <v>44090</v>
          </cell>
          <cell r="AZ206">
            <v>44091</v>
          </cell>
          <cell r="BA206">
            <v>100</v>
          </cell>
          <cell r="BB206">
            <v>44190</v>
          </cell>
          <cell r="BC206" t="str">
            <v/>
          </cell>
          <cell r="BD206" t="str">
            <v/>
          </cell>
          <cell r="BE206" t="str">
            <v/>
          </cell>
          <cell r="BF206">
            <v>0.41805555555555557</v>
          </cell>
          <cell r="BG206">
            <v>5205</v>
          </cell>
          <cell r="BH206" t="str">
            <v>田丸  洋二</v>
          </cell>
          <cell r="BI206" t="str">
            <v>危機管理室</v>
          </cell>
          <cell r="BJ206">
            <v>4163</v>
          </cell>
          <cell r="BN206" t="str">
            <v>物</v>
          </cell>
          <cell r="BO206">
            <v>33</v>
          </cell>
          <cell r="BS206">
            <v>3630000</v>
          </cell>
          <cell r="BT206">
            <v>3300000</v>
          </cell>
          <cell r="BU206">
            <v>1</v>
          </cell>
          <cell r="BV206" t="str">
            <v/>
          </cell>
          <cell r="CD206" t="str">
            <v/>
          </cell>
          <cell r="CH206">
            <v>-94</v>
          </cell>
          <cell r="CI206">
            <v>44076</v>
          </cell>
          <cell r="CP206">
            <v>70126</v>
          </cell>
          <cell r="CW206" t="str">
            <v/>
          </cell>
          <cell r="CX206" t="str">
            <v/>
          </cell>
          <cell r="CY206" t="str">
            <v/>
          </cell>
          <cell r="CZ206" t="str">
            <v/>
          </cell>
          <cell r="DA206">
            <v>44083</v>
          </cell>
          <cell r="DB206">
            <v>44085</v>
          </cell>
          <cell r="DD206" t="str">
            <v/>
          </cell>
          <cell r="DL206">
            <v>10249</v>
          </cell>
          <cell r="DM206">
            <v>11381</v>
          </cell>
          <cell r="DN206">
            <v>11598</v>
          </cell>
          <cell r="DO206">
            <v>10556</v>
          </cell>
          <cell r="DP206">
            <v>10793</v>
          </cell>
          <cell r="DQ206">
            <v>10687</v>
          </cell>
          <cell r="DR206">
            <v>11597</v>
          </cell>
          <cell r="DS206">
            <v>11134</v>
          </cell>
          <cell r="DT206">
            <v>10004</v>
          </cell>
          <cell r="DU206">
            <v>11385</v>
          </cell>
          <cell r="DV206">
            <v>11945</v>
          </cell>
          <cell r="DW206">
            <v>11108</v>
          </cell>
          <cell r="DX206">
            <v>11446</v>
          </cell>
          <cell r="DY206">
            <v>11538</v>
          </cell>
          <cell r="DZ206">
            <v>12688</v>
          </cell>
          <cell r="EA206">
            <v>10639</v>
          </cell>
          <cell r="EB206">
            <v>10744</v>
          </cell>
          <cell r="EC206">
            <v>10016</v>
          </cell>
          <cell r="ED206">
            <v>12884</v>
          </cell>
          <cell r="EZ206">
            <v>19</v>
          </cell>
          <cell r="FA206">
            <v>6</v>
          </cell>
          <cell r="FI206">
            <v>5</v>
          </cell>
          <cell r="FJ206" t="str">
            <v>指名競争入札（簡易認証）</v>
          </cell>
          <cell r="FN206">
            <v>4</v>
          </cell>
          <cell r="FO206" t="str">
            <v>電子入札</v>
          </cell>
          <cell r="FS206">
            <v>3</v>
          </cell>
          <cell r="FT206" t="str">
            <v/>
          </cell>
          <cell r="FU206" t="str">
            <v/>
          </cell>
          <cell r="FW206" t="str">
            <v/>
          </cell>
          <cell r="FY206" t="str">
            <v/>
          </cell>
          <cell r="GD206">
            <v>1</v>
          </cell>
          <cell r="GE206" t="str">
            <v>契約・検査課長　松本　嘉博</v>
          </cell>
          <cell r="GF206">
            <v>11108</v>
          </cell>
          <cell r="GG206" t="str">
            <v>(株)日興商会</v>
          </cell>
          <cell r="GH206">
            <v>2145000</v>
          </cell>
          <cell r="GI206">
            <v>195000</v>
          </cell>
          <cell r="GJ206">
            <v>215000</v>
          </cell>
          <cell r="GT206" t="str">
            <v/>
          </cell>
          <cell r="GW206" t="str">
            <v/>
          </cell>
          <cell r="HO206" t="str">
            <v/>
          </cell>
          <cell r="HP206">
            <v>3750000</v>
          </cell>
          <cell r="HQ206" t="str">
            <v>-</v>
          </cell>
          <cell r="HR206" t="str">
            <v>-</v>
          </cell>
          <cell r="HS206" t="str">
            <v>-</v>
          </cell>
          <cell r="HT206" t="str">
            <v>-</v>
          </cell>
          <cell r="HU206" t="str">
            <v>-</v>
          </cell>
          <cell r="HV206" t="str">
            <v>-</v>
          </cell>
          <cell r="HW206" t="str">
            <v>-</v>
          </cell>
          <cell r="HX206" t="str">
            <v>-</v>
          </cell>
          <cell r="HY206" t="str">
            <v>-</v>
          </cell>
          <cell r="HZ206" t="str">
            <v>-</v>
          </cell>
          <cell r="IA206">
            <v>1950000</v>
          </cell>
          <cell r="IB206" t="str">
            <v>-</v>
          </cell>
          <cell r="IC206" t="str">
            <v>-</v>
          </cell>
          <cell r="ID206" t="str">
            <v>-</v>
          </cell>
          <cell r="IE206" t="str">
            <v>-</v>
          </cell>
          <cell r="IF206">
            <v>2940000</v>
          </cell>
          <cell r="IG206">
            <v>2550000</v>
          </cell>
          <cell r="IH206" t="str">
            <v>-</v>
          </cell>
          <cell r="JD206" t="str">
            <v/>
          </cell>
          <cell r="JE206" t="str">
            <v/>
          </cell>
          <cell r="JF206" t="str">
            <v/>
          </cell>
          <cell r="JG206" t="str">
            <v/>
          </cell>
          <cell r="JH206" t="str">
            <v/>
          </cell>
          <cell r="JI206" t="str">
            <v/>
          </cell>
          <cell r="JJ206" t="str">
            <v/>
          </cell>
          <cell r="JK206" t="str">
            <v/>
          </cell>
          <cell r="JL206" t="str">
            <v/>
          </cell>
          <cell r="JM206" t="str">
            <v/>
          </cell>
          <cell r="JN206" t="str">
            <v/>
          </cell>
          <cell r="JO206" t="str">
            <v/>
          </cell>
          <cell r="JP206">
            <v>33</v>
          </cell>
          <cell r="JQ206">
            <v>33</v>
          </cell>
          <cell r="JR206" t="str">
            <v/>
          </cell>
          <cell r="JS206" t="str">
            <v/>
          </cell>
          <cell r="JT206" t="str">
            <v/>
          </cell>
          <cell r="JU206" t="str">
            <v/>
          </cell>
          <cell r="JV206" t="str">
            <v/>
          </cell>
          <cell r="JW206" t="str">
            <v/>
          </cell>
          <cell r="JX206" t="str">
            <v/>
          </cell>
          <cell r="JY206" t="str">
            <v/>
          </cell>
          <cell r="JZ206">
            <v>0.59090909090909083</v>
          </cell>
        </row>
        <row r="207">
          <cell r="C207" t="str">
            <v/>
          </cell>
          <cell r="D207" t="str">
            <v/>
          </cell>
          <cell r="E207" t="str">
            <v/>
          </cell>
          <cell r="I207">
            <v>199</v>
          </cell>
          <cell r="M207" t="str">
            <v>令和２年度伊丹市立緑ケ丘体育館第２体育室照明設備ＬＥＤ化工事</v>
          </cell>
          <cell r="Q207" t="str">
            <v>緑丘体LED再</v>
          </cell>
          <cell r="Y207">
            <v>1</v>
          </cell>
          <cell r="AC207">
            <v>5</v>
          </cell>
          <cell r="AI207" t="str">
            <v>伊丹市緑ケ丘１丁目１０番地の１</v>
          </cell>
          <cell r="AM207" t="str">
            <v>照明設備ＬＥＤ化工事一式</v>
          </cell>
          <cell r="AQ207">
            <v>1</v>
          </cell>
          <cell r="AY207">
            <v>44098</v>
          </cell>
          <cell r="AZ207">
            <v>44103</v>
          </cell>
          <cell r="BA207">
            <v>123</v>
          </cell>
          <cell r="BB207">
            <v>44225</v>
          </cell>
          <cell r="BC207">
            <v>14</v>
          </cell>
          <cell r="BD207" t="str">
            <v>○</v>
          </cell>
          <cell r="BE207" t="str">
            <v>○</v>
          </cell>
          <cell r="BF207">
            <v>0.41736111111111113</v>
          </cell>
          <cell r="BG207">
            <v>7800</v>
          </cell>
          <cell r="BH207" t="str">
            <v>野田　開斗</v>
          </cell>
          <cell r="BI207" t="str">
            <v>営繕課</v>
          </cell>
          <cell r="BJ207">
            <v>4809</v>
          </cell>
          <cell r="BN207" t="str">
            <v>建</v>
          </cell>
          <cell r="BO207">
            <v>31</v>
          </cell>
          <cell r="BS207">
            <v>3036000</v>
          </cell>
          <cell r="BT207">
            <v>2760000</v>
          </cell>
          <cell r="BU207">
            <v>1</v>
          </cell>
          <cell r="BV207">
            <v>2480000</v>
          </cell>
          <cell r="BW207">
            <v>1972666</v>
          </cell>
          <cell r="BX207">
            <v>33387</v>
          </cell>
          <cell r="BY207">
            <v>349094</v>
          </cell>
          <cell r="BZ207">
            <v>404853</v>
          </cell>
          <cell r="CD207" t="str">
            <v/>
          </cell>
          <cell r="CH207">
            <v>98</v>
          </cell>
          <cell r="CI207">
            <v>44077</v>
          </cell>
          <cell r="CJ207" t="str">
            <v>一般</v>
          </cell>
          <cell r="CK207" t="str">
            <v>伊丹市内に本店</v>
          </cell>
          <cell r="CL207" t="str">
            <v>400点以上</v>
          </cell>
          <cell r="CP207">
            <v>26599</v>
          </cell>
          <cell r="CT207" t="str">
            <v>右記</v>
          </cell>
          <cell r="CU207" t="str">
            <v>電気工事の施工実績を有すること。</v>
          </cell>
          <cell r="CW207">
            <v>44084</v>
          </cell>
          <cell r="CX207" t="str">
            <v/>
          </cell>
          <cell r="CY207" t="str">
            <v/>
          </cell>
          <cell r="CZ207" t="str">
            <v/>
          </cell>
          <cell r="DA207">
            <v>44085</v>
          </cell>
          <cell r="DB207">
            <v>44089</v>
          </cell>
          <cell r="DC207">
            <v>17</v>
          </cell>
          <cell r="DD207" t="str">
            <v>○</v>
          </cell>
          <cell r="DL207">
            <v>63</v>
          </cell>
          <cell r="DM207">
            <v>93</v>
          </cell>
          <cell r="DN207">
            <v>128</v>
          </cell>
          <cell r="DO207">
            <v>549</v>
          </cell>
          <cell r="DP207">
            <v>562</v>
          </cell>
          <cell r="DQ207">
            <v>545</v>
          </cell>
          <cell r="DR207">
            <v>83</v>
          </cell>
          <cell r="EZ207">
            <v>7</v>
          </cell>
          <cell r="FA207">
            <v>6</v>
          </cell>
          <cell r="FI207">
            <v>4</v>
          </cell>
          <cell r="FJ207" t="str">
            <v>事後審査型一般競争入札</v>
          </cell>
          <cell r="FN207">
            <v>4</v>
          </cell>
          <cell r="FO207" t="str">
            <v>電子入札</v>
          </cell>
          <cell r="FS207">
            <v>1</v>
          </cell>
          <cell r="FT207" t="str">
            <v/>
          </cell>
          <cell r="FU207" t="str">
            <v/>
          </cell>
          <cell r="FW207" t="str">
            <v/>
          </cell>
          <cell r="FY207" t="str">
            <v/>
          </cell>
          <cell r="GC207">
            <v>1</v>
          </cell>
          <cell r="GD207">
            <v>1</v>
          </cell>
          <cell r="GE207" t="str">
            <v>契約・検査課長　松本　嘉博</v>
          </cell>
          <cell r="GF207">
            <v>549</v>
          </cell>
          <cell r="GG207" t="str">
            <v>(株)有田電気工業</v>
          </cell>
          <cell r="GH207">
            <v>2728000</v>
          </cell>
          <cell r="GI207">
            <v>248000</v>
          </cell>
          <cell r="GJ207">
            <v>273000</v>
          </cell>
          <cell r="GL207" t="str">
            <v>第１種電気工事士</v>
          </cell>
          <cell r="GM207" t="str">
            <v>池永　務</v>
          </cell>
          <cell r="GN207" t="str">
            <v>第１種電気工事士</v>
          </cell>
          <cell r="GO207" t="str">
            <v>池永　務</v>
          </cell>
          <cell r="GP207">
            <v>44190</v>
          </cell>
          <cell r="GQ207">
            <v>65.8</v>
          </cell>
          <cell r="GT207" t="str">
            <v/>
          </cell>
          <cell r="GV207">
            <v>10850</v>
          </cell>
          <cell r="GW207">
            <v>3.9772727272727271</v>
          </cell>
          <cell r="HO207" t="str">
            <v/>
          </cell>
          <cell r="HP207">
            <v>2480000</v>
          </cell>
          <cell r="HQ207">
            <v>2480000</v>
          </cell>
          <cell r="HR207">
            <v>2480000</v>
          </cell>
          <cell r="HS207">
            <v>2480000</v>
          </cell>
          <cell r="HT207">
            <v>2510000</v>
          </cell>
          <cell r="HU207">
            <v>2460000</v>
          </cell>
          <cell r="HV207" t="str">
            <v>-</v>
          </cell>
          <cell r="JD207" t="str">
            <v/>
          </cell>
          <cell r="JE207" t="str">
            <v/>
          </cell>
          <cell r="JF207" t="str">
            <v/>
          </cell>
          <cell r="JG207" t="str">
            <v/>
          </cell>
          <cell r="JH207">
            <v>31</v>
          </cell>
          <cell r="JI207">
            <v>31</v>
          </cell>
          <cell r="JJ207" t="str">
            <v/>
          </cell>
          <cell r="JK207" t="str">
            <v/>
          </cell>
          <cell r="JL207" t="str">
            <v/>
          </cell>
          <cell r="JM207" t="str">
            <v/>
          </cell>
          <cell r="JN207" t="str">
            <v/>
          </cell>
          <cell r="JO207" t="str">
            <v/>
          </cell>
          <cell r="JP207" t="str">
            <v/>
          </cell>
          <cell r="JQ207" t="str">
            <v/>
          </cell>
          <cell r="JR207" t="str">
            <v/>
          </cell>
          <cell r="JS207" t="str">
            <v/>
          </cell>
          <cell r="JT207" t="str">
            <v/>
          </cell>
          <cell r="JU207" t="str">
            <v/>
          </cell>
          <cell r="JV207" t="str">
            <v/>
          </cell>
          <cell r="JW207" t="str">
            <v/>
          </cell>
          <cell r="JX207" t="str">
            <v/>
          </cell>
          <cell r="JY207" t="str">
            <v/>
          </cell>
          <cell r="JZ207">
            <v>0.89855072463768115</v>
          </cell>
        </row>
        <row r="208">
          <cell r="C208" t="str">
            <v/>
          </cell>
          <cell r="D208" t="str">
            <v/>
          </cell>
          <cell r="E208" t="str">
            <v/>
          </cell>
          <cell r="I208">
            <v>200</v>
          </cell>
          <cell r="M208" t="str">
            <v>令和２年度市道寺本３２８７号線床版工事</v>
          </cell>
          <cell r="Q208" t="str">
            <v>寺本3287床版</v>
          </cell>
          <cell r="Y208">
            <v>1</v>
          </cell>
          <cell r="AC208">
            <v>2</v>
          </cell>
          <cell r="AI208" t="str">
            <v>伊丹市寺本５丁目地内</v>
          </cell>
          <cell r="AM208" t="str">
            <v>施工延長L=25.8m
舗装工
　表層（プライムコート）A=12m2
横断防止柵L=22m
転落防止柵（門扉含む）L=3m
メッシュフェンスL=14m
床版工
　型枠工A=41m2　コンクリートV=5m3　鉄筋工W=0.46t　支保工V=30m3</v>
          </cell>
          <cell r="AQ208">
            <v>1</v>
          </cell>
          <cell r="AY208">
            <v>44103</v>
          </cell>
          <cell r="AZ208">
            <v>44106</v>
          </cell>
          <cell r="BA208">
            <v>120</v>
          </cell>
          <cell r="BB208">
            <v>44225</v>
          </cell>
          <cell r="BC208">
            <v>13</v>
          </cell>
          <cell r="BD208" t="str">
            <v>○</v>
          </cell>
          <cell r="BE208" t="str">
            <v>○</v>
          </cell>
          <cell r="BF208">
            <v>0.41875000000000001</v>
          </cell>
          <cell r="BG208">
            <v>7575</v>
          </cell>
          <cell r="BH208" t="str">
            <v>中村　敏幸</v>
          </cell>
          <cell r="BI208" t="str">
            <v>道路保全課</v>
          </cell>
          <cell r="BJ208">
            <v>4659</v>
          </cell>
          <cell r="BN208" t="str">
            <v>土</v>
          </cell>
          <cell r="BO208">
            <v>15</v>
          </cell>
          <cell r="BS208">
            <v>4898300</v>
          </cell>
          <cell r="BT208">
            <v>4450000</v>
          </cell>
          <cell r="BU208">
            <v>1</v>
          </cell>
          <cell r="BV208">
            <v>3870000</v>
          </cell>
          <cell r="BW208">
            <v>2295000</v>
          </cell>
          <cell r="BX208">
            <v>352000</v>
          </cell>
          <cell r="BY208">
            <v>981000</v>
          </cell>
          <cell r="BZ208">
            <v>825000</v>
          </cell>
          <cell r="CD208" t="str">
            <v/>
          </cell>
          <cell r="CH208">
            <v>99</v>
          </cell>
          <cell r="CI208">
            <v>44083</v>
          </cell>
          <cell r="CJ208" t="str">
            <v>一般</v>
          </cell>
          <cell r="CK208" t="str">
            <v>伊丹市内に本店</v>
          </cell>
          <cell r="CL208" t="str">
            <v>670点未満</v>
          </cell>
          <cell r="CP208">
            <v>60360</v>
          </cell>
          <cell r="CT208" t="str">
            <v>右記</v>
          </cell>
          <cell r="CU208" t="str">
            <v>土木一式工事の施工実績を有すること。</v>
          </cell>
          <cell r="CW208">
            <v>44091</v>
          </cell>
          <cell r="CX208" t="str">
            <v/>
          </cell>
          <cell r="CY208" t="str">
            <v/>
          </cell>
          <cell r="CZ208" t="str">
            <v/>
          </cell>
          <cell r="DA208">
            <v>44092</v>
          </cell>
          <cell r="DB208">
            <v>44098</v>
          </cell>
          <cell r="DC208">
            <v>34</v>
          </cell>
          <cell r="DD208" t="str">
            <v>○</v>
          </cell>
          <cell r="DL208">
            <v>579</v>
          </cell>
          <cell r="DM208">
            <v>440</v>
          </cell>
          <cell r="DN208">
            <v>474</v>
          </cell>
          <cell r="DO208">
            <v>492</v>
          </cell>
          <cell r="DP208">
            <v>581</v>
          </cell>
          <cell r="DQ208">
            <v>146</v>
          </cell>
          <cell r="DR208">
            <v>408</v>
          </cell>
          <cell r="EZ208">
            <v>7</v>
          </cell>
          <cell r="FA208">
            <v>6</v>
          </cell>
          <cell r="FI208">
            <v>4</v>
          </cell>
          <cell r="FJ208" t="str">
            <v>事後審査型一般競争入札</v>
          </cell>
          <cell r="FN208">
            <v>4</v>
          </cell>
          <cell r="FO208" t="str">
            <v>電子入札</v>
          </cell>
          <cell r="FS208">
            <v>1</v>
          </cell>
          <cell r="FT208" t="str">
            <v/>
          </cell>
          <cell r="FU208" t="str">
            <v/>
          </cell>
          <cell r="FW208" t="str">
            <v/>
          </cell>
          <cell r="FY208" t="str">
            <v/>
          </cell>
          <cell r="GC208">
            <v>1</v>
          </cell>
          <cell r="GD208">
            <v>1</v>
          </cell>
          <cell r="GE208" t="str">
            <v>契約・検査課長　松本　嘉博</v>
          </cell>
          <cell r="GF208">
            <v>579</v>
          </cell>
          <cell r="GG208" t="str">
            <v>(株)田中管工</v>
          </cell>
          <cell r="GH208">
            <v>4257000</v>
          </cell>
          <cell r="GI208">
            <v>387000</v>
          </cell>
          <cell r="GJ208">
            <v>426000</v>
          </cell>
          <cell r="GL208" t="str">
            <v>２級土木施工管理技士</v>
          </cell>
          <cell r="GM208" t="str">
            <v>増田　京介</v>
          </cell>
          <cell r="GN208" t="str">
            <v>２級土木施工管理技士</v>
          </cell>
          <cell r="GO208" t="str">
            <v>増田　京介</v>
          </cell>
          <cell r="GT208" t="str">
            <v/>
          </cell>
          <cell r="GV208">
            <v>17670</v>
          </cell>
          <cell r="GW208">
            <v>4.1508104298801971</v>
          </cell>
          <cell r="GX208">
            <v>44183</v>
          </cell>
          <cell r="GY208">
            <v>4414300</v>
          </cell>
          <cell r="GZ208">
            <v>3835700</v>
          </cell>
          <cell r="HN208" t="str">
            <v>現地精査による精算変更</v>
          </cell>
          <cell r="HO208">
            <v>1</v>
          </cell>
          <cell r="HP208">
            <v>3870000</v>
          </cell>
          <cell r="HQ208">
            <v>3880000</v>
          </cell>
          <cell r="HR208">
            <v>3930000</v>
          </cell>
          <cell r="HS208">
            <v>4400000</v>
          </cell>
          <cell r="HT208">
            <v>3860000</v>
          </cell>
          <cell r="HU208" t="str">
            <v>-</v>
          </cell>
          <cell r="HV208" t="str">
            <v>-</v>
          </cell>
          <cell r="JD208">
            <v>15</v>
          </cell>
          <cell r="JE208">
            <v>15</v>
          </cell>
          <cell r="JF208" t="str">
            <v/>
          </cell>
          <cell r="JG208" t="str">
            <v/>
          </cell>
          <cell r="JH208" t="str">
            <v/>
          </cell>
          <cell r="JI208" t="str">
            <v/>
          </cell>
          <cell r="JJ208" t="str">
            <v/>
          </cell>
          <cell r="JK208" t="str">
            <v/>
          </cell>
          <cell r="JL208" t="str">
            <v/>
          </cell>
          <cell r="JM208" t="str">
            <v/>
          </cell>
          <cell r="JN208" t="str">
            <v/>
          </cell>
          <cell r="JO208" t="str">
            <v/>
          </cell>
          <cell r="JP208" t="str">
            <v/>
          </cell>
          <cell r="JQ208" t="str">
            <v/>
          </cell>
          <cell r="JR208" t="str">
            <v/>
          </cell>
          <cell r="JS208" t="str">
            <v/>
          </cell>
          <cell r="JT208" t="str">
            <v/>
          </cell>
          <cell r="JU208" t="str">
            <v/>
          </cell>
          <cell r="JV208" t="str">
            <v/>
          </cell>
          <cell r="JW208" t="str">
            <v/>
          </cell>
          <cell r="JX208" t="str">
            <v/>
          </cell>
          <cell r="JY208" t="str">
            <v/>
          </cell>
          <cell r="JZ208">
            <v>0.86966292134831447</v>
          </cell>
        </row>
        <row r="209">
          <cell r="C209" t="str">
            <v/>
          </cell>
          <cell r="D209" t="str">
            <v/>
          </cell>
          <cell r="E209" t="str">
            <v/>
          </cell>
          <cell r="I209">
            <v>201</v>
          </cell>
          <cell r="M209" t="str">
            <v>令和２年度伊丹市国民健康保険被保険者証更新業務（その２）</v>
          </cell>
          <cell r="Q209" t="str">
            <v>国保保険証更新２</v>
          </cell>
          <cell r="Y209">
            <v>1</v>
          </cell>
          <cell r="AC209">
            <v>8</v>
          </cell>
          <cell r="AD209">
            <v>8</v>
          </cell>
          <cell r="AI209" t="str">
            <v>伊丹市</v>
          </cell>
          <cell r="AQ209">
            <v>1</v>
          </cell>
          <cell r="AY209">
            <v>44091</v>
          </cell>
          <cell r="AZ209">
            <v>44092</v>
          </cell>
          <cell r="BA209">
            <v>74</v>
          </cell>
          <cell r="BB209">
            <v>44165</v>
          </cell>
          <cell r="BC209" t="str">
            <v/>
          </cell>
          <cell r="BD209" t="str">
            <v/>
          </cell>
          <cell r="BE209" t="str">
            <v/>
          </cell>
          <cell r="BF209">
            <v>0.41736111111111113</v>
          </cell>
          <cell r="BG209">
            <v>6961</v>
          </cell>
          <cell r="BH209" t="str">
            <v>菊池  亜耶</v>
          </cell>
          <cell r="BI209" t="str">
            <v>国保年金課</v>
          </cell>
          <cell r="BJ209">
            <v>6961</v>
          </cell>
          <cell r="BN209" t="str">
            <v>他</v>
          </cell>
          <cell r="BO209">
            <v>60</v>
          </cell>
          <cell r="BS209">
            <v>1595000</v>
          </cell>
          <cell r="BT209">
            <v>1450000</v>
          </cell>
          <cell r="BU209">
            <v>1</v>
          </cell>
          <cell r="BV209" t="str">
            <v/>
          </cell>
          <cell r="CD209" t="str">
            <v/>
          </cell>
          <cell r="CH209">
            <v>-95</v>
          </cell>
          <cell r="CI209">
            <v>44081</v>
          </cell>
          <cell r="CP209">
            <v>90193</v>
          </cell>
          <cell r="CW209" t="str">
            <v/>
          </cell>
          <cell r="CX209" t="str">
            <v/>
          </cell>
          <cell r="CY209" t="str">
            <v/>
          </cell>
          <cell r="CZ209" t="str">
            <v/>
          </cell>
          <cell r="DA209">
            <v>44085</v>
          </cell>
          <cell r="DB209">
            <v>44088</v>
          </cell>
          <cell r="DD209" t="str">
            <v/>
          </cell>
          <cell r="DL209">
            <v>10945</v>
          </cell>
          <cell r="DM209">
            <v>11925</v>
          </cell>
          <cell r="DN209">
            <v>11479</v>
          </cell>
          <cell r="DO209">
            <v>10501</v>
          </cell>
          <cell r="DP209">
            <v>10750</v>
          </cell>
          <cell r="DQ209">
            <v>10986</v>
          </cell>
          <cell r="DR209">
            <v>11595</v>
          </cell>
          <cell r="DS209">
            <v>12853</v>
          </cell>
          <cell r="DT209">
            <v>10851</v>
          </cell>
          <cell r="DU209">
            <v>11481</v>
          </cell>
          <cell r="DV209">
            <v>10160</v>
          </cell>
          <cell r="DW209">
            <v>10130</v>
          </cell>
          <cell r="EZ209">
            <v>12</v>
          </cell>
          <cell r="FA209">
            <v>6</v>
          </cell>
          <cell r="FI209">
            <v>5</v>
          </cell>
          <cell r="FJ209" t="str">
            <v>指名競争入札（簡易認証）</v>
          </cell>
          <cell r="FN209">
            <v>4</v>
          </cell>
          <cell r="FO209" t="str">
            <v>電子入札</v>
          </cell>
          <cell r="FS209">
            <v>5</v>
          </cell>
          <cell r="FT209" t="str">
            <v/>
          </cell>
          <cell r="FU209" t="str">
            <v/>
          </cell>
          <cell r="FW209" t="str">
            <v/>
          </cell>
          <cell r="FY209" t="str">
            <v/>
          </cell>
          <cell r="GD209">
            <v>1</v>
          </cell>
          <cell r="GE209" t="str">
            <v>契約・検査課長　松本　嘉博</v>
          </cell>
          <cell r="GF209">
            <v>11925</v>
          </cell>
          <cell r="GG209" t="str">
            <v>東洋印刷(株)</v>
          </cell>
          <cell r="GH209">
            <v>1460679</v>
          </cell>
          <cell r="GI209">
            <v>132789</v>
          </cell>
          <cell r="GJ209" t="str">
            <v/>
          </cell>
          <cell r="GM209" t="str">
            <v>中嶋　飛鷹</v>
          </cell>
          <cell r="GO209" t="str">
            <v>中嶋　飛鷹</v>
          </cell>
          <cell r="GT209" t="str">
            <v/>
          </cell>
          <cell r="GW209" t="str">
            <v/>
          </cell>
          <cell r="HO209" t="str">
            <v/>
          </cell>
          <cell r="HP209" t="str">
            <v>-</v>
          </cell>
          <cell r="HQ209">
            <v>1327890</v>
          </cell>
          <cell r="HR209" t="str">
            <v>-</v>
          </cell>
          <cell r="HS209">
            <v>1983360</v>
          </cell>
          <cell r="HT209" t="str">
            <v>-</v>
          </cell>
          <cell r="HU209" t="str">
            <v>-</v>
          </cell>
          <cell r="HV209" t="str">
            <v>-</v>
          </cell>
          <cell r="HW209" t="str">
            <v>-</v>
          </cell>
          <cell r="HX209" t="str">
            <v>-</v>
          </cell>
          <cell r="HY209" t="str">
            <v>-</v>
          </cell>
          <cell r="HZ209" t="str">
            <v>-</v>
          </cell>
          <cell r="IA209" t="str">
            <v>-</v>
          </cell>
          <cell r="JD209" t="str">
            <v/>
          </cell>
          <cell r="JE209" t="str">
            <v/>
          </cell>
          <cell r="JF209" t="str">
            <v/>
          </cell>
          <cell r="JG209" t="str">
            <v/>
          </cell>
          <cell r="JH209" t="str">
            <v/>
          </cell>
          <cell r="JI209" t="str">
            <v/>
          </cell>
          <cell r="JJ209" t="str">
            <v/>
          </cell>
          <cell r="JK209" t="str">
            <v/>
          </cell>
          <cell r="JL209" t="str">
            <v/>
          </cell>
          <cell r="JM209" t="str">
            <v/>
          </cell>
          <cell r="JN209" t="str">
            <v/>
          </cell>
          <cell r="JO209" t="str">
            <v/>
          </cell>
          <cell r="JP209" t="str">
            <v/>
          </cell>
          <cell r="JQ209" t="str">
            <v/>
          </cell>
          <cell r="JR209" t="str">
            <v/>
          </cell>
          <cell r="JS209" t="str">
            <v/>
          </cell>
          <cell r="JT209" t="str">
            <v/>
          </cell>
          <cell r="JU209" t="str">
            <v/>
          </cell>
          <cell r="JV209" t="str">
            <v/>
          </cell>
          <cell r="JW209" t="str">
            <v/>
          </cell>
          <cell r="JX209">
            <v>60</v>
          </cell>
          <cell r="JY209">
            <v>58</v>
          </cell>
          <cell r="JZ209">
            <v>0.91578620689655177</v>
          </cell>
        </row>
        <row r="210">
          <cell r="C210" t="str">
            <v/>
          </cell>
          <cell r="D210" t="str">
            <v/>
          </cell>
          <cell r="E210" t="str">
            <v/>
          </cell>
          <cell r="I210">
            <v>202</v>
          </cell>
          <cell r="M210" t="str">
            <v>令和２年度廃棄物運搬・処理委託業務（旧伊丹市立すずはら幼稚園）</v>
          </cell>
          <cell r="Q210" t="str">
            <v>すずはら幼廃棄</v>
          </cell>
          <cell r="Y210">
            <v>1</v>
          </cell>
          <cell r="AC210">
            <v>8</v>
          </cell>
          <cell r="AD210">
            <v>8</v>
          </cell>
          <cell r="AI210" t="str">
            <v>伊丹市御願塚６丁目３－５０</v>
          </cell>
          <cell r="AQ210">
            <v>1</v>
          </cell>
          <cell r="AY210">
            <v>44106</v>
          </cell>
          <cell r="AZ210">
            <v>44109</v>
          </cell>
          <cell r="BA210">
            <v>26</v>
          </cell>
          <cell r="BB210">
            <v>44134</v>
          </cell>
          <cell r="BC210" t="str">
            <v/>
          </cell>
          <cell r="BD210" t="str">
            <v/>
          </cell>
          <cell r="BE210" t="str">
            <v/>
          </cell>
          <cell r="BF210">
            <v>0.41736111111111113</v>
          </cell>
          <cell r="BG210">
            <v>6095</v>
          </cell>
          <cell r="BH210" t="str">
            <v>竹中  やよい</v>
          </cell>
          <cell r="BI210" t="str">
            <v>幼児教育推進課</v>
          </cell>
          <cell r="BJ210">
            <v>4268</v>
          </cell>
          <cell r="BN210" t="str">
            <v>他</v>
          </cell>
          <cell r="BO210">
            <v>61</v>
          </cell>
          <cell r="BS210">
            <v>1738500</v>
          </cell>
          <cell r="BT210">
            <v>1580000</v>
          </cell>
          <cell r="BU210" t="str">
            <v/>
          </cell>
          <cell r="BV210" t="str">
            <v/>
          </cell>
          <cell r="CD210" t="str">
            <v/>
          </cell>
          <cell r="CH210">
            <v>-96</v>
          </cell>
          <cell r="CI210">
            <v>44085</v>
          </cell>
          <cell r="CP210">
            <v>68881</v>
          </cell>
          <cell r="CW210" t="str">
            <v/>
          </cell>
          <cell r="CX210" t="str">
            <v/>
          </cell>
          <cell r="CY210" t="str">
            <v/>
          </cell>
          <cell r="CZ210" t="str">
            <v/>
          </cell>
          <cell r="DA210">
            <v>44098</v>
          </cell>
          <cell r="DB210">
            <v>44103</v>
          </cell>
          <cell r="DD210" t="str">
            <v/>
          </cell>
          <cell r="DL210">
            <v>10273</v>
          </cell>
          <cell r="DM210">
            <v>10353</v>
          </cell>
          <cell r="DN210">
            <v>10514</v>
          </cell>
          <cell r="DO210">
            <v>10886</v>
          </cell>
          <cell r="DP210">
            <v>10969</v>
          </cell>
          <cell r="DQ210">
            <v>11082</v>
          </cell>
          <cell r="DR210">
            <v>11266</v>
          </cell>
          <cell r="DS210">
            <v>11843</v>
          </cell>
          <cell r="EZ210">
            <v>8</v>
          </cell>
          <cell r="FA210">
            <v>6</v>
          </cell>
          <cell r="FI210">
            <v>5</v>
          </cell>
          <cell r="FJ210" t="str">
            <v>指名競争入札（簡易認証）</v>
          </cell>
          <cell r="FN210">
            <v>4</v>
          </cell>
          <cell r="FO210" t="str">
            <v>電子入札</v>
          </cell>
          <cell r="FS210">
            <v>5</v>
          </cell>
          <cell r="FT210" t="str">
            <v/>
          </cell>
          <cell r="FU210" t="str">
            <v/>
          </cell>
          <cell r="FW210" t="str">
            <v/>
          </cell>
          <cell r="FY210" t="str">
            <v/>
          </cell>
          <cell r="GD210">
            <v>1</v>
          </cell>
          <cell r="GE210" t="str">
            <v>契約・検査課長　松本　嘉博</v>
          </cell>
          <cell r="GF210">
            <v>10886</v>
          </cell>
          <cell r="GG210" t="str">
            <v>(株)大協</v>
          </cell>
          <cell r="GH210">
            <v>1595000</v>
          </cell>
          <cell r="GI210">
            <v>145000</v>
          </cell>
          <cell r="GJ210" t="str">
            <v/>
          </cell>
          <cell r="GL210" t="str">
            <v>大型自動車免許,普通自動二輪車免許</v>
          </cell>
          <cell r="GM210" t="str">
            <v>奥野　智一</v>
          </cell>
          <cell r="GN210" t="str">
            <v>大型自動車免許,普通自動二輪車免許</v>
          </cell>
          <cell r="GO210" t="str">
            <v>奥野　智一</v>
          </cell>
          <cell r="GT210" t="str">
            <v/>
          </cell>
          <cell r="GW210" t="str">
            <v/>
          </cell>
          <cell r="HO210" t="str">
            <v/>
          </cell>
          <cell r="HP210">
            <v>1550000</v>
          </cell>
          <cell r="HQ210" t="str">
            <v>-</v>
          </cell>
          <cell r="HR210">
            <v>1580000</v>
          </cell>
          <cell r="HS210">
            <v>1450000</v>
          </cell>
          <cell r="HT210">
            <v>1580000</v>
          </cell>
          <cell r="HU210">
            <v>1580000</v>
          </cell>
          <cell r="HV210">
            <v>1580000</v>
          </cell>
          <cell r="HW210">
            <v>1580000</v>
          </cell>
          <cell r="JD210" t="str">
            <v/>
          </cell>
          <cell r="JE210" t="str">
            <v/>
          </cell>
          <cell r="JF210" t="str">
            <v/>
          </cell>
          <cell r="JG210" t="str">
            <v/>
          </cell>
          <cell r="JH210" t="str">
            <v/>
          </cell>
          <cell r="JI210" t="str">
            <v/>
          </cell>
          <cell r="JJ210" t="str">
            <v/>
          </cell>
          <cell r="JK210" t="str">
            <v/>
          </cell>
          <cell r="JL210" t="str">
            <v/>
          </cell>
          <cell r="JM210" t="str">
            <v/>
          </cell>
          <cell r="JN210" t="str">
            <v/>
          </cell>
          <cell r="JO210" t="str">
            <v/>
          </cell>
          <cell r="JP210" t="str">
            <v/>
          </cell>
          <cell r="JQ210" t="str">
            <v/>
          </cell>
          <cell r="JR210" t="str">
            <v/>
          </cell>
          <cell r="JS210" t="str">
            <v/>
          </cell>
          <cell r="JT210" t="str">
            <v/>
          </cell>
          <cell r="JU210" t="str">
            <v/>
          </cell>
          <cell r="JV210" t="str">
            <v/>
          </cell>
          <cell r="JW210" t="str">
            <v/>
          </cell>
          <cell r="JX210">
            <v>61</v>
          </cell>
          <cell r="JY210">
            <v>59</v>
          </cell>
          <cell r="JZ210">
            <v>0.91772151898734167</v>
          </cell>
        </row>
        <row r="211">
          <cell r="C211" t="str">
            <v/>
          </cell>
          <cell r="D211" t="str">
            <v/>
          </cell>
          <cell r="E211" t="str">
            <v/>
          </cell>
          <cell r="I211">
            <v>203</v>
          </cell>
          <cell r="M211" t="str">
            <v>令和２年度廃棄物運搬・処理委託業務（旧伊丹市立南幼稚園）</v>
          </cell>
          <cell r="Q211" t="str">
            <v>南幼廃棄</v>
          </cell>
          <cell r="Y211">
            <v>1</v>
          </cell>
          <cell r="AC211">
            <v>8</v>
          </cell>
          <cell r="AD211">
            <v>8</v>
          </cell>
          <cell r="AI211" t="str">
            <v>伊丹市御願塚２丁目２－２３</v>
          </cell>
          <cell r="AQ211">
            <v>1</v>
          </cell>
          <cell r="AY211">
            <v>44106</v>
          </cell>
          <cell r="AZ211">
            <v>44109</v>
          </cell>
          <cell r="BA211">
            <v>26</v>
          </cell>
          <cell r="BB211">
            <v>44134</v>
          </cell>
          <cell r="BC211" t="str">
            <v/>
          </cell>
          <cell r="BD211" t="str">
            <v/>
          </cell>
          <cell r="BE211" t="str">
            <v/>
          </cell>
          <cell r="BF211">
            <v>0.41805555555555557</v>
          </cell>
          <cell r="BG211">
            <v>6095</v>
          </cell>
          <cell r="BH211" t="str">
            <v>竹中  やよい</v>
          </cell>
          <cell r="BI211" t="str">
            <v>幼児教育推進課</v>
          </cell>
          <cell r="BJ211">
            <v>4268</v>
          </cell>
          <cell r="BN211" t="str">
            <v>他</v>
          </cell>
          <cell r="BO211">
            <v>62</v>
          </cell>
          <cell r="BS211">
            <v>1122880</v>
          </cell>
          <cell r="BT211">
            <v>1020000</v>
          </cell>
          <cell r="BU211" t="str">
            <v/>
          </cell>
          <cell r="BV211" t="str">
            <v/>
          </cell>
          <cell r="CD211" t="str">
            <v/>
          </cell>
          <cell r="CH211">
            <v>-97</v>
          </cell>
          <cell r="CI211">
            <v>44085</v>
          </cell>
          <cell r="CP211">
            <v>10975</v>
          </cell>
          <cell r="CW211" t="str">
            <v/>
          </cell>
          <cell r="CX211" t="str">
            <v/>
          </cell>
          <cell r="CY211" t="str">
            <v/>
          </cell>
          <cell r="DA211">
            <v>44098</v>
          </cell>
          <cell r="DB211">
            <v>44103</v>
          </cell>
          <cell r="DD211" t="str">
            <v/>
          </cell>
          <cell r="DL211">
            <v>10273</v>
          </cell>
          <cell r="DM211">
            <v>10353</v>
          </cell>
          <cell r="DN211">
            <v>10514</v>
          </cell>
          <cell r="DO211">
            <v>10886</v>
          </cell>
          <cell r="DP211">
            <v>10969</v>
          </cell>
          <cell r="DQ211">
            <v>11082</v>
          </cell>
          <cell r="DR211">
            <v>11266</v>
          </cell>
          <cell r="DS211">
            <v>11843</v>
          </cell>
          <cell r="EZ211">
            <v>8</v>
          </cell>
          <cell r="FA211">
            <v>6</v>
          </cell>
          <cell r="FI211">
            <v>5</v>
          </cell>
          <cell r="FJ211" t="str">
            <v>指名競争入札（簡易認証）</v>
          </cell>
          <cell r="FN211">
            <v>4</v>
          </cell>
          <cell r="FO211" t="str">
            <v>電子入札</v>
          </cell>
          <cell r="FS211">
            <v>5</v>
          </cell>
          <cell r="FT211" t="str">
            <v/>
          </cell>
          <cell r="FU211" t="str">
            <v/>
          </cell>
          <cell r="FW211" t="str">
            <v/>
          </cell>
          <cell r="FY211" t="str">
            <v/>
          </cell>
          <cell r="GD211">
            <v>1</v>
          </cell>
          <cell r="GE211" t="str">
            <v>契約・検査課長　松本　嘉博</v>
          </cell>
          <cell r="GF211">
            <v>10886</v>
          </cell>
          <cell r="GG211" t="str">
            <v>(株)大協</v>
          </cell>
          <cell r="GH211">
            <v>1012000</v>
          </cell>
          <cell r="GI211">
            <v>92000</v>
          </cell>
          <cell r="GJ211" t="str">
            <v/>
          </cell>
          <cell r="GL211" t="str">
            <v>大型自動車免許,普通自動二輪車免許</v>
          </cell>
          <cell r="GM211" t="str">
            <v>奥野　智一</v>
          </cell>
          <cell r="GN211" t="str">
            <v>大型自動車免許,普通自動二輪車免許</v>
          </cell>
          <cell r="GO211" t="str">
            <v>奥野　智一</v>
          </cell>
          <cell r="GT211" t="str">
            <v/>
          </cell>
          <cell r="GW211" t="str">
            <v/>
          </cell>
          <cell r="HO211" t="str">
            <v/>
          </cell>
          <cell r="HP211">
            <v>1000000</v>
          </cell>
          <cell r="HQ211" t="str">
            <v>-</v>
          </cell>
          <cell r="HR211">
            <v>1020000</v>
          </cell>
          <cell r="HS211">
            <v>920000</v>
          </cell>
          <cell r="HT211">
            <v>1020000</v>
          </cell>
          <cell r="HU211">
            <v>1020000</v>
          </cell>
          <cell r="HV211">
            <v>1020000</v>
          </cell>
          <cell r="HW211">
            <v>1000000</v>
          </cell>
          <cell r="JD211" t="str">
            <v/>
          </cell>
          <cell r="JE211" t="str">
            <v/>
          </cell>
          <cell r="JF211" t="str">
            <v/>
          </cell>
          <cell r="JG211" t="str">
            <v/>
          </cell>
          <cell r="JH211" t="str">
            <v/>
          </cell>
          <cell r="JI211" t="str">
            <v/>
          </cell>
          <cell r="JJ211" t="str">
            <v/>
          </cell>
          <cell r="JK211" t="str">
            <v/>
          </cell>
          <cell r="JL211" t="str">
            <v/>
          </cell>
          <cell r="JM211" t="str">
            <v/>
          </cell>
          <cell r="JN211" t="str">
            <v/>
          </cell>
          <cell r="JO211" t="str">
            <v/>
          </cell>
          <cell r="JP211" t="str">
            <v/>
          </cell>
          <cell r="JQ211" t="str">
            <v/>
          </cell>
          <cell r="JR211" t="str">
            <v/>
          </cell>
          <cell r="JS211" t="str">
            <v/>
          </cell>
          <cell r="JT211" t="str">
            <v/>
          </cell>
          <cell r="JU211" t="str">
            <v/>
          </cell>
          <cell r="JV211" t="str">
            <v/>
          </cell>
          <cell r="JW211" t="str">
            <v/>
          </cell>
          <cell r="JX211">
            <v>62</v>
          </cell>
          <cell r="JY211">
            <v>60</v>
          </cell>
          <cell r="JZ211">
            <v>0.90196078431372539</v>
          </cell>
        </row>
        <row r="212">
          <cell r="C212" t="str">
            <v/>
          </cell>
          <cell r="D212" t="str">
            <v/>
          </cell>
          <cell r="E212" t="str">
            <v/>
          </cell>
          <cell r="I212">
            <v>204</v>
          </cell>
          <cell r="M212" t="str">
            <v>令和２年度伊丹市自動車騒音常時監視委託業務</v>
          </cell>
          <cell r="Q212" t="str">
            <v>自動車騒音監視</v>
          </cell>
          <cell r="Y212">
            <v>1</v>
          </cell>
          <cell r="AC212">
            <v>8</v>
          </cell>
          <cell r="AD212">
            <v>8</v>
          </cell>
          <cell r="AI212" t="str">
            <v>伊丹市全域</v>
          </cell>
          <cell r="AM212" t="str">
            <v>・自動車騒音の測定及び画的評価の実施
・市及び環境省への報告資料の作成</v>
          </cell>
          <cell r="AQ212">
            <v>1</v>
          </cell>
          <cell r="AY212">
            <v>44112</v>
          </cell>
          <cell r="AZ212">
            <v>44117</v>
          </cell>
          <cell r="BA212">
            <v>170</v>
          </cell>
          <cell r="BB212">
            <v>44286</v>
          </cell>
          <cell r="BC212">
            <v>14</v>
          </cell>
          <cell r="BD212" t="str">
            <v>○</v>
          </cell>
          <cell r="BE212" t="str">
            <v/>
          </cell>
          <cell r="BF212">
            <v>0.41736111111111113</v>
          </cell>
          <cell r="BH212" t="str">
            <v>齋藤　槙吾</v>
          </cell>
          <cell r="BI212" t="str">
            <v>環境保全課</v>
          </cell>
          <cell r="BJ212">
            <v>4675</v>
          </cell>
          <cell r="BN212" t="str">
            <v>他</v>
          </cell>
          <cell r="BO212">
            <v>65</v>
          </cell>
          <cell r="BS212">
            <v>630000</v>
          </cell>
          <cell r="BT212">
            <v>570000</v>
          </cell>
          <cell r="BU212" t="str">
            <v/>
          </cell>
          <cell r="BV212" t="str">
            <v/>
          </cell>
          <cell r="CD212" t="str">
            <v/>
          </cell>
          <cell r="CH212">
            <v>101</v>
          </cell>
          <cell r="CI212">
            <v>44091</v>
          </cell>
          <cell r="CK212" t="str">
            <v>兵庫県内又は大阪府内に本店又は支店</v>
          </cell>
          <cell r="CP212">
            <v>55328</v>
          </cell>
          <cell r="CW212">
            <v>44103</v>
          </cell>
          <cell r="CX212" t="str">
            <v/>
          </cell>
          <cell r="CY212" t="str">
            <v/>
          </cell>
          <cell r="CZ212" t="str">
            <v/>
          </cell>
          <cell r="DA212">
            <v>44104</v>
          </cell>
          <cell r="DB212">
            <v>44109</v>
          </cell>
          <cell r="DC212">
            <v>29</v>
          </cell>
          <cell r="DD212" t="str">
            <v/>
          </cell>
          <cell r="DL212">
            <v>5569</v>
          </cell>
          <cell r="EZ212">
            <v>1</v>
          </cell>
          <cell r="FA212">
            <v>6</v>
          </cell>
          <cell r="FI212">
            <v>4</v>
          </cell>
          <cell r="FJ212" t="str">
            <v>事後審査型一般競争入札</v>
          </cell>
          <cell r="FN212">
            <v>4</v>
          </cell>
          <cell r="FO212" t="str">
            <v>電子入札</v>
          </cell>
          <cell r="FS212">
            <v>2</v>
          </cell>
          <cell r="FT212" t="str">
            <v/>
          </cell>
          <cell r="FU212" t="str">
            <v/>
          </cell>
          <cell r="FW212" t="str">
            <v/>
          </cell>
          <cell r="FY212" t="str">
            <v/>
          </cell>
          <cell r="GD212">
            <v>1</v>
          </cell>
          <cell r="GE212" t="str">
            <v>契約・検査課長　松本　嘉博</v>
          </cell>
          <cell r="GF212">
            <v>5569</v>
          </cell>
          <cell r="GG212" t="str">
            <v>(株)ＣＴＩウイング</v>
          </cell>
          <cell r="GH212">
            <v>627000</v>
          </cell>
          <cell r="GI212">
            <v>57000</v>
          </cell>
          <cell r="GJ212" t="str">
            <v/>
          </cell>
          <cell r="GL212" t="str">
            <v>環境計量士（騒音・振動関係）</v>
          </cell>
          <cell r="GM212" t="str">
            <v>石灰　健治</v>
          </cell>
          <cell r="GN212" t="str">
            <v>環境計量士（騒音・振動関係）</v>
          </cell>
          <cell r="GO212" t="str">
            <v>石灰　健治</v>
          </cell>
          <cell r="GT212" t="str">
            <v/>
          </cell>
          <cell r="GW212" t="str">
            <v/>
          </cell>
          <cell r="HO212" t="str">
            <v/>
          </cell>
          <cell r="HP212">
            <v>570000</v>
          </cell>
          <cell r="JD212" t="str">
            <v/>
          </cell>
          <cell r="JE212" t="str">
            <v/>
          </cell>
          <cell r="JF212" t="str">
            <v/>
          </cell>
          <cell r="JG212" t="str">
            <v/>
          </cell>
          <cell r="JH212" t="str">
            <v/>
          </cell>
          <cell r="JI212" t="str">
            <v/>
          </cell>
          <cell r="JJ212" t="str">
            <v/>
          </cell>
          <cell r="JK212" t="str">
            <v/>
          </cell>
          <cell r="JL212" t="str">
            <v/>
          </cell>
          <cell r="JM212" t="str">
            <v/>
          </cell>
          <cell r="JN212" t="str">
            <v/>
          </cell>
          <cell r="JO212" t="str">
            <v/>
          </cell>
          <cell r="JP212" t="str">
            <v/>
          </cell>
          <cell r="JQ212" t="str">
            <v/>
          </cell>
          <cell r="JR212" t="str">
            <v/>
          </cell>
          <cell r="JS212" t="str">
            <v/>
          </cell>
          <cell r="JT212" t="str">
            <v/>
          </cell>
          <cell r="JU212" t="str">
            <v/>
          </cell>
          <cell r="JV212" t="str">
            <v/>
          </cell>
          <cell r="JW212" t="str">
            <v/>
          </cell>
          <cell r="JX212">
            <v>65</v>
          </cell>
          <cell r="JY212">
            <v>63</v>
          </cell>
          <cell r="JZ212">
            <v>1</v>
          </cell>
        </row>
        <row r="213">
          <cell r="C213" t="str">
            <v/>
          </cell>
          <cell r="D213" t="str">
            <v/>
          </cell>
          <cell r="E213" t="str">
            <v/>
          </cell>
          <cell r="I213">
            <v>205</v>
          </cell>
          <cell r="M213" t="str">
            <v>令和２年度児童生徒用タブレット及びキーボード運搬委託業務</v>
          </cell>
          <cell r="Q213" t="str">
            <v>ﾀﾌﾞﾚｯﾄ運搬</v>
          </cell>
          <cell r="Y213">
            <v>1</v>
          </cell>
          <cell r="AC213">
            <v>8</v>
          </cell>
          <cell r="AD213">
            <v>8</v>
          </cell>
          <cell r="AI213" t="str">
            <v>伊丹市千僧１丁目１番地総合教育センター他</v>
          </cell>
          <cell r="AQ213">
            <v>1</v>
          </cell>
          <cell r="AY213">
            <v>44104</v>
          </cell>
          <cell r="AZ213">
            <v>44105</v>
          </cell>
          <cell r="BA213">
            <v>61</v>
          </cell>
          <cell r="BB213">
            <v>44165</v>
          </cell>
          <cell r="BC213" t="str">
            <v/>
          </cell>
          <cell r="BD213" t="str">
            <v/>
          </cell>
          <cell r="BE213" t="str">
            <v/>
          </cell>
          <cell r="BF213">
            <v>0.41736111111111113</v>
          </cell>
          <cell r="BG213">
            <v>7548</v>
          </cell>
          <cell r="BH213" t="str">
            <v>片岡　栄二郎</v>
          </cell>
          <cell r="BI213" t="str">
            <v>総合教育センター</v>
          </cell>
          <cell r="BJ213">
            <v>4649</v>
          </cell>
          <cell r="BN213" t="str">
            <v>他</v>
          </cell>
          <cell r="BO213">
            <v>63</v>
          </cell>
          <cell r="BS213">
            <v>2087480</v>
          </cell>
          <cell r="BT213">
            <v>1890000</v>
          </cell>
          <cell r="BU213" t="str">
            <v/>
          </cell>
          <cell r="BV213" t="str">
            <v/>
          </cell>
          <cell r="CD213" t="str">
            <v/>
          </cell>
          <cell r="CH213">
            <v>-98</v>
          </cell>
          <cell r="CI213">
            <v>44084</v>
          </cell>
          <cell r="CP213">
            <v>53063</v>
          </cell>
          <cell r="CW213" t="str">
            <v/>
          </cell>
          <cell r="CX213" t="str">
            <v/>
          </cell>
          <cell r="CY213" t="str">
            <v/>
          </cell>
          <cell r="CZ213" t="str">
            <v/>
          </cell>
          <cell r="DA213">
            <v>44097</v>
          </cell>
          <cell r="DB213">
            <v>44099</v>
          </cell>
          <cell r="DD213" t="str">
            <v/>
          </cell>
          <cell r="DL213">
            <v>11056</v>
          </cell>
          <cell r="DM213">
            <v>11602</v>
          </cell>
          <cell r="DN213">
            <v>11078</v>
          </cell>
          <cell r="DO213">
            <v>11107</v>
          </cell>
          <cell r="DP213">
            <v>11163</v>
          </cell>
          <cell r="DQ213">
            <v>10886</v>
          </cell>
          <cell r="DR213">
            <v>12561</v>
          </cell>
          <cell r="DS213">
            <v>11845</v>
          </cell>
          <cell r="EZ213">
            <v>8</v>
          </cell>
          <cell r="FA213">
            <v>6</v>
          </cell>
          <cell r="FI213">
            <v>5</v>
          </cell>
          <cell r="FJ213" t="str">
            <v>指名競争入札（簡易認証）</v>
          </cell>
          <cell r="FN213">
            <v>4</v>
          </cell>
          <cell r="FO213" t="str">
            <v>電子入札</v>
          </cell>
          <cell r="FS213">
            <v>5</v>
          </cell>
          <cell r="FT213" t="str">
            <v/>
          </cell>
          <cell r="FU213" t="str">
            <v/>
          </cell>
          <cell r="FW213" t="str">
            <v/>
          </cell>
          <cell r="FY213" t="str">
            <v/>
          </cell>
          <cell r="GD213">
            <v>1</v>
          </cell>
          <cell r="GE213" t="str">
            <v>契約・検査課長　松本　嘉博</v>
          </cell>
          <cell r="GF213">
            <v>11107</v>
          </cell>
          <cell r="GG213" t="str">
            <v>(株)ホウワ</v>
          </cell>
          <cell r="GH213">
            <v>748000</v>
          </cell>
          <cell r="GI213">
            <v>68000</v>
          </cell>
          <cell r="GJ213" t="str">
            <v/>
          </cell>
          <cell r="GM213" t="str">
            <v>上野　佳直</v>
          </cell>
          <cell r="GT213" t="str">
            <v/>
          </cell>
          <cell r="GW213" t="str">
            <v/>
          </cell>
          <cell r="HO213" t="str">
            <v/>
          </cell>
          <cell r="HP213">
            <v>1050000</v>
          </cell>
          <cell r="HQ213" t="str">
            <v>-</v>
          </cell>
          <cell r="HR213" t="str">
            <v>-</v>
          </cell>
          <cell r="HS213">
            <v>680000</v>
          </cell>
          <cell r="HT213" t="str">
            <v>-</v>
          </cell>
          <cell r="HU213" t="str">
            <v>-</v>
          </cell>
          <cell r="HV213" t="str">
            <v>-</v>
          </cell>
          <cell r="HW213" t="str">
            <v>-</v>
          </cell>
          <cell r="JD213" t="str">
            <v/>
          </cell>
          <cell r="JE213" t="str">
            <v/>
          </cell>
          <cell r="JF213" t="str">
            <v/>
          </cell>
          <cell r="JG213" t="str">
            <v/>
          </cell>
          <cell r="JH213" t="str">
            <v/>
          </cell>
          <cell r="JI213" t="str">
            <v/>
          </cell>
          <cell r="JJ213" t="str">
            <v/>
          </cell>
          <cell r="JK213" t="str">
            <v/>
          </cell>
          <cell r="JL213" t="str">
            <v/>
          </cell>
          <cell r="JM213" t="str">
            <v/>
          </cell>
          <cell r="JN213" t="str">
            <v/>
          </cell>
          <cell r="JO213" t="str">
            <v/>
          </cell>
          <cell r="JP213" t="str">
            <v/>
          </cell>
          <cell r="JQ213" t="str">
            <v/>
          </cell>
          <cell r="JR213" t="str">
            <v/>
          </cell>
          <cell r="JS213" t="str">
            <v/>
          </cell>
          <cell r="JT213" t="str">
            <v/>
          </cell>
          <cell r="JU213" t="str">
            <v/>
          </cell>
          <cell r="JV213" t="str">
            <v/>
          </cell>
          <cell r="JW213" t="str">
            <v/>
          </cell>
          <cell r="JX213">
            <v>63</v>
          </cell>
          <cell r="JY213">
            <v>61</v>
          </cell>
          <cell r="JZ213">
            <v>0.35978835978835977</v>
          </cell>
        </row>
        <row r="214">
          <cell r="C214" t="str">
            <v/>
          </cell>
          <cell r="D214" t="str">
            <v/>
          </cell>
          <cell r="E214" t="str">
            <v/>
          </cell>
          <cell r="I214">
            <v>206</v>
          </cell>
          <cell r="M214" t="str">
            <v>令和２年度伊丹市立学校施設受水槽及び高架水槽清掃委託業務（その２）</v>
          </cell>
          <cell r="Q214" t="str">
            <v>受水槽清掃２</v>
          </cell>
          <cell r="Y214">
            <v>1</v>
          </cell>
          <cell r="AC214">
            <v>8</v>
          </cell>
          <cell r="AD214">
            <v>8</v>
          </cell>
          <cell r="AI214" t="str">
            <v>伊丹市船原１丁目１番１号他２６箇所</v>
          </cell>
          <cell r="AQ214">
            <v>1</v>
          </cell>
          <cell r="AY214">
            <v>44104</v>
          </cell>
          <cell r="AZ214">
            <v>44105</v>
          </cell>
          <cell r="BA214">
            <v>182</v>
          </cell>
          <cell r="BB214">
            <v>44286</v>
          </cell>
          <cell r="BC214" t="str">
            <v/>
          </cell>
          <cell r="BD214" t="str">
            <v/>
          </cell>
          <cell r="BE214" t="str">
            <v/>
          </cell>
          <cell r="BF214">
            <v>0.41805555555555557</v>
          </cell>
          <cell r="BG214">
            <v>7641</v>
          </cell>
          <cell r="BH214" t="str">
            <v>安木　亮太</v>
          </cell>
          <cell r="BI214" t="str">
            <v>施設課</v>
          </cell>
          <cell r="BJ214">
            <v>4669</v>
          </cell>
          <cell r="BN214" t="str">
            <v>他</v>
          </cell>
          <cell r="BO214">
            <v>64</v>
          </cell>
          <cell r="BS214">
            <v>1320000</v>
          </cell>
          <cell r="BT214">
            <v>1200000</v>
          </cell>
          <cell r="BU214" t="str">
            <v/>
          </cell>
          <cell r="BV214" t="str">
            <v/>
          </cell>
          <cell r="CD214" t="str">
            <v/>
          </cell>
          <cell r="CH214">
            <v>-99</v>
          </cell>
          <cell r="CI214">
            <v>44085</v>
          </cell>
          <cell r="CP214">
            <v>18950</v>
          </cell>
          <cell r="CW214" t="str">
            <v/>
          </cell>
          <cell r="CX214" t="str">
            <v/>
          </cell>
          <cell r="CY214" t="str">
            <v/>
          </cell>
          <cell r="CZ214" t="str">
            <v/>
          </cell>
          <cell r="DA214">
            <v>44092</v>
          </cell>
          <cell r="DB214">
            <v>44099</v>
          </cell>
          <cell r="DD214" t="str">
            <v/>
          </cell>
          <cell r="DL214">
            <v>10353</v>
          </cell>
          <cell r="DM214">
            <v>10466</v>
          </cell>
          <cell r="DN214">
            <v>10672</v>
          </cell>
          <cell r="DO214">
            <v>12464</v>
          </cell>
          <cell r="DP214">
            <v>10673</v>
          </cell>
          <cell r="DQ214">
            <v>10829</v>
          </cell>
          <cell r="DR214">
            <v>10950</v>
          </cell>
          <cell r="DS214">
            <v>12740</v>
          </cell>
          <cell r="DT214">
            <v>10226</v>
          </cell>
          <cell r="DU214">
            <v>11843</v>
          </cell>
          <cell r="EZ214">
            <v>10</v>
          </cell>
          <cell r="FA214">
            <v>6</v>
          </cell>
          <cell r="FI214">
            <v>5</v>
          </cell>
          <cell r="FJ214" t="str">
            <v>指名競争入札（簡易認証）</v>
          </cell>
          <cell r="FN214">
            <v>4</v>
          </cell>
          <cell r="FO214" t="str">
            <v>電子入札</v>
          </cell>
          <cell r="FS214">
            <v>5</v>
          </cell>
          <cell r="FT214" t="str">
            <v/>
          </cell>
          <cell r="FU214" t="str">
            <v/>
          </cell>
          <cell r="FW214" t="str">
            <v/>
          </cell>
          <cell r="FY214" t="str">
            <v/>
          </cell>
          <cell r="GD214">
            <v>1</v>
          </cell>
          <cell r="GE214" t="str">
            <v>契約・検査課長　松本　嘉博</v>
          </cell>
          <cell r="GF214">
            <v>10226</v>
          </cell>
          <cell r="GG214" t="str">
            <v>(株)フレックス</v>
          </cell>
          <cell r="GH214">
            <v>1034000</v>
          </cell>
          <cell r="GI214">
            <v>94000</v>
          </cell>
          <cell r="GJ214" t="str">
            <v/>
          </cell>
          <cell r="GL214" t="str">
            <v>貯水槽清掃作業監督者</v>
          </cell>
          <cell r="GM214" t="str">
            <v>須藤　祥之</v>
          </cell>
          <cell r="GN214" t="str">
            <v>貯水槽清掃作業監督者,２級管工事施工管理技士</v>
          </cell>
          <cell r="GO214" t="str">
            <v>植田　剛一郎</v>
          </cell>
          <cell r="GT214" t="str">
            <v/>
          </cell>
          <cell r="GW214" t="str">
            <v/>
          </cell>
          <cell r="HO214" t="str">
            <v/>
          </cell>
          <cell r="HP214" t="str">
            <v>-</v>
          </cell>
          <cell r="HQ214" t="str">
            <v>-</v>
          </cell>
          <cell r="HR214">
            <v>1090000</v>
          </cell>
          <cell r="HS214" t="str">
            <v>-</v>
          </cell>
          <cell r="HT214" t="str">
            <v>-</v>
          </cell>
          <cell r="HU214" t="str">
            <v>-</v>
          </cell>
          <cell r="HV214" t="str">
            <v>-</v>
          </cell>
          <cell r="HW214" t="str">
            <v>-</v>
          </cell>
          <cell r="HX214">
            <v>940000</v>
          </cell>
          <cell r="HY214" t="str">
            <v>-</v>
          </cell>
          <cell r="JD214" t="str">
            <v/>
          </cell>
          <cell r="JE214" t="str">
            <v/>
          </cell>
          <cell r="JF214" t="str">
            <v/>
          </cell>
          <cell r="JG214" t="str">
            <v/>
          </cell>
          <cell r="JH214" t="str">
            <v/>
          </cell>
          <cell r="JI214" t="str">
            <v/>
          </cell>
          <cell r="JJ214" t="str">
            <v/>
          </cell>
          <cell r="JK214" t="str">
            <v/>
          </cell>
          <cell r="JL214" t="str">
            <v/>
          </cell>
          <cell r="JM214" t="str">
            <v/>
          </cell>
          <cell r="JN214" t="str">
            <v/>
          </cell>
          <cell r="JO214" t="str">
            <v/>
          </cell>
          <cell r="JP214" t="str">
            <v/>
          </cell>
          <cell r="JQ214" t="str">
            <v/>
          </cell>
          <cell r="JR214" t="str">
            <v/>
          </cell>
          <cell r="JS214" t="str">
            <v/>
          </cell>
          <cell r="JT214" t="str">
            <v/>
          </cell>
          <cell r="JU214" t="str">
            <v/>
          </cell>
          <cell r="JV214" t="str">
            <v/>
          </cell>
          <cell r="JW214" t="str">
            <v/>
          </cell>
          <cell r="JX214">
            <v>64</v>
          </cell>
          <cell r="JY214">
            <v>62</v>
          </cell>
          <cell r="JZ214">
            <v>0.78333333333333321</v>
          </cell>
        </row>
        <row r="215">
          <cell r="C215" t="str">
            <v/>
          </cell>
          <cell r="D215" t="str">
            <v/>
          </cell>
          <cell r="E215" t="str">
            <v/>
          </cell>
          <cell r="I215">
            <v>207</v>
          </cell>
          <cell r="M215" t="str">
            <v>令和２年度伊丹市立児童会館物品購入（事務器具類）</v>
          </cell>
          <cell r="Q215" t="str">
            <v>児童館事務器具</v>
          </cell>
          <cell r="Y215">
            <v>1</v>
          </cell>
          <cell r="AC215">
            <v>8</v>
          </cell>
          <cell r="AD215">
            <v>1</v>
          </cell>
          <cell r="AI215" t="str">
            <v>伊丹市立児童会館</v>
          </cell>
          <cell r="AQ215">
            <v>1</v>
          </cell>
          <cell r="AY215">
            <v>44113</v>
          </cell>
          <cell r="AZ215">
            <v>44116</v>
          </cell>
          <cell r="BA215">
            <v>64</v>
          </cell>
          <cell r="BB215">
            <v>44179</v>
          </cell>
          <cell r="BC215" t="str">
            <v/>
          </cell>
          <cell r="BD215" t="str">
            <v/>
          </cell>
          <cell r="BE215" t="str">
            <v/>
          </cell>
          <cell r="BF215">
            <v>0.41736111111111113</v>
          </cell>
          <cell r="BG215">
            <v>6625</v>
          </cell>
          <cell r="BH215" t="str">
            <v>岡田  有生</v>
          </cell>
          <cell r="BI215" t="str">
            <v>こども若者企画課</v>
          </cell>
          <cell r="BJ215">
            <v>2153</v>
          </cell>
          <cell r="BN215" t="str">
            <v>物</v>
          </cell>
          <cell r="BO215">
            <v>34</v>
          </cell>
          <cell r="BS215">
            <v>6705000</v>
          </cell>
          <cell r="BT215">
            <v>6090000</v>
          </cell>
          <cell r="BU215">
            <v>1</v>
          </cell>
          <cell r="BV215" t="str">
            <v/>
          </cell>
          <cell r="CD215" t="str">
            <v/>
          </cell>
          <cell r="CH215">
            <v>-100</v>
          </cell>
          <cell r="CI215">
            <v>44091</v>
          </cell>
          <cell r="CP215">
            <v>60984</v>
          </cell>
          <cell r="CW215" t="str">
            <v/>
          </cell>
          <cell r="CX215" t="str">
            <v/>
          </cell>
          <cell r="CY215" t="str">
            <v/>
          </cell>
          <cell r="CZ215" t="str">
            <v/>
          </cell>
          <cell r="DA215">
            <v>44099</v>
          </cell>
          <cell r="DB215">
            <v>44104</v>
          </cell>
          <cell r="DD215" t="str">
            <v/>
          </cell>
          <cell r="DL215">
            <v>10249</v>
          </cell>
          <cell r="DM215">
            <v>11381</v>
          </cell>
          <cell r="DN215">
            <v>11598</v>
          </cell>
          <cell r="DO215">
            <v>10655</v>
          </cell>
          <cell r="DP215">
            <v>10257</v>
          </cell>
          <cell r="DQ215">
            <v>11844</v>
          </cell>
          <cell r="DR215">
            <v>11134</v>
          </cell>
          <cell r="DS215">
            <v>10556</v>
          </cell>
          <cell r="DT215">
            <v>10712</v>
          </cell>
          <cell r="DU215">
            <v>10424</v>
          </cell>
          <cell r="DV215">
            <v>10793</v>
          </cell>
          <cell r="DW215">
            <v>11108</v>
          </cell>
          <cell r="EZ215">
            <v>12</v>
          </cell>
          <cell r="FA215">
            <v>8</v>
          </cell>
          <cell r="FI215">
            <v>5</v>
          </cell>
          <cell r="FJ215" t="str">
            <v>指名競争入札（簡易認証）</v>
          </cell>
          <cell r="FN215">
            <v>4</v>
          </cell>
          <cell r="FO215" t="str">
            <v>電子入札</v>
          </cell>
          <cell r="FS215">
            <v>3</v>
          </cell>
          <cell r="FT215" t="str">
            <v/>
          </cell>
          <cell r="FU215" t="str">
            <v/>
          </cell>
          <cell r="FW215" t="str">
            <v/>
          </cell>
          <cell r="FY215" t="str">
            <v/>
          </cell>
          <cell r="GD215">
            <v>1</v>
          </cell>
          <cell r="GE215" t="str">
            <v>契約・検査課長　松本　嘉博</v>
          </cell>
          <cell r="GF215">
            <v>10249</v>
          </cell>
          <cell r="GG215" t="str">
            <v>(有)九十屋</v>
          </cell>
          <cell r="GH215">
            <v>4290000</v>
          </cell>
          <cell r="GI215">
            <v>390000</v>
          </cell>
          <cell r="GJ215">
            <v>429000</v>
          </cell>
          <cell r="GT215" t="str">
            <v/>
          </cell>
          <cell r="GW215" t="str">
            <v/>
          </cell>
          <cell r="HO215" t="str">
            <v/>
          </cell>
          <cell r="HP215">
            <v>3900000</v>
          </cell>
          <cell r="HQ215" t="str">
            <v>-</v>
          </cell>
          <cell r="HR215">
            <v>4700000</v>
          </cell>
          <cell r="HS215">
            <v>5150000</v>
          </cell>
          <cell r="HT215" t="str">
            <v>-</v>
          </cell>
          <cell r="HU215" t="str">
            <v>-</v>
          </cell>
          <cell r="HV215" t="str">
            <v>-</v>
          </cell>
          <cell r="HW215" t="str">
            <v>-</v>
          </cell>
          <cell r="HX215">
            <v>4998000</v>
          </cell>
          <cell r="HY215" t="str">
            <v>-</v>
          </cell>
          <cell r="HZ215" t="str">
            <v>-</v>
          </cell>
          <cell r="IA215" t="str">
            <v>-</v>
          </cell>
          <cell r="JD215" t="str">
            <v/>
          </cell>
          <cell r="JE215" t="str">
            <v/>
          </cell>
          <cell r="JF215" t="str">
            <v/>
          </cell>
          <cell r="JG215" t="str">
            <v/>
          </cell>
          <cell r="JH215" t="str">
            <v/>
          </cell>
          <cell r="JI215" t="str">
            <v/>
          </cell>
          <cell r="JJ215" t="str">
            <v/>
          </cell>
          <cell r="JK215" t="str">
            <v/>
          </cell>
          <cell r="JL215" t="str">
            <v/>
          </cell>
          <cell r="JM215" t="str">
            <v/>
          </cell>
          <cell r="JN215" t="str">
            <v/>
          </cell>
          <cell r="JO215" t="str">
            <v/>
          </cell>
          <cell r="JP215">
            <v>34</v>
          </cell>
          <cell r="JQ215">
            <v>34</v>
          </cell>
          <cell r="JR215" t="str">
            <v/>
          </cell>
          <cell r="JS215" t="str">
            <v/>
          </cell>
          <cell r="JT215" t="str">
            <v/>
          </cell>
          <cell r="JU215" t="str">
            <v/>
          </cell>
          <cell r="JV215" t="str">
            <v/>
          </cell>
          <cell r="JW215" t="str">
            <v/>
          </cell>
          <cell r="JX215" t="str">
            <v/>
          </cell>
          <cell r="JY215" t="str">
            <v/>
          </cell>
          <cell r="JZ215">
            <v>0.64039408866995062</v>
          </cell>
        </row>
        <row r="216">
          <cell r="C216" t="str">
            <v/>
          </cell>
          <cell r="D216" t="str">
            <v/>
          </cell>
          <cell r="E216" t="str">
            <v/>
          </cell>
          <cell r="I216">
            <v>208</v>
          </cell>
          <cell r="M216" t="str">
            <v>令和２年度伊丹市立児童会館物品購入（保育用品）</v>
          </cell>
          <cell r="Q216" t="str">
            <v>児童館保育用品</v>
          </cell>
          <cell r="Y216">
            <v>1</v>
          </cell>
          <cell r="AC216">
            <v>8</v>
          </cell>
          <cell r="AD216">
            <v>1</v>
          </cell>
          <cell r="AI216" t="str">
            <v>伊丹市立児童会館</v>
          </cell>
          <cell r="AQ216">
            <v>1</v>
          </cell>
          <cell r="AY216">
            <v>44113</v>
          </cell>
          <cell r="AZ216">
            <v>44116</v>
          </cell>
          <cell r="BA216">
            <v>64</v>
          </cell>
          <cell r="BB216">
            <v>44179</v>
          </cell>
          <cell r="BC216" t="str">
            <v/>
          </cell>
          <cell r="BD216" t="str">
            <v/>
          </cell>
          <cell r="BE216" t="str">
            <v/>
          </cell>
          <cell r="BF216">
            <v>0.41805555555555557</v>
          </cell>
          <cell r="BG216">
            <v>6625</v>
          </cell>
          <cell r="BH216" t="str">
            <v>岡田  有生</v>
          </cell>
          <cell r="BI216" t="str">
            <v>こども若者企画課</v>
          </cell>
          <cell r="BJ216">
            <v>2153</v>
          </cell>
          <cell r="BN216" t="str">
            <v>物</v>
          </cell>
          <cell r="BO216">
            <v>35</v>
          </cell>
          <cell r="BS216">
            <v>925000</v>
          </cell>
          <cell r="BT216">
            <v>840000</v>
          </cell>
          <cell r="BU216">
            <v>1</v>
          </cell>
          <cell r="BV216" t="str">
            <v/>
          </cell>
          <cell r="CD216" t="str">
            <v/>
          </cell>
          <cell r="CH216">
            <v>-101</v>
          </cell>
          <cell r="CI216">
            <v>44091</v>
          </cell>
          <cell r="CP216">
            <v>88324</v>
          </cell>
          <cell r="CW216" t="str">
            <v/>
          </cell>
          <cell r="CX216" t="str">
            <v/>
          </cell>
          <cell r="CY216" t="str">
            <v/>
          </cell>
          <cell r="CZ216" t="str">
            <v/>
          </cell>
          <cell r="DA216">
            <v>44099</v>
          </cell>
          <cell r="DB216">
            <v>44104</v>
          </cell>
          <cell r="DD216" t="str">
            <v/>
          </cell>
          <cell r="DL216">
            <v>11423</v>
          </cell>
          <cell r="DM216">
            <v>11101</v>
          </cell>
          <cell r="DN216">
            <v>10249</v>
          </cell>
          <cell r="DO216">
            <v>11381</v>
          </cell>
          <cell r="DP216">
            <v>11598</v>
          </cell>
          <cell r="DQ216">
            <v>10655</v>
          </cell>
          <cell r="DR216">
            <v>10556</v>
          </cell>
          <cell r="DS216">
            <v>10793</v>
          </cell>
          <cell r="EZ216">
            <v>8</v>
          </cell>
          <cell r="FA216">
            <v>6</v>
          </cell>
          <cell r="FI216">
            <v>5</v>
          </cell>
          <cell r="FJ216" t="str">
            <v>指名競争入札（簡易認証）</v>
          </cell>
          <cell r="FN216">
            <v>4</v>
          </cell>
          <cell r="FO216" t="str">
            <v>電子入札</v>
          </cell>
          <cell r="FS216">
            <v>3</v>
          </cell>
          <cell r="FT216" t="str">
            <v/>
          </cell>
          <cell r="FU216" t="str">
            <v/>
          </cell>
          <cell r="FW216" t="str">
            <v/>
          </cell>
          <cell r="FY216" t="str">
            <v/>
          </cell>
          <cell r="GD216">
            <v>1</v>
          </cell>
          <cell r="GE216" t="str">
            <v>契約・検査課長　松本　嘉博</v>
          </cell>
          <cell r="GF216" t="str">
            <v>-</v>
          </cell>
          <cell r="GG216" t="str">
            <v>×</v>
          </cell>
          <cell r="GI216" t="str">
            <v/>
          </cell>
          <cell r="GJ216" t="str">
            <v/>
          </cell>
          <cell r="GT216" t="str">
            <v/>
          </cell>
          <cell r="GW216" t="str">
            <v/>
          </cell>
          <cell r="HO216" t="str">
            <v/>
          </cell>
          <cell r="HP216" t="str">
            <v>-</v>
          </cell>
          <cell r="HQ216">
            <v>1233000</v>
          </cell>
          <cell r="HR216">
            <v>850000</v>
          </cell>
          <cell r="HS216" t="str">
            <v>-</v>
          </cell>
          <cell r="HT216">
            <v>1000000</v>
          </cell>
          <cell r="HU216">
            <v>868000</v>
          </cell>
          <cell r="HV216" t="str">
            <v>-</v>
          </cell>
          <cell r="HW216" t="str">
            <v>-</v>
          </cell>
          <cell r="JD216" t="str">
            <v/>
          </cell>
          <cell r="JE216" t="str">
            <v/>
          </cell>
          <cell r="JF216" t="str">
            <v/>
          </cell>
          <cell r="JG216" t="str">
            <v/>
          </cell>
          <cell r="JH216" t="str">
            <v/>
          </cell>
          <cell r="JI216" t="str">
            <v/>
          </cell>
          <cell r="JJ216" t="str">
            <v/>
          </cell>
          <cell r="JK216" t="str">
            <v/>
          </cell>
          <cell r="JL216" t="str">
            <v/>
          </cell>
          <cell r="JM216" t="str">
            <v/>
          </cell>
          <cell r="JN216" t="str">
            <v/>
          </cell>
          <cell r="JO216" t="str">
            <v/>
          </cell>
          <cell r="JP216">
            <v>35</v>
          </cell>
          <cell r="JQ216">
            <v>35</v>
          </cell>
          <cell r="JR216" t="str">
            <v/>
          </cell>
          <cell r="JS216" t="str">
            <v/>
          </cell>
          <cell r="JT216" t="str">
            <v/>
          </cell>
          <cell r="JU216" t="str">
            <v/>
          </cell>
          <cell r="JV216" t="str">
            <v/>
          </cell>
          <cell r="JW216" t="str">
            <v/>
          </cell>
          <cell r="JX216" t="str">
            <v/>
          </cell>
          <cell r="JY216" t="str">
            <v/>
          </cell>
          <cell r="JZ216" t="str">
            <v/>
          </cell>
        </row>
        <row r="217">
          <cell r="C217" t="str">
            <v/>
          </cell>
          <cell r="D217" t="str">
            <v/>
          </cell>
          <cell r="E217" t="str">
            <v/>
          </cell>
          <cell r="I217">
            <v>209</v>
          </cell>
          <cell r="M217" t="str">
            <v>令和２年度伊丹市共同利用施設寺本東センター屋上防水及び外壁改修工事</v>
          </cell>
          <cell r="Q217" t="str">
            <v>寺本防水外壁</v>
          </cell>
          <cell r="Y217">
            <v>1</v>
          </cell>
          <cell r="AC217">
            <v>1</v>
          </cell>
          <cell r="AI217" t="str">
            <v>伊丹市寺本１丁目１００番地</v>
          </cell>
          <cell r="AM217" t="str">
            <v>外壁改修工事一式
屋上防水改修工事一式</v>
          </cell>
          <cell r="AQ217">
            <v>2</v>
          </cell>
          <cell r="AY217">
            <v>44119</v>
          </cell>
          <cell r="AZ217">
            <v>44120</v>
          </cell>
          <cell r="BA217">
            <v>123</v>
          </cell>
          <cell r="BB217">
            <v>44242</v>
          </cell>
          <cell r="BC217">
            <v>13</v>
          </cell>
          <cell r="BD217" t="str">
            <v>○</v>
          </cell>
          <cell r="BE217" t="str">
            <v>○</v>
          </cell>
          <cell r="BF217">
            <v>0.41736111111111113</v>
          </cell>
          <cell r="BG217">
            <v>7579</v>
          </cell>
          <cell r="BH217" t="str">
            <v>星野　和佐</v>
          </cell>
          <cell r="BI217" t="str">
            <v>営繕課</v>
          </cell>
          <cell r="BJ217">
            <v>4661</v>
          </cell>
          <cell r="BN217" t="str">
            <v>建</v>
          </cell>
          <cell r="BO217">
            <v>32</v>
          </cell>
          <cell r="BS217">
            <v>10780000</v>
          </cell>
          <cell r="BT217">
            <v>9800000</v>
          </cell>
          <cell r="BU217">
            <v>1</v>
          </cell>
          <cell r="BV217">
            <v>8770000</v>
          </cell>
          <cell r="BW217">
            <v>6306021</v>
          </cell>
          <cell r="BX217">
            <v>689805</v>
          </cell>
          <cell r="BY217">
            <v>1420630</v>
          </cell>
          <cell r="BZ217">
            <v>1383544</v>
          </cell>
          <cell r="CD217" t="str">
            <v/>
          </cell>
          <cell r="CH217">
            <v>100</v>
          </cell>
          <cell r="CI217">
            <v>44085</v>
          </cell>
          <cell r="CJ217" t="str">
            <v>一般</v>
          </cell>
          <cell r="CK217" t="str">
            <v>伊丹市内に本店</v>
          </cell>
          <cell r="CL217" t="str">
            <v>750点未満</v>
          </cell>
          <cell r="CP217">
            <v>64877</v>
          </cell>
          <cell r="CT217" t="str">
            <v>請負金額が200万円以上</v>
          </cell>
          <cell r="CW217">
            <v>44097</v>
          </cell>
          <cell r="CX217">
            <v>44099</v>
          </cell>
          <cell r="CY217">
            <v>44102</v>
          </cell>
          <cell r="CZ217">
            <v>44103</v>
          </cell>
          <cell r="DA217">
            <v>44105</v>
          </cell>
          <cell r="DB217">
            <v>44109</v>
          </cell>
          <cell r="DC217">
            <v>21</v>
          </cell>
          <cell r="DD217" t="str">
            <v>○</v>
          </cell>
          <cell r="DL217">
            <v>48</v>
          </cell>
          <cell r="DM217">
            <v>49</v>
          </cell>
          <cell r="DN217">
            <v>211</v>
          </cell>
          <cell r="DO217">
            <v>226</v>
          </cell>
          <cell r="DP217">
            <v>314</v>
          </cell>
          <cell r="EZ217">
            <v>5</v>
          </cell>
          <cell r="FA217">
            <v>8</v>
          </cell>
          <cell r="FI217">
            <v>1</v>
          </cell>
          <cell r="FJ217" t="str">
            <v>制限付一般競争入札</v>
          </cell>
          <cell r="FN217">
            <v>4</v>
          </cell>
          <cell r="FO217" t="str">
            <v>電子入札</v>
          </cell>
          <cell r="FS217">
            <v>1</v>
          </cell>
          <cell r="FT217" t="str">
            <v/>
          </cell>
          <cell r="FU217" t="str">
            <v/>
          </cell>
          <cell r="FW217" t="str">
            <v/>
          </cell>
          <cell r="FY217" t="str">
            <v/>
          </cell>
          <cell r="GC217">
            <v>1</v>
          </cell>
          <cell r="GD217">
            <v>1</v>
          </cell>
          <cell r="GE217" t="str">
            <v>契約・検査課長　松本　嘉博</v>
          </cell>
          <cell r="GF217">
            <v>211</v>
          </cell>
          <cell r="GG217" t="str">
            <v>(株)深津工務店</v>
          </cell>
          <cell r="GH217">
            <v>9702000</v>
          </cell>
          <cell r="GI217">
            <v>882000</v>
          </cell>
          <cell r="GJ217">
            <v>971000</v>
          </cell>
          <cell r="GL217" t="str">
            <v>一級建築士</v>
          </cell>
          <cell r="GM217" t="str">
            <v>深津　泰孝</v>
          </cell>
          <cell r="GN217" t="str">
            <v>一級建築士</v>
          </cell>
          <cell r="GO217" t="str">
            <v>深津　泰孝</v>
          </cell>
          <cell r="GT217" t="str">
            <v/>
          </cell>
          <cell r="GV217">
            <v>27900</v>
          </cell>
          <cell r="GW217">
            <v>2.8756957328385897</v>
          </cell>
          <cell r="GX217">
            <v>44216</v>
          </cell>
          <cell r="GY217">
            <v>10956000</v>
          </cell>
          <cell r="GZ217">
            <v>9856000</v>
          </cell>
          <cell r="HN217" t="str">
            <v>外壁改修工事　施工数量調査による変更
防水改修工事　既存下地の状態による変更</v>
          </cell>
          <cell r="HO217">
            <v>1</v>
          </cell>
          <cell r="HP217">
            <v>8860000</v>
          </cell>
          <cell r="HQ217">
            <v>8840000</v>
          </cell>
          <cell r="HR217">
            <v>8820000</v>
          </cell>
          <cell r="HS217">
            <v>9200000</v>
          </cell>
          <cell r="HT217">
            <v>9500000</v>
          </cell>
          <cell r="JD217" t="str">
            <v/>
          </cell>
          <cell r="JE217" t="str">
            <v/>
          </cell>
          <cell r="JF217" t="str">
            <v/>
          </cell>
          <cell r="JG217" t="str">
            <v/>
          </cell>
          <cell r="JH217">
            <v>32</v>
          </cell>
          <cell r="JI217">
            <v>32</v>
          </cell>
          <cell r="JJ217" t="str">
            <v/>
          </cell>
          <cell r="JK217" t="str">
            <v/>
          </cell>
          <cell r="JL217" t="str">
            <v/>
          </cell>
          <cell r="JM217" t="str">
            <v/>
          </cell>
          <cell r="JN217" t="str">
            <v/>
          </cell>
          <cell r="JO217" t="str">
            <v/>
          </cell>
          <cell r="JP217" t="str">
            <v/>
          </cell>
          <cell r="JQ217" t="str">
            <v/>
          </cell>
          <cell r="JR217" t="str">
            <v/>
          </cell>
          <cell r="JS217" t="str">
            <v/>
          </cell>
          <cell r="JT217" t="str">
            <v/>
          </cell>
          <cell r="JU217" t="str">
            <v/>
          </cell>
          <cell r="JV217" t="str">
            <v/>
          </cell>
          <cell r="JW217" t="str">
            <v/>
          </cell>
          <cell r="JX217" t="str">
            <v/>
          </cell>
          <cell r="JY217" t="str">
            <v/>
          </cell>
          <cell r="JZ217">
            <v>0.9</v>
          </cell>
        </row>
        <row r="218">
          <cell r="C218" t="str">
            <v/>
          </cell>
          <cell r="D218" t="str">
            <v/>
          </cell>
          <cell r="E218" t="str">
            <v/>
          </cell>
          <cell r="I218">
            <v>210</v>
          </cell>
          <cell r="M218" t="str">
            <v>令和２年度河川環境整備除草委託業務（二級河川天神川）</v>
          </cell>
          <cell r="Q218" t="str">
            <v>天神川川除草</v>
          </cell>
          <cell r="Y218">
            <v>1</v>
          </cell>
          <cell r="AC218">
            <v>8</v>
          </cell>
          <cell r="AD218">
            <v>8</v>
          </cell>
          <cell r="AI218" t="str">
            <v>伊丹市荒牧～中野西地内</v>
          </cell>
          <cell r="AM218" t="str">
            <v>除草面積A=56,300㎡
機械A= 54,200㎡
人力A=2,100㎡</v>
          </cell>
          <cell r="AQ218">
            <v>1</v>
          </cell>
          <cell r="AY218">
            <v>44117</v>
          </cell>
          <cell r="AZ218">
            <v>44120</v>
          </cell>
          <cell r="BA218">
            <v>99</v>
          </cell>
          <cell r="BB218">
            <v>44218</v>
          </cell>
          <cell r="BC218">
            <v>11</v>
          </cell>
          <cell r="BD218" t="str">
            <v>○</v>
          </cell>
          <cell r="BE218" t="str">
            <v/>
          </cell>
          <cell r="BF218">
            <v>0.41736111111111113</v>
          </cell>
          <cell r="BG218">
            <v>7650</v>
          </cell>
          <cell r="BH218" t="str">
            <v>林　直矢</v>
          </cell>
          <cell r="BI218" t="str">
            <v>生活環境課</v>
          </cell>
          <cell r="BJ218">
            <v>4673</v>
          </cell>
          <cell r="BN218" t="str">
            <v>他</v>
          </cell>
          <cell r="BO218">
            <v>66</v>
          </cell>
          <cell r="BS218">
            <v>8074000</v>
          </cell>
          <cell r="BT218">
            <v>7340000</v>
          </cell>
          <cell r="BU218" t="str">
            <v/>
          </cell>
          <cell r="BV218" t="str">
            <v/>
          </cell>
          <cell r="CD218" t="str">
            <v/>
          </cell>
          <cell r="CH218">
            <v>102</v>
          </cell>
          <cell r="CI218">
            <v>44099</v>
          </cell>
          <cell r="CK218" t="str">
            <v>伊丹市内に本店</v>
          </cell>
          <cell r="CP218">
            <v>26053</v>
          </cell>
          <cell r="CW218">
            <v>44109</v>
          </cell>
          <cell r="CX218" t="str">
            <v/>
          </cell>
          <cell r="CY218" t="str">
            <v/>
          </cell>
          <cell r="CZ218" t="str">
            <v/>
          </cell>
          <cell r="DA218">
            <v>44110</v>
          </cell>
          <cell r="DB218">
            <v>44112</v>
          </cell>
          <cell r="DC218">
            <v>80</v>
          </cell>
          <cell r="DD218" t="str">
            <v/>
          </cell>
          <cell r="DL218">
            <v>508</v>
          </cell>
          <cell r="DM218">
            <v>544</v>
          </cell>
          <cell r="DN218">
            <v>74</v>
          </cell>
          <cell r="DO218">
            <v>492</v>
          </cell>
          <cell r="DP218">
            <v>38</v>
          </cell>
          <cell r="DQ218">
            <v>554</v>
          </cell>
          <cell r="EZ218">
            <v>6</v>
          </cell>
          <cell r="FA218">
            <v>8</v>
          </cell>
          <cell r="FI218">
            <v>4</v>
          </cell>
          <cell r="FJ218" t="str">
            <v>事後審査型一般競争入札</v>
          </cell>
          <cell r="FN218">
            <v>4</v>
          </cell>
          <cell r="FO218" t="str">
            <v>電子入札</v>
          </cell>
          <cell r="FS218">
            <v>2</v>
          </cell>
          <cell r="FT218" t="str">
            <v/>
          </cell>
          <cell r="FU218" t="str">
            <v/>
          </cell>
          <cell r="FW218" t="str">
            <v/>
          </cell>
          <cell r="FY218" t="str">
            <v/>
          </cell>
          <cell r="GC218">
            <v>1</v>
          </cell>
          <cell r="GD218">
            <v>1</v>
          </cell>
          <cell r="GE218" t="str">
            <v>契約・検査課長　松本　嘉博</v>
          </cell>
          <cell r="GF218">
            <v>508</v>
          </cell>
          <cell r="GG218" t="str">
            <v>野本興業</v>
          </cell>
          <cell r="GH218">
            <v>6620680</v>
          </cell>
          <cell r="GI218">
            <v>601880</v>
          </cell>
          <cell r="GJ218">
            <v>663000</v>
          </cell>
          <cell r="GL218" t="str">
            <v>１級土木施工管理技士</v>
          </cell>
          <cell r="GM218" t="str">
            <v>野本　敦也</v>
          </cell>
          <cell r="GN218" t="str">
            <v>１級土木施工管理技士</v>
          </cell>
          <cell r="GO218" t="str">
            <v>野本　敦也</v>
          </cell>
          <cell r="GT218" t="str">
            <v/>
          </cell>
          <cell r="GW218" t="str">
            <v/>
          </cell>
          <cell r="HO218" t="str">
            <v/>
          </cell>
          <cell r="HP218">
            <v>6018800</v>
          </cell>
          <cell r="HQ218">
            <v>6090000</v>
          </cell>
          <cell r="HR218">
            <v>6390000</v>
          </cell>
          <cell r="HS218">
            <v>7000000</v>
          </cell>
          <cell r="HT218" t="str">
            <v>-</v>
          </cell>
          <cell r="HU218" t="str">
            <v>-</v>
          </cell>
          <cell r="JD218" t="str">
            <v/>
          </cell>
          <cell r="JE218" t="str">
            <v/>
          </cell>
          <cell r="JF218" t="str">
            <v/>
          </cell>
          <cell r="JG218" t="str">
            <v/>
          </cell>
          <cell r="JH218" t="str">
            <v/>
          </cell>
          <cell r="JI218" t="str">
            <v/>
          </cell>
          <cell r="JJ218" t="str">
            <v/>
          </cell>
          <cell r="JK218" t="str">
            <v/>
          </cell>
          <cell r="JL218" t="str">
            <v/>
          </cell>
          <cell r="JM218" t="str">
            <v/>
          </cell>
          <cell r="JN218" t="str">
            <v/>
          </cell>
          <cell r="JO218" t="str">
            <v/>
          </cell>
          <cell r="JP218" t="str">
            <v/>
          </cell>
          <cell r="JQ218" t="str">
            <v/>
          </cell>
          <cell r="JR218" t="str">
            <v/>
          </cell>
          <cell r="JS218" t="str">
            <v/>
          </cell>
          <cell r="JT218" t="str">
            <v/>
          </cell>
          <cell r="JU218" t="str">
            <v/>
          </cell>
          <cell r="JV218" t="str">
            <v/>
          </cell>
          <cell r="JW218" t="str">
            <v/>
          </cell>
          <cell r="JX218">
            <v>66</v>
          </cell>
          <cell r="JY218">
            <v>64</v>
          </cell>
          <cell r="JZ218">
            <v>0.81999999999999984</v>
          </cell>
        </row>
        <row r="219">
          <cell r="C219" t="str">
            <v/>
          </cell>
          <cell r="D219" t="str">
            <v/>
          </cell>
          <cell r="E219" t="str">
            <v/>
          </cell>
          <cell r="I219">
            <v>211</v>
          </cell>
          <cell r="M219" t="str">
            <v>令和２年度河川環境整備除草委託業務（二級河川天王寺川）</v>
          </cell>
          <cell r="Q219" t="str">
            <v>天王寺川除草</v>
          </cell>
          <cell r="Y219">
            <v>1</v>
          </cell>
          <cell r="AC219">
            <v>8</v>
          </cell>
          <cell r="AD219">
            <v>8</v>
          </cell>
          <cell r="AI219" t="str">
            <v>伊丹市荒牧～池尻地内</v>
          </cell>
          <cell r="AM219" t="str">
            <v>除草面積A=54,400㎡
機械A= 52,800㎡
人力A=1,600㎡</v>
          </cell>
          <cell r="AQ219">
            <v>1</v>
          </cell>
          <cell r="AY219">
            <v>44117</v>
          </cell>
          <cell r="AZ219">
            <v>44120</v>
          </cell>
          <cell r="BA219">
            <v>99</v>
          </cell>
          <cell r="BB219">
            <v>44218</v>
          </cell>
          <cell r="BC219">
            <v>11</v>
          </cell>
          <cell r="BD219" t="str">
            <v>○</v>
          </cell>
          <cell r="BE219" t="str">
            <v/>
          </cell>
          <cell r="BF219">
            <v>0.41805555555555557</v>
          </cell>
          <cell r="BG219">
            <v>7650</v>
          </cell>
          <cell r="BH219" t="str">
            <v>林　直矢</v>
          </cell>
          <cell r="BI219" t="str">
            <v>生活環境課</v>
          </cell>
          <cell r="BJ219">
            <v>4673</v>
          </cell>
          <cell r="BN219" t="str">
            <v>他</v>
          </cell>
          <cell r="BO219">
            <v>67</v>
          </cell>
          <cell r="BS219">
            <v>7836400</v>
          </cell>
          <cell r="BT219">
            <v>7120000</v>
          </cell>
          <cell r="BU219" t="str">
            <v/>
          </cell>
          <cell r="BV219" t="str">
            <v/>
          </cell>
          <cell r="CD219" t="str">
            <v/>
          </cell>
          <cell r="CH219">
            <v>103</v>
          </cell>
          <cell r="CI219">
            <v>44099</v>
          </cell>
          <cell r="CK219" t="str">
            <v>伊丹市内に本店</v>
          </cell>
          <cell r="CP219">
            <v>34118</v>
          </cell>
          <cell r="CW219">
            <v>44109</v>
          </cell>
          <cell r="CX219" t="str">
            <v/>
          </cell>
          <cell r="CY219" t="str">
            <v/>
          </cell>
          <cell r="CZ219" t="str">
            <v/>
          </cell>
          <cell r="DA219">
            <v>44110</v>
          </cell>
          <cell r="DB219">
            <v>44112</v>
          </cell>
          <cell r="DC219">
            <v>80</v>
          </cell>
          <cell r="DD219" t="str">
            <v/>
          </cell>
          <cell r="DL219">
            <v>544</v>
          </cell>
          <cell r="DM219">
            <v>74</v>
          </cell>
          <cell r="DN219">
            <v>492</v>
          </cell>
          <cell r="DO219">
            <v>38</v>
          </cell>
          <cell r="DP219">
            <v>508</v>
          </cell>
          <cell r="DQ219">
            <v>554</v>
          </cell>
          <cell r="EZ219">
            <v>6</v>
          </cell>
          <cell r="FA219">
            <v>8</v>
          </cell>
          <cell r="FI219">
            <v>4</v>
          </cell>
          <cell r="FJ219" t="str">
            <v>事後審査型一般競争入札</v>
          </cell>
          <cell r="FN219">
            <v>4</v>
          </cell>
          <cell r="FO219" t="str">
            <v>電子入札</v>
          </cell>
          <cell r="FS219">
            <v>2</v>
          </cell>
          <cell r="FT219" t="str">
            <v/>
          </cell>
          <cell r="FU219" t="str">
            <v/>
          </cell>
          <cell r="FW219" t="str">
            <v/>
          </cell>
          <cell r="FY219" t="str">
            <v/>
          </cell>
          <cell r="GC219">
            <v>1</v>
          </cell>
          <cell r="GD219">
            <v>1</v>
          </cell>
          <cell r="GE219" t="str">
            <v>契約・検査課長　松本　嘉博</v>
          </cell>
          <cell r="GF219">
            <v>544</v>
          </cell>
          <cell r="GG219" t="str">
            <v>(株)ビルドプラス</v>
          </cell>
          <cell r="GH219">
            <v>6259000</v>
          </cell>
          <cell r="GI219">
            <v>569000</v>
          </cell>
          <cell r="GJ219">
            <v>626000</v>
          </cell>
          <cell r="GL219" t="str">
            <v>二級土木施工管理技士</v>
          </cell>
          <cell r="GM219" t="str">
            <v>赤田　吉隆</v>
          </cell>
          <cell r="GN219" t="str">
            <v>二級土木施工管理技士</v>
          </cell>
          <cell r="GO219" t="str">
            <v>赤田　吉隆</v>
          </cell>
          <cell r="GT219" t="str">
            <v/>
          </cell>
          <cell r="GW219" t="str">
            <v/>
          </cell>
          <cell r="HO219" t="str">
            <v/>
          </cell>
          <cell r="HP219">
            <v>5690000</v>
          </cell>
          <cell r="HQ219">
            <v>6200000</v>
          </cell>
          <cell r="HR219">
            <v>7000000</v>
          </cell>
          <cell r="HS219" t="str">
            <v>-</v>
          </cell>
          <cell r="HT219" t="str">
            <v>-</v>
          </cell>
          <cell r="HU219" t="str">
            <v>-</v>
          </cell>
          <cell r="JD219" t="str">
            <v/>
          </cell>
          <cell r="JE219" t="str">
            <v/>
          </cell>
          <cell r="JF219" t="str">
            <v/>
          </cell>
          <cell r="JG219" t="str">
            <v/>
          </cell>
          <cell r="JH219" t="str">
            <v/>
          </cell>
          <cell r="JI219" t="str">
            <v/>
          </cell>
          <cell r="JJ219" t="str">
            <v/>
          </cell>
          <cell r="JK219" t="str">
            <v/>
          </cell>
          <cell r="JL219" t="str">
            <v/>
          </cell>
          <cell r="JM219" t="str">
            <v/>
          </cell>
          <cell r="JN219" t="str">
            <v/>
          </cell>
          <cell r="JO219" t="str">
            <v/>
          </cell>
          <cell r="JP219" t="str">
            <v/>
          </cell>
          <cell r="JQ219" t="str">
            <v/>
          </cell>
          <cell r="JR219" t="str">
            <v/>
          </cell>
          <cell r="JS219" t="str">
            <v/>
          </cell>
          <cell r="JT219" t="str">
            <v/>
          </cell>
          <cell r="JU219" t="str">
            <v/>
          </cell>
          <cell r="JV219" t="str">
            <v/>
          </cell>
          <cell r="JW219" t="str">
            <v/>
          </cell>
          <cell r="JX219">
            <v>67</v>
          </cell>
          <cell r="JY219">
            <v>65</v>
          </cell>
          <cell r="JZ219">
            <v>0.7991573033707865</v>
          </cell>
        </row>
        <row r="220">
          <cell r="C220" t="str">
            <v/>
          </cell>
          <cell r="D220" t="str">
            <v/>
          </cell>
          <cell r="E220" t="str">
            <v/>
          </cell>
          <cell r="I220">
            <v>212</v>
          </cell>
          <cell r="M220" t="str">
            <v>令和２年度河川環境整備除草委託業務（一級河川駄六川・箕面川・内川）</v>
          </cell>
          <cell r="Q220" t="str">
            <v>駄六箕面内川除草</v>
          </cell>
          <cell r="Y220">
            <v>1</v>
          </cell>
          <cell r="AC220">
            <v>8</v>
          </cell>
          <cell r="AD220">
            <v>8</v>
          </cell>
          <cell r="AI220" t="str">
            <v>伊丹市緑ヶ丘～北河原・下河原１丁目～下河原３丁目地内</v>
          </cell>
          <cell r="AM220" t="str">
            <v>除草面積A=18,700㎡
機械A=12,800㎡
人力A=5,900㎡</v>
          </cell>
          <cell r="AQ220">
            <v>1</v>
          </cell>
          <cell r="AY220">
            <v>44117</v>
          </cell>
          <cell r="AZ220">
            <v>44120</v>
          </cell>
          <cell r="BA220">
            <v>99</v>
          </cell>
          <cell r="BB220">
            <v>44218</v>
          </cell>
          <cell r="BC220">
            <v>11</v>
          </cell>
          <cell r="BD220" t="str">
            <v>○</v>
          </cell>
          <cell r="BE220" t="str">
            <v/>
          </cell>
          <cell r="BF220">
            <v>0.41875000000000001</v>
          </cell>
          <cell r="BG220">
            <v>7650</v>
          </cell>
          <cell r="BH220" t="str">
            <v>林　直矢</v>
          </cell>
          <cell r="BI220" t="str">
            <v>生活環境課</v>
          </cell>
          <cell r="BJ220">
            <v>4673</v>
          </cell>
          <cell r="BN220" t="str">
            <v>他</v>
          </cell>
          <cell r="BO220">
            <v>68</v>
          </cell>
          <cell r="BS220">
            <v>3234000</v>
          </cell>
          <cell r="BT220">
            <v>2940000</v>
          </cell>
          <cell r="BU220" t="str">
            <v/>
          </cell>
          <cell r="BV220" t="str">
            <v/>
          </cell>
          <cell r="CD220" t="str">
            <v/>
          </cell>
          <cell r="CH220">
            <v>104</v>
          </cell>
          <cell r="CI220">
            <v>44099</v>
          </cell>
          <cell r="CK220" t="str">
            <v>伊丹市内に本店</v>
          </cell>
          <cell r="CP220">
            <v>92574</v>
          </cell>
          <cell r="CW220">
            <v>44109</v>
          </cell>
          <cell r="CX220" t="str">
            <v/>
          </cell>
          <cell r="CY220" t="str">
            <v/>
          </cell>
          <cell r="CZ220" t="str">
            <v/>
          </cell>
          <cell r="DA220">
            <v>44110</v>
          </cell>
          <cell r="DB220">
            <v>44112</v>
          </cell>
          <cell r="DC220">
            <v>80</v>
          </cell>
          <cell r="DD220" t="str">
            <v/>
          </cell>
          <cell r="DL220">
            <v>408</v>
          </cell>
          <cell r="DM220">
            <v>74</v>
          </cell>
          <cell r="DN220">
            <v>508</v>
          </cell>
          <cell r="DO220">
            <v>544</v>
          </cell>
          <cell r="EZ220">
            <v>4</v>
          </cell>
          <cell r="FA220">
            <v>6</v>
          </cell>
          <cell r="FI220">
            <v>4</v>
          </cell>
          <cell r="FJ220" t="str">
            <v>事後審査型一般競争入札</v>
          </cell>
          <cell r="FN220">
            <v>4</v>
          </cell>
          <cell r="FO220" t="str">
            <v>電子入札</v>
          </cell>
          <cell r="FS220">
            <v>2</v>
          </cell>
          <cell r="FT220" t="str">
            <v/>
          </cell>
          <cell r="FU220" t="str">
            <v/>
          </cell>
          <cell r="FW220" t="str">
            <v/>
          </cell>
          <cell r="FY220" t="str">
            <v/>
          </cell>
          <cell r="GC220">
            <v>1</v>
          </cell>
          <cell r="GD220">
            <v>1</v>
          </cell>
          <cell r="GE220" t="str">
            <v>契約・検査課長　松本　嘉博</v>
          </cell>
          <cell r="GF220">
            <v>408</v>
          </cell>
          <cell r="GG220" t="str">
            <v>(有)大内土木興業</v>
          </cell>
          <cell r="GH220">
            <v>3179000</v>
          </cell>
          <cell r="GI220">
            <v>289000</v>
          </cell>
          <cell r="GJ220">
            <v>318000</v>
          </cell>
          <cell r="GL220" t="str">
            <v>実務経験によるもの</v>
          </cell>
          <cell r="GM220" t="str">
            <v>森山　鐘泰</v>
          </cell>
          <cell r="GN220" t="str">
            <v>実務経験によるもの</v>
          </cell>
          <cell r="GO220" t="str">
            <v>森山　鐘泰</v>
          </cell>
          <cell r="GT220" t="str">
            <v/>
          </cell>
          <cell r="GW220" t="str">
            <v/>
          </cell>
          <cell r="HO220" t="str">
            <v/>
          </cell>
          <cell r="HP220">
            <v>2890000</v>
          </cell>
          <cell r="HQ220">
            <v>2940000</v>
          </cell>
          <cell r="HR220" t="str">
            <v>-</v>
          </cell>
          <cell r="HS220" t="str">
            <v>-</v>
          </cell>
          <cell r="JD220" t="str">
            <v/>
          </cell>
          <cell r="JE220" t="str">
            <v/>
          </cell>
          <cell r="JF220" t="str">
            <v/>
          </cell>
          <cell r="JG220" t="str">
            <v/>
          </cell>
          <cell r="JH220" t="str">
            <v/>
          </cell>
          <cell r="JI220" t="str">
            <v/>
          </cell>
          <cell r="JJ220" t="str">
            <v/>
          </cell>
          <cell r="JK220" t="str">
            <v/>
          </cell>
          <cell r="JL220" t="str">
            <v/>
          </cell>
          <cell r="JM220" t="str">
            <v/>
          </cell>
          <cell r="JN220" t="str">
            <v/>
          </cell>
          <cell r="JO220" t="str">
            <v/>
          </cell>
          <cell r="JP220" t="str">
            <v/>
          </cell>
          <cell r="JQ220" t="str">
            <v/>
          </cell>
          <cell r="JR220" t="str">
            <v/>
          </cell>
          <cell r="JS220" t="str">
            <v/>
          </cell>
          <cell r="JT220" t="str">
            <v/>
          </cell>
          <cell r="JU220" t="str">
            <v/>
          </cell>
          <cell r="JV220" t="str">
            <v/>
          </cell>
          <cell r="JW220" t="str">
            <v/>
          </cell>
          <cell r="JX220">
            <v>68</v>
          </cell>
          <cell r="JY220">
            <v>66</v>
          </cell>
          <cell r="JZ220">
            <v>0.98299319727891143</v>
          </cell>
        </row>
        <row r="221">
          <cell r="C221" t="str">
            <v/>
          </cell>
          <cell r="D221" t="str">
            <v/>
          </cell>
          <cell r="E221" t="str">
            <v/>
          </cell>
          <cell r="I221">
            <v>213</v>
          </cell>
          <cell r="M221" t="str">
            <v>令和２年度市営住宅高齢者向改造工事（山道団地）</v>
          </cell>
          <cell r="Q221" t="str">
            <v>山道団地改造</v>
          </cell>
          <cell r="Y221">
            <v>1</v>
          </cell>
          <cell r="AC221">
            <v>1</v>
          </cell>
          <cell r="AI221" t="str">
            <v>伊丹市南野北１丁目１番２他</v>
          </cell>
          <cell r="AM221" t="str">
            <v>高齢者向け改造工事一式
上記に付帯する電気設備工事及び機械設備工事一式</v>
          </cell>
          <cell r="AQ221">
            <v>1</v>
          </cell>
          <cell r="AY221">
            <v>44119</v>
          </cell>
          <cell r="AZ221">
            <v>44124</v>
          </cell>
          <cell r="BA221">
            <v>151</v>
          </cell>
          <cell r="BB221">
            <v>44274</v>
          </cell>
          <cell r="BC221">
            <v>14</v>
          </cell>
          <cell r="BD221" t="str">
            <v>○</v>
          </cell>
          <cell r="BE221" t="str">
            <v>○</v>
          </cell>
          <cell r="BF221">
            <v>0.41805555555555557</v>
          </cell>
          <cell r="BG221">
            <v>7798</v>
          </cell>
          <cell r="BH221" t="str">
            <v>前田　佳祐</v>
          </cell>
          <cell r="BI221" t="str">
            <v>営繕課</v>
          </cell>
          <cell r="BJ221">
            <v>4808</v>
          </cell>
          <cell r="BN221" t="str">
            <v>建</v>
          </cell>
          <cell r="BO221">
            <v>33</v>
          </cell>
          <cell r="BS221">
            <v>8712000</v>
          </cell>
          <cell r="BT221">
            <v>7920000</v>
          </cell>
          <cell r="BU221">
            <v>1</v>
          </cell>
          <cell r="BV221">
            <v>7070000</v>
          </cell>
          <cell r="BW221">
            <v>4852589</v>
          </cell>
          <cell r="BX221">
            <v>251188</v>
          </cell>
          <cell r="BY221">
            <v>1681643</v>
          </cell>
          <cell r="BZ221">
            <v>1134580</v>
          </cell>
          <cell r="CD221" t="str">
            <v/>
          </cell>
          <cell r="CH221">
            <v>105</v>
          </cell>
          <cell r="CI221">
            <v>44098</v>
          </cell>
          <cell r="CJ221" t="str">
            <v>一般</v>
          </cell>
          <cell r="CK221" t="str">
            <v>伊丹市内に本店</v>
          </cell>
          <cell r="CL221" t="str">
            <v>750点未満</v>
          </cell>
          <cell r="CP221">
            <v>73004</v>
          </cell>
          <cell r="CT221" t="str">
            <v>右記</v>
          </cell>
          <cell r="CU221" t="str">
            <v>建築一式工事の施工実績を有すること。</v>
          </cell>
          <cell r="CW221">
            <v>44106</v>
          </cell>
          <cell r="CX221" t="str">
            <v/>
          </cell>
          <cell r="CY221" t="str">
            <v/>
          </cell>
          <cell r="CZ221" t="str">
            <v/>
          </cell>
          <cell r="DA221">
            <v>44109</v>
          </cell>
          <cell r="DB221">
            <v>44112</v>
          </cell>
          <cell r="DC221">
            <v>22</v>
          </cell>
          <cell r="DD221" t="str">
            <v>○</v>
          </cell>
          <cell r="DL221">
            <v>226</v>
          </cell>
          <cell r="EZ221">
            <v>1</v>
          </cell>
          <cell r="FA221">
            <v>8</v>
          </cell>
          <cell r="FI221">
            <v>4</v>
          </cell>
          <cell r="FJ221" t="str">
            <v>事後審査型一般競争入札</v>
          </cell>
          <cell r="FN221">
            <v>4</v>
          </cell>
          <cell r="FO221" t="str">
            <v>電子入札</v>
          </cell>
          <cell r="FS221">
            <v>1</v>
          </cell>
          <cell r="FT221" t="str">
            <v/>
          </cell>
          <cell r="FU221" t="str">
            <v/>
          </cell>
          <cell r="FW221" t="str">
            <v/>
          </cell>
          <cell r="FY221" t="str">
            <v/>
          </cell>
          <cell r="GC221">
            <v>1</v>
          </cell>
          <cell r="GD221">
            <v>1</v>
          </cell>
          <cell r="GE221" t="str">
            <v>契約・検査課長　松本　嘉博</v>
          </cell>
          <cell r="GF221">
            <v>226</v>
          </cell>
          <cell r="GG221" t="str">
            <v>野末建設(株)</v>
          </cell>
          <cell r="GH221">
            <v>8085000</v>
          </cell>
          <cell r="GI221">
            <v>735000</v>
          </cell>
          <cell r="GJ221">
            <v>809000</v>
          </cell>
          <cell r="GM221" t="str">
            <v>野末　洋</v>
          </cell>
          <cell r="GO221" t="str">
            <v>野末　洋</v>
          </cell>
          <cell r="GT221" t="str">
            <v/>
          </cell>
          <cell r="GU221" t="str">
            <v>済</v>
          </cell>
          <cell r="GV221">
            <v>39060</v>
          </cell>
          <cell r="GW221">
            <v>4.8311688311688314</v>
          </cell>
          <cell r="HO221" t="str">
            <v/>
          </cell>
          <cell r="HP221">
            <v>7350000</v>
          </cell>
          <cell r="JD221" t="str">
            <v/>
          </cell>
          <cell r="JE221" t="str">
            <v/>
          </cell>
          <cell r="JF221" t="str">
            <v/>
          </cell>
          <cell r="JG221" t="str">
            <v/>
          </cell>
          <cell r="JH221">
            <v>33</v>
          </cell>
          <cell r="JI221">
            <v>33</v>
          </cell>
          <cell r="JJ221" t="str">
            <v/>
          </cell>
          <cell r="JK221" t="str">
            <v/>
          </cell>
          <cell r="JL221" t="str">
            <v/>
          </cell>
          <cell r="JM221" t="str">
            <v/>
          </cell>
          <cell r="JN221" t="str">
            <v/>
          </cell>
          <cell r="JO221" t="str">
            <v/>
          </cell>
          <cell r="JP221" t="str">
            <v/>
          </cell>
          <cell r="JQ221" t="str">
            <v/>
          </cell>
          <cell r="JR221" t="str">
            <v/>
          </cell>
          <cell r="JS221" t="str">
            <v/>
          </cell>
          <cell r="JT221" t="str">
            <v/>
          </cell>
          <cell r="JU221" t="str">
            <v/>
          </cell>
          <cell r="JV221" t="str">
            <v/>
          </cell>
          <cell r="JW221" t="str">
            <v/>
          </cell>
          <cell r="JX221" t="str">
            <v/>
          </cell>
          <cell r="JY221" t="str">
            <v/>
          </cell>
          <cell r="JZ221">
            <v>0.92803030303030287</v>
          </cell>
        </row>
        <row r="222">
          <cell r="C222" t="str">
            <v/>
          </cell>
          <cell r="D222" t="str">
            <v/>
          </cell>
          <cell r="E222" t="str">
            <v/>
          </cell>
          <cell r="I222">
            <v>214</v>
          </cell>
          <cell r="M222" t="str">
            <v>令和２年度みやのまえ文化の郷整備工事</v>
          </cell>
          <cell r="Q222" t="str">
            <v>みやのまえ再</v>
          </cell>
          <cell r="Y222">
            <v>1</v>
          </cell>
          <cell r="AC222">
            <v>1</v>
          </cell>
          <cell r="AI222" t="str">
            <v>伊丹市宮ノ前２丁目５番２０号、２８号</v>
          </cell>
          <cell r="AM222" t="str">
            <v>みやのまえ文化の郷整備に係る工事（増築及び大規模改修工事）一式
上記に伴う電気設備工事及び機械設備工事一式</v>
          </cell>
          <cell r="AQ222">
            <v>5</v>
          </cell>
          <cell r="AU222">
            <v>1</v>
          </cell>
          <cell r="AX222">
            <v>1</v>
          </cell>
          <cell r="AY222">
            <v>44152</v>
          </cell>
          <cell r="AZ222">
            <v>44152</v>
          </cell>
          <cell r="BA222">
            <v>484</v>
          </cell>
          <cell r="BB222">
            <v>44635</v>
          </cell>
          <cell r="BC222">
            <v>22</v>
          </cell>
          <cell r="BD222" t="str">
            <v>○</v>
          </cell>
          <cell r="BE222" t="str">
            <v>○</v>
          </cell>
          <cell r="BF222">
            <v>0.58402777777777781</v>
          </cell>
          <cell r="BG222">
            <v>6448</v>
          </cell>
          <cell r="BH222" t="str">
            <v>村上  進</v>
          </cell>
          <cell r="BI222" t="str">
            <v>営繕課</v>
          </cell>
          <cell r="BJ222">
            <v>4326</v>
          </cell>
          <cell r="BN222" t="str">
            <v>建</v>
          </cell>
          <cell r="BO222">
            <v>34</v>
          </cell>
          <cell r="BS222">
            <v>1260600000</v>
          </cell>
          <cell r="BT222">
            <v>1146000000</v>
          </cell>
          <cell r="BU222">
            <v>1</v>
          </cell>
          <cell r="BV222">
            <v>1054320000</v>
          </cell>
          <cell r="BW222">
            <v>918879375</v>
          </cell>
          <cell r="BX222">
            <v>47271259</v>
          </cell>
          <cell r="BY222">
            <v>76432940</v>
          </cell>
          <cell r="BZ222">
            <v>103416426</v>
          </cell>
          <cell r="CD222">
            <v>44105</v>
          </cell>
          <cell r="CH222">
            <v>106</v>
          </cell>
          <cell r="CI222">
            <v>44109</v>
          </cell>
          <cell r="CJ222" t="str">
            <v>特定</v>
          </cell>
          <cell r="CK222" t="str">
            <v>兵庫県内に本店又は支店</v>
          </cell>
          <cell r="CL222" t="str">
            <v>伊丹市内に本店を有する者においては830点以上、伊丹市内に支店を有する者及び兵庫県内に本店を有する者（伊丹市内に本店を有する者は除く）については1,000点以上、その他の者においては1,300点以上</v>
          </cell>
          <cell r="CP222">
            <v>49955</v>
          </cell>
          <cell r="CT222" t="str">
            <v>請負金額が5億7,000万円以上(伊丹市内に本店を有する者においては2億8,000万円以上)</v>
          </cell>
          <cell r="CU222">
            <v>11</v>
          </cell>
          <cell r="CV222">
            <v>1</v>
          </cell>
          <cell r="CW222">
            <v>44117</v>
          </cell>
          <cell r="CX222">
            <v>44119</v>
          </cell>
          <cell r="CY222">
            <v>44120</v>
          </cell>
          <cell r="CZ222">
            <v>44123</v>
          </cell>
          <cell r="DA222">
            <v>44127</v>
          </cell>
          <cell r="DB222">
            <v>44133</v>
          </cell>
          <cell r="DC222">
            <v>69</v>
          </cell>
          <cell r="DD222" t="str">
            <v>○</v>
          </cell>
          <cell r="DL222">
            <v>6</v>
          </cell>
          <cell r="DM222">
            <v>21</v>
          </cell>
          <cell r="DN222">
            <v>23</v>
          </cell>
          <cell r="DO222">
            <v>26</v>
          </cell>
          <cell r="DP222">
            <v>2322</v>
          </cell>
          <cell r="DQ222">
            <v>3934</v>
          </cell>
          <cell r="DR222">
            <v>4046</v>
          </cell>
          <cell r="DS222">
            <v>4237</v>
          </cell>
          <cell r="DT222">
            <v>4388</v>
          </cell>
          <cell r="DU222">
            <v>4415</v>
          </cell>
          <cell r="EZ222">
            <v>10</v>
          </cell>
          <cell r="FA222">
            <v>12</v>
          </cell>
          <cell r="FI222">
            <v>1</v>
          </cell>
          <cell r="FJ222" t="str">
            <v>制限付一般競争入札</v>
          </cell>
          <cell r="FN222">
            <v>4</v>
          </cell>
          <cell r="FO222" t="str">
            <v>電子入札</v>
          </cell>
          <cell r="FS222">
            <v>1</v>
          </cell>
          <cell r="FT222" t="str">
            <v/>
          </cell>
          <cell r="FU222">
            <v>1</v>
          </cell>
          <cell r="FW222" t="str">
            <v/>
          </cell>
          <cell r="FY222" t="str">
            <v/>
          </cell>
          <cell r="GB222">
            <v>1</v>
          </cell>
          <cell r="GD222">
            <v>1</v>
          </cell>
          <cell r="GE222" t="str">
            <v>契約・検査課長　松本　嘉博</v>
          </cell>
          <cell r="GF222">
            <v>4415</v>
          </cell>
          <cell r="GG222" t="str">
            <v>立建設(株)</v>
          </cell>
          <cell r="GH222">
            <v>1159752000</v>
          </cell>
          <cell r="GI222">
            <v>105432000</v>
          </cell>
          <cell r="GJ222">
            <v>115976000</v>
          </cell>
          <cell r="GK222">
            <v>44160</v>
          </cell>
          <cell r="GL222" t="str">
            <v>一級建築施工管理技士</v>
          </cell>
          <cell r="GM222" t="str">
            <v>下村　勝士</v>
          </cell>
          <cell r="GN222" t="str">
            <v>一級建築施工管理技士</v>
          </cell>
          <cell r="GO222" t="str">
            <v>下村　勝士</v>
          </cell>
          <cell r="GT222" t="str">
            <v>要</v>
          </cell>
          <cell r="GV222">
            <v>149420</v>
          </cell>
          <cell r="GW222">
            <v>0.12883788947981983</v>
          </cell>
          <cell r="HO222" t="str">
            <v/>
          </cell>
          <cell r="HP222" t="str">
            <v>-</v>
          </cell>
          <cell r="HQ222" t="str">
            <v>-</v>
          </cell>
          <cell r="HR222" t="str">
            <v>-</v>
          </cell>
          <cell r="HS222" t="str">
            <v>-</v>
          </cell>
          <cell r="HT222" t="str">
            <v>-</v>
          </cell>
          <cell r="HU222">
            <v>1094000000</v>
          </cell>
          <cell r="HV222" t="str">
            <v>-</v>
          </cell>
          <cell r="HW222" t="str">
            <v>-</v>
          </cell>
          <cell r="HX222">
            <v>1150000000</v>
          </cell>
          <cell r="HY222">
            <v>1054320000</v>
          </cell>
          <cell r="JD222" t="str">
            <v/>
          </cell>
          <cell r="JE222" t="str">
            <v/>
          </cell>
          <cell r="JF222" t="str">
            <v/>
          </cell>
          <cell r="JG222" t="str">
            <v/>
          </cell>
          <cell r="JH222">
            <v>34</v>
          </cell>
          <cell r="JI222">
            <v>34</v>
          </cell>
          <cell r="JJ222" t="str">
            <v/>
          </cell>
          <cell r="JK222" t="str">
            <v/>
          </cell>
          <cell r="JL222" t="str">
            <v/>
          </cell>
          <cell r="JM222" t="str">
            <v/>
          </cell>
          <cell r="JN222" t="str">
            <v/>
          </cell>
          <cell r="JO222" t="str">
            <v/>
          </cell>
          <cell r="JP222" t="str">
            <v/>
          </cell>
          <cell r="JQ222" t="str">
            <v/>
          </cell>
          <cell r="JR222" t="str">
            <v/>
          </cell>
          <cell r="JS222" t="str">
            <v/>
          </cell>
          <cell r="JT222" t="str">
            <v/>
          </cell>
          <cell r="JU222" t="str">
            <v/>
          </cell>
          <cell r="JV222" t="str">
            <v/>
          </cell>
          <cell r="JW222" t="str">
            <v/>
          </cell>
          <cell r="JX222" t="str">
            <v/>
          </cell>
          <cell r="JY222" t="str">
            <v/>
          </cell>
          <cell r="JZ222">
            <v>0.91999999999999993</v>
          </cell>
        </row>
        <row r="223">
          <cell r="C223" t="str">
            <v/>
          </cell>
          <cell r="D223" t="str">
            <v/>
          </cell>
          <cell r="E223" t="str">
            <v/>
          </cell>
          <cell r="I223">
            <v>215</v>
          </cell>
          <cell r="M223" t="str">
            <v>令和２年度伊丹市立南西部こども園整備工事（建築工事）</v>
          </cell>
          <cell r="Q223" t="str">
            <v>南西こ園建築</v>
          </cell>
          <cell r="Y223">
            <v>1</v>
          </cell>
          <cell r="AC223">
            <v>1</v>
          </cell>
          <cell r="AI223" t="str">
            <v>伊丹市野間１丁目１０番１６号他</v>
          </cell>
          <cell r="AM223" t="str">
            <v>南西部こども園整備工事にかかる建築工事一式</v>
          </cell>
          <cell r="AQ223">
            <v>5</v>
          </cell>
          <cell r="AU223">
            <v>1</v>
          </cell>
          <cell r="AX223">
            <v>1</v>
          </cell>
          <cell r="AY223">
            <v>44148</v>
          </cell>
          <cell r="AZ223">
            <v>44148</v>
          </cell>
          <cell r="BA223">
            <v>491</v>
          </cell>
          <cell r="BB223">
            <v>44638</v>
          </cell>
          <cell r="BC223">
            <v>20</v>
          </cell>
          <cell r="BD223" t="str">
            <v>○</v>
          </cell>
          <cell r="BE223" t="str">
            <v>○</v>
          </cell>
          <cell r="BF223">
            <v>0.58402777777777781</v>
          </cell>
          <cell r="BG223">
            <v>7440</v>
          </cell>
          <cell r="BH223" t="str">
            <v>井上　達朗</v>
          </cell>
          <cell r="BI223" t="str">
            <v>営繕課</v>
          </cell>
          <cell r="BJ223">
            <v>4619</v>
          </cell>
          <cell r="BN223" t="str">
            <v>建</v>
          </cell>
          <cell r="BO223">
            <v>35</v>
          </cell>
          <cell r="BS223">
            <v>789800000</v>
          </cell>
          <cell r="BT223">
            <v>718000000</v>
          </cell>
          <cell r="BU223">
            <v>1</v>
          </cell>
          <cell r="BV223">
            <v>660560000</v>
          </cell>
          <cell r="BW223">
            <v>569213082</v>
          </cell>
          <cell r="BX223">
            <v>33665052</v>
          </cell>
          <cell r="BY223">
            <v>46506398</v>
          </cell>
          <cell r="BZ223">
            <v>68615468</v>
          </cell>
          <cell r="CD223">
            <v>44105</v>
          </cell>
          <cell r="CH223">
            <v>107</v>
          </cell>
          <cell r="CI223">
            <v>44109</v>
          </cell>
          <cell r="CJ223" t="str">
            <v>特定</v>
          </cell>
          <cell r="CK223" t="str">
            <v>兵庫県内に本店を有すること。又は伊丹市内に支店</v>
          </cell>
          <cell r="CL223" t="str">
            <v>伊丹市内に本店を有する者においては830点以上、その他の者においては1,000点以上</v>
          </cell>
          <cell r="CP223">
            <v>98493</v>
          </cell>
          <cell r="CT223" t="str">
            <v>請負金額が3億5,000万円以上(伊丹市内に本店を有する者においては1億7,000万円以上)</v>
          </cell>
          <cell r="CU223">
            <v>11</v>
          </cell>
          <cell r="CV223">
            <v>1</v>
          </cell>
          <cell r="CW223">
            <v>44117</v>
          </cell>
          <cell r="CX223">
            <v>44119</v>
          </cell>
          <cell r="CY223">
            <v>44120</v>
          </cell>
          <cell r="CZ223">
            <v>44123</v>
          </cell>
          <cell r="DA223">
            <v>44126</v>
          </cell>
          <cell r="DB223">
            <v>44132</v>
          </cell>
          <cell r="DC223">
            <v>30</v>
          </cell>
          <cell r="DD223" t="str">
            <v>○</v>
          </cell>
          <cell r="DL223">
            <v>6</v>
          </cell>
          <cell r="DM223">
            <v>21</v>
          </cell>
          <cell r="DN223">
            <v>23</v>
          </cell>
          <cell r="DO223">
            <v>26</v>
          </cell>
          <cell r="DP223">
            <v>2322</v>
          </cell>
          <cell r="DQ223">
            <v>2437</v>
          </cell>
          <cell r="DR223">
            <v>2908</v>
          </cell>
          <cell r="DS223">
            <v>4071</v>
          </cell>
          <cell r="DT223">
            <v>4237</v>
          </cell>
          <cell r="DU223">
            <v>4388</v>
          </cell>
          <cell r="DV223">
            <v>4415</v>
          </cell>
          <cell r="EZ223">
            <v>11</v>
          </cell>
          <cell r="FA223">
            <v>12</v>
          </cell>
          <cell r="FI223">
            <v>1</v>
          </cell>
          <cell r="FJ223" t="str">
            <v>制限付一般競争入札</v>
          </cell>
          <cell r="FN223">
            <v>4</v>
          </cell>
          <cell r="FO223" t="str">
            <v>電子入札</v>
          </cell>
          <cell r="FS223">
            <v>1</v>
          </cell>
          <cell r="FT223" t="str">
            <v/>
          </cell>
          <cell r="FU223">
            <v>1</v>
          </cell>
          <cell r="FW223" t="str">
            <v/>
          </cell>
          <cell r="FY223" t="str">
            <v/>
          </cell>
          <cell r="GB223">
            <v>1</v>
          </cell>
          <cell r="GD223">
            <v>1</v>
          </cell>
          <cell r="GE223" t="str">
            <v>契約・検査課長　松本　嘉博</v>
          </cell>
          <cell r="GF223">
            <v>4237</v>
          </cell>
          <cell r="GG223" t="str">
            <v>(株)明和工務店</v>
          </cell>
          <cell r="GH223">
            <v>726616000</v>
          </cell>
          <cell r="GI223">
            <v>66056000</v>
          </cell>
          <cell r="GJ223">
            <v>72662000</v>
          </cell>
          <cell r="GK223">
            <v>44188</v>
          </cell>
          <cell r="GL223" t="str">
            <v>１級建築施工管理技士</v>
          </cell>
          <cell r="GM223" t="str">
            <v>橋本　孝</v>
          </cell>
          <cell r="GN223" t="str">
            <v>１級建築施工管理技士</v>
          </cell>
          <cell r="GO223" t="str">
            <v>橋本　孝</v>
          </cell>
          <cell r="GT223" t="str">
            <v>要</v>
          </cell>
          <cell r="GU223" t="str">
            <v>済</v>
          </cell>
          <cell r="GW223" t="str">
            <v/>
          </cell>
          <cell r="HO223" t="str">
            <v/>
          </cell>
          <cell r="HP223">
            <v>660560000</v>
          </cell>
          <cell r="HQ223">
            <v>660560000</v>
          </cell>
          <cell r="HR223">
            <v>660560000</v>
          </cell>
          <cell r="HS223" t="str">
            <v>-</v>
          </cell>
          <cell r="HT223">
            <v>660560000</v>
          </cell>
          <cell r="HU223" t="str">
            <v>-</v>
          </cell>
          <cell r="HV223">
            <v>660560000</v>
          </cell>
          <cell r="HW223">
            <v>660560000</v>
          </cell>
          <cell r="HX223">
            <v>660560000</v>
          </cell>
          <cell r="HY223">
            <v>660560000</v>
          </cell>
          <cell r="HZ223">
            <v>660560000</v>
          </cell>
          <cell r="JD223" t="str">
            <v/>
          </cell>
          <cell r="JE223" t="str">
            <v/>
          </cell>
          <cell r="JF223" t="str">
            <v/>
          </cell>
          <cell r="JG223" t="str">
            <v/>
          </cell>
          <cell r="JH223">
            <v>35</v>
          </cell>
          <cell r="JI223">
            <v>35</v>
          </cell>
          <cell r="JJ223" t="str">
            <v/>
          </cell>
          <cell r="JK223" t="str">
            <v/>
          </cell>
          <cell r="JL223" t="str">
            <v/>
          </cell>
          <cell r="JM223" t="str">
            <v/>
          </cell>
          <cell r="JN223" t="str">
            <v/>
          </cell>
          <cell r="JO223" t="str">
            <v/>
          </cell>
          <cell r="JP223" t="str">
            <v/>
          </cell>
          <cell r="JQ223" t="str">
            <v/>
          </cell>
          <cell r="JR223" t="str">
            <v/>
          </cell>
          <cell r="JS223" t="str">
            <v/>
          </cell>
          <cell r="JT223" t="str">
            <v/>
          </cell>
          <cell r="JU223" t="str">
            <v/>
          </cell>
          <cell r="JV223" t="str">
            <v/>
          </cell>
          <cell r="JW223" t="str">
            <v/>
          </cell>
          <cell r="JX223" t="str">
            <v/>
          </cell>
          <cell r="JY223" t="str">
            <v/>
          </cell>
          <cell r="JZ223">
            <v>0.92</v>
          </cell>
        </row>
        <row r="224">
          <cell r="C224" t="str">
            <v/>
          </cell>
          <cell r="D224" t="str">
            <v/>
          </cell>
          <cell r="E224" t="str">
            <v/>
          </cell>
          <cell r="I224">
            <v>216</v>
          </cell>
          <cell r="M224" t="str">
            <v>令和２年度伊丹市立南西部こども園整備工事（機械設備工事）</v>
          </cell>
          <cell r="Q224" t="str">
            <v>南西こ園機械</v>
          </cell>
          <cell r="Y224">
            <v>1</v>
          </cell>
          <cell r="AC224">
            <v>4</v>
          </cell>
          <cell r="AI224" t="str">
            <v>伊丹市野間１丁目１０番１６号他</v>
          </cell>
          <cell r="AM224" t="str">
            <v>南西部こども園整備工事にかかる機械設備工事一式</v>
          </cell>
          <cell r="AQ224">
            <v>5</v>
          </cell>
          <cell r="AU224">
            <v>1</v>
          </cell>
          <cell r="AX224">
            <v>1</v>
          </cell>
          <cell r="AY224">
            <v>44148</v>
          </cell>
          <cell r="AZ224">
            <v>44148</v>
          </cell>
          <cell r="BA224">
            <v>491</v>
          </cell>
          <cell r="BB224">
            <v>44638</v>
          </cell>
          <cell r="BC224">
            <v>20</v>
          </cell>
          <cell r="BD224" t="str">
            <v>○</v>
          </cell>
          <cell r="BE224" t="str">
            <v>○</v>
          </cell>
          <cell r="BF224">
            <v>0.58472222222222225</v>
          </cell>
          <cell r="BG224">
            <v>7642</v>
          </cell>
          <cell r="BH224" t="str">
            <v>助田  輝</v>
          </cell>
          <cell r="BI224" t="str">
            <v>営繕課</v>
          </cell>
          <cell r="BJ224">
            <v>4670</v>
          </cell>
          <cell r="BN224" t="str">
            <v>建</v>
          </cell>
          <cell r="BO224">
            <v>36</v>
          </cell>
          <cell r="BS224">
            <v>157300000</v>
          </cell>
          <cell r="BT224">
            <v>143000000</v>
          </cell>
          <cell r="BU224">
            <v>1</v>
          </cell>
          <cell r="BV224">
            <v>131440000</v>
          </cell>
          <cell r="BW224">
            <v>109961038</v>
          </cell>
          <cell r="BX224">
            <v>4254210</v>
          </cell>
          <cell r="BY224">
            <v>14626732</v>
          </cell>
          <cell r="BZ224">
            <v>14158020</v>
          </cell>
          <cell r="CD224">
            <v>44105</v>
          </cell>
          <cell r="CH224">
            <v>108</v>
          </cell>
          <cell r="CI224">
            <v>44109</v>
          </cell>
          <cell r="CJ224" t="str">
            <v>特定</v>
          </cell>
          <cell r="CK224" t="str">
            <v>兵庫県内に本店又は支店</v>
          </cell>
          <cell r="CL224" t="str">
            <v>伊丹市内に本店を有する者においては730点以上、伊丹市内に支店を有する者においては900点以上、その他の者においては1,100点以上</v>
          </cell>
          <cell r="CP224">
            <v>48897</v>
          </cell>
          <cell r="CT224" t="str">
            <v>請負金額が7,100万円以上(伊丹市内に本店を有する者においては3,500万円以上)</v>
          </cell>
          <cell r="CU224">
            <v>1</v>
          </cell>
          <cell r="CW224">
            <v>44117</v>
          </cell>
          <cell r="CX224">
            <v>44119</v>
          </cell>
          <cell r="CY224">
            <v>44120</v>
          </cell>
          <cell r="CZ224">
            <v>44123</v>
          </cell>
          <cell r="DA224">
            <v>44126</v>
          </cell>
          <cell r="DB224">
            <v>44132</v>
          </cell>
          <cell r="DC224">
            <v>23</v>
          </cell>
          <cell r="DD224" t="str">
            <v>○</v>
          </cell>
          <cell r="DL224">
            <v>63</v>
          </cell>
          <cell r="DM224">
            <v>2411</v>
          </cell>
          <cell r="DN224">
            <v>4360</v>
          </cell>
          <cell r="EZ224">
            <v>3</v>
          </cell>
          <cell r="FA224">
            <v>10</v>
          </cell>
          <cell r="FI224">
            <v>1</v>
          </cell>
          <cell r="FJ224" t="str">
            <v>制限付一般競争入札</v>
          </cell>
          <cell r="FN224">
            <v>4</v>
          </cell>
          <cell r="FO224" t="str">
            <v>電子入札</v>
          </cell>
          <cell r="FS224">
            <v>1</v>
          </cell>
          <cell r="FT224" t="str">
            <v/>
          </cell>
          <cell r="FU224">
            <v>1</v>
          </cell>
          <cell r="FW224" t="str">
            <v/>
          </cell>
          <cell r="FY224" t="str">
            <v/>
          </cell>
          <cell r="GB224">
            <v>1</v>
          </cell>
          <cell r="GD224">
            <v>1</v>
          </cell>
          <cell r="GE224" t="str">
            <v>契約・検査課長　松本　嘉博</v>
          </cell>
          <cell r="GF224">
            <v>2411</v>
          </cell>
          <cell r="GG224" t="str">
            <v>川崎設備工業(株)</v>
          </cell>
          <cell r="GH224">
            <v>149600000</v>
          </cell>
          <cell r="GI224">
            <v>13600000</v>
          </cell>
          <cell r="GJ224">
            <v>14960000</v>
          </cell>
          <cell r="GK224">
            <v>44188</v>
          </cell>
          <cell r="GM224" t="str">
            <v>濱口　稔晶</v>
          </cell>
          <cell r="GN224" t="str">
            <v>一管施</v>
          </cell>
          <cell r="GO224" t="str">
            <v>高垣　幸平</v>
          </cell>
          <cell r="GT224" t="str">
            <v>要</v>
          </cell>
          <cell r="GU224" t="str">
            <v>済</v>
          </cell>
          <cell r="GV224">
            <v>44950</v>
          </cell>
          <cell r="GW224">
            <v>0.30046791443850268</v>
          </cell>
          <cell r="HO224" t="str">
            <v/>
          </cell>
          <cell r="HP224">
            <v>130900000</v>
          </cell>
          <cell r="HQ224">
            <v>136000000</v>
          </cell>
          <cell r="HR224">
            <v>131400000</v>
          </cell>
          <cell r="JD224" t="str">
            <v/>
          </cell>
          <cell r="JE224" t="str">
            <v/>
          </cell>
          <cell r="JF224" t="str">
            <v/>
          </cell>
          <cell r="JG224" t="str">
            <v/>
          </cell>
          <cell r="JH224">
            <v>36</v>
          </cell>
          <cell r="JI224">
            <v>36</v>
          </cell>
          <cell r="JJ224" t="str">
            <v/>
          </cell>
          <cell r="JK224" t="str">
            <v/>
          </cell>
          <cell r="JL224" t="str">
            <v/>
          </cell>
          <cell r="JM224" t="str">
            <v/>
          </cell>
          <cell r="JN224" t="str">
            <v/>
          </cell>
          <cell r="JO224" t="str">
            <v/>
          </cell>
          <cell r="JP224" t="str">
            <v/>
          </cell>
          <cell r="JQ224" t="str">
            <v/>
          </cell>
          <cell r="JR224" t="str">
            <v/>
          </cell>
          <cell r="JS224" t="str">
            <v/>
          </cell>
          <cell r="JT224" t="str">
            <v/>
          </cell>
          <cell r="JU224" t="str">
            <v/>
          </cell>
          <cell r="JV224" t="str">
            <v/>
          </cell>
          <cell r="JW224" t="str">
            <v/>
          </cell>
          <cell r="JX224" t="str">
            <v/>
          </cell>
          <cell r="JY224" t="str">
            <v/>
          </cell>
          <cell r="JZ224">
            <v>0.95104895104895104</v>
          </cell>
        </row>
        <row r="225">
          <cell r="C225" t="str">
            <v/>
          </cell>
          <cell r="D225" t="str">
            <v/>
          </cell>
          <cell r="E225" t="str">
            <v/>
          </cell>
          <cell r="I225">
            <v>217</v>
          </cell>
          <cell r="M225" t="str">
            <v>令和２年度伊丹市立南西部こども園整備工事（電気設備工事）</v>
          </cell>
          <cell r="Q225" t="str">
            <v>南西こ園電気</v>
          </cell>
          <cell r="Y225">
            <v>1</v>
          </cell>
          <cell r="AC225">
            <v>5</v>
          </cell>
          <cell r="AI225" t="str">
            <v>伊丹市野間１丁目１０番１６号他</v>
          </cell>
          <cell r="AM225" t="str">
            <v>南西部こども園整備工事にかかる電気設備工事一式</v>
          </cell>
          <cell r="AQ225">
            <v>5</v>
          </cell>
          <cell r="AU225">
            <v>1</v>
          </cell>
          <cell r="AX225">
            <v>1</v>
          </cell>
          <cell r="AY225">
            <v>44148</v>
          </cell>
          <cell r="AZ225">
            <v>44148</v>
          </cell>
          <cell r="BA225">
            <v>491</v>
          </cell>
          <cell r="BB225">
            <v>44638</v>
          </cell>
          <cell r="BC225">
            <v>20</v>
          </cell>
          <cell r="BD225" t="str">
            <v>○</v>
          </cell>
          <cell r="BE225" t="str">
            <v>○</v>
          </cell>
          <cell r="BF225">
            <v>0.5854166666666667</v>
          </cell>
          <cell r="BG225">
            <v>7099</v>
          </cell>
          <cell r="BH225" t="str">
            <v>清水　大貴</v>
          </cell>
          <cell r="BI225" t="str">
            <v>営繕課</v>
          </cell>
          <cell r="BJ225">
            <v>4541</v>
          </cell>
          <cell r="BN225" t="str">
            <v>建</v>
          </cell>
          <cell r="BO225">
            <v>37</v>
          </cell>
          <cell r="BS225">
            <v>107910000</v>
          </cell>
          <cell r="BT225">
            <v>98100000</v>
          </cell>
          <cell r="BU225">
            <v>1</v>
          </cell>
          <cell r="BV225">
            <v>89440000</v>
          </cell>
          <cell r="BW225">
            <v>71384401</v>
          </cell>
          <cell r="BX225">
            <v>3076667</v>
          </cell>
          <cell r="BY225">
            <v>12673273</v>
          </cell>
          <cell r="BZ225">
            <v>10965659</v>
          </cell>
          <cell r="CD225">
            <v>44105</v>
          </cell>
          <cell r="CH225">
            <v>109</v>
          </cell>
          <cell r="CI225">
            <v>44109</v>
          </cell>
          <cell r="CJ225" t="str">
            <v>特定</v>
          </cell>
          <cell r="CK225" t="str">
            <v>神戸市、尼崎市、西宮市、芦屋市、宝塚市、川西市、伊丹市内に本店を有すること。又は伊丹市内に支店</v>
          </cell>
          <cell r="CL225" t="str">
            <v>伊丹市内に本店を有する者においては750点以上、その他の者においては900点以上</v>
          </cell>
          <cell r="CP225">
            <v>32196</v>
          </cell>
          <cell r="CT225" t="str">
            <v>請負金額が4,900万円以上(伊丹市内に本店を有する者においては2,500万円以上)</v>
          </cell>
          <cell r="CU225">
            <v>2</v>
          </cell>
          <cell r="CW225">
            <v>44117</v>
          </cell>
          <cell r="CX225">
            <v>44119</v>
          </cell>
          <cell r="CY225">
            <v>44120</v>
          </cell>
          <cell r="CZ225">
            <v>44123</v>
          </cell>
          <cell r="DA225">
            <v>44126</v>
          </cell>
          <cell r="DB225">
            <v>44132</v>
          </cell>
          <cell r="DC225">
            <v>23</v>
          </cell>
          <cell r="DD225" t="str">
            <v>○</v>
          </cell>
          <cell r="DL225">
            <v>63</v>
          </cell>
          <cell r="DM225">
            <v>368</v>
          </cell>
          <cell r="DN225">
            <v>2350</v>
          </cell>
          <cell r="DO225">
            <v>2986</v>
          </cell>
          <cell r="DP225">
            <v>3237</v>
          </cell>
          <cell r="DQ225">
            <v>3570</v>
          </cell>
          <cell r="DR225">
            <v>3676</v>
          </cell>
          <cell r="DS225">
            <v>3822</v>
          </cell>
          <cell r="DT225">
            <v>3989</v>
          </cell>
          <cell r="DU225">
            <v>3992</v>
          </cell>
          <cell r="DV225">
            <v>4048</v>
          </cell>
          <cell r="DW225">
            <v>4237</v>
          </cell>
          <cell r="DX225">
            <v>4297</v>
          </cell>
          <cell r="EZ225">
            <v>13</v>
          </cell>
          <cell r="FA225">
            <v>10</v>
          </cell>
          <cell r="FI225">
            <v>1</v>
          </cell>
          <cell r="FJ225" t="str">
            <v>制限付一般競争入札</v>
          </cell>
          <cell r="FN225">
            <v>4</v>
          </cell>
          <cell r="FO225" t="str">
            <v>電子入札</v>
          </cell>
          <cell r="FS225">
            <v>1</v>
          </cell>
          <cell r="FT225" t="str">
            <v/>
          </cell>
          <cell r="FU225" t="str">
            <v/>
          </cell>
          <cell r="FW225">
            <v>1</v>
          </cell>
          <cell r="FY225" t="str">
            <v>未</v>
          </cell>
          <cell r="GB225">
            <v>1</v>
          </cell>
          <cell r="GC225">
            <v>1</v>
          </cell>
          <cell r="GD225">
            <v>1</v>
          </cell>
          <cell r="GE225" t="str">
            <v>契約・検査課長　松本　嘉博</v>
          </cell>
          <cell r="GF225">
            <v>3676</v>
          </cell>
          <cell r="GG225" t="str">
            <v>(株)ニューテック</v>
          </cell>
          <cell r="GH225">
            <v>98780000</v>
          </cell>
          <cell r="GI225">
            <v>8980000</v>
          </cell>
          <cell r="GJ225">
            <v>9878000</v>
          </cell>
          <cell r="GL225" t="str">
            <v>1級電気工事施工管理技士</v>
          </cell>
          <cell r="GM225" t="str">
            <v>大野　博申</v>
          </cell>
          <cell r="GN225" t="str">
            <v>1級電気工事施工管理技士</v>
          </cell>
          <cell r="GO225" t="str">
            <v>大野　博申</v>
          </cell>
          <cell r="GT225" t="str">
            <v>要</v>
          </cell>
          <cell r="GU225" t="str">
            <v>済</v>
          </cell>
          <cell r="GV225">
            <v>31000</v>
          </cell>
          <cell r="GW225">
            <v>0.3138287102652359</v>
          </cell>
          <cell r="HO225" t="str">
            <v/>
          </cell>
          <cell r="HP225">
            <v>89980000</v>
          </cell>
          <cell r="HQ225">
            <v>90250000</v>
          </cell>
          <cell r="HR225">
            <v>90250000</v>
          </cell>
          <cell r="HS225">
            <v>98100000</v>
          </cell>
          <cell r="HT225" t="str">
            <v>-</v>
          </cell>
          <cell r="HU225">
            <v>89835000</v>
          </cell>
          <cell r="HV225">
            <v>89800000</v>
          </cell>
          <cell r="HW225">
            <v>89400000</v>
          </cell>
          <cell r="HX225">
            <v>88895000</v>
          </cell>
          <cell r="HY225">
            <v>90060000</v>
          </cell>
          <cell r="HZ225">
            <v>89800000</v>
          </cell>
          <cell r="IA225">
            <v>88753000</v>
          </cell>
          <cell r="IB225">
            <v>84000000</v>
          </cell>
          <cell r="JD225" t="str">
            <v/>
          </cell>
          <cell r="JE225" t="str">
            <v/>
          </cell>
          <cell r="JF225" t="str">
            <v/>
          </cell>
          <cell r="JG225" t="str">
            <v/>
          </cell>
          <cell r="JH225">
            <v>37</v>
          </cell>
          <cell r="JI225">
            <v>37</v>
          </cell>
          <cell r="JJ225" t="str">
            <v/>
          </cell>
          <cell r="JK225" t="str">
            <v/>
          </cell>
          <cell r="JL225" t="str">
            <v/>
          </cell>
          <cell r="JM225" t="str">
            <v/>
          </cell>
          <cell r="JN225" t="str">
            <v/>
          </cell>
          <cell r="JO225" t="str">
            <v/>
          </cell>
          <cell r="JP225" t="str">
            <v/>
          </cell>
          <cell r="JQ225" t="str">
            <v/>
          </cell>
          <cell r="JR225" t="str">
            <v/>
          </cell>
          <cell r="JS225" t="str">
            <v/>
          </cell>
          <cell r="JT225" t="str">
            <v/>
          </cell>
          <cell r="JU225" t="str">
            <v/>
          </cell>
          <cell r="JV225" t="str">
            <v/>
          </cell>
          <cell r="JW225" t="str">
            <v/>
          </cell>
          <cell r="JX225" t="str">
            <v/>
          </cell>
          <cell r="JY225" t="str">
            <v/>
          </cell>
          <cell r="JZ225">
            <v>0.91539245667686031</v>
          </cell>
        </row>
        <row r="226">
          <cell r="C226" t="str">
            <v/>
          </cell>
          <cell r="D226" t="str">
            <v/>
          </cell>
          <cell r="E226" t="str">
            <v/>
          </cell>
          <cell r="I226">
            <v>218</v>
          </cell>
          <cell r="M226" t="str">
            <v>令和２年度伊丹市立文化会館舞台運用カメラ設備他更新工事</v>
          </cell>
          <cell r="Q226" t="str">
            <v>文会館カメラ</v>
          </cell>
          <cell r="Y226">
            <v>1</v>
          </cell>
          <cell r="AC226">
            <v>5</v>
          </cell>
          <cell r="AI226" t="str">
            <v>伊丹市宮ノ前３丁目１番３号</v>
          </cell>
          <cell r="AM226" t="str">
            <v>舞台運用カメラ設備他更新工事一式</v>
          </cell>
          <cell r="AQ226">
            <v>2</v>
          </cell>
          <cell r="AY226">
            <v>44133</v>
          </cell>
          <cell r="AZ226">
            <v>44134</v>
          </cell>
          <cell r="BA226">
            <v>153</v>
          </cell>
          <cell r="BB226">
            <v>44286</v>
          </cell>
          <cell r="BC226">
            <v>12</v>
          </cell>
          <cell r="BD226" t="str">
            <v>○</v>
          </cell>
          <cell r="BE226" t="str">
            <v>○</v>
          </cell>
          <cell r="BF226">
            <v>0.41736111111111113</v>
          </cell>
          <cell r="BG226">
            <v>7800</v>
          </cell>
          <cell r="BH226" t="str">
            <v>野田　開斗</v>
          </cell>
          <cell r="BI226" t="str">
            <v>営繕課</v>
          </cell>
          <cell r="BJ226">
            <v>4809</v>
          </cell>
          <cell r="BN226" t="str">
            <v>建</v>
          </cell>
          <cell r="BO226">
            <v>38</v>
          </cell>
          <cell r="BS226">
            <v>29700000</v>
          </cell>
          <cell r="BT226">
            <v>27000000</v>
          </cell>
          <cell r="BU226">
            <v>1</v>
          </cell>
          <cell r="BV226">
            <v>24590000</v>
          </cell>
          <cell r="BW226">
            <v>21161334</v>
          </cell>
          <cell r="BX226">
            <v>322025</v>
          </cell>
          <cell r="BY226">
            <v>2128485</v>
          </cell>
          <cell r="BZ226">
            <v>3388156</v>
          </cell>
          <cell r="CH226">
            <v>110</v>
          </cell>
          <cell r="CI226">
            <v>44104</v>
          </cell>
          <cell r="CJ226" t="str">
            <v>一般</v>
          </cell>
          <cell r="CK226" t="str">
            <v>伊丹市内に本店</v>
          </cell>
          <cell r="CL226" t="str">
            <v>550点以上</v>
          </cell>
          <cell r="CP226">
            <v>49661</v>
          </cell>
          <cell r="CT226" t="str">
            <v>請負金額が700万円以上</v>
          </cell>
          <cell r="CW226">
            <v>44112</v>
          </cell>
          <cell r="CX226">
            <v>44116</v>
          </cell>
          <cell r="CY226">
            <v>44117</v>
          </cell>
          <cell r="CZ226">
            <v>44118</v>
          </cell>
          <cell r="DA226">
            <v>44120</v>
          </cell>
          <cell r="DB226">
            <v>44125</v>
          </cell>
          <cell r="DC226">
            <v>12</v>
          </cell>
          <cell r="DD226" t="str">
            <v>○</v>
          </cell>
          <cell r="DL226">
            <v>63</v>
          </cell>
          <cell r="DM226">
            <v>83</v>
          </cell>
          <cell r="DN226">
            <v>93</v>
          </cell>
          <cell r="DO226">
            <v>128</v>
          </cell>
          <cell r="DP226">
            <v>545</v>
          </cell>
          <cell r="DQ226">
            <v>549</v>
          </cell>
          <cell r="DR226">
            <v>557</v>
          </cell>
          <cell r="DS226">
            <v>562</v>
          </cell>
          <cell r="EZ226">
            <v>8</v>
          </cell>
          <cell r="FA226">
            <v>8</v>
          </cell>
          <cell r="FI226">
            <v>1</v>
          </cell>
          <cell r="FJ226" t="str">
            <v>制限付一般競争入札</v>
          </cell>
          <cell r="FN226">
            <v>4</v>
          </cell>
          <cell r="FO226" t="str">
            <v>電子入札</v>
          </cell>
          <cell r="FS226">
            <v>1</v>
          </cell>
          <cell r="FT226" t="str">
            <v/>
          </cell>
          <cell r="FU226" t="str">
            <v/>
          </cell>
          <cell r="FW226" t="str">
            <v/>
          </cell>
          <cell r="FY226" t="str">
            <v/>
          </cell>
          <cell r="GD226">
            <v>1</v>
          </cell>
          <cell r="GE226" t="str">
            <v>契約・検査課長　松本　嘉博</v>
          </cell>
          <cell r="GF226">
            <v>562</v>
          </cell>
          <cell r="GG226" t="str">
            <v>(株)吉澤</v>
          </cell>
          <cell r="GH226">
            <v>27082000</v>
          </cell>
          <cell r="GI226">
            <v>2462000</v>
          </cell>
          <cell r="GJ226">
            <v>2709000</v>
          </cell>
          <cell r="GM226" t="str">
            <v>吉澤　嘉彦</v>
          </cell>
          <cell r="GN226" t="str">
            <v>第一種電気工事士</v>
          </cell>
          <cell r="GO226" t="str">
            <v>吉澤　努</v>
          </cell>
          <cell r="GT226" t="str">
            <v>要</v>
          </cell>
          <cell r="GV226">
            <v>57040</v>
          </cell>
          <cell r="GW226">
            <v>2.1061959973414077</v>
          </cell>
          <cell r="HO226" t="str">
            <v/>
          </cell>
          <cell r="HP226">
            <v>24420000</v>
          </cell>
          <cell r="HQ226">
            <v>26320000</v>
          </cell>
          <cell r="HR226">
            <v>24400000</v>
          </cell>
          <cell r="HS226">
            <v>24840000</v>
          </cell>
          <cell r="HT226">
            <v>24810000</v>
          </cell>
          <cell r="HU226">
            <v>26000000</v>
          </cell>
          <cell r="HV226">
            <v>24550000</v>
          </cell>
          <cell r="HW226">
            <v>24620000</v>
          </cell>
          <cell r="JD226" t="str">
            <v/>
          </cell>
          <cell r="JE226" t="str">
            <v/>
          </cell>
          <cell r="JF226" t="str">
            <v/>
          </cell>
          <cell r="JG226" t="str">
            <v/>
          </cell>
          <cell r="JH226">
            <v>38</v>
          </cell>
          <cell r="JI226">
            <v>38</v>
          </cell>
          <cell r="JJ226" t="str">
            <v/>
          </cell>
          <cell r="JK226" t="str">
            <v/>
          </cell>
          <cell r="JL226" t="str">
            <v/>
          </cell>
          <cell r="JM226" t="str">
            <v/>
          </cell>
          <cell r="JN226" t="str">
            <v/>
          </cell>
          <cell r="JO226" t="str">
            <v/>
          </cell>
          <cell r="JP226" t="str">
            <v/>
          </cell>
          <cell r="JQ226" t="str">
            <v/>
          </cell>
          <cell r="JR226" t="str">
            <v/>
          </cell>
          <cell r="JS226" t="str">
            <v/>
          </cell>
          <cell r="JT226" t="str">
            <v/>
          </cell>
          <cell r="JU226" t="str">
            <v/>
          </cell>
          <cell r="JV226" t="str">
            <v/>
          </cell>
          <cell r="JW226" t="str">
            <v/>
          </cell>
          <cell r="JX226" t="str">
            <v/>
          </cell>
          <cell r="JY226" t="str">
            <v/>
          </cell>
          <cell r="JZ226">
            <v>0.91185185185185169</v>
          </cell>
        </row>
        <row r="227">
          <cell r="C227" t="str">
            <v/>
          </cell>
          <cell r="D227" t="str">
            <v/>
          </cell>
          <cell r="E227" t="str">
            <v/>
          </cell>
          <cell r="I227">
            <v>219</v>
          </cell>
          <cell r="M227" t="str">
            <v>令和２年度伊丹市神津墓地合葬墓整備工事</v>
          </cell>
          <cell r="Q227" t="str">
            <v>神津合葬墓</v>
          </cell>
          <cell r="Y227">
            <v>1</v>
          </cell>
          <cell r="AC227">
            <v>1</v>
          </cell>
          <cell r="AI227" t="str">
            <v>伊丹市岩屋１丁目６１４番地</v>
          </cell>
          <cell r="AM227" t="str">
            <v>建築工事一式</v>
          </cell>
          <cell r="AQ227">
            <v>2</v>
          </cell>
          <cell r="AY227">
            <v>44133</v>
          </cell>
          <cell r="AZ227">
            <v>44134</v>
          </cell>
          <cell r="BA227">
            <v>153</v>
          </cell>
          <cell r="BB227">
            <v>44286</v>
          </cell>
          <cell r="BC227">
            <v>12</v>
          </cell>
          <cell r="BD227" t="str">
            <v>○</v>
          </cell>
          <cell r="BE227" t="str">
            <v>○</v>
          </cell>
          <cell r="BF227">
            <v>0.41805555555555557</v>
          </cell>
          <cell r="BG227">
            <v>7442</v>
          </cell>
          <cell r="BH227" t="str">
            <v>前田　剛</v>
          </cell>
          <cell r="BI227" t="str">
            <v>営繕課</v>
          </cell>
          <cell r="BJ227">
            <v>4621</v>
          </cell>
          <cell r="BN227" t="str">
            <v>建</v>
          </cell>
          <cell r="BO227">
            <v>39</v>
          </cell>
          <cell r="BS227">
            <v>28490000</v>
          </cell>
          <cell r="BT227">
            <v>25900000</v>
          </cell>
          <cell r="BU227">
            <v>1</v>
          </cell>
          <cell r="BV227">
            <v>23450000</v>
          </cell>
          <cell r="BW227">
            <v>19014914</v>
          </cell>
          <cell r="BX227">
            <v>973924</v>
          </cell>
          <cell r="BY227">
            <v>2530291</v>
          </cell>
          <cell r="BZ227">
            <v>3380871</v>
          </cell>
          <cell r="CH227">
            <v>111</v>
          </cell>
          <cell r="CI227">
            <v>44104</v>
          </cell>
          <cell r="CJ227" t="str">
            <v>一般</v>
          </cell>
          <cell r="CK227" t="str">
            <v>伊丹市内に本店</v>
          </cell>
          <cell r="CL227" t="str">
            <v>750点未満</v>
          </cell>
          <cell r="CP227">
            <v>69893</v>
          </cell>
          <cell r="CT227" t="str">
            <v>請負金額が700万円以上</v>
          </cell>
          <cell r="CW227">
            <v>44112</v>
          </cell>
          <cell r="CX227">
            <v>44116</v>
          </cell>
          <cell r="CY227">
            <v>44117</v>
          </cell>
          <cell r="CZ227">
            <v>44118</v>
          </cell>
          <cell r="DA227">
            <v>44120</v>
          </cell>
          <cell r="DB227">
            <v>44125</v>
          </cell>
          <cell r="DC227">
            <v>20</v>
          </cell>
          <cell r="DD227" t="str">
            <v>○</v>
          </cell>
          <cell r="DL227">
            <v>48</v>
          </cell>
          <cell r="DM227">
            <v>65</v>
          </cell>
          <cell r="DN227">
            <v>193</v>
          </cell>
          <cell r="DO227">
            <v>211</v>
          </cell>
          <cell r="EZ227">
            <v>4</v>
          </cell>
          <cell r="FA227">
            <v>8</v>
          </cell>
          <cell r="FI227">
            <v>1</v>
          </cell>
          <cell r="FJ227" t="str">
            <v>制限付一般競争入札</v>
          </cell>
          <cell r="FN227">
            <v>4</v>
          </cell>
          <cell r="FO227" t="str">
            <v>電子入札</v>
          </cell>
          <cell r="FS227">
            <v>1</v>
          </cell>
          <cell r="FT227" t="str">
            <v/>
          </cell>
          <cell r="FU227" t="str">
            <v/>
          </cell>
          <cell r="FW227" t="str">
            <v/>
          </cell>
          <cell r="FY227" t="str">
            <v/>
          </cell>
          <cell r="GC227">
            <v>1</v>
          </cell>
          <cell r="GD227">
            <v>1</v>
          </cell>
          <cell r="GE227" t="str">
            <v>契約・検査課長　松本　嘉博</v>
          </cell>
          <cell r="GF227">
            <v>65</v>
          </cell>
          <cell r="GG227" t="str">
            <v>(株)備藤工務店</v>
          </cell>
          <cell r="GH227">
            <v>28468000</v>
          </cell>
          <cell r="GI227">
            <v>2588000</v>
          </cell>
          <cell r="GJ227">
            <v>2847000</v>
          </cell>
          <cell r="GL227" t="str">
            <v>１級建築施工管理技士</v>
          </cell>
          <cell r="GM227" t="str">
            <v>後　博昭</v>
          </cell>
          <cell r="GN227" t="str">
            <v>１級建築施工管理技士</v>
          </cell>
          <cell r="GO227" t="str">
            <v>後　博昭</v>
          </cell>
          <cell r="GT227" t="str">
            <v>要</v>
          </cell>
          <cell r="GV227">
            <v>77500</v>
          </cell>
          <cell r="GW227">
            <v>2.7223549248278767</v>
          </cell>
          <cell r="HO227" t="str">
            <v/>
          </cell>
          <cell r="HP227" t="str">
            <v>-</v>
          </cell>
          <cell r="HQ227">
            <v>25880000</v>
          </cell>
          <cell r="HR227">
            <v>22050000</v>
          </cell>
          <cell r="HS227" t="str">
            <v>-</v>
          </cell>
          <cell r="JD227" t="str">
            <v/>
          </cell>
          <cell r="JE227" t="str">
            <v/>
          </cell>
          <cell r="JF227" t="str">
            <v/>
          </cell>
          <cell r="JG227" t="str">
            <v/>
          </cell>
          <cell r="JH227">
            <v>39</v>
          </cell>
          <cell r="JI227">
            <v>39</v>
          </cell>
          <cell r="JJ227" t="str">
            <v/>
          </cell>
          <cell r="JK227" t="str">
            <v/>
          </cell>
          <cell r="JL227" t="str">
            <v/>
          </cell>
          <cell r="JM227" t="str">
            <v/>
          </cell>
          <cell r="JN227" t="str">
            <v/>
          </cell>
          <cell r="JO227" t="str">
            <v/>
          </cell>
          <cell r="JP227" t="str">
            <v/>
          </cell>
          <cell r="JQ227" t="str">
            <v/>
          </cell>
          <cell r="JR227" t="str">
            <v/>
          </cell>
          <cell r="JS227" t="str">
            <v/>
          </cell>
          <cell r="JT227" t="str">
            <v/>
          </cell>
          <cell r="JU227" t="str">
            <v/>
          </cell>
          <cell r="JV227" t="str">
            <v/>
          </cell>
          <cell r="JW227" t="str">
            <v/>
          </cell>
          <cell r="JX227" t="str">
            <v/>
          </cell>
          <cell r="JY227" t="str">
            <v/>
          </cell>
          <cell r="JZ227">
            <v>0.99922779922779903</v>
          </cell>
        </row>
        <row r="228">
          <cell r="C228" t="str">
            <v/>
          </cell>
          <cell r="D228" t="str">
            <v/>
          </cell>
          <cell r="E228" t="str">
            <v/>
          </cell>
          <cell r="I228">
            <v>220</v>
          </cell>
          <cell r="M228" t="str">
            <v>令和２年度伊丹市共同利用施設山田西在センター、瑞原センター及び平松会館空調設備改修工事</v>
          </cell>
          <cell r="Q228" t="str">
            <v>山西Ｃ他空調</v>
          </cell>
          <cell r="Y228">
            <v>1</v>
          </cell>
          <cell r="AC228">
            <v>4</v>
          </cell>
          <cell r="AI228" t="str">
            <v>伊丹市山田５丁目８番２３号他</v>
          </cell>
          <cell r="AM228" t="str">
            <v>空調設備改修工事一式
上記に附帯する建築工事及び電気設備工事一式</v>
          </cell>
          <cell r="AQ228">
            <v>1</v>
          </cell>
          <cell r="AY228">
            <v>44133</v>
          </cell>
          <cell r="AZ228">
            <v>44134</v>
          </cell>
          <cell r="BA228">
            <v>92</v>
          </cell>
          <cell r="BB228">
            <v>44225</v>
          </cell>
          <cell r="BC228">
            <v>12</v>
          </cell>
          <cell r="BD228" t="str">
            <v>○</v>
          </cell>
          <cell r="BE228" t="str">
            <v>○</v>
          </cell>
          <cell r="BF228">
            <v>0.41875000000000001</v>
          </cell>
          <cell r="BG228">
            <v>6877</v>
          </cell>
          <cell r="BH228" t="str">
            <v>井上  祐貴</v>
          </cell>
          <cell r="BI228" t="str">
            <v>営繕課</v>
          </cell>
          <cell r="BJ228">
            <v>3237</v>
          </cell>
          <cell r="BN228" t="str">
            <v>建</v>
          </cell>
          <cell r="BO228">
            <v>40</v>
          </cell>
          <cell r="BS228">
            <v>7865000</v>
          </cell>
          <cell r="BT228">
            <v>7150000</v>
          </cell>
          <cell r="BU228">
            <v>1</v>
          </cell>
          <cell r="BV228">
            <v>6440000</v>
          </cell>
          <cell r="BW228">
            <v>5030871</v>
          </cell>
          <cell r="BX228">
            <v>239601</v>
          </cell>
          <cell r="BY228">
            <v>913779</v>
          </cell>
          <cell r="BZ228">
            <v>965749</v>
          </cell>
          <cell r="CD228" t="str">
            <v/>
          </cell>
          <cell r="CH228">
            <v>112</v>
          </cell>
          <cell r="CI228">
            <v>44104</v>
          </cell>
          <cell r="CJ228" t="str">
            <v>一般</v>
          </cell>
          <cell r="CK228" t="str">
            <v>伊丹市内に本店</v>
          </cell>
          <cell r="CL228" t="str">
            <v>400点以上</v>
          </cell>
          <cell r="CP228">
            <v>95157</v>
          </cell>
          <cell r="CT228" t="str">
            <v>右記</v>
          </cell>
          <cell r="CU228" t="str">
            <v>管工事（空気調和設備を含む）の施工実績を有すること。</v>
          </cell>
          <cell r="CW228">
            <v>44112</v>
          </cell>
          <cell r="CX228">
            <v>44116</v>
          </cell>
          <cell r="CY228">
            <v>44117</v>
          </cell>
          <cell r="CZ228">
            <v>44118</v>
          </cell>
          <cell r="DA228">
            <v>44120</v>
          </cell>
          <cell r="DB228">
            <v>44125</v>
          </cell>
          <cell r="DC228">
            <v>12</v>
          </cell>
          <cell r="DD228" t="str">
            <v>○</v>
          </cell>
          <cell r="DL228">
            <v>63</v>
          </cell>
          <cell r="DM228">
            <v>128</v>
          </cell>
          <cell r="DN228">
            <v>211</v>
          </cell>
          <cell r="DO228">
            <v>474</v>
          </cell>
          <cell r="DP228">
            <v>573</v>
          </cell>
          <cell r="EZ228">
            <v>5</v>
          </cell>
          <cell r="FA228">
            <v>8</v>
          </cell>
          <cell r="FI228">
            <v>1</v>
          </cell>
          <cell r="FJ228" t="str">
            <v>制限付一般競争入札</v>
          </cell>
          <cell r="FN228">
            <v>4</v>
          </cell>
          <cell r="FO228" t="str">
            <v>電子入札</v>
          </cell>
          <cell r="FS228">
            <v>1</v>
          </cell>
          <cell r="FT228" t="str">
            <v/>
          </cell>
          <cell r="FU228" t="str">
            <v/>
          </cell>
          <cell r="FW228" t="str">
            <v/>
          </cell>
          <cell r="FY228" t="str">
            <v/>
          </cell>
          <cell r="GC228">
            <v>1</v>
          </cell>
          <cell r="GD228">
            <v>1</v>
          </cell>
          <cell r="GE228" t="str">
            <v>契約・検査課長　松本　嘉博</v>
          </cell>
          <cell r="GF228">
            <v>211</v>
          </cell>
          <cell r="GG228" t="str">
            <v>(株)深津工務店</v>
          </cell>
          <cell r="GH228">
            <v>7865000</v>
          </cell>
          <cell r="GI228">
            <v>715000</v>
          </cell>
          <cell r="GJ228">
            <v>787000</v>
          </cell>
          <cell r="GM228" t="str">
            <v>深津　留美</v>
          </cell>
          <cell r="GO228" t="str">
            <v>深津　留美</v>
          </cell>
          <cell r="GP228">
            <v>44193</v>
          </cell>
          <cell r="GQ228">
            <v>66</v>
          </cell>
          <cell r="GT228" t="str">
            <v/>
          </cell>
          <cell r="GV228">
            <v>24800</v>
          </cell>
          <cell r="GW228">
            <v>3.153210425937699</v>
          </cell>
          <cell r="HO228" t="str">
            <v/>
          </cell>
          <cell r="HP228" t="str">
            <v>-</v>
          </cell>
          <cell r="HQ228" t="str">
            <v>-</v>
          </cell>
          <cell r="HR228">
            <v>7150000</v>
          </cell>
          <cell r="HS228" t="str">
            <v>-</v>
          </cell>
          <cell r="HT228">
            <v>6420000</v>
          </cell>
          <cell r="JD228" t="str">
            <v/>
          </cell>
          <cell r="JE228" t="str">
            <v/>
          </cell>
          <cell r="JF228" t="str">
            <v/>
          </cell>
          <cell r="JG228" t="str">
            <v/>
          </cell>
          <cell r="JH228">
            <v>40</v>
          </cell>
          <cell r="JI228">
            <v>40</v>
          </cell>
          <cell r="JJ228" t="str">
            <v/>
          </cell>
          <cell r="JK228" t="str">
            <v/>
          </cell>
          <cell r="JL228" t="str">
            <v/>
          </cell>
          <cell r="JM228" t="str">
            <v/>
          </cell>
          <cell r="JN228" t="str">
            <v/>
          </cell>
          <cell r="JO228" t="str">
            <v/>
          </cell>
          <cell r="JP228" t="str">
            <v/>
          </cell>
          <cell r="JQ228" t="str">
            <v/>
          </cell>
          <cell r="JR228" t="str">
            <v/>
          </cell>
          <cell r="JS228" t="str">
            <v/>
          </cell>
          <cell r="JT228" t="str">
            <v/>
          </cell>
          <cell r="JU228" t="str">
            <v/>
          </cell>
          <cell r="JV228" t="str">
            <v/>
          </cell>
          <cell r="JW228" t="str">
            <v/>
          </cell>
          <cell r="JX228" t="str">
            <v/>
          </cell>
          <cell r="JY228" t="str">
            <v/>
          </cell>
          <cell r="JZ228">
            <v>0.99999999999999989</v>
          </cell>
        </row>
        <row r="229">
          <cell r="C229" t="str">
            <v/>
          </cell>
          <cell r="D229" t="str">
            <v/>
          </cell>
          <cell r="E229" t="str">
            <v/>
          </cell>
          <cell r="I229">
            <v>221</v>
          </cell>
          <cell r="M229" t="str">
            <v>令和２年度国指定史跡「伊丹廃寺跡」物件調査委託業務</v>
          </cell>
          <cell r="Q229" t="str">
            <v>伊丹廃寺物件調査</v>
          </cell>
          <cell r="Y229">
            <v>1</v>
          </cell>
          <cell r="AC229">
            <v>8</v>
          </cell>
          <cell r="AD229">
            <v>8</v>
          </cell>
          <cell r="AI229" t="str">
            <v>伊丹市緑ヶ丘５丁目３番・４番</v>
          </cell>
          <cell r="AQ229">
            <v>1</v>
          </cell>
          <cell r="AY229">
            <v>44120</v>
          </cell>
          <cell r="AZ229">
            <v>44123</v>
          </cell>
          <cell r="BA229">
            <v>71</v>
          </cell>
          <cell r="BB229">
            <v>44193</v>
          </cell>
          <cell r="BC229" t="str">
            <v/>
          </cell>
          <cell r="BD229" t="str">
            <v/>
          </cell>
          <cell r="BE229" t="str">
            <v/>
          </cell>
          <cell r="BF229">
            <v>0.41736111111111113</v>
          </cell>
          <cell r="BH229" t="str">
            <v/>
          </cell>
          <cell r="BI229" t="str">
            <v/>
          </cell>
          <cell r="BJ229" t="str">
            <v/>
          </cell>
          <cell r="BN229" t="str">
            <v>他</v>
          </cell>
          <cell r="BO229">
            <v>69</v>
          </cell>
          <cell r="BS229">
            <v>1789700</v>
          </cell>
          <cell r="BT229">
            <v>1620000</v>
          </cell>
          <cell r="BU229" t="str">
            <v/>
          </cell>
          <cell r="BV229" t="str">
            <v/>
          </cell>
          <cell r="CD229" t="str">
            <v/>
          </cell>
          <cell r="CH229">
            <v>-102</v>
          </cell>
          <cell r="CI229">
            <v>44105</v>
          </cell>
          <cell r="CP229">
            <v>31388</v>
          </cell>
          <cell r="CW229" t="str">
            <v/>
          </cell>
          <cell r="CX229" t="str">
            <v/>
          </cell>
          <cell r="CY229" t="str">
            <v/>
          </cell>
          <cell r="CZ229" t="str">
            <v/>
          </cell>
          <cell r="DA229">
            <v>44112</v>
          </cell>
          <cell r="DB229">
            <v>44117</v>
          </cell>
          <cell r="DD229" t="str">
            <v/>
          </cell>
          <cell r="DL229">
            <v>5776</v>
          </cell>
          <cell r="DM229">
            <v>5630</v>
          </cell>
          <cell r="DN229">
            <v>5412</v>
          </cell>
          <cell r="DO229">
            <v>6161</v>
          </cell>
          <cell r="DP229">
            <v>6346</v>
          </cell>
          <cell r="DQ229">
            <v>5032</v>
          </cell>
          <cell r="DR229">
            <v>5533</v>
          </cell>
          <cell r="DS229">
            <v>5018</v>
          </cell>
          <cell r="EZ229">
            <v>8</v>
          </cell>
          <cell r="FA229">
            <v>6</v>
          </cell>
          <cell r="FI229">
            <v>2</v>
          </cell>
          <cell r="FJ229" t="str">
            <v>指名競争入札</v>
          </cell>
          <cell r="FN229">
            <v>4</v>
          </cell>
          <cell r="FO229" t="str">
            <v>電子入札</v>
          </cell>
          <cell r="FS229">
            <v>2</v>
          </cell>
          <cell r="FT229" t="str">
            <v/>
          </cell>
          <cell r="FU229" t="str">
            <v/>
          </cell>
          <cell r="FW229" t="str">
            <v/>
          </cell>
          <cell r="FY229" t="str">
            <v/>
          </cell>
          <cell r="GD229">
            <v>1</v>
          </cell>
          <cell r="GE229" t="str">
            <v>契約・検査課長　松本　嘉博</v>
          </cell>
          <cell r="GF229">
            <v>6346</v>
          </cell>
          <cell r="GG229" t="str">
            <v>(株)宮本設計</v>
          </cell>
          <cell r="GH229">
            <v>1672000</v>
          </cell>
          <cell r="GI229">
            <v>152000</v>
          </cell>
          <cell r="GJ229" t="str">
            <v/>
          </cell>
          <cell r="GL229" t="str">
            <v>補償業務管理士</v>
          </cell>
          <cell r="GM229" t="str">
            <v>瀬尾　武夫</v>
          </cell>
          <cell r="GN229" t="str">
            <v>補償業務管理士</v>
          </cell>
          <cell r="GO229" t="str">
            <v>入江　芳久</v>
          </cell>
          <cell r="GT229" t="str">
            <v/>
          </cell>
          <cell r="GW229" t="str">
            <v/>
          </cell>
          <cell r="GX229">
            <v>44179</v>
          </cell>
          <cell r="GY229">
            <v>2412300</v>
          </cell>
          <cell r="GZ229">
            <v>2252800</v>
          </cell>
          <cell r="HN229" t="str">
            <v>物件調査を実施した結果、当初予定していた調査内容に含まれていなかったCB造車庫の存在が判明したため、調査費を増額し業務を追加発注するもの。</v>
          </cell>
          <cell r="HO229">
            <v>1</v>
          </cell>
          <cell r="HP229">
            <v>1620000</v>
          </cell>
          <cell r="HQ229">
            <v>1620000</v>
          </cell>
          <cell r="HR229">
            <v>1590000</v>
          </cell>
          <cell r="HS229" t="str">
            <v>-</v>
          </cell>
          <cell r="HT229">
            <v>1520000</v>
          </cell>
          <cell r="HU229">
            <v>1600000</v>
          </cell>
          <cell r="HV229">
            <v>1600000</v>
          </cell>
          <cell r="HW229">
            <v>1620000</v>
          </cell>
          <cell r="JD229" t="str">
            <v/>
          </cell>
          <cell r="JE229" t="str">
            <v/>
          </cell>
          <cell r="JF229" t="str">
            <v/>
          </cell>
          <cell r="JG229" t="str">
            <v/>
          </cell>
          <cell r="JH229" t="str">
            <v/>
          </cell>
          <cell r="JI229" t="str">
            <v/>
          </cell>
          <cell r="JJ229" t="str">
            <v/>
          </cell>
          <cell r="JK229" t="str">
            <v/>
          </cell>
          <cell r="JL229" t="str">
            <v/>
          </cell>
          <cell r="JM229" t="str">
            <v/>
          </cell>
          <cell r="JN229" t="str">
            <v/>
          </cell>
          <cell r="JO229" t="str">
            <v/>
          </cell>
          <cell r="JP229" t="str">
            <v/>
          </cell>
          <cell r="JQ229" t="str">
            <v/>
          </cell>
          <cell r="JR229" t="str">
            <v/>
          </cell>
          <cell r="JS229" t="str">
            <v/>
          </cell>
          <cell r="JT229" t="str">
            <v/>
          </cell>
          <cell r="JU229" t="str">
            <v/>
          </cell>
          <cell r="JV229" t="str">
            <v/>
          </cell>
          <cell r="JW229" t="str">
            <v/>
          </cell>
          <cell r="JX229">
            <v>69</v>
          </cell>
          <cell r="JY229">
            <v>67</v>
          </cell>
          <cell r="JZ229">
            <v>0.93827160493827144</v>
          </cell>
        </row>
        <row r="230">
          <cell r="C230" t="str">
            <v/>
          </cell>
          <cell r="D230" t="str">
            <v/>
          </cell>
          <cell r="E230" t="str">
            <v/>
          </cell>
          <cell r="I230">
            <v>222</v>
          </cell>
          <cell r="M230" t="str">
            <v>令和２年度プロジェクターの購入</v>
          </cell>
          <cell r="Q230" t="str">
            <v>ﾌﾟﾛｼﾞｪｸﾀｰ購入</v>
          </cell>
          <cell r="Y230">
            <v>1</v>
          </cell>
          <cell r="AC230">
            <v>8</v>
          </cell>
          <cell r="AD230">
            <v>1</v>
          </cell>
          <cell r="AI230" t="str">
            <v>伊丹市立東中学校伊丹市高台２丁目５４番地</v>
          </cell>
          <cell r="AQ230">
            <v>1</v>
          </cell>
          <cell r="AY230">
            <v>44117</v>
          </cell>
          <cell r="AZ230">
            <v>44118</v>
          </cell>
          <cell r="BA230">
            <v>38</v>
          </cell>
          <cell r="BB230">
            <v>44155</v>
          </cell>
          <cell r="BC230" t="str">
            <v/>
          </cell>
          <cell r="BD230" t="str">
            <v/>
          </cell>
          <cell r="BE230" t="str">
            <v/>
          </cell>
          <cell r="BF230">
            <v>0.41944444444444445</v>
          </cell>
          <cell r="BG230">
            <v>6957</v>
          </cell>
          <cell r="BH230" t="str">
            <v>祝  優美子</v>
          </cell>
          <cell r="BI230" t="str">
            <v>教育政策課</v>
          </cell>
          <cell r="BJ230">
            <v>2305</v>
          </cell>
          <cell r="BN230" t="str">
            <v>物</v>
          </cell>
          <cell r="BO230">
            <v>36</v>
          </cell>
          <cell r="BS230">
            <v>931700</v>
          </cell>
          <cell r="BT230">
            <v>840000</v>
          </cell>
          <cell r="BU230">
            <v>1</v>
          </cell>
          <cell r="BV230" t="str">
            <v/>
          </cell>
          <cell r="CD230" t="str">
            <v/>
          </cell>
          <cell r="CH230">
            <v>-103</v>
          </cell>
          <cell r="CI230">
            <v>44102</v>
          </cell>
          <cell r="CP230">
            <v>31693</v>
          </cell>
          <cell r="CW230" t="str">
            <v/>
          </cell>
          <cell r="CX230" t="str">
            <v/>
          </cell>
          <cell r="CY230" t="str">
            <v/>
          </cell>
          <cell r="CZ230" t="str">
            <v/>
          </cell>
          <cell r="DA230">
            <v>44109</v>
          </cell>
          <cell r="DB230">
            <v>44112</v>
          </cell>
          <cell r="DD230" t="str">
            <v/>
          </cell>
          <cell r="DL230">
            <v>10075</v>
          </cell>
          <cell r="DM230">
            <v>10434</v>
          </cell>
          <cell r="DN230">
            <v>11716</v>
          </cell>
          <cell r="DO230">
            <v>10402</v>
          </cell>
          <cell r="DP230">
            <v>10260</v>
          </cell>
          <cell r="DQ230">
            <v>10669</v>
          </cell>
          <cell r="DR230">
            <v>10249</v>
          </cell>
          <cell r="DS230">
            <v>10556</v>
          </cell>
          <cell r="DT230">
            <v>10793</v>
          </cell>
          <cell r="EZ230">
            <v>9</v>
          </cell>
          <cell r="FA230">
            <v>6</v>
          </cell>
          <cell r="FI230">
            <v>5</v>
          </cell>
          <cell r="FJ230" t="str">
            <v>指名競争入札（簡易認証）</v>
          </cell>
          <cell r="FN230">
            <v>4</v>
          </cell>
          <cell r="FO230" t="str">
            <v>電子入札</v>
          </cell>
          <cell r="FS230">
            <v>3</v>
          </cell>
          <cell r="FT230" t="str">
            <v/>
          </cell>
          <cell r="FU230" t="str">
            <v/>
          </cell>
          <cell r="FW230" t="str">
            <v/>
          </cell>
          <cell r="FY230" t="str">
            <v/>
          </cell>
          <cell r="GD230">
            <v>1</v>
          </cell>
          <cell r="GE230" t="str">
            <v>契約・検査課長　松本　嘉博</v>
          </cell>
          <cell r="GF230">
            <v>10249</v>
          </cell>
          <cell r="GG230" t="str">
            <v>(有)九十屋</v>
          </cell>
          <cell r="GH230">
            <v>924000</v>
          </cell>
          <cell r="GI230">
            <v>84000</v>
          </cell>
          <cell r="GJ230" t="str">
            <v/>
          </cell>
          <cell r="GT230" t="str">
            <v/>
          </cell>
          <cell r="GW230" t="str">
            <v/>
          </cell>
          <cell r="HO230" t="str">
            <v/>
          </cell>
          <cell r="HP230" t="str">
            <v>-</v>
          </cell>
          <cell r="HQ230" t="str">
            <v>-</v>
          </cell>
          <cell r="HR230" t="str">
            <v>-</v>
          </cell>
          <cell r="HS230">
            <v>1420000</v>
          </cell>
          <cell r="HT230" t="str">
            <v>-</v>
          </cell>
          <cell r="HU230" t="str">
            <v>-</v>
          </cell>
          <cell r="HV230">
            <v>840000</v>
          </cell>
          <cell r="HW230" t="str">
            <v>-</v>
          </cell>
          <cell r="HX230" t="str">
            <v>-</v>
          </cell>
          <cell r="JD230" t="str">
            <v/>
          </cell>
          <cell r="JE230" t="str">
            <v/>
          </cell>
          <cell r="JF230" t="str">
            <v/>
          </cell>
          <cell r="JG230" t="str">
            <v/>
          </cell>
          <cell r="JH230" t="str">
            <v/>
          </cell>
          <cell r="JI230" t="str">
            <v/>
          </cell>
          <cell r="JJ230" t="str">
            <v/>
          </cell>
          <cell r="JK230" t="str">
            <v/>
          </cell>
          <cell r="JL230" t="str">
            <v/>
          </cell>
          <cell r="JM230" t="str">
            <v/>
          </cell>
          <cell r="JN230" t="str">
            <v/>
          </cell>
          <cell r="JO230" t="str">
            <v/>
          </cell>
          <cell r="JP230">
            <v>36</v>
          </cell>
          <cell r="JQ230">
            <v>36</v>
          </cell>
          <cell r="JR230" t="str">
            <v/>
          </cell>
          <cell r="JS230" t="str">
            <v/>
          </cell>
          <cell r="JT230" t="str">
            <v/>
          </cell>
          <cell r="JU230" t="str">
            <v/>
          </cell>
          <cell r="JV230" t="str">
            <v/>
          </cell>
          <cell r="JW230" t="str">
            <v/>
          </cell>
          <cell r="JX230" t="str">
            <v/>
          </cell>
          <cell r="JY230" t="str">
            <v/>
          </cell>
          <cell r="JZ230">
            <v>0.99999999999999989</v>
          </cell>
        </row>
        <row r="231">
          <cell r="C231" t="str">
            <v/>
          </cell>
          <cell r="D231" t="str">
            <v/>
          </cell>
          <cell r="E231" t="str">
            <v/>
          </cell>
          <cell r="I231">
            <v>223</v>
          </cell>
          <cell r="M231" t="str">
            <v>令和２年度伊丹市立就学前施設空気清浄機購入</v>
          </cell>
          <cell r="Q231" t="str">
            <v>空気清浄機購入</v>
          </cell>
          <cell r="Y231">
            <v>1</v>
          </cell>
          <cell r="AC231">
            <v>8</v>
          </cell>
          <cell r="AD231">
            <v>1</v>
          </cell>
          <cell r="AI231" t="str">
            <v>別表「納品先及び台数一覧」のとおり</v>
          </cell>
          <cell r="AQ231">
            <v>1</v>
          </cell>
          <cell r="AY231">
            <v>44124</v>
          </cell>
          <cell r="AZ231">
            <v>44125</v>
          </cell>
          <cell r="BA231">
            <v>69</v>
          </cell>
          <cell r="BB231">
            <v>44193</v>
          </cell>
          <cell r="BC231" t="str">
            <v/>
          </cell>
          <cell r="BD231" t="str">
            <v/>
          </cell>
          <cell r="BE231" t="str">
            <v/>
          </cell>
          <cell r="BF231">
            <v>0.41736111111111113</v>
          </cell>
          <cell r="BG231">
            <v>6095</v>
          </cell>
          <cell r="BH231" t="str">
            <v>竹中  やよい</v>
          </cell>
          <cell r="BI231" t="str">
            <v>幼児教育推進課</v>
          </cell>
          <cell r="BJ231">
            <v>4268</v>
          </cell>
          <cell r="BN231" t="str">
            <v>物</v>
          </cell>
          <cell r="BO231">
            <v>37</v>
          </cell>
          <cell r="BS231">
            <v>7145600</v>
          </cell>
          <cell r="BT231">
            <v>6490000</v>
          </cell>
          <cell r="BU231">
            <v>1</v>
          </cell>
          <cell r="BV231" t="str">
            <v/>
          </cell>
          <cell r="CD231" t="str">
            <v/>
          </cell>
          <cell r="CH231">
            <v>-104</v>
          </cell>
          <cell r="CI231">
            <v>44105</v>
          </cell>
          <cell r="CP231">
            <v>80905</v>
          </cell>
          <cell r="CW231" t="str">
            <v/>
          </cell>
          <cell r="CX231" t="str">
            <v/>
          </cell>
          <cell r="CY231" t="str">
            <v/>
          </cell>
          <cell r="CZ231" t="str">
            <v/>
          </cell>
          <cell r="DA231">
            <v>44112</v>
          </cell>
          <cell r="DB231">
            <v>44119</v>
          </cell>
          <cell r="DD231" t="str">
            <v/>
          </cell>
          <cell r="DL231">
            <v>10075</v>
          </cell>
          <cell r="DM231">
            <v>10434</v>
          </cell>
          <cell r="DN231">
            <v>10990</v>
          </cell>
          <cell r="DO231">
            <v>11716</v>
          </cell>
          <cell r="DP231">
            <v>10402</v>
          </cell>
          <cell r="DQ231">
            <v>10669</v>
          </cell>
          <cell r="DR231">
            <v>11863</v>
          </cell>
          <cell r="DS231">
            <v>10095</v>
          </cell>
          <cell r="DT231">
            <v>10385</v>
          </cell>
          <cell r="DU231">
            <v>12955</v>
          </cell>
          <cell r="EZ231">
            <v>10</v>
          </cell>
          <cell r="FA231">
            <v>8</v>
          </cell>
          <cell r="FI231">
            <v>5</v>
          </cell>
          <cell r="FJ231" t="str">
            <v>指名競争入札（簡易認証）</v>
          </cell>
          <cell r="FN231">
            <v>4</v>
          </cell>
          <cell r="FO231" t="str">
            <v>電子入札</v>
          </cell>
          <cell r="FS231">
            <v>3</v>
          </cell>
          <cell r="FT231" t="str">
            <v/>
          </cell>
          <cell r="FU231" t="str">
            <v/>
          </cell>
          <cell r="FW231" t="str">
            <v/>
          </cell>
          <cell r="FY231" t="str">
            <v/>
          </cell>
          <cell r="GD231">
            <v>1</v>
          </cell>
          <cell r="GE231" t="str">
            <v>契約・検査課長　松本　嘉博</v>
          </cell>
          <cell r="GF231">
            <v>10095</v>
          </cell>
          <cell r="GG231" t="str">
            <v>綜合警備保障(株)</v>
          </cell>
          <cell r="GH231">
            <v>3363453</v>
          </cell>
          <cell r="GI231">
            <v>305768.45454545453</v>
          </cell>
          <cell r="GJ231">
            <v>337000</v>
          </cell>
          <cell r="GT231" t="str">
            <v/>
          </cell>
          <cell r="GW231" t="str">
            <v/>
          </cell>
          <cell r="HO231" t="str">
            <v/>
          </cell>
          <cell r="HP231" t="str">
            <v>-</v>
          </cell>
          <cell r="HQ231" t="str">
            <v>-</v>
          </cell>
          <cell r="HR231" t="str">
            <v>-</v>
          </cell>
          <cell r="HS231">
            <v>3246000</v>
          </cell>
          <cell r="HT231">
            <v>3410000</v>
          </cell>
          <cell r="HU231">
            <v>3114000</v>
          </cell>
          <cell r="HV231" t="str">
            <v>-</v>
          </cell>
          <cell r="HW231">
            <v>3057685</v>
          </cell>
          <cell r="HX231" t="str">
            <v>-</v>
          </cell>
          <cell r="JD231" t="str">
            <v/>
          </cell>
          <cell r="JE231" t="str">
            <v/>
          </cell>
          <cell r="JF231" t="str">
            <v/>
          </cell>
          <cell r="JG231" t="str">
            <v/>
          </cell>
          <cell r="JH231" t="str">
            <v/>
          </cell>
          <cell r="JI231" t="str">
            <v/>
          </cell>
          <cell r="JJ231" t="str">
            <v/>
          </cell>
          <cell r="JK231" t="str">
            <v/>
          </cell>
          <cell r="JL231" t="str">
            <v/>
          </cell>
          <cell r="JM231" t="str">
            <v/>
          </cell>
          <cell r="JN231" t="str">
            <v/>
          </cell>
          <cell r="JO231" t="str">
            <v/>
          </cell>
          <cell r="JP231">
            <v>37</v>
          </cell>
          <cell r="JQ231">
            <v>37</v>
          </cell>
          <cell r="JR231" t="str">
            <v/>
          </cell>
          <cell r="JS231" t="str">
            <v/>
          </cell>
          <cell r="JT231" t="str">
            <v/>
          </cell>
          <cell r="JU231" t="str">
            <v/>
          </cell>
          <cell r="JV231" t="str">
            <v/>
          </cell>
          <cell r="JW231" t="str">
            <v/>
          </cell>
          <cell r="JX231" t="str">
            <v/>
          </cell>
          <cell r="JY231" t="str">
            <v/>
          </cell>
          <cell r="JZ231">
            <v>0.47113783443059254</v>
          </cell>
        </row>
        <row r="232">
          <cell r="C232" t="str">
            <v/>
          </cell>
          <cell r="D232" t="str">
            <v/>
          </cell>
          <cell r="E232" t="str">
            <v/>
          </cell>
          <cell r="I232">
            <v>224</v>
          </cell>
          <cell r="M232" t="str">
            <v>令和２年度公設防火水槽第１６号補強外工事</v>
          </cell>
          <cell r="Q232" t="str">
            <v>防火水槽補強</v>
          </cell>
          <cell r="Y232">
            <v>1</v>
          </cell>
          <cell r="AC232">
            <v>2</v>
          </cell>
          <cell r="AI232" t="str">
            <v>伊丹市行基町４丁目１地先</v>
          </cell>
          <cell r="AM232" t="str">
            <v>排水構造物工　人孔蓋設置工１箇所
バネ支柱工　バネ支柱６本
炭素繊維接着工　炭素繊維シート１８㎡
防水工　シート貼付工６２㎡
水替工一式</v>
          </cell>
          <cell r="AQ232">
            <v>2</v>
          </cell>
          <cell r="AY232">
            <v>44124</v>
          </cell>
          <cell r="AZ232">
            <v>44127</v>
          </cell>
          <cell r="BA232">
            <v>127</v>
          </cell>
          <cell r="BB232">
            <v>44253</v>
          </cell>
          <cell r="BC232">
            <v>11</v>
          </cell>
          <cell r="BD232" t="str">
            <v>○</v>
          </cell>
          <cell r="BE232" t="str">
            <v>○</v>
          </cell>
          <cell r="BF232">
            <v>0.41736111111111113</v>
          </cell>
          <cell r="BG232">
            <v>7676</v>
          </cell>
          <cell r="BH232" t="str">
            <v>福庭　圭祐</v>
          </cell>
          <cell r="BI232" t="str">
            <v>道路建設課</v>
          </cell>
          <cell r="BJ232">
            <v>4733</v>
          </cell>
          <cell r="BN232" t="str">
            <v>土</v>
          </cell>
          <cell r="BO232">
            <v>16</v>
          </cell>
          <cell r="BS232">
            <v>12535600</v>
          </cell>
          <cell r="BT232">
            <v>11390000</v>
          </cell>
          <cell r="BU232">
            <v>1</v>
          </cell>
          <cell r="BV232">
            <v>9970000</v>
          </cell>
          <cell r="BW232">
            <v>5946000</v>
          </cell>
          <cell r="BX232">
            <v>912000</v>
          </cell>
          <cell r="BY232">
            <v>2541000</v>
          </cell>
          <cell r="BZ232">
            <v>1997000</v>
          </cell>
          <cell r="CD232" t="str">
            <v/>
          </cell>
          <cell r="CH232">
            <v>113</v>
          </cell>
          <cell r="CI232">
            <v>44106</v>
          </cell>
          <cell r="CJ232" t="str">
            <v>一般</v>
          </cell>
          <cell r="CK232" t="str">
            <v>伊丹市内に本店</v>
          </cell>
          <cell r="CL232" t="str">
            <v>670点未満</v>
          </cell>
          <cell r="CP232">
            <v>92484</v>
          </cell>
          <cell r="CT232" t="str">
            <v>請負金額が300万円以上</v>
          </cell>
          <cell r="CW232">
            <v>44116</v>
          </cell>
          <cell r="CX232" t="str">
            <v/>
          </cell>
          <cell r="CY232" t="str">
            <v/>
          </cell>
          <cell r="CZ232" t="str">
            <v/>
          </cell>
          <cell r="DA232">
            <v>44117</v>
          </cell>
          <cell r="DB232">
            <v>44119</v>
          </cell>
          <cell r="DC232">
            <v>17</v>
          </cell>
          <cell r="DD232" t="str">
            <v>○</v>
          </cell>
          <cell r="DL232">
            <v>581</v>
          </cell>
          <cell r="DM232">
            <v>474</v>
          </cell>
          <cell r="DN232">
            <v>74</v>
          </cell>
          <cell r="DO232">
            <v>492</v>
          </cell>
          <cell r="DP232">
            <v>233</v>
          </cell>
          <cell r="EZ232">
            <v>5</v>
          </cell>
          <cell r="FA232">
            <v>8</v>
          </cell>
          <cell r="FI232">
            <v>4</v>
          </cell>
          <cell r="FJ232" t="str">
            <v>事後審査型一般競争入札</v>
          </cell>
          <cell r="FN232">
            <v>4</v>
          </cell>
          <cell r="FO232" t="str">
            <v>電子入札</v>
          </cell>
          <cell r="FS232">
            <v>1</v>
          </cell>
          <cell r="FT232" t="str">
            <v/>
          </cell>
          <cell r="FU232" t="str">
            <v/>
          </cell>
          <cell r="FW232" t="str">
            <v/>
          </cell>
          <cell r="FY232" t="str">
            <v/>
          </cell>
          <cell r="GC232">
            <v>1</v>
          </cell>
          <cell r="GD232">
            <v>1</v>
          </cell>
          <cell r="GE232" t="str">
            <v>契約・検査課長　松本　嘉博</v>
          </cell>
          <cell r="GF232">
            <v>581</v>
          </cell>
          <cell r="GG232" t="str">
            <v>禎建工業</v>
          </cell>
          <cell r="GH232">
            <v>10967000</v>
          </cell>
          <cell r="GI232">
            <v>997000</v>
          </cell>
          <cell r="GJ232">
            <v>1097000</v>
          </cell>
          <cell r="GL232" t="str">
            <v>２級土木施工管理技士</v>
          </cell>
          <cell r="GM232" t="str">
            <v>山下　優翔</v>
          </cell>
          <cell r="GN232" t="str">
            <v>２級土木施工管理技士</v>
          </cell>
          <cell r="GO232" t="str">
            <v>山下　優翔</v>
          </cell>
          <cell r="GT232" t="str">
            <v/>
          </cell>
          <cell r="GV232">
            <v>20150</v>
          </cell>
          <cell r="GW232">
            <v>1.8373301723351874</v>
          </cell>
          <cell r="GX232">
            <v>44252</v>
          </cell>
          <cell r="GY232">
            <v>12024100</v>
          </cell>
          <cell r="GZ232">
            <v>10519300</v>
          </cell>
          <cell r="HN232" t="str">
            <v>伊丹警察署との協議の結果、交通誘導員の減員が生じたため。</v>
          </cell>
          <cell r="HO232">
            <v>1</v>
          </cell>
          <cell r="HP232">
            <v>9970000</v>
          </cell>
          <cell r="HQ232">
            <v>9910000</v>
          </cell>
          <cell r="HR232">
            <v>9960000</v>
          </cell>
          <cell r="HS232">
            <v>9960000</v>
          </cell>
          <cell r="HT232" t="str">
            <v>-</v>
          </cell>
          <cell r="JD232">
            <v>16</v>
          </cell>
          <cell r="JE232">
            <v>16</v>
          </cell>
          <cell r="JF232" t="str">
            <v/>
          </cell>
          <cell r="JG232" t="str">
            <v/>
          </cell>
          <cell r="JH232" t="str">
            <v/>
          </cell>
          <cell r="JI232" t="str">
            <v/>
          </cell>
          <cell r="JJ232" t="str">
            <v/>
          </cell>
          <cell r="JK232" t="str">
            <v/>
          </cell>
          <cell r="JL232" t="str">
            <v/>
          </cell>
          <cell r="JM232" t="str">
            <v/>
          </cell>
          <cell r="JN232" t="str">
            <v/>
          </cell>
          <cell r="JO232" t="str">
            <v/>
          </cell>
          <cell r="JP232" t="str">
            <v/>
          </cell>
          <cell r="JQ232" t="str">
            <v/>
          </cell>
          <cell r="JR232" t="str">
            <v/>
          </cell>
          <cell r="JS232" t="str">
            <v/>
          </cell>
          <cell r="JT232" t="str">
            <v/>
          </cell>
          <cell r="JU232" t="str">
            <v/>
          </cell>
          <cell r="JV232" t="str">
            <v/>
          </cell>
          <cell r="JW232" t="str">
            <v/>
          </cell>
          <cell r="JX232" t="str">
            <v/>
          </cell>
          <cell r="JY232" t="str">
            <v/>
          </cell>
          <cell r="JZ232">
            <v>0.8753292361720808</v>
          </cell>
        </row>
        <row r="233">
          <cell r="C233" t="str">
            <v/>
          </cell>
          <cell r="D233" t="str">
            <v/>
          </cell>
          <cell r="E233" t="str">
            <v/>
          </cell>
          <cell r="I233">
            <v>225</v>
          </cell>
          <cell r="M233" t="str">
            <v>令和２年度南菱公園遊具改修工事</v>
          </cell>
          <cell r="Q233" t="str">
            <v>南菱公園遊具</v>
          </cell>
          <cell r="Y233">
            <v>1</v>
          </cell>
          <cell r="AC233">
            <v>6</v>
          </cell>
          <cell r="AI233" t="str">
            <v>伊丹市南鈴原３丁目地内</v>
          </cell>
          <cell r="AM233" t="str">
            <v>【本体工事】
公園土工一式　真砂土舗装251㎡　複合遊具更新1基　スイング遊具更新2基
ブランコ更新1基　鉄棒更新1基　砂場更新1基　シーソー設置1基
【附帯工事】
公園土工一式　真砂土舗装158㎡　ILB舗装（再利用）3㎡　歩車道境界ブロック設置3ｍ
地先境界ブロック15ｍ　健康遊具移設3基</v>
          </cell>
          <cell r="AQ233">
            <v>2</v>
          </cell>
          <cell r="AY233">
            <v>44124</v>
          </cell>
          <cell r="AZ233">
            <v>44127</v>
          </cell>
          <cell r="BA233">
            <v>139</v>
          </cell>
          <cell r="BB233">
            <v>44265</v>
          </cell>
          <cell r="BC233">
            <v>11</v>
          </cell>
          <cell r="BD233" t="str">
            <v>○</v>
          </cell>
          <cell r="BE233" t="str">
            <v>○</v>
          </cell>
          <cell r="BF233">
            <v>0.41805555555555557</v>
          </cell>
          <cell r="BG233">
            <v>7583</v>
          </cell>
          <cell r="BH233" t="str">
            <v>来代　紋菜</v>
          </cell>
          <cell r="BI233" t="str">
            <v>公園課</v>
          </cell>
          <cell r="BJ233">
            <v>4663</v>
          </cell>
          <cell r="BN233" t="str">
            <v>緑</v>
          </cell>
          <cell r="BO233">
            <v>12</v>
          </cell>
          <cell r="BS233">
            <v>11871200</v>
          </cell>
          <cell r="BT233">
            <v>10790000</v>
          </cell>
          <cell r="BU233">
            <v>1</v>
          </cell>
          <cell r="BV233">
            <v>9440000</v>
          </cell>
          <cell r="BW233">
            <v>5664000</v>
          </cell>
          <cell r="BX233">
            <v>418000</v>
          </cell>
          <cell r="BY233">
            <v>2820000</v>
          </cell>
          <cell r="BZ233">
            <v>1890000</v>
          </cell>
          <cell r="CD233" t="str">
            <v/>
          </cell>
          <cell r="CH233">
            <v>114</v>
          </cell>
          <cell r="CI233">
            <v>44106</v>
          </cell>
          <cell r="CJ233" t="str">
            <v>一般</v>
          </cell>
          <cell r="CK233" t="str">
            <v>尼崎市、西宮市、芦屋市、宝塚市、川西市、伊丹市内に本店</v>
          </cell>
          <cell r="CL233" t="str">
            <v>伊丹市内に本店を有する者においては400点以上、その他の者においては800点以上</v>
          </cell>
          <cell r="CP233">
            <v>63947</v>
          </cell>
          <cell r="CT233" t="str">
            <v>請負金額が500万円以上(伊丹市内に本店を有する者においては300万円以上)</v>
          </cell>
          <cell r="CW233">
            <v>44116</v>
          </cell>
          <cell r="CX233" t="str">
            <v/>
          </cell>
          <cell r="CY233" t="str">
            <v/>
          </cell>
          <cell r="CZ233" t="str">
            <v/>
          </cell>
          <cell r="DA233">
            <v>44117</v>
          </cell>
          <cell r="DB233">
            <v>44119</v>
          </cell>
          <cell r="DC233">
            <v>20</v>
          </cell>
          <cell r="DD233" t="str">
            <v>○</v>
          </cell>
          <cell r="DL233">
            <v>74</v>
          </cell>
          <cell r="DM233">
            <v>287</v>
          </cell>
          <cell r="DN233">
            <v>2094</v>
          </cell>
          <cell r="DO233">
            <v>2859</v>
          </cell>
          <cell r="DP233">
            <v>4427</v>
          </cell>
          <cell r="EZ233">
            <v>5</v>
          </cell>
          <cell r="FA233">
            <v>8</v>
          </cell>
          <cell r="FI233">
            <v>4</v>
          </cell>
          <cell r="FJ233" t="str">
            <v>事後審査型一般競争入札</v>
          </cell>
          <cell r="FN233">
            <v>4</v>
          </cell>
          <cell r="FO233" t="str">
            <v>電子入札</v>
          </cell>
          <cell r="FS233">
            <v>1</v>
          </cell>
          <cell r="FT233" t="str">
            <v/>
          </cell>
          <cell r="FU233" t="str">
            <v/>
          </cell>
          <cell r="FW233" t="str">
            <v/>
          </cell>
          <cell r="FY233" t="str">
            <v/>
          </cell>
          <cell r="GC233">
            <v>1</v>
          </cell>
          <cell r="GD233">
            <v>1</v>
          </cell>
          <cell r="GE233" t="str">
            <v>契約・検査課長　松本　嘉博</v>
          </cell>
          <cell r="GF233">
            <v>287</v>
          </cell>
          <cell r="GG233" t="str">
            <v>伊藤造園土木(株)</v>
          </cell>
          <cell r="GH233">
            <v>10384000</v>
          </cell>
          <cell r="GI233">
            <v>944000</v>
          </cell>
          <cell r="GJ233">
            <v>1039000</v>
          </cell>
          <cell r="GM233" t="str">
            <v>立野　正晃</v>
          </cell>
          <cell r="GO233" t="str">
            <v>立野　正晃</v>
          </cell>
          <cell r="GT233" t="str">
            <v/>
          </cell>
          <cell r="GV233">
            <v>46500</v>
          </cell>
          <cell r="GW233">
            <v>4.4780431432973797</v>
          </cell>
          <cell r="GX233">
            <v>44263</v>
          </cell>
          <cell r="GY233">
            <v>11897600</v>
          </cell>
          <cell r="GZ233">
            <v>10406000</v>
          </cell>
          <cell r="HN233" t="str">
            <v>【本体工事】
現地精査の結果、コンクリート殻処分の数量等の変更を行うものである。
【附帯工事】
現地精査の結果、真砂土舗装工及びＩＬＢ舗装工の数量等の変更を行うものである。</v>
          </cell>
          <cell r="HO233">
            <v>1</v>
          </cell>
          <cell r="HP233">
            <v>9440000</v>
          </cell>
          <cell r="HQ233">
            <v>9440000</v>
          </cell>
          <cell r="HR233">
            <v>10445000</v>
          </cell>
          <cell r="HS233">
            <v>10790000</v>
          </cell>
          <cell r="HT233">
            <v>10790000</v>
          </cell>
          <cell r="JD233" t="str">
            <v/>
          </cell>
          <cell r="JE233" t="str">
            <v/>
          </cell>
          <cell r="JF233" t="str">
            <v/>
          </cell>
          <cell r="JG233" t="str">
            <v/>
          </cell>
          <cell r="JH233" t="str">
            <v/>
          </cell>
          <cell r="JI233" t="str">
            <v/>
          </cell>
          <cell r="JJ233">
            <v>12</v>
          </cell>
          <cell r="JK233">
            <v>12</v>
          </cell>
          <cell r="JL233" t="str">
            <v/>
          </cell>
          <cell r="JM233" t="str">
            <v/>
          </cell>
          <cell r="JN233" t="str">
            <v/>
          </cell>
          <cell r="JO233" t="str">
            <v/>
          </cell>
          <cell r="JP233" t="str">
            <v/>
          </cell>
          <cell r="JQ233" t="str">
            <v/>
          </cell>
          <cell r="JR233" t="str">
            <v/>
          </cell>
          <cell r="JS233" t="str">
            <v/>
          </cell>
          <cell r="JT233" t="str">
            <v/>
          </cell>
          <cell r="JU233" t="str">
            <v/>
          </cell>
          <cell r="JV233" t="str">
            <v/>
          </cell>
          <cell r="JW233" t="str">
            <v/>
          </cell>
          <cell r="JX233" t="str">
            <v/>
          </cell>
          <cell r="JY233" t="str">
            <v/>
          </cell>
          <cell r="JZ233">
            <v>0.87488415199258573</v>
          </cell>
        </row>
        <row r="234">
          <cell r="C234" t="str">
            <v/>
          </cell>
          <cell r="D234" t="str">
            <v/>
          </cell>
          <cell r="E234" t="str">
            <v/>
          </cell>
          <cell r="I234">
            <v>226</v>
          </cell>
          <cell r="M234" t="str">
            <v>令和２年度（都）山田伊丹線（昆陽泉町工区）物件調査委託業務（その４）</v>
          </cell>
          <cell r="Q234" t="str">
            <v>物件調査その４</v>
          </cell>
          <cell r="Y234">
            <v>1</v>
          </cell>
          <cell r="AC234">
            <v>8</v>
          </cell>
          <cell r="AD234">
            <v>14</v>
          </cell>
          <cell r="AI234" t="str">
            <v>伊丹市昆陽南３丁目外地内</v>
          </cell>
          <cell r="AM234" t="str">
            <v>建物調査
附帯工作物調査
補償費算定(物件補償）</v>
          </cell>
          <cell r="AQ234">
            <v>1</v>
          </cell>
          <cell r="AY234">
            <v>44124</v>
          </cell>
          <cell r="AZ234">
            <v>44127</v>
          </cell>
          <cell r="BA234">
            <v>127</v>
          </cell>
          <cell r="BB234">
            <v>44253</v>
          </cell>
          <cell r="BC234">
            <v>11</v>
          </cell>
          <cell r="BD234" t="str">
            <v>○</v>
          </cell>
          <cell r="BE234" t="str">
            <v/>
          </cell>
          <cell r="BF234">
            <v>0.41875000000000001</v>
          </cell>
          <cell r="BG234">
            <v>6632</v>
          </cell>
          <cell r="BH234" t="str">
            <v>笹部  琢也</v>
          </cell>
          <cell r="BI234" t="str">
            <v>道路建設課</v>
          </cell>
          <cell r="BJ234">
            <v>3071</v>
          </cell>
          <cell r="BN234" t="str">
            <v>他</v>
          </cell>
          <cell r="BO234">
            <v>70</v>
          </cell>
          <cell r="BS234">
            <v>4598000</v>
          </cell>
          <cell r="BT234">
            <v>4180000</v>
          </cell>
          <cell r="BU234" t="str">
            <v/>
          </cell>
          <cell r="BV234" t="str">
            <v/>
          </cell>
          <cell r="CD234" t="str">
            <v/>
          </cell>
          <cell r="CH234">
            <v>115</v>
          </cell>
          <cell r="CI234">
            <v>44106</v>
          </cell>
          <cell r="CK234" t="str">
            <v>兵庫県内又は、大阪府内に本店又は支店</v>
          </cell>
          <cell r="CP234">
            <v>33593</v>
          </cell>
          <cell r="CW234">
            <v>44116</v>
          </cell>
          <cell r="CX234" t="str">
            <v/>
          </cell>
          <cell r="CY234" t="str">
            <v/>
          </cell>
          <cell r="CZ234" t="str">
            <v/>
          </cell>
          <cell r="DA234">
            <v>44117</v>
          </cell>
          <cell r="DB234">
            <v>44119</v>
          </cell>
          <cell r="DC234">
            <v>52</v>
          </cell>
          <cell r="DD234" t="str">
            <v/>
          </cell>
          <cell r="DL234">
            <v>6286</v>
          </cell>
          <cell r="DM234">
            <v>5485</v>
          </cell>
          <cell r="DN234">
            <v>5821</v>
          </cell>
          <cell r="DO234">
            <v>5211</v>
          </cell>
          <cell r="DP234">
            <v>6306</v>
          </cell>
          <cell r="EZ234">
            <v>5</v>
          </cell>
          <cell r="FA234">
            <v>6</v>
          </cell>
          <cell r="FI234">
            <v>4</v>
          </cell>
          <cell r="FJ234" t="str">
            <v>事後審査型一般競争入札</v>
          </cell>
          <cell r="FN234">
            <v>4</v>
          </cell>
          <cell r="FO234" t="str">
            <v>電子入札</v>
          </cell>
          <cell r="FS234">
            <v>2</v>
          </cell>
          <cell r="FT234" t="str">
            <v/>
          </cell>
          <cell r="FU234" t="str">
            <v/>
          </cell>
          <cell r="FW234" t="str">
            <v/>
          </cell>
          <cell r="FY234" t="str">
            <v/>
          </cell>
          <cell r="GD234">
            <v>1</v>
          </cell>
          <cell r="GE234" t="str">
            <v>契約・検査課長　松本　嘉博</v>
          </cell>
          <cell r="GF234">
            <v>6286</v>
          </cell>
          <cell r="GG234" t="str">
            <v>(株)補償工学研究所</v>
          </cell>
          <cell r="GH234">
            <v>2574000</v>
          </cell>
          <cell r="GI234">
            <v>234000</v>
          </cell>
          <cell r="GJ234">
            <v>258000</v>
          </cell>
          <cell r="GL234" t="str">
            <v>補償業務管理士</v>
          </cell>
          <cell r="GM234" t="str">
            <v>佐々木　松次郎</v>
          </cell>
          <cell r="GN234" t="str">
            <v>補償業務管理士</v>
          </cell>
          <cell r="GO234" t="str">
            <v>佐々木　松次郎</v>
          </cell>
          <cell r="GT234" t="str">
            <v/>
          </cell>
          <cell r="GW234" t="str">
            <v/>
          </cell>
          <cell r="GX234">
            <v>44230</v>
          </cell>
          <cell r="GY234">
            <v>5639700</v>
          </cell>
          <cell r="GZ234">
            <v>3157000</v>
          </cell>
          <cell r="HN234" t="str">
            <v>伊丹市昆陽泉町３丁目外地内の物件調査を実施した結果、延床面積の増、建物の一部に非木造の構造があることが判明したため、契約額の変更を行うもの。</v>
          </cell>
          <cell r="HO234">
            <v>1</v>
          </cell>
          <cell r="HP234">
            <v>2340000</v>
          </cell>
          <cell r="HQ234">
            <v>2950000</v>
          </cell>
          <cell r="HR234">
            <v>3750000</v>
          </cell>
          <cell r="HS234">
            <v>4180000</v>
          </cell>
          <cell r="HT234">
            <v>4180000</v>
          </cell>
          <cell r="JD234" t="str">
            <v/>
          </cell>
          <cell r="JE234" t="str">
            <v/>
          </cell>
          <cell r="JF234" t="str">
            <v/>
          </cell>
          <cell r="JG234" t="str">
            <v/>
          </cell>
          <cell r="JH234" t="str">
            <v/>
          </cell>
          <cell r="JI234" t="str">
            <v/>
          </cell>
          <cell r="JJ234" t="str">
            <v/>
          </cell>
          <cell r="JK234" t="str">
            <v/>
          </cell>
          <cell r="JL234" t="str">
            <v/>
          </cell>
          <cell r="JM234" t="str">
            <v/>
          </cell>
          <cell r="JN234" t="str">
            <v/>
          </cell>
          <cell r="JO234" t="str">
            <v/>
          </cell>
          <cell r="JP234" t="str">
            <v/>
          </cell>
          <cell r="JQ234" t="str">
            <v/>
          </cell>
          <cell r="JR234" t="str">
            <v/>
          </cell>
          <cell r="JS234" t="str">
            <v/>
          </cell>
          <cell r="JT234" t="str">
            <v/>
          </cell>
          <cell r="JU234" t="str">
            <v/>
          </cell>
          <cell r="JV234" t="str">
            <v/>
          </cell>
          <cell r="JW234" t="str">
            <v/>
          </cell>
          <cell r="JX234">
            <v>70</v>
          </cell>
          <cell r="JY234">
            <v>68</v>
          </cell>
          <cell r="JZ234">
            <v>0.55980861244019142</v>
          </cell>
        </row>
        <row r="235">
          <cell r="C235" t="str">
            <v/>
          </cell>
          <cell r="D235" t="str">
            <v/>
          </cell>
          <cell r="E235" t="str">
            <v/>
          </cell>
          <cell r="I235">
            <v>227</v>
          </cell>
          <cell r="M235" t="str">
            <v>令和２年度市民課既存住基システムリース</v>
          </cell>
          <cell r="Q235" t="str">
            <v>住基ｼｽﾃﾑﾘｰｽ</v>
          </cell>
          <cell r="Y235">
            <v>1</v>
          </cell>
          <cell r="AC235">
            <v>8</v>
          </cell>
          <cell r="AD235">
            <v>6</v>
          </cell>
          <cell r="AI235" t="str">
            <v>伊丹市役所本庁１階市民課及び地下１階重要機械室</v>
          </cell>
          <cell r="AQ235">
            <v>7</v>
          </cell>
          <cell r="AU235">
            <v>60</v>
          </cell>
          <cell r="AY235">
            <v>44133</v>
          </cell>
          <cell r="AZ235">
            <v>44134</v>
          </cell>
          <cell r="BA235">
            <v>1920</v>
          </cell>
          <cell r="BB235">
            <v>46053</v>
          </cell>
          <cell r="BC235" t="str">
            <v/>
          </cell>
          <cell r="BD235" t="str">
            <v/>
          </cell>
          <cell r="BE235" t="str">
            <v/>
          </cell>
          <cell r="BF235">
            <v>0.41736111111111113</v>
          </cell>
          <cell r="BG235">
            <v>5920</v>
          </cell>
          <cell r="BH235" t="str">
            <v>岡田  賢</v>
          </cell>
          <cell r="BI235" t="str">
            <v>市民課</v>
          </cell>
          <cell r="BJ235">
            <v>2617</v>
          </cell>
          <cell r="BN235" t="str">
            <v>リ</v>
          </cell>
          <cell r="BO235">
            <v>11</v>
          </cell>
          <cell r="BS235">
            <v>61184964</v>
          </cell>
          <cell r="BT235">
            <v>920000</v>
          </cell>
          <cell r="BU235">
            <v>1</v>
          </cell>
          <cell r="BV235" t="str">
            <v/>
          </cell>
          <cell r="CD235" t="str">
            <v>●</v>
          </cell>
          <cell r="CH235">
            <v>-107</v>
          </cell>
          <cell r="CI235">
            <v>44113</v>
          </cell>
          <cell r="CP235">
            <v>98726</v>
          </cell>
          <cell r="CW235" t="str">
            <v/>
          </cell>
          <cell r="CX235" t="str">
            <v/>
          </cell>
          <cell r="CY235" t="str">
            <v/>
          </cell>
          <cell r="CZ235" t="str">
            <v/>
          </cell>
          <cell r="DA235">
            <v>44120</v>
          </cell>
          <cell r="DB235">
            <v>44125</v>
          </cell>
          <cell r="DD235" t="str">
            <v/>
          </cell>
          <cell r="DL235">
            <v>10064</v>
          </cell>
          <cell r="DM235">
            <v>10115</v>
          </cell>
          <cell r="DN235">
            <v>10147</v>
          </cell>
          <cell r="DO235">
            <v>10153</v>
          </cell>
          <cell r="DP235">
            <v>10200</v>
          </cell>
          <cell r="DQ235">
            <v>10287</v>
          </cell>
          <cell r="DR235">
            <v>10295</v>
          </cell>
          <cell r="DS235">
            <v>10437</v>
          </cell>
          <cell r="DT235">
            <v>10439</v>
          </cell>
          <cell r="DU235">
            <v>10471</v>
          </cell>
          <cell r="DV235">
            <v>10509</v>
          </cell>
          <cell r="DW235">
            <v>10667</v>
          </cell>
          <cell r="EZ235">
            <v>12</v>
          </cell>
          <cell r="FA235">
            <v>10</v>
          </cell>
          <cell r="FI235">
            <v>5</v>
          </cell>
          <cell r="FJ235" t="str">
            <v>指名競争入札（簡易認証）</v>
          </cell>
          <cell r="FN235">
            <v>4</v>
          </cell>
          <cell r="FO235" t="str">
            <v>電子入札</v>
          </cell>
          <cell r="FS235">
            <v>4</v>
          </cell>
          <cell r="FT235" t="str">
            <v/>
          </cell>
          <cell r="FU235" t="str">
            <v/>
          </cell>
          <cell r="FW235" t="str">
            <v/>
          </cell>
          <cell r="FY235" t="str">
            <v/>
          </cell>
          <cell r="GD235">
            <v>1</v>
          </cell>
          <cell r="GE235" t="str">
            <v>契約・検査課長　松本　嘉博</v>
          </cell>
          <cell r="GF235">
            <v>10153</v>
          </cell>
          <cell r="GG235" t="str">
            <v>日立キャピタル(株)</v>
          </cell>
          <cell r="GH235">
            <v>56812800</v>
          </cell>
          <cell r="GI235">
            <v>5164800</v>
          </cell>
          <cell r="GJ235" t="str">
            <v/>
          </cell>
          <cell r="GT235" t="str">
            <v>要</v>
          </cell>
          <cell r="GW235" t="str">
            <v/>
          </cell>
          <cell r="HO235" t="str">
            <v/>
          </cell>
          <cell r="HP235" t="str">
            <v>-</v>
          </cell>
          <cell r="HQ235" t="str">
            <v>-</v>
          </cell>
          <cell r="HR235" t="str">
            <v>-</v>
          </cell>
          <cell r="HS235">
            <v>860800</v>
          </cell>
          <cell r="HT235">
            <v>867620</v>
          </cell>
          <cell r="HU235">
            <v>868100</v>
          </cell>
          <cell r="HV235" t="str">
            <v>-</v>
          </cell>
          <cell r="HW235" t="str">
            <v>-</v>
          </cell>
          <cell r="HX235" t="str">
            <v>-</v>
          </cell>
          <cell r="HY235" t="str">
            <v>-</v>
          </cell>
          <cell r="HZ235" t="str">
            <v>-</v>
          </cell>
          <cell r="IA235" t="str">
            <v>-</v>
          </cell>
          <cell r="JD235" t="str">
            <v/>
          </cell>
          <cell r="JE235" t="str">
            <v/>
          </cell>
          <cell r="JF235" t="str">
            <v/>
          </cell>
          <cell r="JG235" t="str">
            <v/>
          </cell>
          <cell r="JH235" t="str">
            <v/>
          </cell>
          <cell r="JI235" t="str">
            <v/>
          </cell>
          <cell r="JJ235" t="str">
            <v/>
          </cell>
          <cell r="JK235" t="str">
            <v/>
          </cell>
          <cell r="JL235" t="str">
            <v/>
          </cell>
          <cell r="JM235" t="str">
            <v/>
          </cell>
          <cell r="JN235" t="str">
            <v/>
          </cell>
          <cell r="JO235" t="str">
            <v/>
          </cell>
          <cell r="JP235" t="str">
            <v/>
          </cell>
          <cell r="JQ235" t="str">
            <v/>
          </cell>
          <cell r="JR235" t="str">
            <v/>
          </cell>
          <cell r="JS235" t="str">
            <v/>
          </cell>
          <cell r="JT235" t="str">
            <v/>
          </cell>
          <cell r="JU235" t="str">
            <v/>
          </cell>
          <cell r="JV235" t="str">
            <v/>
          </cell>
          <cell r="JW235" t="str">
            <v/>
          </cell>
          <cell r="JX235" t="str">
            <v/>
          </cell>
          <cell r="JY235" t="str">
            <v/>
          </cell>
          <cell r="JZ235">
            <v>0.95297906630434792</v>
          </cell>
        </row>
        <row r="236">
          <cell r="C236" t="str">
            <v/>
          </cell>
          <cell r="D236" t="str">
            <v/>
          </cell>
          <cell r="E236" t="str">
            <v/>
          </cell>
          <cell r="I236">
            <v>228</v>
          </cell>
          <cell r="M236" t="str">
            <v>令和２年度市民課コンビニ交付システムリース</v>
          </cell>
          <cell r="Q236" t="str">
            <v>ｺﾝﾋﾞﾆ交付ﾘｰｽ</v>
          </cell>
          <cell r="Y236">
            <v>1</v>
          </cell>
          <cell r="AC236">
            <v>8</v>
          </cell>
          <cell r="AD236">
            <v>6</v>
          </cell>
          <cell r="AI236" t="str">
            <v>伊丹市役所本庁１階市民課及び地下１階重要機械室</v>
          </cell>
          <cell r="AQ236">
            <v>7</v>
          </cell>
          <cell r="AU236">
            <v>60</v>
          </cell>
          <cell r="AY236">
            <v>44133</v>
          </cell>
          <cell r="AZ236">
            <v>44134</v>
          </cell>
          <cell r="BA236">
            <v>1920</v>
          </cell>
          <cell r="BB236">
            <v>46053</v>
          </cell>
          <cell r="BC236" t="str">
            <v/>
          </cell>
          <cell r="BD236" t="str">
            <v/>
          </cell>
          <cell r="BE236" t="str">
            <v/>
          </cell>
          <cell r="BF236">
            <v>0.41805555555555557</v>
          </cell>
          <cell r="BG236">
            <v>5920</v>
          </cell>
          <cell r="BH236" t="str">
            <v>岡田  賢</v>
          </cell>
          <cell r="BI236" t="str">
            <v>市民課</v>
          </cell>
          <cell r="BJ236">
            <v>2617</v>
          </cell>
          <cell r="BN236" t="str">
            <v>リ</v>
          </cell>
          <cell r="BO236">
            <v>12</v>
          </cell>
          <cell r="BS236">
            <v>6193044</v>
          </cell>
          <cell r="BT236">
            <v>93800</v>
          </cell>
          <cell r="BU236">
            <v>1</v>
          </cell>
          <cell r="BV236" t="str">
            <v/>
          </cell>
          <cell r="CD236" t="str">
            <v/>
          </cell>
          <cell r="CH236">
            <v>-108</v>
          </cell>
          <cell r="CI236">
            <v>44113</v>
          </cell>
          <cell r="CP236">
            <v>48155</v>
          </cell>
          <cell r="CW236" t="str">
            <v/>
          </cell>
          <cell r="CX236" t="str">
            <v/>
          </cell>
          <cell r="CY236" t="str">
            <v/>
          </cell>
          <cell r="CZ236" t="str">
            <v/>
          </cell>
          <cell r="DA236">
            <v>44120</v>
          </cell>
          <cell r="DB236">
            <v>44125</v>
          </cell>
          <cell r="DD236" t="str">
            <v/>
          </cell>
          <cell r="DL236">
            <v>10064</v>
          </cell>
          <cell r="DM236">
            <v>10115</v>
          </cell>
          <cell r="DN236">
            <v>10147</v>
          </cell>
          <cell r="DO236">
            <v>10153</v>
          </cell>
          <cell r="DP236">
            <v>10200</v>
          </cell>
          <cell r="DQ236">
            <v>10287</v>
          </cell>
          <cell r="DR236">
            <v>10295</v>
          </cell>
          <cell r="DS236">
            <v>10437</v>
          </cell>
          <cell r="DT236">
            <v>10439</v>
          </cell>
          <cell r="DU236">
            <v>10471</v>
          </cell>
          <cell r="DV236">
            <v>10509</v>
          </cell>
          <cell r="DW236">
            <v>10667</v>
          </cell>
          <cell r="EZ236">
            <v>12</v>
          </cell>
          <cell r="FA236">
            <v>8</v>
          </cell>
          <cell r="FI236">
            <v>5</v>
          </cell>
          <cell r="FJ236" t="str">
            <v>指名競争入札（簡易認証）</v>
          </cell>
          <cell r="FN236">
            <v>4</v>
          </cell>
          <cell r="FO236" t="str">
            <v>電子入札</v>
          </cell>
          <cell r="FS236">
            <v>4</v>
          </cell>
          <cell r="FT236" t="str">
            <v/>
          </cell>
          <cell r="FU236" t="str">
            <v/>
          </cell>
          <cell r="FW236" t="str">
            <v/>
          </cell>
          <cell r="FY236" t="str">
            <v/>
          </cell>
          <cell r="GD236">
            <v>1</v>
          </cell>
          <cell r="GE236" t="str">
            <v>契約・検査課長　松本　嘉博</v>
          </cell>
          <cell r="GF236">
            <v>10153</v>
          </cell>
          <cell r="GG236" t="str">
            <v>日立キャピタル(株)</v>
          </cell>
          <cell r="GH236">
            <v>5699100</v>
          </cell>
          <cell r="GI236">
            <v>518100</v>
          </cell>
          <cell r="GJ236" t="str">
            <v/>
          </cell>
          <cell r="GT236" t="str">
            <v/>
          </cell>
          <cell r="GW236" t="str">
            <v/>
          </cell>
          <cell r="HO236" t="str">
            <v/>
          </cell>
          <cell r="HP236" t="str">
            <v>-</v>
          </cell>
          <cell r="HQ236" t="str">
            <v>-</v>
          </cell>
          <cell r="HR236" t="str">
            <v>-</v>
          </cell>
          <cell r="HS236">
            <v>86350</v>
          </cell>
          <cell r="HT236">
            <v>87400</v>
          </cell>
          <cell r="HU236">
            <v>87200</v>
          </cell>
          <cell r="HV236" t="str">
            <v>-</v>
          </cell>
          <cell r="HW236" t="str">
            <v>-</v>
          </cell>
          <cell r="HX236" t="str">
            <v>-</v>
          </cell>
          <cell r="HY236" t="str">
            <v>-</v>
          </cell>
          <cell r="HZ236" t="str">
            <v>-</v>
          </cell>
          <cell r="IA236" t="str">
            <v>-</v>
          </cell>
          <cell r="JD236" t="str">
            <v/>
          </cell>
          <cell r="JE236" t="str">
            <v/>
          </cell>
          <cell r="JF236" t="str">
            <v/>
          </cell>
          <cell r="JG236" t="str">
            <v/>
          </cell>
          <cell r="JH236" t="str">
            <v/>
          </cell>
          <cell r="JI236" t="str">
            <v/>
          </cell>
          <cell r="JJ236" t="str">
            <v/>
          </cell>
          <cell r="JK236" t="str">
            <v/>
          </cell>
          <cell r="JL236" t="str">
            <v/>
          </cell>
          <cell r="JM236" t="str">
            <v/>
          </cell>
          <cell r="JN236" t="str">
            <v/>
          </cell>
          <cell r="JO236" t="str">
            <v/>
          </cell>
          <cell r="JP236" t="str">
            <v/>
          </cell>
          <cell r="JQ236" t="str">
            <v/>
          </cell>
          <cell r="JR236" t="str">
            <v/>
          </cell>
          <cell r="JS236" t="str">
            <v/>
          </cell>
          <cell r="JT236" t="str">
            <v/>
          </cell>
          <cell r="JU236" t="str">
            <v/>
          </cell>
          <cell r="JV236" t="str">
            <v/>
          </cell>
          <cell r="JW236" t="str">
            <v/>
          </cell>
          <cell r="JX236" t="str">
            <v/>
          </cell>
          <cell r="JY236" t="str">
            <v/>
          </cell>
          <cell r="JZ236">
            <v>0.93762339019189755</v>
          </cell>
        </row>
        <row r="237">
          <cell r="C237" t="str">
            <v/>
          </cell>
          <cell r="D237" t="str">
            <v/>
          </cell>
          <cell r="E237" t="str">
            <v/>
          </cell>
          <cell r="I237">
            <v>229</v>
          </cell>
          <cell r="M237" t="str">
            <v>令和２年度災害備蓄食アルファ化米の購入</v>
          </cell>
          <cell r="Q237" t="str">
            <v>アルファ化米</v>
          </cell>
          <cell r="Y237">
            <v>1</v>
          </cell>
          <cell r="AC237">
            <v>8</v>
          </cell>
          <cell r="AD237">
            <v>1</v>
          </cell>
          <cell r="AI237" t="str">
            <v>伊丹市千僧１丁目１番地防災センター（他3ヶ所）</v>
          </cell>
          <cell r="AQ237">
            <v>1</v>
          </cell>
          <cell r="AY237">
            <v>44126</v>
          </cell>
          <cell r="AZ237">
            <v>44127</v>
          </cell>
          <cell r="BA237">
            <v>160</v>
          </cell>
          <cell r="BB237">
            <v>44286</v>
          </cell>
          <cell r="BC237" t="str">
            <v/>
          </cell>
          <cell r="BD237" t="str">
            <v/>
          </cell>
          <cell r="BE237" t="str">
            <v/>
          </cell>
          <cell r="BF237">
            <v>0.41736111111111113</v>
          </cell>
          <cell r="BG237">
            <v>5205</v>
          </cell>
          <cell r="BH237" t="str">
            <v>田丸  洋二</v>
          </cell>
          <cell r="BI237" t="str">
            <v>危機管理室</v>
          </cell>
          <cell r="BJ237">
            <v>4163</v>
          </cell>
          <cell r="BN237" t="str">
            <v>物</v>
          </cell>
          <cell r="BO237">
            <v>38</v>
          </cell>
          <cell r="BS237">
            <v>1400000</v>
          </cell>
          <cell r="BT237">
            <v>1290000</v>
          </cell>
          <cell r="BU237">
            <v>1</v>
          </cell>
          <cell r="BV237" t="str">
            <v/>
          </cell>
          <cell r="CD237" t="str">
            <v/>
          </cell>
          <cell r="CH237">
            <v>-105</v>
          </cell>
          <cell r="CI237">
            <v>44111</v>
          </cell>
          <cell r="CP237">
            <v>43676</v>
          </cell>
          <cell r="CW237" t="str">
            <v/>
          </cell>
          <cell r="CX237" t="str">
            <v/>
          </cell>
          <cell r="CY237" t="str">
            <v/>
          </cell>
          <cell r="CZ237" t="str">
            <v/>
          </cell>
          <cell r="DA237">
            <v>44118</v>
          </cell>
          <cell r="DB237">
            <v>44123</v>
          </cell>
          <cell r="DD237" t="str">
            <v/>
          </cell>
          <cell r="DL237">
            <v>11550</v>
          </cell>
          <cell r="DM237">
            <v>11288</v>
          </cell>
          <cell r="DN237">
            <v>10032</v>
          </cell>
          <cell r="DO237">
            <v>11472</v>
          </cell>
          <cell r="DP237">
            <v>10249</v>
          </cell>
          <cell r="DQ237">
            <v>10244</v>
          </cell>
          <cell r="DR237">
            <v>12132</v>
          </cell>
          <cell r="DS237">
            <v>11530</v>
          </cell>
          <cell r="DT237">
            <v>11193</v>
          </cell>
          <cell r="DU237">
            <v>10775</v>
          </cell>
          <cell r="DV237">
            <v>11354</v>
          </cell>
          <cell r="DW237">
            <v>12605</v>
          </cell>
          <cell r="EZ237">
            <v>12</v>
          </cell>
          <cell r="FA237">
            <v>6</v>
          </cell>
          <cell r="FI237">
            <v>5</v>
          </cell>
          <cell r="FJ237" t="str">
            <v>指名競争入札（簡易認証）</v>
          </cell>
          <cell r="FN237">
            <v>4</v>
          </cell>
          <cell r="FO237" t="str">
            <v>電子入札</v>
          </cell>
          <cell r="FS237">
            <v>3</v>
          </cell>
          <cell r="FT237" t="str">
            <v/>
          </cell>
          <cell r="FU237" t="str">
            <v/>
          </cell>
          <cell r="FW237" t="str">
            <v/>
          </cell>
          <cell r="FY237" t="str">
            <v/>
          </cell>
          <cell r="GD237">
            <v>1</v>
          </cell>
          <cell r="GE237" t="str">
            <v>契約・検査課長　松本　嘉博</v>
          </cell>
          <cell r="GF237">
            <v>11550</v>
          </cell>
          <cell r="GG237" t="str">
            <v>(株)ミヨシ</v>
          </cell>
          <cell r="GH237">
            <v>1046250</v>
          </cell>
          <cell r="GI237">
            <v>77500</v>
          </cell>
          <cell r="GJ237" t="str">
            <v/>
          </cell>
          <cell r="GT237" t="str">
            <v/>
          </cell>
          <cell r="GW237" t="str">
            <v/>
          </cell>
          <cell r="HO237" t="str">
            <v/>
          </cell>
          <cell r="HP237">
            <v>968750</v>
          </cell>
          <cell r="HQ237" t="str">
            <v>-</v>
          </cell>
          <cell r="HR237">
            <v>1100000</v>
          </cell>
          <cell r="HS237">
            <v>1190000</v>
          </cell>
          <cell r="HT237" t="str">
            <v>-</v>
          </cell>
          <cell r="HU237" t="str">
            <v>-</v>
          </cell>
          <cell r="HV237" t="str">
            <v>-</v>
          </cell>
          <cell r="HW237" t="str">
            <v>-</v>
          </cell>
          <cell r="HX237" t="str">
            <v>-</v>
          </cell>
          <cell r="HY237" t="str">
            <v>-</v>
          </cell>
          <cell r="HZ237">
            <v>1146500</v>
          </cell>
          <cell r="IA237" t="str">
            <v>-</v>
          </cell>
          <cell r="JD237" t="str">
            <v/>
          </cell>
          <cell r="JE237" t="str">
            <v/>
          </cell>
          <cell r="JF237" t="str">
            <v/>
          </cell>
          <cell r="JG237" t="str">
            <v/>
          </cell>
          <cell r="JH237" t="str">
            <v/>
          </cell>
          <cell r="JI237" t="str">
            <v/>
          </cell>
          <cell r="JJ237" t="str">
            <v/>
          </cell>
          <cell r="JK237" t="str">
            <v/>
          </cell>
          <cell r="JL237" t="str">
            <v/>
          </cell>
          <cell r="JM237" t="str">
            <v/>
          </cell>
          <cell r="JN237" t="str">
            <v/>
          </cell>
          <cell r="JO237" t="str">
            <v/>
          </cell>
          <cell r="JP237">
            <v>38</v>
          </cell>
          <cell r="JQ237">
            <v>38</v>
          </cell>
          <cell r="JR237" t="str">
            <v/>
          </cell>
          <cell r="JS237" t="str">
            <v/>
          </cell>
          <cell r="JT237" t="str">
            <v/>
          </cell>
          <cell r="JU237" t="str">
            <v/>
          </cell>
          <cell r="JV237" t="str">
            <v/>
          </cell>
          <cell r="JW237" t="str">
            <v/>
          </cell>
          <cell r="JX237" t="str">
            <v/>
          </cell>
          <cell r="JY237" t="str">
            <v/>
          </cell>
          <cell r="JZ237">
            <v>0.73731501057082449</v>
          </cell>
        </row>
        <row r="238">
          <cell r="C238" t="str">
            <v/>
          </cell>
          <cell r="D238" t="str">
            <v/>
          </cell>
          <cell r="E238" t="str">
            <v/>
          </cell>
          <cell r="I238">
            <v>230</v>
          </cell>
          <cell r="M238" t="str">
            <v>令和２年度災害備蓄食５年保存レトルト食品の購入</v>
          </cell>
          <cell r="Q238" t="str">
            <v>5年レトルト食品</v>
          </cell>
          <cell r="Y238">
            <v>1</v>
          </cell>
          <cell r="AC238">
            <v>8</v>
          </cell>
          <cell r="AD238">
            <v>1</v>
          </cell>
          <cell r="AI238" t="str">
            <v>伊丹市千僧１丁目１番地防災センター（他3ヶ所）</v>
          </cell>
          <cell r="AQ238">
            <v>1</v>
          </cell>
          <cell r="AY238">
            <v>44126</v>
          </cell>
          <cell r="AZ238">
            <v>44127</v>
          </cell>
          <cell r="BA238">
            <v>160</v>
          </cell>
          <cell r="BB238">
            <v>44286</v>
          </cell>
          <cell r="BC238" t="str">
            <v/>
          </cell>
          <cell r="BD238" t="str">
            <v/>
          </cell>
          <cell r="BE238" t="str">
            <v/>
          </cell>
          <cell r="BF238">
            <v>0.41805555555555557</v>
          </cell>
          <cell r="BG238">
            <v>5205</v>
          </cell>
          <cell r="BH238" t="str">
            <v>田丸  洋二</v>
          </cell>
          <cell r="BI238" t="str">
            <v>危機管理室</v>
          </cell>
          <cell r="BJ238">
            <v>4163</v>
          </cell>
          <cell r="BN238" t="str">
            <v>物</v>
          </cell>
          <cell r="BO238">
            <v>39</v>
          </cell>
          <cell r="BS238">
            <v>1060000</v>
          </cell>
          <cell r="BT238">
            <v>980000</v>
          </cell>
          <cell r="BU238">
            <v>1</v>
          </cell>
          <cell r="BV238" t="str">
            <v/>
          </cell>
          <cell r="CD238" t="str">
            <v/>
          </cell>
          <cell r="CH238">
            <v>-106</v>
          </cell>
          <cell r="CI238">
            <v>44111</v>
          </cell>
          <cell r="CP238">
            <v>45540</v>
          </cell>
          <cell r="CW238" t="str">
            <v/>
          </cell>
          <cell r="CX238" t="str">
            <v/>
          </cell>
          <cell r="CY238" t="str">
            <v/>
          </cell>
          <cell r="CZ238" t="str">
            <v/>
          </cell>
          <cell r="DA238">
            <v>44118</v>
          </cell>
          <cell r="DB238">
            <v>44123</v>
          </cell>
          <cell r="DD238" t="str">
            <v/>
          </cell>
          <cell r="DL238">
            <v>11550</v>
          </cell>
          <cell r="DM238">
            <v>11288</v>
          </cell>
          <cell r="DN238">
            <v>10032</v>
          </cell>
          <cell r="DO238">
            <v>11472</v>
          </cell>
          <cell r="DP238">
            <v>11530</v>
          </cell>
          <cell r="DQ238">
            <v>10106</v>
          </cell>
          <cell r="DR238">
            <v>10095</v>
          </cell>
          <cell r="DS238">
            <v>11598</v>
          </cell>
          <cell r="DT238">
            <v>11193</v>
          </cell>
          <cell r="DU238">
            <v>10775</v>
          </cell>
          <cell r="DV238">
            <v>11354</v>
          </cell>
          <cell r="DW238">
            <v>12605</v>
          </cell>
          <cell r="EZ238">
            <v>12</v>
          </cell>
          <cell r="FA238">
            <v>6</v>
          </cell>
          <cell r="FI238">
            <v>5</v>
          </cell>
          <cell r="FJ238" t="str">
            <v>指名競争入札（簡易認証）</v>
          </cell>
          <cell r="FN238">
            <v>4</v>
          </cell>
          <cell r="FO238" t="str">
            <v>電子入札</v>
          </cell>
          <cell r="FS238">
            <v>3</v>
          </cell>
          <cell r="FT238" t="str">
            <v/>
          </cell>
          <cell r="FU238" t="str">
            <v/>
          </cell>
          <cell r="FW238" t="str">
            <v/>
          </cell>
          <cell r="FY238" t="str">
            <v/>
          </cell>
          <cell r="GD238">
            <v>1</v>
          </cell>
          <cell r="GE238" t="str">
            <v>契約・検査課長　松本　嘉博</v>
          </cell>
          <cell r="GF238">
            <v>11550</v>
          </cell>
          <cell r="GG238" t="str">
            <v>(株)ミヨシ</v>
          </cell>
          <cell r="GH238">
            <v>981417</v>
          </cell>
          <cell r="GI238">
            <v>72697</v>
          </cell>
          <cell r="GJ238" t="str">
            <v/>
          </cell>
          <cell r="GT238" t="str">
            <v/>
          </cell>
          <cell r="GW238" t="str">
            <v/>
          </cell>
          <cell r="HO238" t="str">
            <v/>
          </cell>
          <cell r="HP238">
            <v>908720</v>
          </cell>
          <cell r="HQ238" t="str">
            <v>-</v>
          </cell>
          <cell r="HR238">
            <v>982400</v>
          </cell>
          <cell r="HS238">
            <v>997750</v>
          </cell>
          <cell r="HT238" t="str">
            <v>-</v>
          </cell>
          <cell r="HU238" t="str">
            <v>-</v>
          </cell>
          <cell r="HV238">
            <v>1800000</v>
          </cell>
          <cell r="HW238" t="str">
            <v>-</v>
          </cell>
          <cell r="HX238" t="str">
            <v>-</v>
          </cell>
          <cell r="HY238" t="str">
            <v>-</v>
          </cell>
          <cell r="HZ238">
            <v>1087400</v>
          </cell>
          <cell r="IA238" t="str">
            <v>-</v>
          </cell>
          <cell r="JD238" t="str">
            <v/>
          </cell>
          <cell r="JE238" t="str">
            <v/>
          </cell>
          <cell r="JF238" t="str">
            <v/>
          </cell>
          <cell r="JG238" t="str">
            <v/>
          </cell>
          <cell r="JH238" t="str">
            <v/>
          </cell>
          <cell r="JI238" t="str">
            <v/>
          </cell>
          <cell r="JJ238" t="str">
            <v/>
          </cell>
          <cell r="JK238" t="str">
            <v/>
          </cell>
          <cell r="JL238" t="str">
            <v/>
          </cell>
          <cell r="JM238" t="str">
            <v/>
          </cell>
          <cell r="JN238" t="str">
            <v/>
          </cell>
          <cell r="JO238" t="str">
            <v/>
          </cell>
          <cell r="JP238">
            <v>39</v>
          </cell>
          <cell r="JQ238">
            <v>39</v>
          </cell>
          <cell r="JR238" t="str">
            <v/>
          </cell>
          <cell r="JS238" t="str">
            <v/>
          </cell>
          <cell r="JT238" t="str">
            <v/>
          </cell>
          <cell r="JU238" t="str">
            <v/>
          </cell>
          <cell r="JV238" t="str">
            <v/>
          </cell>
          <cell r="JW238" t="str">
            <v/>
          </cell>
          <cell r="JX238" t="str">
            <v/>
          </cell>
          <cell r="JY238" t="str">
            <v/>
          </cell>
          <cell r="JZ238">
            <v>0.91040538033395169</v>
          </cell>
        </row>
        <row r="239">
          <cell r="C239" t="str">
            <v/>
          </cell>
          <cell r="D239" t="str">
            <v/>
          </cell>
          <cell r="E239" t="str">
            <v/>
          </cell>
          <cell r="I239">
            <v>231</v>
          </cell>
          <cell r="M239" t="str">
            <v>軽四バン（ダイハツ　ＬＥ－Ｓ３２０Ｖ)売却</v>
          </cell>
          <cell r="Q239" t="str">
            <v>ﾔﾌｵｸ軽四ﾊﾞﾝ</v>
          </cell>
          <cell r="AC239">
            <v>8</v>
          </cell>
          <cell r="AD239" t="str">
            <v>-</v>
          </cell>
          <cell r="AY239" t="str">
            <v/>
          </cell>
          <cell r="AZ239" t="str">
            <v/>
          </cell>
          <cell r="BA239" t="str">
            <v/>
          </cell>
          <cell r="BC239" t="str">
            <v/>
          </cell>
          <cell r="BD239" t="str">
            <v/>
          </cell>
          <cell r="BE239" t="str">
            <v/>
          </cell>
          <cell r="BH239" t="str">
            <v/>
          </cell>
          <cell r="BI239" t="str">
            <v/>
          </cell>
          <cell r="BJ239" t="str">
            <v/>
          </cell>
          <cell r="BS239">
            <v>60000</v>
          </cell>
          <cell r="BT239">
            <v>50000</v>
          </cell>
          <cell r="BU239" t="str">
            <v/>
          </cell>
          <cell r="BV239" t="str">
            <v/>
          </cell>
          <cell r="CD239" t="str">
            <v/>
          </cell>
          <cell r="CH239">
            <v>116</v>
          </cell>
          <cell r="CP239">
            <v>43015</v>
          </cell>
          <cell r="CW239" t="str">
            <v/>
          </cell>
          <cell r="CX239" t="str">
            <v/>
          </cell>
          <cell r="CY239" t="str">
            <v/>
          </cell>
          <cell r="CZ239" t="str">
            <v/>
          </cell>
          <cell r="DA239" t="str">
            <v/>
          </cell>
          <cell r="DB239" t="str">
            <v/>
          </cell>
          <cell r="DD239" t="str">
            <v/>
          </cell>
          <cell r="EZ239" t="str">
            <v/>
          </cell>
          <cell r="FA239">
            <v>6</v>
          </cell>
          <cell r="FI239">
            <v>5</v>
          </cell>
          <cell r="FJ239" t="str">
            <v>指名競争入札（簡易認証）</v>
          </cell>
          <cell r="FN239" t="str">
            <v/>
          </cell>
          <cell r="FO239" t="str">
            <v/>
          </cell>
          <cell r="FS239">
            <v>5</v>
          </cell>
          <cell r="FT239" t="str">
            <v/>
          </cell>
          <cell r="FU239" t="str">
            <v/>
          </cell>
          <cell r="FW239" t="str">
            <v/>
          </cell>
          <cell r="FY239" t="str">
            <v/>
          </cell>
          <cell r="GD239">
            <v>1</v>
          </cell>
          <cell r="GE239" t="str">
            <v>契約・検査課長　松本　嘉博</v>
          </cell>
          <cell r="GG239" t="str">
            <v/>
          </cell>
          <cell r="GI239" t="str">
            <v/>
          </cell>
          <cell r="GJ239" t="str">
            <v/>
          </cell>
          <cell r="GT239" t="str">
            <v/>
          </cell>
          <cell r="GW239" t="str">
            <v/>
          </cell>
          <cell r="HO239" t="str">
            <v/>
          </cell>
          <cell r="JD239" t="str">
            <v/>
          </cell>
          <cell r="JE239" t="str">
            <v/>
          </cell>
          <cell r="JF239" t="str">
            <v/>
          </cell>
          <cell r="JG239" t="str">
            <v/>
          </cell>
          <cell r="JH239" t="str">
            <v/>
          </cell>
          <cell r="JI239" t="str">
            <v/>
          </cell>
          <cell r="JJ239" t="str">
            <v/>
          </cell>
          <cell r="JK239" t="str">
            <v/>
          </cell>
          <cell r="JL239" t="str">
            <v/>
          </cell>
          <cell r="JM239" t="str">
            <v/>
          </cell>
          <cell r="JN239" t="str">
            <v/>
          </cell>
          <cell r="JO239" t="str">
            <v/>
          </cell>
          <cell r="JP239" t="str">
            <v/>
          </cell>
          <cell r="JQ239" t="str">
            <v/>
          </cell>
          <cell r="JR239" t="str">
            <v/>
          </cell>
          <cell r="JS239" t="str">
            <v/>
          </cell>
          <cell r="JT239" t="str">
            <v/>
          </cell>
          <cell r="JU239" t="str">
            <v/>
          </cell>
          <cell r="JV239" t="str">
            <v/>
          </cell>
          <cell r="JW239" t="str">
            <v/>
          </cell>
          <cell r="JX239" t="str">
            <v/>
          </cell>
          <cell r="JY239" t="str">
            <v/>
          </cell>
          <cell r="JZ239" t="str">
            <v/>
          </cell>
        </row>
        <row r="240">
          <cell r="C240" t="str">
            <v/>
          </cell>
          <cell r="D240" t="str">
            <v/>
          </cell>
          <cell r="E240" t="str">
            <v/>
          </cell>
          <cell r="I240">
            <v>232</v>
          </cell>
          <cell r="M240" t="str">
            <v>令和２年度し尿公共下水道放流施設脱臭設備維持管理（活性炭入れ替え）委託業務</v>
          </cell>
          <cell r="Q240" t="str">
            <v>活性炭入替</v>
          </cell>
          <cell r="Y240">
            <v>1</v>
          </cell>
          <cell r="AC240">
            <v>8</v>
          </cell>
          <cell r="AD240">
            <v>8</v>
          </cell>
          <cell r="AI240" t="str">
            <v>伊丹市岩屋２丁目２番８号環境クリーンセンター</v>
          </cell>
          <cell r="AQ240">
            <v>1</v>
          </cell>
          <cell r="AY240">
            <v>44131</v>
          </cell>
          <cell r="AZ240">
            <v>44132</v>
          </cell>
          <cell r="BA240">
            <v>155</v>
          </cell>
          <cell r="BB240">
            <v>44286</v>
          </cell>
          <cell r="BC240" t="str">
            <v/>
          </cell>
          <cell r="BD240" t="str">
            <v/>
          </cell>
          <cell r="BE240" t="str">
            <v/>
          </cell>
          <cell r="BF240">
            <v>0.41736111111111113</v>
          </cell>
          <cell r="BG240">
            <v>5388</v>
          </cell>
          <cell r="BH240" t="str">
            <v>前田  史郎</v>
          </cell>
          <cell r="BI240" t="str">
            <v>業務課</v>
          </cell>
          <cell r="BJ240" t="str">
            <v>780-0968</v>
          </cell>
          <cell r="BN240" t="str">
            <v>他</v>
          </cell>
          <cell r="BO240">
            <v>71</v>
          </cell>
          <cell r="BS240">
            <v>2282940</v>
          </cell>
          <cell r="BT240">
            <v>2070000</v>
          </cell>
          <cell r="BU240" t="str">
            <v/>
          </cell>
          <cell r="BV240" t="str">
            <v/>
          </cell>
          <cell r="CD240" t="str">
            <v/>
          </cell>
          <cell r="CH240">
            <v>-109</v>
          </cell>
          <cell r="CI240">
            <v>44116</v>
          </cell>
          <cell r="CP240">
            <v>40632</v>
          </cell>
          <cell r="CW240" t="str">
            <v/>
          </cell>
          <cell r="CX240" t="str">
            <v/>
          </cell>
          <cell r="CY240" t="str">
            <v/>
          </cell>
          <cell r="CZ240" t="str">
            <v/>
          </cell>
          <cell r="DA240">
            <v>44123</v>
          </cell>
          <cell r="DB240">
            <v>44126</v>
          </cell>
          <cell r="DD240" t="str">
            <v/>
          </cell>
          <cell r="DL240">
            <v>10216</v>
          </cell>
          <cell r="DM240">
            <v>10739</v>
          </cell>
          <cell r="DN240">
            <v>10058</v>
          </cell>
          <cell r="DO240">
            <v>10025</v>
          </cell>
          <cell r="DP240">
            <v>10344</v>
          </cell>
          <cell r="DQ240">
            <v>10497</v>
          </cell>
          <cell r="DR240">
            <v>12048</v>
          </cell>
          <cell r="DS240">
            <v>10336</v>
          </cell>
          <cell r="DT240">
            <v>10370</v>
          </cell>
          <cell r="EZ240">
            <v>9</v>
          </cell>
          <cell r="FA240">
            <v>6</v>
          </cell>
          <cell r="FI240">
            <v>5</v>
          </cell>
          <cell r="FJ240" t="str">
            <v>指名競争入札（簡易認証）</v>
          </cell>
          <cell r="FN240">
            <v>4</v>
          </cell>
          <cell r="FO240" t="str">
            <v>電子入札</v>
          </cell>
          <cell r="FS240">
            <v>5</v>
          </cell>
          <cell r="FT240" t="str">
            <v/>
          </cell>
          <cell r="FU240" t="str">
            <v/>
          </cell>
          <cell r="FW240" t="str">
            <v/>
          </cell>
          <cell r="FY240" t="str">
            <v/>
          </cell>
          <cell r="GD240">
            <v>1</v>
          </cell>
          <cell r="GE240" t="str">
            <v>契約・検査課長　松本　嘉博</v>
          </cell>
          <cell r="GF240">
            <v>10216</v>
          </cell>
          <cell r="GG240" t="str">
            <v>大鳥産業(株)</v>
          </cell>
          <cell r="GH240">
            <v>1901240</v>
          </cell>
          <cell r="GI240">
            <v>172840</v>
          </cell>
          <cell r="GJ240" t="str">
            <v/>
          </cell>
          <cell r="GL240" t="str">
            <v>毒物劇物取扱者,高圧ガス販売主任者</v>
          </cell>
          <cell r="GM240" t="str">
            <v>鳥生　昌希</v>
          </cell>
          <cell r="GN240" t="str">
            <v>毒物劇物取扱者,高圧ガス販売主任者</v>
          </cell>
          <cell r="GO240" t="str">
            <v>鳥生　昌希</v>
          </cell>
          <cell r="GT240" t="str">
            <v/>
          </cell>
          <cell r="GW240" t="str">
            <v/>
          </cell>
          <cell r="HO240" t="str">
            <v/>
          </cell>
          <cell r="HP240">
            <v>1728400</v>
          </cell>
          <cell r="HQ240">
            <v>1869000</v>
          </cell>
          <cell r="HR240" t="str">
            <v>-</v>
          </cell>
          <cell r="HS240" t="str">
            <v>-</v>
          </cell>
          <cell r="HT240" t="str">
            <v>-</v>
          </cell>
          <cell r="HU240">
            <v>2050000</v>
          </cell>
          <cell r="HV240" t="str">
            <v>-</v>
          </cell>
          <cell r="HW240" t="str">
            <v>-</v>
          </cell>
          <cell r="HX240">
            <v>2069000</v>
          </cell>
          <cell r="JD240" t="str">
            <v/>
          </cell>
          <cell r="JE240" t="str">
            <v/>
          </cell>
          <cell r="JF240" t="str">
            <v/>
          </cell>
          <cell r="JG240" t="str">
            <v/>
          </cell>
          <cell r="JH240" t="str">
            <v/>
          </cell>
          <cell r="JI240" t="str">
            <v/>
          </cell>
          <cell r="JJ240" t="str">
            <v/>
          </cell>
          <cell r="JK240" t="str">
            <v/>
          </cell>
          <cell r="JL240" t="str">
            <v/>
          </cell>
          <cell r="JM240" t="str">
            <v/>
          </cell>
          <cell r="JN240" t="str">
            <v/>
          </cell>
          <cell r="JO240" t="str">
            <v/>
          </cell>
          <cell r="JP240" t="str">
            <v/>
          </cell>
          <cell r="JQ240" t="str">
            <v/>
          </cell>
          <cell r="JR240" t="str">
            <v/>
          </cell>
          <cell r="JS240" t="str">
            <v/>
          </cell>
          <cell r="JT240" t="str">
            <v/>
          </cell>
          <cell r="JU240" t="str">
            <v/>
          </cell>
          <cell r="JV240" t="str">
            <v/>
          </cell>
          <cell r="JW240" t="str">
            <v/>
          </cell>
          <cell r="JX240">
            <v>71</v>
          </cell>
          <cell r="JY240">
            <v>69</v>
          </cell>
          <cell r="JZ240">
            <v>0.83497584541062786</v>
          </cell>
        </row>
        <row r="241">
          <cell r="C241" t="str">
            <v/>
          </cell>
          <cell r="D241" t="str">
            <v/>
          </cell>
          <cell r="E241" t="str">
            <v/>
          </cell>
          <cell r="I241">
            <v>233</v>
          </cell>
          <cell r="M241" t="str">
            <v>令和２年度スマートフォン固定器具及び充電機器設置委託業務</v>
          </cell>
          <cell r="Q241" t="str">
            <v>ｽﾏﾎ機器設置</v>
          </cell>
          <cell r="Y241">
            <v>1</v>
          </cell>
          <cell r="AC241">
            <v>8</v>
          </cell>
          <cell r="AD241">
            <v>8</v>
          </cell>
          <cell r="AI241" t="str">
            <v>伊丹市</v>
          </cell>
          <cell r="AQ241">
            <v>1</v>
          </cell>
          <cell r="AY241">
            <v>44131</v>
          </cell>
          <cell r="AZ241">
            <v>44132</v>
          </cell>
          <cell r="BA241">
            <v>55</v>
          </cell>
          <cell r="BB241">
            <v>44186</v>
          </cell>
          <cell r="BC241" t="str">
            <v/>
          </cell>
          <cell r="BD241" t="str">
            <v/>
          </cell>
          <cell r="BE241" t="str">
            <v/>
          </cell>
          <cell r="BF241">
            <v>0.41805555555555557</v>
          </cell>
          <cell r="BG241">
            <v>7302</v>
          </cell>
          <cell r="BH241" t="str">
            <v>森崎　香央里</v>
          </cell>
          <cell r="BI241" t="str">
            <v>都市安全企画課</v>
          </cell>
          <cell r="BJ241">
            <v>2443</v>
          </cell>
          <cell r="BN241" t="str">
            <v>他</v>
          </cell>
          <cell r="BO241">
            <v>72</v>
          </cell>
          <cell r="BS241">
            <v>2226840</v>
          </cell>
          <cell r="BT241">
            <v>2020000</v>
          </cell>
          <cell r="BU241" t="str">
            <v/>
          </cell>
          <cell r="BV241" t="str">
            <v/>
          </cell>
          <cell r="CD241" t="str">
            <v/>
          </cell>
          <cell r="CH241">
            <v>-110</v>
          </cell>
          <cell r="CI241">
            <v>44116</v>
          </cell>
          <cell r="CP241">
            <v>41532</v>
          </cell>
          <cell r="CW241" t="str">
            <v/>
          </cell>
          <cell r="CX241" t="str">
            <v/>
          </cell>
          <cell r="CY241" t="str">
            <v/>
          </cell>
          <cell r="CZ241" t="str">
            <v/>
          </cell>
          <cell r="DA241">
            <v>44123</v>
          </cell>
          <cell r="DB241">
            <v>44126</v>
          </cell>
          <cell r="DD241" t="str">
            <v/>
          </cell>
          <cell r="DL241">
            <v>11478</v>
          </cell>
          <cell r="DM241">
            <v>11182</v>
          </cell>
          <cell r="DN241">
            <v>11227</v>
          </cell>
          <cell r="DO241">
            <v>10182</v>
          </cell>
          <cell r="DP241">
            <v>10990</v>
          </cell>
          <cell r="DQ241">
            <v>10547</v>
          </cell>
          <cell r="DR241">
            <v>10276</v>
          </cell>
          <cell r="DS241">
            <v>11898</v>
          </cell>
          <cell r="DT241">
            <v>11411</v>
          </cell>
          <cell r="DU241">
            <v>12478</v>
          </cell>
          <cell r="DV241">
            <v>12608</v>
          </cell>
          <cell r="DW241">
            <v>12967</v>
          </cell>
          <cell r="DX241">
            <v>10763</v>
          </cell>
          <cell r="DY241">
            <v>10608</v>
          </cell>
          <cell r="DZ241">
            <v>11627</v>
          </cell>
          <cell r="EZ241">
            <v>15</v>
          </cell>
          <cell r="FA241">
            <v>6</v>
          </cell>
          <cell r="FI241">
            <v>5</v>
          </cell>
          <cell r="FJ241" t="str">
            <v>指名競争入札（簡易認証）</v>
          </cell>
          <cell r="FN241">
            <v>4</v>
          </cell>
          <cell r="FO241" t="str">
            <v>電子入札</v>
          </cell>
          <cell r="FS241">
            <v>5</v>
          </cell>
          <cell r="FT241" t="str">
            <v/>
          </cell>
          <cell r="FU241" t="str">
            <v/>
          </cell>
          <cell r="FW241" t="str">
            <v/>
          </cell>
          <cell r="FY241" t="str">
            <v/>
          </cell>
          <cell r="GD241">
            <v>1</v>
          </cell>
          <cell r="GE241" t="str">
            <v>契約・検査課長　松本　嘉博</v>
          </cell>
          <cell r="GF241" t="str">
            <v>-</v>
          </cell>
          <cell r="GG241" t="str">
            <v>×</v>
          </cell>
          <cell r="GI241" t="str">
            <v/>
          </cell>
          <cell r="GJ241" t="str">
            <v/>
          </cell>
          <cell r="GT241" t="str">
            <v/>
          </cell>
          <cell r="GW241" t="str">
            <v/>
          </cell>
          <cell r="HO241" t="str">
            <v/>
          </cell>
          <cell r="HP241" t="str">
            <v>-</v>
          </cell>
          <cell r="HQ241" t="str">
            <v>-</v>
          </cell>
          <cell r="HR241" t="str">
            <v>-</v>
          </cell>
          <cell r="HS241" t="str">
            <v>-</v>
          </cell>
          <cell r="HT241" t="str">
            <v>-</v>
          </cell>
          <cell r="HU241" t="str">
            <v>-</v>
          </cell>
          <cell r="HV241" t="str">
            <v>-</v>
          </cell>
          <cell r="HW241" t="str">
            <v>-</v>
          </cell>
          <cell r="HX241" t="str">
            <v>-</v>
          </cell>
          <cell r="HY241" t="str">
            <v>-</v>
          </cell>
          <cell r="HZ241" t="str">
            <v>-</v>
          </cell>
          <cell r="IA241" t="str">
            <v>-</v>
          </cell>
          <cell r="IB241" t="str">
            <v>-</v>
          </cell>
          <cell r="IC241" t="str">
            <v>-</v>
          </cell>
          <cell r="ID241" t="str">
            <v>-</v>
          </cell>
          <cell r="JD241" t="str">
            <v/>
          </cell>
          <cell r="JE241" t="str">
            <v/>
          </cell>
          <cell r="JF241" t="str">
            <v/>
          </cell>
          <cell r="JG241" t="str">
            <v/>
          </cell>
          <cell r="JH241" t="str">
            <v/>
          </cell>
          <cell r="JI241" t="str">
            <v/>
          </cell>
          <cell r="JJ241" t="str">
            <v/>
          </cell>
          <cell r="JK241" t="str">
            <v/>
          </cell>
          <cell r="JL241" t="str">
            <v/>
          </cell>
          <cell r="JM241" t="str">
            <v/>
          </cell>
          <cell r="JN241" t="str">
            <v/>
          </cell>
          <cell r="JO241" t="str">
            <v/>
          </cell>
          <cell r="JP241" t="str">
            <v/>
          </cell>
          <cell r="JQ241" t="str">
            <v/>
          </cell>
          <cell r="JR241" t="str">
            <v/>
          </cell>
          <cell r="JS241" t="str">
            <v/>
          </cell>
          <cell r="JT241" t="str">
            <v/>
          </cell>
          <cell r="JU241" t="str">
            <v/>
          </cell>
          <cell r="JV241" t="str">
            <v/>
          </cell>
          <cell r="JW241" t="str">
            <v/>
          </cell>
          <cell r="JX241">
            <v>72</v>
          </cell>
          <cell r="JY241">
            <v>70</v>
          </cell>
          <cell r="JZ241" t="str">
            <v/>
          </cell>
        </row>
        <row r="242">
          <cell r="C242" t="str">
            <v/>
          </cell>
          <cell r="D242" t="str">
            <v/>
          </cell>
          <cell r="E242" t="str">
            <v/>
          </cell>
          <cell r="I242">
            <v>234</v>
          </cell>
          <cell r="M242" t="str">
            <v>令和２年度統合型地理情報システム導入リース</v>
          </cell>
          <cell r="Q242" t="str">
            <v>統地情ｼｽﾘｰｽ</v>
          </cell>
          <cell r="Y242">
            <v>1</v>
          </cell>
          <cell r="AC242">
            <v>8</v>
          </cell>
          <cell r="AD242">
            <v>6</v>
          </cell>
          <cell r="AI242" t="str">
            <v>伊丹市役所本庁舎</v>
          </cell>
          <cell r="AQ242">
            <v>7</v>
          </cell>
          <cell r="AU242">
            <v>60</v>
          </cell>
          <cell r="AY242">
            <v>44145</v>
          </cell>
          <cell r="AZ242">
            <v>44146</v>
          </cell>
          <cell r="BA242">
            <v>1846</v>
          </cell>
          <cell r="BB242">
            <v>45991</v>
          </cell>
          <cell r="BC242" t="str">
            <v/>
          </cell>
          <cell r="BD242" t="str">
            <v/>
          </cell>
          <cell r="BE242" t="str">
            <v/>
          </cell>
          <cell r="BF242">
            <v>0.41736111111111113</v>
          </cell>
          <cell r="BG242">
            <v>6439</v>
          </cell>
          <cell r="BH242" t="str">
            <v>竹中  史明</v>
          </cell>
          <cell r="BI242" t="str">
            <v>情報管理課</v>
          </cell>
          <cell r="BJ242">
            <v>4320</v>
          </cell>
          <cell r="BN242" t="str">
            <v>リ</v>
          </cell>
          <cell r="BO242">
            <v>13</v>
          </cell>
          <cell r="BS242">
            <v>3652981</v>
          </cell>
          <cell r="BT242">
            <v>55340</v>
          </cell>
          <cell r="BU242">
            <v>1</v>
          </cell>
          <cell r="BV242" t="str">
            <v/>
          </cell>
          <cell r="CD242" t="str">
            <v/>
          </cell>
          <cell r="CH242">
            <v>-111</v>
          </cell>
          <cell r="CI242">
            <v>44120</v>
          </cell>
          <cell r="CP242">
            <v>70394</v>
          </cell>
          <cell r="CW242" t="str">
            <v/>
          </cell>
          <cell r="CX242" t="str">
            <v/>
          </cell>
          <cell r="CY242" t="str">
            <v/>
          </cell>
          <cell r="CZ242" t="str">
            <v/>
          </cell>
          <cell r="DA242">
            <v>44130</v>
          </cell>
          <cell r="DB242">
            <v>44134</v>
          </cell>
          <cell r="DD242" t="str">
            <v/>
          </cell>
          <cell r="DL242">
            <v>10064</v>
          </cell>
          <cell r="DM242">
            <v>10115</v>
          </cell>
          <cell r="DN242">
            <v>10147</v>
          </cell>
          <cell r="DO242">
            <v>10153</v>
          </cell>
          <cell r="DP242">
            <v>10200</v>
          </cell>
          <cell r="DQ242">
            <v>10287</v>
          </cell>
          <cell r="DR242">
            <v>10295</v>
          </cell>
          <cell r="DS242">
            <v>10437</v>
          </cell>
          <cell r="DT242">
            <v>10439</v>
          </cell>
          <cell r="DU242">
            <v>10471</v>
          </cell>
          <cell r="DV242">
            <v>10509</v>
          </cell>
          <cell r="DW242">
            <v>10667</v>
          </cell>
          <cell r="EZ242">
            <v>12</v>
          </cell>
          <cell r="FA242">
            <v>6</v>
          </cell>
          <cell r="FI242">
            <v>5</v>
          </cell>
          <cell r="FJ242" t="str">
            <v>指名競争入札（簡易認証）</v>
          </cell>
          <cell r="FN242">
            <v>4</v>
          </cell>
          <cell r="FO242" t="str">
            <v>電子入札</v>
          </cell>
          <cell r="FS242">
            <v>4</v>
          </cell>
          <cell r="FT242" t="str">
            <v/>
          </cell>
          <cell r="FU242" t="str">
            <v/>
          </cell>
          <cell r="FW242" t="str">
            <v/>
          </cell>
          <cell r="FY242" t="str">
            <v/>
          </cell>
          <cell r="GD242">
            <v>1</v>
          </cell>
          <cell r="GE242" t="str">
            <v>契約・検査課長　松本　嘉博</v>
          </cell>
          <cell r="GF242">
            <v>10115</v>
          </cell>
          <cell r="GG242" t="str">
            <v>ＮＥＣキャピタルソリューション(株)</v>
          </cell>
          <cell r="GH242">
            <v>3502620</v>
          </cell>
          <cell r="GI242">
            <v>318420</v>
          </cell>
          <cell r="GJ242" t="str">
            <v/>
          </cell>
          <cell r="GT242" t="str">
            <v/>
          </cell>
          <cell r="GW242" t="str">
            <v/>
          </cell>
          <cell r="HO242" t="str">
            <v/>
          </cell>
          <cell r="HP242" t="str">
            <v>-</v>
          </cell>
          <cell r="HQ242">
            <v>53070</v>
          </cell>
          <cell r="HR242" t="str">
            <v>-</v>
          </cell>
          <cell r="HS242">
            <v>53200</v>
          </cell>
          <cell r="HT242">
            <v>53500</v>
          </cell>
          <cell r="HU242">
            <v>54700</v>
          </cell>
          <cell r="HV242" t="str">
            <v>-</v>
          </cell>
          <cell r="HW242" t="str">
            <v>-</v>
          </cell>
          <cell r="HX242" t="str">
            <v>-</v>
          </cell>
          <cell r="HY242" t="str">
            <v>-</v>
          </cell>
          <cell r="HZ242" t="str">
            <v>-</v>
          </cell>
          <cell r="IA242" t="str">
            <v>-</v>
          </cell>
          <cell r="JD242" t="str">
            <v/>
          </cell>
          <cell r="JE242" t="str">
            <v/>
          </cell>
          <cell r="JF242" t="str">
            <v/>
          </cell>
          <cell r="JG242" t="str">
            <v/>
          </cell>
          <cell r="JH242" t="str">
            <v/>
          </cell>
          <cell r="JI242" t="str">
            <v/>
          </cell>
          <cell r="JJ242" t="str">
            <v/>
          </cell>
          <cell r="JK242" t="str">
            <v/>
          </cell>
          <cell r="JL242" t="str">
            <v/>
          </cell>
          <cell r="JM242" t="str">
            <v/>
          </cell>
          <cell r="JN242" t="str">
            <v/>
          </cell>
          <cell r="JO242" t="str">
            <v/>
          </cell>
          <cell r="JP242" t="str">
            <v/>
          </cell>
          <cell r="JQ242" t="str">
            <v/>
          </cell>
          <cell r="JR242" t="str">
            <v/>
          </cell>
          <cell r="JS242" t="str">
            <v/>
          </cell>
          <cell r="JT242" t="str">
            <v/>
          </cell>
          <cell r="JU242" t="str">
            <v/>
          </cell>
          <cell r="JV242" t="str">
            <v/>
          </cell>
          <cell r="JW242" t="str">
            <v/>
          </cell>
          <cell r="JX242" t="str">
            <v/>
          </cell>
          <cell r="JY242" t="str">
            <v/>
          </cell>
          <cell r="JZ242">
            <v>0.9767397542464763</v>
          </cell>
        </row>
        <row r="243">
          <cell r="C243" t="str">
            <v/>
          </cell>
          <cell r="D243" t="str">
            <v/>
          </cell>
          <cell r="E243" t="str">
            <v/>
          </cell>
          <cell r="I243">
            <v>235</v>
          </cell>
          <cell r="M243" t="str">
            <v>令和２年度SKYSEA Client View（GL)Light Editionライセンス更新分の購入</v>
          </cell>
          <cell r="Q243" t="str">
            <v>skyseaﾗｲｾﾝｽ</v>
          </cell>
          <cell r="Y243">
            <v>1</v>
          </cell>
          <cell r="AC243">
            <v>8</v>
          </cell>
          <cell r="AD243">
            <v>1</v>
          </cell>
          <cell r="AF243">
            <v>1</v>
          </cell>
          <cell r="AI243" t="str">
            <v>伊丹市千僧１丁目１番地　総合教育センター</v>
          </cell>
          <cell r="AQ243">
            <v>1</v>
          </cell>
          <cell r="AY243">
            <v>44131</v>
          </cell>
          <cell r="AZ243">
            <v>44132</v>
          </cell>
          <cell r="BA243">
            <v>34</v>
          </cell>
          <cell r="BB243">
            <v>44165</v>
          </cell>
          <cell r="BC243" t="str">
            <v/>
          </cell>
          <cell r="BD243" t="str">
            <v/>
          </cell>
          <cell r="BE243" t="str">
            <v/>
          </cell>
          <cell r="BF243">
            <v>0.41875000000000001</v>
          </cell>
          <cell r="BG243">
            <v>7548</v>
          </cell>
          <cell r="BH243" t="str">
            <v>片岡　栄二郎</v>
          </cell>
          <cell r="BI243" t="str">
            <v>総合教育センター</v>
          </cell>
          <cell r="BJ243">
            <v>4649</v>
          </cell>
          <cell r="BN243" t="str">
            <v>物</v>
          </cell>
          <cell r="BO243">
            <v>40</v>
          </cell>
          <cell r="BS243">
            <v>1012000</v>
          </cell>
          <cell r="BT243">
            <v>920000</v>
          </cell>
          <cell r="BU243">
            <v>1</v>
          </cell>
          <cell r="BV243" t="str">
            <v/>
          </cell>
          <cell r="CD243" t="str">
            <v/>
          </cell>
          <cell r="CH243">
            <v>-112</v>
          </cell>
          <cell r="CI243">
            <v>44117</v>
          </cell>
          <cell r="CP243">
            <v>30142</v>
          </cell>
          <cell r="CW243" t="str">
            <v/>
          </cell>
          <cell r="CX243" t="str">
            <v/>
          </cell>
          <cell r="CY243" t="str">
            <v/>
          </cell>
          <cell r="CZ243" t="str">
            <v/>
          </cell>
          <cell r="DA243">
            <v>44124</v>
          </cell>
          <cell r="DB243">
            <v>44126</v>
          </cell>
          <cell r="DD243" t="str">
            <v/>
          </cell>
          <cell r="DL243">
            <v>10556</v>
          </cell>
          <cell r="DM243">
            <v>10167</v>
          </cell>
          <cell r="DN243">
            <v>10793</v>
          </cell>
          <cell r="DO243">
            <v>11022</v>
          </cell>
          <cell r="DP243">
            <v>10844</v>
          </cell>
          <cell r="DQ243">
            <v>10158</v>
          </cell>
          <cell r="DR243">
            <v>10515</v>
          </cell>
          <cell r="DS243">
            <v>11406</v>
          </cell>
          <cell r="DT243">
            <v>10529</v>
          </cell>
          <cell r="EZ243">
            <v>9</v>
          </cell>
          <cell r="FA243">
            <v>6</v>
          </cell>
          <cell r="FI243">
            <v>5</v>
          </cell>
          <cell r="FJ243" t="str">
            <v>指名競争入札（簡易認証）</v>
          </cell>
          <cell r="FN243">
            <v>4</v>
          </cell>
          <cell r="FO243" t="str">
            <v>電子入札</v>
          </cell>
          <cell r="FS243">
            <v>3</v>
          </cell>
          <cell r="FT243" t="str">
            <v/>
          </cell>
          <cell r="FU243" t="str">
            <v/>
          </cell>
          <cell r="FW243" t="str">
            <v/>
          </cell>
          <cell r="FY243" t="str">
            <v/>
          </cell>
          <cell r="GD243">
            <v>1</v>
          </cell>
          <cell r="GE243" t="str">
            <v>契約・検査課長　松本　嘉博</v>
          </cell>
          <cell r="GF243">
            <v>10793</v>
          </cell>
          <cell r="GG243" t="str">
            <v>(株)大塚商会</v>
          </cell>
          <cell r="GH243">
            <v>985050</v>
          </cell>
          <cell r="GI243">
            <v>89550</v>
          </cell>
          <cell r="GJ243" t="str">
            <v/>
          </cell>
          <cell r="GT243" t="str">
            <v/>
          </cell>
          <cell r="GW243" t="str">
            <v/>
          </cell>
          <cell r="HO243" t="str">
            <v/>
          </cell>
          <cell r="HP243">
            <v>1181000</v>
          </cell>
          <cell r="HQ243" t="str">
            <v>-</v>
          </cell>
          <cell r="HR243">
            <v>895500</v>
          </cell>
          <cell r="HS243" t="str">
            <v>-</v>
          </cell>
          <cell r="HT243">
            <v>903900</v>
          </cell>
          <cell r="HU243" t="str">
            <v>-</v>
          </cell>
          <cell r="HV243" t="str">
            <v>-</v>
          </cell>
          <cell r="HW243" t="str">
            <v>-</v>
          </cell>
          <cell r="HX243" t="str">
            <v>-</v>
          </cell>
          <cell r="JD243" t="str">
            <v/>
          </cell>
          <cell r="JE243" t="str">
            <v/>
          </cell>
          <cell r="JF243" t="str">
            <v/>
          </cell>
          <cell r="JG243" t="str">
            <v/>
          </cell>
          <cell r="JH243" t="str">
            <v/>
          </cell>
          <cell r="JI243" t="str">
            <v/>
          </cell>
          <cell r="JJ243" t="str">
            <v/>
          </cell>
          <cell r="JK243" t="str">
            <v/>
          </cell>
          <cell r="JL243" t="str">
            <v/>
          </cell>
          <cell r="JM243" t="str">
            <v/>
          </cell>
          <cell r="JN243" t="str">
            <v/>
          </cell>
          <cell r="JO243" t="str">
            <v/>
          </cell>
          <cell r="JP243">
            <v>40</v>
          </cell>
          <cell r="JQ243">
            <v>40</v>
          </cell>
          <cell r="JR243" t="str">
            <v/>
          </cell>
          <cell r="JS243" t="str">
            <v/>
          </cell>
          <cell r="JT243" t="str">
            <v/>
          </cell>
          <cell r="JU243" t="str">
            <v/>
          </cell>
          <cell r="JV243" t="str">
            <v/>
          </cell>
          <cell r="JW243" t="str">
            <v/>
          </cell>
          <cell r="JX243" t="str">
            <v/>
          </cell>
          <cell r="JY243" t="str">
            <v/>
          </cell>
          <cell r="JZ243">
            <v>0.97336956521739115</v>
          </cell>
        </row>
        <row r="244">
          <cell r="C244" t="str">
            <v/>
          </cell>
          <cell r="D244" t="str">
            <v/>
          </cell>
          <cell r="E244" t="str">
            <v/>
          </cell>
          <cell r="I244">
            <v>236</v>
          </cell>
          <cell r="M244" t="str">
            <v>令和２年度ＰＤＦ作成・編集ソフトウェアの購入</v>
          </cell>
          <cell r="Q244" t="str">
            <v>PDF編集ｿﾌﾄ</v>
          </cell>
          <cell r="Y244">
            <v>1</v>
          </cell>
          <cell r="AC244">
            <v>8</v>
          </cell>
          <cell r="AD244">
            <v>1</v>
          </cell>
          <cell r="AI244" t="str">
            <v>伊丹市千僧１丁目１番地</v>
          </cell>
          <cell r="AQ244">
            <v>1</v>
          </cell>
          <cell r="AY244">
            <v>44140</v>
          </cell>
          <cell r="AZ244">
            <v>44141</v>
          </cell>
          <cell r="BA244">
            <v>25</v>
          </cell>
          <cell r="BB244">
            <v>44165</v>
          </cell>
          <cell r="BC244" t="str">
            <v/>
          </cell>
          <cell r="BD244" t="str">
            <v/>
          </cell>
          <cell r="BE244" t="str">
            <v/>
          </cell>
          <cell r="BF244">
            <v>0.41736111111111113</v>
          </cell>
          <cell r="BG244">
            <v>6980</v>
          </cell>
          <cell r="BH244" t="str">
            <v>當眞  康嗣</v>
          </cell>
          <cell r="BI244" t="str">
            <v>情報管理課</v>
          </cell>
          <cell r="BJ244">
            <v>4493</v>
          </cell>
          <cell r="BN244" t="str">
            <v>物</v>
          </cell>
          <cell r="BO244">
            <v>41</v>
          </cell>
          <cell r="BS244">
            <v>15631000</v>
          </cell>
          <cell r="BT244">
            <v>14210000</v>
          </cell>
          <cell r="BU244">
            <v>1</v>
          </cell>
          <cell r="BV244" t="str">
            <v/>
          </cell>
          <cell r="CH244">
            <v>-113</v>
          </cell>
          <cell r="CI244">
            <v>44123</v>
          </cell>
          <cell r="CP244">
            <v>20944</v>
          </cell>
          <cell r="CW244" t="str">
            <v/>
          </cell>
          <cell r="CX244" t="str">
            <v/>
          </cell>
          <cell r="CY244" t="str">
            <v/>
          </cell>
          <cell r="CZ244" t="str">
            <v/>
          </cell>
          <cell r="DA244">
            <v>44130</v>
          </cell>
          <cell r="DB244">
            <v>44133</v>
          </cell>
          <cell r="DD244" t="str">
            <v/>
          </cell>
          <cell r="DL244">
            <v>10793</v>
          </cell>
          <cell r="DM244">
            <v>11022</v>
          </cell>
          <cell r="DN244">
            <v>10167</v>
          </cell>
          <cell r="DO244">
            <v>10844</v>
          </cell>
          <cell r="DP244">
            <v>10556</v>
          </cell>
          <cell r="DQ244">
            <v>10529</v>
          </cell>
          <cell r="DR244">
            <v>10761</v>
          </cell>
          <cell r="DS244">
            <v>10107</v>
          </cell>
          <cell r="DT244">
            <v>12692</v>
          </cell>
          <cell r="DU244">
            <v>11152</v>
          </cell>
          <cell r="DV244">
            <v>12678</v>
          </cell>
          <cell r="DW244">
            <v>12344</v>
          </cell>
          <cell r="EZ244">
            <v>12</v>
          </cell>
          <cell r="FA244">
            <v>8</v>
          </cell>
          <cell r="FI244">
            <v>5</v>
          </cell>
          <cell r="FJ244" t="str">
            <v>指名競争入札（簡易認証）</v>
          </cell>
          <cell r="FN244">
            <v>4</v>
          </cell>
          <cell r="FO244" t="str">
            <v>電子入札</v>
          </cell>
          <cell r="FS244">
            <v>3</v>
          </cell>
          <cell r="FT244" t="str">
            <v/>
          </cell>
          <cell r="FU244" t="str">
            <v/>
          </cell>
          <cell r="FW244" t="str">
            <v/>
          </cell>
          <cell r="FY244" t="str">
            <v/>
          </cell>
          <cell r="GD244">
            <v>1</v>
          </cell>
          <cell r="GE244" t="str">
            <v>契約・検査課長　松本　嘉博</v>
          </cell>
          <cell r="GF244">
            <v>10844</v>
          </cell>
          <cell r="GG244" t="str">
            <v>(株)フューチャーイン</v>
          </cell>
          <cell r="GH244">
            <v>11677204</v>
          </cell>
          <cell r="GI244">
            <v>1061564</v>
          </cell>
          <cell r="GJ244">
            <v>1168000</v>
          </cell>
          <cell r="GT244" t="str">
            <v/>
          </cell>
          <cell r="GW244" t="str">
            <v/>
          </cell>
          <cell r="HO244" t="str">
            <v/>
          </cell>
          <cell r="HP244">
            <v>10875000</v>
          </cell>
          <cell r="HQ244" t="str">
            <v>-</v>
          </cell>
          <cell r="HR244" t="str">
            <v>-</v>
          </cell>
          <cell r="HS244">
            <v>10615640</v>
          </cell>
          <cell r="HT244">
            <v>10875000</v>
          </cell>
          <cell r="HU244" t="str">
            <v>-</v>
          </cell>
          <cell r="HV244">
            <v>10991000</v>
          </cell>
          <cell r="HW244" t="str">
            <v>-</v>
          </cell>
          <cell r="HX244" t="str">
            <v>-</v>
          </cell>
          <cell r="HY244" t="str">
            <v>-</v>
          </cell>
          <cell r="HZ244" t="str">
            <v>-</v>
          </cell>
          <cell r="IA244" t="str">
            <v>-</v>
          </cell>
          <cell r="JD244" t="str">
            <v/>
          </cell>
          <cell r="JE244" t="str">
            <v/>
          </cell>
          <cell r="JF244" t="str">
            <v/>
          </cell>
          <cell r="JG244" t="str">
            <v/>
          </cell>
          <cell r="JH244" t="str">
            <v/>
          </cell>
          <cell r="JI244" t="str">
            <v/>
          </cell>
          <cell r="JJ244" t="str">
            <v/>
          </cell>
          <cell r="JK244" t="str">
            <v/>
          </cell>
          <cell r="JL244" t="str">
            <v/>
          </cell>
          <cell r="JM244" t="str">
            <v/>
          </cell>
          <cell r="JN244" t="str">
            <v/>
          </cell>
          <cell r="JO244" t="str">
            <v/>
          </cell>
          <cell r="JP244">
            <v>41</v>
          </cell>
          <cell r="JQ244">
            <v>41</v>
          </cell>
          <cell r="JR244" t="str">
            <v/>
          </cell>
          <cell r="JS244" t="str">
            <v/>
          </cell>
          <cell r="JT244" t="str">
            <v/>
          </cell>
          <cell r="JU244" t="str">
            <v/>
          </cell>
          <cell r="JV244" t="str">
            <v/>
          </cell>
          <cell r="JW244" t="str">
            <v/>
          </cell>
          <cell r="JX244" t="str">
            <v/>
          </cell>
          <cell r="JY244" t="str">
            <v/>
          </cell>
          <cell r="JZ244">
            <v>0.74705418719211825</v>
          </cell>
        </row>
        <row r="245">
          <cell r="C245" t="str">
            <v/>
          </cell>
          <cell r="D245" t="str">
            <v/>
          </cell>
          <cell r="E245" t="str">
            <v/>
          </cell>
          <cell r="I245">
            <v>237</v>
          </cell>
          <cell r="M245" t="str">
            <v>令和２年度みやのまえ文化の郷廃棄物運搬・処理委託業務</v>
          </cell>
          <cell r="Q245" t="str">
            <v>みやのまえ廃棄</v>
          </cell>
          <cell r="Y245">
            <v>1</v>
          </cell>
          <cell r="AC245">
            <v>8</v>
          </cell>
          <cell r="AD245">
            <v>8</v>
          </cell>
          <cell r="AI245" t="str">
            <v>伊丹市宮ノ前２丁目５番２０,２８号</v>
          </cell>
          <cell r="AQ245">
            <v>1</v>
          </cell>
          <cell r="AY245">
            <v>44140</v>
          </cell>
          <cell r="AZ245">
            <v>44141</v>
          </cell>
          <cell r="BA245">
            <v>29</v>
          </cell>
          <cell r="BB245">
            <v>44169</v>
          </cell>
          <cell r="BC245" t="str">
            <v/>
          </cell>
          <cell r="BD245" t="str">
            <v/>
          </cell>
          <cell r="BE245" t="str">
            <v/>
          </cell>
          <cell r="BF245">
            <v>0.41805555555555557</v>
          </cell>
          <cell r="BG245">
            <v>4887</v>
          </cell>
          <cell r="BH245" t="str">
            <v>松本  聖子</v>
          </cell>
          <cell r="BI245" t="str">
            <v>文化振興課</v>
          </cell>
          <cell r="BJ245">
            <v>4102</v>
          </cell>
          <cell r="BN245" t="str">
            <v>他</v>
          </cell>
          <cell r="BO245">
            <v>73</v>
          </cell>
          <cell r="BS245">
            <v>2835250</v>
          </cell>
          <cell r="BT245">
            <v>2570000</v>
          </cell>
          <cell r="BU245" t="str">
            <v/>
          </cell>
          <cell r="BV245" t="str">
            <v/>
          </cell>
          <cell r="CD245" t="str">
            <v/>
          </cell>
          <cell r="CH245">
            <v>-114</v>
          </cell>
          <cell r="CI245">
            <v>44120</v>
          </cell>
          <cell r="CP245">
            <v>74432</v>
          </cell>
          <cell r="CW245" t="str">
            <v/>
          </cell>
          <cell r="CX245" t="str">
            <v/>
          </cell>
          <cell r="CY245" t="str">
            <v/>
          </cell>
          <cell r="CZ245" t="str">
            <v/>
          </cell>
          <cell r="DA245">
            <v>44130</v>
          </cell>
          <cell r="DB245">
            <v>44133</v>
          </cell>
          <cell r="DD245" t="str">
            <v/>
          </cell>
          <cell r="DL245">
            <v>10273</v>
          </cell>
          <cell r="DM245">
            <v>10353</v>
          </cell>
          <cell r="DN245">
            <v>10514</v>
          </cell>
          <cell r="DO245">
            <v>10886</v>
          </cell>
          <cell r="DP245">
            <v>10969</v>
          </cell>
          <cell r="DQ245">
            <v>11082</v>
          </cell>
          <cell r="DR245">
            <v>11266</v>
          </cell>
          <cell r="DS245">
            <v>11843</v>
          </cell>
          <cell r="EZ245">
            <v>8</v>
          </cell>
          <cell r="FA245">
            <v>6</v>
          </cell>
          <cell r="FI245">
            <v>5</v>
          </cell>
          <cell r="FJ245" t="str">
            <v>指名競争入札（簡易認証）</v>
          </cell>
          <cell r="FN245">
            <v>4</v>
          </cell>
          <cell r="FO245" t="str">
            <v>電子入札</v>
          </cell>
          <cell r="FS245">
            <v>5</v>
          </cell>
          <cell r="FT245" t="str">
            <v/>
          </cell>
          <cell r="FU245" t="str">
            <v/>
          </cell>
          <cell r="FW245" t="str">
            <v/>
          </cell>
          <cell r="FY245" t="str">
            <v/>
          </cell>
          <cell r="GC245">
            <v>1</v>
          </cell>
          <cell r="GD245">
            <v>1</v>
          </cell>
          <cell r="GE245" t="str">
            <v>契約・検査課長　松本　嘉博</v>
          </cell>
          <cell r="GF245">
            <v>10514</v>
          </cell>
          <cell r="GG245" t="str">
            <v>エアーポート企業(株)</v>
          </cell>
          <cell r="GH245">
            <v>2786740</v>
          </cell>
          <cell r="GI245">
            <v>253340</v>
          </cell>
          <cell r="GJ245">
            <v>279000</v>
          </cell>
          <cell r="GL245" t="str">
            <v>普通自動車第一種運転免許</v>
          </cell>
          <cell r="GM245" t="str">
            <v>林　哲也</v>
          </cell>
          <cell r="GN245" t="str">
            <v>普通自動車第一種運転免許</v>
          </cell>
          <cell r="GO245" t="str">
            <v>林　哲也</v>
          </cell>
          <cell r="GT245" t="str">
            <v/>
          </cell>
          <cell r="GW245" t="str">
            <v/>
          </cell>
          <cell r="HO245" t="str">
            <v/>
          </cell>
          <cell r="HP245">
            <v>2570000</v>
          </cell>
          <cell r="HQ245">
            <v>2570000</v>
          </cell>
          <cell r="HR245">
            <v>2533400</v>
          </cell>
          <cell r="HS245">
            <v>2570000</v>
          </cell>
          <cell r="HT245">
            <v>2570000</v>
          </cell>
          <cell r="HU245">
            <v>2570000</v>
          </cell>
          <cell r="HV245">
            <v>2570000</v>
          </cell>
          <cell r="HW245">
            <v>2570000</v>
          </cell>
          <cell r="JD245" t="str">
            <v/>
          </cell>
          <cell r="JE245" t="str">
            <v/>
          </cell>
          <cell r="JF245" t="str">
            <v/>
          </cell>
          <cell r="JG245" t="str">
            <v/>
          </cell>
          <cell r="JH245" t="str">
            <v/>
          </cell>
          <cell r="JI245" t="str">
            <v/>
          </cell>
          <cell r="JJ245" t="str">
            <v/>
          </cell>
          <cell r="JK245" t="str">
            <v/>
          </cell>
          <cell r="JL245" t="str">
            <v/>
          </cell>
          <cell r="JM245" t="str">
            <v/>
          </cell>
          <cell r="JN245" t="str">
            <v/>
          </cell>
          <cell r="JO245" t="str">
            <v/>
          </cell>
          <cell r="JP245" t="str">
            <v/>
          </cell>
          <cell r="JQ245" t="str">
            <v/>
          </cell>
          <cell r="JR245" t="str">
            <v/>
          </cell>
          <cell r="JS245" t="str">
            <v/>
          </cell>
          <cell r="JT245" t="str">
            <v/>
          </cell>
          <cell r="JU245" t="str">
            <v/>
          </cell>
          <cell r="JV245" t="str">
            <v/>
          </cell>
          <cell r="JW245" t="str">
            <v/>
          </cell>
          <cell r="JX245">
            <v>73</v>
          </cell>
          <cell r="JY245">
            <v>71</v>
          </cell>
          <cell r="JZ245">
            <v>0.98575875486381326</v>
          </cell>
        </row>
        <row r="246">
          <cell r="C246" t="str">
            <v/>
          </cell>
          <cell r="D246" t="str">
            <v/>
          </cell>
          <cell r="E246" t="str">
            <v/>
          </cell>
          <cell r="I246">
            <v>238</v>
          </cell>
          <cell r="M246" t="str">
            <v>令和３年度税資料データパンチ委託業務（単価契約）</v>
          </cell>
          <cell r="Q246" t="str">
            <v>税資料ﾃﾞｰﾀﾊﾟﾝﾁ</v>
          </cell>
          <cell r="Y246">
            <v>1</v>
          </cell>
          <cell r="AC246">
            <v>8</v>
          </cell>
          <cell r="AD246">
            <v>9</v>
          </cell>
          <cell r="AI246" t="str">
            <v>伊丹市</v>
          </cell>
          <cell r="AQ246">
            <v>3</v>
          </cell>
          <cell r="AU246">
            <v>3</v>
          </cell>
          <cell r="AY246">
            <v>44140</v>
          </cell>
          <cell r="AZ246">
            <v>44141</v>
          </cell>
          <cell r="BA246">
            <v>146</v>
          </cell>
          <cell r="BB246">
            <v>44286</v>
          </cell>
          <cell r="BC246" t="str">
            <v/>
          </cell>
          <cell r="BD246" t="str">
            <v/>
          </cell>
          <cell r="BE246" t="str">
            <v/>
          </cell>
          <cell r="BF246">
            <v>0.41944444444444445</v>
          </cell>
          <cell r="BG246">
            <v>5511</v>
          </cell>
          <cell r="BH246" t="str">
            <v>幸田  みさき</v>
          </cell>
          <cell r="BI246" t="str">
            <v>市民税課</v>
          </cell>
          <cell r="BJ246">
            <v>2768</v>
          </cell>
          <cell r="BN246" t="str">
            <v>他</v>
          </cell>
          <cell r="BO246">
            <v>74</v>
          </cell>
          <cell r="BS246">
            <v>310</v>
          </cell>
          <cell r="BT246">
            <v>310</v>
          </cell>
          <cell r="BU246" t="str">
            <v/>
          </cell>
          <cell r="BV246" t="str">
            <v/>
          </cell>
          <cell r="CD246" t="str">
            <v/>
          </cell>
          <cell r="CH246">
            <v>-115</v>
          </cell>
          <cell r="CI246">
            <v>44123</v>
          </cell>
          <cell r="CP246">
            <v>94328</v>
          </cell>
          <cell r="CW246" t="str">
            <v/>
          </cell>
          <cell r="CX246" t="str">
            <v/>
          </cell>
          <cell r="CY246" t="str">
            <v/>
          </cell>
          <cell r="CZ246" t="str">
            <v/>
          </cell>
          <cell r="DA246">
            <v>44130</v>
          </cell>
          <cell r="DB246">
            <v>44133</v>
          </cell>
          <cell r="DD246" t="str">
            <v/>
          </cell>
          <cell r="DL246">
            <v>10120</v>
          </cell>
          <cell r="DM246">
            <v>10254</v>
          </cell>
          <cell r="DN246">
            <v>10722</v>
          </cell>
          <cell r="DO246">
            <v>11021</v>
          </cell>
          <cell r="DP246">
            <v>11353</v>
          </cell>
          <cell r="DQ246">
            <v>12394</v>
          </cell>
          <cell r="DR246">
            <v>10157</v>
          </cell>
          <cell r="DS246">
            <v>10297</v>
          </cell>
          <cell r="DT246">
            <v>12853</v>
          </cell>
          <cell r="DU246">
            <v>11231</v>
          </cell>
          <cell r="DV246">
            <v>10068</v>
          </cell>
          <cell r="DW246">
            <v>10115</v>
          </cell>
          <cell r="DX246">
            <v>10749</v>
          </cell>
          <cell r="DY246">
            <v>10288</v>
          </cell>
          <cell r="EZ246">
            <v>14</v>
          </cell>
          <cell r="FA246">
            <v>6</v>
          </cell>
          <cell r="FI246">
            <v>5</v>
          </cell>
          <cell r="FJ246" t="str">
            <v>指名競争入札（簡易認証）</v>
          </cell>
          <cell r="FN246">
            <v>4</v>
          </cell>
          <cell r="FO246" t="str">
            <v>電子入札</v>
          </cell>
          <cell r="FS246">
            <v>5</v>
          </cell>
          <cell r="FT246">
            <v>1</v>
          </cell>
          <cell r="FU246" t="str">
            <v/>
          </cell>
          <cell r="FW246" t="str">
            <v/>
          </cell>
          <cell r="FY246" t="str">
            <v/>
          </cell>
          <cell r="GC246">
            <v>1</v>
          </cell>
          <cell r="GD246">
            <v>1</v>
          </cell>
          <cell r="GE246" t="str">
            <v>契約・検査課長　松本　嘉博</v>
          </cell>
          <cell r="GF246">
            <v>11353</v>
          </cell>
          <cell r="GG246" t="str">
            <v>アトラス情報サービス(株)</v>
          </cell>
          <cell r="GH246">
            <v>308</v>
          </cell>
          <cell r="GI246" t="str">
            <v/>
          </cell>
          <cell r="GJ246">
            <v>674000</v>
          </cell>
          <cell r="GM246" t="str">
            <v>築山　知博</v>
          </cell>
          <cell r="GO246" t="str">
            <v>田代　明美</v>
          </cell>
          <cell r="GT246" t="str">
            <v/>
          </cell>
          <cell r="GW246" t="str">
            <v/>
          </cell>
          <cell r="HO246" t="str">
            <v/>
          </cell>
          <cell r="HP246">
            <v>310</v>
          </cell>
          <cell r="HQ246" t="str">
            <v>-</v>
          </cell>
          <cell r="HR246" t="str">
            <v>-</v>
          </cell>
          <cell r="HS246" t="str">
            <v>-</v>
          </cell>
          <cell r="HT246">
            <v>308</v>
          </cell>
          <cell r="HU246">
            <v>309</v>
          </cell>
          <cell r="HV246" t="str">
            <v>-</v>
          </cell>
          <cell r="HW246" t="str">
            <v>-</v>
          </cell>
          <cell r="HX246" t="str">
            <v>-</v>
          </cell>
          <cell r="HY246" t="str">
            <v>-</v>
          </cell>
          <cell r="HZ246" t="str">
            <v>-</v>
          </cell>
          <cell r="IA246" t="str">
            <v>-</v>
          </cell>
          <cell r="IB246" t="str">
            <v>-</v>
          </cell>
          <cell r="IC246" t="str">
            <v>-</v>
          </cell>
          <cell r="JD246" t="str">
            <v/>
          </cell>
          <cell r="JE246" t="str">
            <v/>
          </cell>
          <cell r="JF246" t="str">
            <v/>
          </cell>
          <cell r="JG246" t="str">
            <v/>
          </cell>
          <cell r="JH246" t="str">
            <v/>
          </cell>
          <cell r="JI246" t="str">
            <v/>
          </cell>
          <cell r="JJ246" t="str">
            <v/>
          </cell>
          <cell r="JK246" t="str">
            <v/>
          </cell>
          <cell r="JL246" t="str">
            <v/>
          </cell>
          <cell r="JM246" t="str">
            <v/>
          </cell>
          <cell r="JN246" t="str">
            <v/>
          </cell>
          <cell r="JO246" t="str">
            <v/>
          </cell>
          <cell r="JP246" t="str">
            <v/>
          </cell>
          <cell r="JQ246" t="str">
            <v/>
          </cell>
          <cell r="JR246" t="str">
            <v/>
          </cell>
          <cell r="JS246" t="str">
            <v/>
          </cell>
          <cell r="JT246" t="str">
            <v/>
          </cell>
          <cell r="JU246" t="str">
            <v/>
          </cell>
          <cell r="JV246" t="str">
            <v/>
          </cell>
          <cell r="JW246" t="str">
            <v/>
          </cell>
          <cell r="JX246">
            <v>74</v>
          </cell>
          <cell r="JY246">
            <v>72</v>
          </cell>
          <cell r="JZ246" t="str">
            <v/>
          </cell>
        </row>
        <row r="247">
          <cell r="C247" t="str">
            <v/>
          </cell>
          <cell r="D247" t="str">
            <v/>
          </cell>
          <cell r="E247" t="str">
            <v/>
          </cell>
          <cell r="I247">
            <v>239</v>
          </cell>
          <cell r="M247" t="str">
            <v>令和２年度手指用消毒液の購入（その２）</v>
          </cell>
          <cell r="Q247" t="str">
            <v>手指用消毒液</v>
          </cell>
          <cell r="Y247">
            <v>1</v>
          </cell>
          <cell r="AC247">
            <v>8</v>
          </cell>
          <cell r="AD247">
            <v>1</v>
          </cell>
          <cell r="AI247" t="str">
            <v>伊丹市内学校園２７校（別紙参照）</v>
          </cell>
          <cell r="AQ247">
            <v>1</v>
          </cell>
          <cell r="AY247">
            <v>44141</v>
          </cell>
          <cell r="AZ247">
            <v>44144</v>
          </cell>
          <cell r="BA247">
            <v>143</v>
          </cell>
          <cell r="BB247">
            <v>44286</v>
          </cell>
          <cell r="BC247" t="str">
            <v/>
          </cell>
          <cell r="BD247" t="str">
            <v/>
          </cell>
          <cell r="BE247" t="str">
            <v/>
          </cell>
          <cell r="BF247">
            <v>0.41805555555555557</v>
          </cell>
          <cell r="BG247">
            <v>4656</v>
          </cell>
          <cell r="BH247" t="str">
            <v>鑓水  一仁</v>
          </cell>
          <cell r="BI247" t="str">
            <v>保健体育課</v>
          </cell>
          <cell r="BJ247">
            <v>4066</v>
          </cell>
          <cell r="BN247" t="str">
            <v>物</v>
          </cell>
          <cell r="BO247">
            <v>42</v>
          </cell>
          <cell r="BS247">
            <v>6249540</v>
          </cell>
          <cell r="BT247">
            <v>5680000</v>
          </cell>
          <cell r="BU247">
            <v>1</v>
          </cell>
          <cell r="BV247" t="str">
            <v/>
          </cell>
          <cell r="CD247" t="str">
            <v/>
          </cell>
          <cell r="CH247">
            <v>-116</v>
          </cell>
          <cell r="CI247">
            <v>44125</v>
          </cell>
          <cell r="CP247">
            <v>30891</v>
          </cell>
          <cell r="CW247" t="str">
            <v/>
          </cell>
          <cell r="CX247" t="str">
            <v/>
          </cell>
          <cell r="CY247" t="str">
            <v/>
          </cell>
          <cell r="CZ247" t="str">
            <v/>
          </cell>
          <cell r="DA247">
            <v>44132</v>
          </cell>
          <cell r="DB247">
            <v>44137</v>
          </cell>
          <cell r="DD247" t="str">
            <v/>
          </cell>
          <cell r="DL247">
            <v>10249</v>
          </cell>
          <cell r="DM247">
            <v>11381</v>
          </cell>
          <cell r="DN247">
            <v>11598</v>
          </cell>
          <cell r="DO247">
            <v>10556</v>
          </cell>
          <cell r="DP247">
            <v>10793</v>
          </cell>
          <cell r="DQ247">
            <v>10687</v>
          </cell>
          <cell r="DR247">
            <v>11597</v>
          </cell>
          <cell r="DS247">
            <v>11134</v>
          </cell>
          <cell r="DT247">
            <v>10004</v>
          </cell>
          <cell r="DU247">
            <v>11385</v>
          </cell>
          <cell r="DV247">
            <v>11945</v>
          </cell>
          <cell r="DW247">
            <v>11108</v>
          </cell>
          <cell r="DX247">
            <v>11446</v>
          </cell>
          <cell r="DY247">
            <v>11538</v>
          </cell>
          <cell r="DZ247">
            <v>12688</v>
          </cell>
          <cell r="EA247">
            <v>10639</v>
          </cell>
          <cell r="EB247">
            <v>10744</v>
          </cell>
          <cell r="EC247">
            <v>10016</v>
          </cell>
          <cell r="EZ247">
            <v>18</v>
          </cell>
          <cell r="FA247">
            <v>8</v>
          </cell>
          <cell r="FE247">
            <v>7500000</v>
          </cell>
          <cell r="FI247">
            <v>5</v>
          </cell>
          <cell r="FJ247" t="str">
            <v>指名競争入札（簡易認証）</v>
          </cell>
          <cell r="FN247">
            <v>4</v>
          </cell>
          <cell r="FO247" t="str">
            <v>電子入札</v>
          </cell>
          <cell r="FS247">
            <v>3</v>
          </cell>
          <cell r="FT247" t="str">
            <v/>
          </cell>
          <cell r="FU247" t="str">
            <v/>
          </cell>
          <cell r="FW247" t="str">
            <v/>
          </cell>
          <cell r="FY247" t="str">
            <v/>
          </cell>
          <cell r="GC247">
            <v>1</v>
          </cell>
          <cell r="GD247">
            <v>1</v>
          </cell>
          <cell r="GE247" t="str">
            <v>契約・検査課長　松本　嘉博</v>
          </cell>
          <cell r="GF247">
            <v>10016</v>
          </cell>
          <cell r="GG247" t="str">
            <v>(株)やよい</v>
          </cell>
          <cell r="GH247">
            <v>3652000</v>
          </cell>
          <cell r="GI247">
            <v>332000</v>
          </cell>
          <cell r="GJ247">
            <v>366000</v>
          </cell>
          <cell r="GT247" t="str">
            <v/>
          </cell>
          <cell r="GW247" t="str">
            <v/>
          </cell>
          <cell r="HO247" t="str">
            <v/>
          </cell>
          <cell r="HP247" t="str">
            <v>-</v>
          </cell>
          <cell r="HQ247" t="str">
            <v>-</v>
          </cell>
          <cell r="HR247" t="str">
            <v>-</v>
          </cell>
          <cell r="HS247" t="str">
            <v>-</v>
          </cell>
          <cell r="HT247" t="str">
            <v>-</v>
          </cell>
          <cell r="HU247" t="str">
            <v>-</v>
          </cell>
          <cell r="HV247" t="str">
            <v>-</v>
          </cell>
          <cell r="HW247" t="str">
            <v>-</v>
          </cell>
          <cell r="HX247" t="str">
            <v>-</v>
          </cell>
          <cell r="HY247" t="str">
            <v>-</v>
          </cell>
          <cell r="HZ247" t="str">
            <v>-</v>
          </cell>
          <cell r="IA247" t="str">
            <v>-</v>
          </cell>
          <cell r="IB247" t="str">
            <v>-</v>
          </cell>
          <cell r="IC247" t="str">
            <v>-</v>
          </cell>
          <cell r="ID247" t="str">
            <v>-</v>
          </cell>
          <cell r="IE247" t="str">
            <v>-</v>
          </cell>
          <cell r="IF247" t="str">
            <v>-</v>
          </cell>
          <cell r="IG247">
            <v>3320000</v>
          </cell>
          <cell r="JD247" t="str">
            <v/>
          </cell>
          <cell r="JE247" t="str">
            <v/>
          </cell>
          <cell r="JF247" t="str">
            <v/>
          </cell>
          <cell r="JG247" t="str">
            <v/>
          </cell>
          <cell r="JH247" t="str">
            <v/>
          </cell>
          <cell r="JI247" t="str">
            <v/>
          </cell>
          <cell r="JJ247" t="str">
            <v/>
          </cell>
          <cell r="JK247" t="str">
            <v/>
          </cell>
          <cell r="JL247" t="str">
            <v/>
          </cell>
          <cell r="JM247" t="str">
            <v/>
          </cell>
          <cell r="JN247" t="str">
            <v/>
          </cell>
          <cell r="JO247" t="str">
            <v/>
          </cell>
          <cell r="JP247">
            <v>42</v>
          </cell>
          <cell r="JQ247">
            <v>42</v>
          </cell>
          <cell r="JR247" t="str">
            <v/>
          </cell>
          <cell r="JS247" t="str">
            <v/>
          </cell>
          <cell r="JT247" t="str">
            <v/>
          </cell>
          <cell r="JU247" t="str">
            <v/>
          </cell>
          <cell r="JV247" t="str">
            <v/>
          </cell>
          <cell r="JW247" t="str">
            <v/>
          </cell>
          <cell r="JX247" t="str">
            <v/>
          </cell>
          <cell r="JY247" t="str">
            <v/>
          </cell>
          <cell r="JZ247">
            <v>0.58450704225352101</v>
          </cell>
        </row>
        <row r="248">
          <cell r="C248" t="str">
            <v/>
          </cell>
          <cell r="D248" t="str">
            <v/>
          </cell>
          <cell r="E248" t="str">
            <v/>
          </cell>
          <cell r="I248">
            <v>240</v>
          </cell>
          <cell r="M248" t="str">
            <v>令和２年度消毒用エタノールの購入（その２）</v>
          </cell>
          <cell r="Q248" t="str">
            <v>消毒用ｴﾀﾉｰﾙ</v>
          </cell>
          <cell r="Y248">
            <v>1</v>
          </cell>
          <cell r="AC248">
            <v>8</v>
          </cell>
          <cell r="AD248">
            <v>1</v>
          </cell>
          <cell r="AI248" t="str">
            <v>伊丹市内学校園２７校（別紙参照）</v>
          </cell>
          <cell r="AQ248">
            <v>1</v>
          </cell>
          <cell r="AY248">
            <v>44145</v>
          </cell>
          <cell r="AZ248">
            <v>44146</v>
          </cell>
          <cell r="BA248">
            <v>141</v>
          </cell>
          <cell r="BB248">
            <v>44286</v>
          </cell>
          <cell r="BC248" t="str">
            <v/>
          </cell>
          <cell r="BD248" t="str">
            <v/>
          </cell>
          <cell r="BE248" t="str">
            <v/>
          </cell>
          <cell r="BF248">
            <v>0.58402777777777781</v>
          </cell>
          <cell r="BG248">
            <v>4656</v>
          </cell>
          <cell r="BH248" t="str">
            <v>鑓水  一仁</v>
          </cell>
          <cell r="BI248" t="str">
            <v>保健体育課</v>
          </cell>
          <cell r="BJ248">
            <v>4066</v>
          </cell>
          <cell r="BN248" t="str">
            <v>物</v>
          </cell>
          <cell r="BO248">
            <v>43</v>
          </cell>
          <cell r="BS248">
            <v>3062400</v>
          </cell>
          <cell r="BT248">
            <v>2780000</v>
          </cell>
          <cell r="BU248">
            <v>1</v>
          </cell>
          <cell r="BV248" t="str">
            <v/>
          </cell>
          <cell r="CD248" t="str">
            <v/>
          </cell>
          <cell r="CH248">
            <v>-117</v>
          </cell>
          <cell r="CI248">
            <v>44130</v>
          </cell>
          <cell r="CP248">
            <v>43329</v>
          </cell>
          <cell r="CW248" t="str">
            <v/>
          </cell>
          <cell r="CX248" t="str">
            <v/>
          </cell>
          <cell r="CY248" t="str">
            <v/>
          </cell>
          <cell r="CZ248" t="str">
            <v/>
          </cell>
          <cell r="DA248">
            <v>44137</v>
          </cell>
          <cell r="DB248">
            <v>44140</v>
          </cell>
          <cell r="DD248" t="str">
            <v/>
          </cell>
          <cell r="DL248">
            <v>10329</v>
          </cell>
          <cell r="DM248">
            <v>10532</v>
          </cell>
          <cell r="DN248">
            <v>10179</v>
          </cell>
          <cell r="DO248">
            <v>11518</v>
          </cell>
          <cell r="DP248">
            <v>10691</v>
          </cell>
          <cell r="DQ248">
            <v>12877</v>
          </cell>
          <cell r="DR248">
            <v>12412</v>
          </cell>
          <cell r="DS248">
            <v>12747</v>
          </cell>
          <cell r="DT248">
            <v>10004</v>
          </cell>
          <cell r="DU248">
            <v>10249</v>
          </cell>
          <cell r="DV248">
            <v>11381</v>
          </cell>
          <cell r="DW248">
            <v>10016</v>
          </cell>
          <cell r="DX248">
            <v>11108</v>
          </cell>
          <cell r="EZ248">
            <v>13</v>
          </cell>
          <cell r="FA248">
            <v>6</v>
          </cell>
          <cell r="FI248">
            <v>5</v>
          </cell>
          <cell r="FJ248" t="str">
            <v>指名競争入札（簡易認証）</v>
          </cell>
          <cell r="FN248">
            <v>4</v>
          </cell>
          <cell r="FO248" t="str">
            <v>電子入札</v>
          </cell>
          <cell r="FS248">
            <v>3</v>
          </cell>
          <cell r="FT248" t="str">
            <v/>
          </cell>
          <cell r="FU248" t="str">
            <v/>
          </cell>
          <cell r="FW248" t="str">
            <v/>
          </cell>
          <cell r="FY248" t="str">
            <v/>
          </cell>
          <cell r="GD248">
            <v>1</v>
          </cell>
          <cell r="GE248" t="str">
            <v>契約・検査課長　松本　嘉博</v>
          </cell>
          <cell r="GF248">
            <v>11108</v>
          </cell>
          <cell r="GG248" t="str">
            <v>(株)日興商会</v>
          </cell>
          <cell r="GH248">
            <v>1620520</v>
          </cell>
          <cell r="GI248">
            <v>147320</v>
          </cell>
          <cell r="GJ248" t="str">
            <v/>
          </cell>
          <cell r="GT248" t="str">
            <v/>
          </cell>
          <cell r="GW248" t="str">
            <v/>
          </cell>
          <cell r="HO248" t="str">
            <v/>
          </cell>
          <cell r="HP248" t="str">
            <v>-</v>
          </cell>
          <cell r="HQ248" t="str">
            <v>-</v>
          </cell>
          <cell r="HR248">
            <v>3804800</v>
          </cell>
          <cell r="HS248" t="str">
            <v>-</v>
          </cell>
          <cell r="HT248" t="str">
            <v>-</v>
          </cell>
          <cell r="HU248" t="str">
            <v>-</v>
          </cell>
          <cell r="HV248" t="str">
            <v>-</v>
          </cell>
          <cell r="HW248" t="str">
            <v>-</v>
          </cell>
          <cell r="HX248" t="str">
            <v>-</v>
          </cell>
          <cell r="HY248" t="str">
            <v>-</v>
          </cell>
          <cell r="HZ248">
            <v>2208640</v>
          </cell>
          <cell r="IB248">
            <v>1473200</v>
          </cell>
          <cell r="JD248" t="str">
            <v/>
          </cell>
          <cell r="JE248" t="str">
            <v/>
          </cell>
          <cell r="JF248" t="str">
            <v/>
          </cell>
          <cell r="JG248" t="str">
            <v/>
          </cell>
          <cell r="JH248" t="str">
            <v/>
          </cell>
          <cell r="JI248" t="str">
            <v/>
          </cell>
          <cell r="JJ248" t="str">
            <v/>
          </cell>
          <cell r="JK248" t="str">
            <v/>
          </cell>
          <cell r="JL248" t="str">
            <v/>
          </cell>
          <cell r="JM248" t="str">
            <v/>
          </cell>
          <cell r="JN248" t="str">
            <v/>
          </cell>
          <cell r="JO248" t="str">
            <v/>
          </cell>
          <cell r="JP248">
            <v>43</v>
          </cell>
          <cell r="JQ248">
            <v>43</v>
          </cell>
          <cell r="JR248" t="str">
            <v/>
          </cell>
          <cell r="JS248" t="str">
            <v/>
          </cell>
          <cell r="JT248" t="str">
            <v/>
          </cell>
          <cell r="JU248" t="str">
            <v/>
          </cell>
          <cell r="JV248" t="str">
            <v/>
          </cell>
          <cell r="JW248" t="str">
            <v/>
          </cell>
          <cell r="JX248" t="str">
            <v/>
          </cell>
          <cell r="JY248" t="str">
            <v/>
          </cell>
          <cell r="JZ248">
            <v>0.52992805755395678</v>
          </cell>
        </row>
        <row r="249">
          <cell r="C249" t="str">
            <v/>
          </cell>
          <cell r="D249" t="str">
            <v/>
          </cell>
          <cell r="E249" t="str">
            <v/>
          </cell>
          <cell r="I249">
            <v>241</v>
          </cell>
          <cell r="M249" t="str">
            <v>令和２年度消火栓明示線溶融委託業務</v>
          </cell>
          <cell r="Q249" t="str">
            <v>消火栓明示線</v>
          </cell>
          <cell r="Y249">
            <v>1</v>
          </cell>
          <cell r="AC249">
            <v>8</v>
          </cell>
          <cell r="AD249">
            <v>8</v>
          </cell>
          <cell r="AI249" t="str">
            <v>伊丹市内１２３箇所仕様書のとおり</v>
          </cell>
          <cell r="AQ249">
            <v>1</v>
          </cell>
          <cell r="AY249">
            <v>44141</v>
          </cell>
          <cell r="AZ249">
            <v>44144</v>
          </cell>
          <cell r="BA249">
            <v>143</v>
          </cell>
          <cell r="BB249">
            <v>44286</v>
          </cell>
          <cell r="BC249" t="str">
            <v/>
          </cell>
          <cell r="BD249" t="str">
            <v/>
          </cell>
          <cell r="BE249" t="str">
            <v/>
          </cell>
          <cell r="BF249">
            <v>0.41875000000000001</v>
          </cell>
          <cell r="BG249">
            <v>6519</v>
          </cell>
          <cell r="BH249" t="str">
            <v>橋中佑索</v>
          </cell>
          <cell r="BI249" t="str">
            <v>警防課</v>
          </cell>
          <cell r="BJ249">
            <v>6680317</v>
          </cell>
          <cell r="BN249" t="str">
            <v>他</v>
          </cell>
          <cell r="BO249">
            <v>75</v>
          </cell>
          <cell r="BS249">
            <v>662970</v>
          </cell>
          <cell r="BT249">
            <v>600000</v>
          </cell>
          <cell r="BU249" t="str">
            <v/>
          </cell>
          <cell r="BV249" t="str">
            <v/>
          </cell>
          <cell r="CD249" t="str">
            <v/>
          </cell>
          <cell r="CH249">
            <v>-118</v>
          </cell>
          <cell r="CI249">
            <v>44125</v>
          </cell>
          <cell r="CP249">
            <v>44798</v>
          </cell>
          <cell r="CW249" t="str">
            <v/>
          </cell>
          <cell r="CX249" t="str">
            <v/>
          </cell>
          <cell r="CY249" t="str">
            <v/>
          </cell>
          <cell r="CZ249" t="str">
            <v/>
          </cell>
          <cell r="DA249">
            <v>44132</v>
          </cell>
          <cell r="DB249">
            <v>44137</v>
          </cell>
          <cell r="DD249" t="str">
            <v/>
          </cell>
          <cell r="DL249">
            <v>3928</v>
          </cell>
          <cell r="DM249">
            <v>3139</v>
          </cell>
          <cell r="DN249">
            <v>2907</v>
          </cell>
          <cell r="DO249">
            <v>2492</v>
          </cell>
          <cell r="DP249">
            <v>4456</v>
          </cell>
          <cell r="DQ249">
            <v>3828</v>
          </cell>
          <cell r="DR249">
            <v>3782</v>
          </cell>
          <cell r="DS249">
            <v>2888</v>
          </cell>
          <cell r="EZ249">
            <v>8</v>
          </cell>
          <cell r="FA249">
            <v>6</v>
          </cell>
          <cell r="FI249">
            <v>2</v>
          </cell>
          <cell r="FJ249" t="str">
            <v>指名競争入札</v>
          </cell>
          <cell r="FN249">
            <v>4</v>
          </cell>
          <cell r="FO249" t="str">
            <v>電子入札</v>
          </cell>
          <cell r="FS249">
            <v>2</v>
          </cell>
          <cell r="FT249" t="str">
            <v/>
          </cell>
          <cell r="FU249" t="str">
            <v/>
          </cell>
          <cell r="FW249" t="str">
            <v/>
          </cell>
          <cell r="FY249" t="str">
            <v/>
          </cell>
          <cell r="GD249">
            <v>1</v>
          </cell>
          <cell r="GE249" t="str">
            <v>契約・検査課長　松本　嘉博</v>
          </cell>
          <cell r="GF249">
            <v>2888</v>
          </cell>
          <cell r="GG249" t="str">
            <v>ジョイントロードサービス(株)</v>
          </cell>
          <cell r="GH249">
            <v>378840</v>
          </cell>
          <cell r="GI249">
            <v>34440</v>
          </cell>
          <cell r="GJ249" t="str">
            <v/>
          </cell>
          <cell r="GM249" t="str">
            <v>塩﨑　壮太</v>
          </cell>
          <cell r="GN249" t="str">
            <v>路面標示施工技能士</v>
          </cell>
          <cell r="GO249" t="str">
            <v>岡本　将親</v>
          </cell>
          <cell r="GT249" t="str">
            <v/>
          </cell>
          <cell r="GW249" t="str">
            <v/>
          </cell>
          <cell r="HO249" t="str">
            <v/>
          </cell>
          <cell r="HP249" t="str">
            <v>-</v>
          </cell>
          <cell r="HQ249">
            <v>550000</v>
          </cell>
          <cell r="HR249">
            <v>540000</v>
          </cell>
          <cell r="HS249">
            <v>560000</v>
          </cell>
          <cell r="HT249">
            <v>530000</v>
          </cell>
          <cell r="HU249">
            <v>600000</v>
          </cell>
          <cell r="HV249">
            <v>490000</v>
          </cell>
          <cell r="HW249">
            <v>344400</v>
          </cell>
          <cell r="JD249" t="str">
            <v/>
          </cell>
          <cell r="JE249" t="str">
            <v/>
          </cell>
          <cell r="JF249" t="str">
            <v/>
          </cell>
          <cell r="JG249" t="str">
            <v/>
          </cell>
          <cell r="JH249" t="str">
            <v/>
          </cell>
          <cell r="JI249" t="str">
            <v/>
          </cell>
          <cell r="JJ249" t="str">
            <v/>
          </cell>
          <cell r="JK249" t="str">
            <v/>
          </cell>
          <cell r="JL249" t="str">
            <v/>
          </cell>
          <cell r="JM249" t="str">
            <v/>
          </cell>
          <cell r="JN249" t="str">
            <v/>
          </cell>
          <cell r="JO249" t="str">
            <v/>
          </cell>
          <cell r="JP249" t="str">
            <v/>
          </cell>
          <cell r="JQ249" t="str">
            <v/>
          </cell>
          <cell r="JR249" t="str">
            <v/>
          </cell>
          <cell r="JS249" t="str">
            <v/>
          </cell>
          <cell r="JT249" t="str">
            <v/>
          </cell>
          <cell r="JU249" t="str">
            <v/>
          </cell>
          <cell r="JV249" t="str">
            <v/>
          </cell>
          <cell r="JW249" t="str">
            <v/>
          </cell>
          <cell r="JX249">
            <v>75</v>
          </cell>
          <cell r="JY249">
            <v>73</v>
          </cell>
          <cell r="JZ249">
            <v>0.57399999999999995</v>
          </cell>
        </row>
        <row r="250">
          <cell r="C250" t="str">
            <v/>
          </cell>
          <cell r="D250" t="str">
            <v/>
          </cell>
          <cell r="E250" t="str">
            <v/>
          </cell>
          <cell r="I250">
            <v>242</v>
          </cell>
          <cell r="M250" t="str">
            <v>令和２年度伊丹市立有岡小学校プール改修工事</v>
          </cell>
          <cell r="Q250" t="str">
            <v>有小ﾌﾟｰﾙ改修</v>
          </cell>
          <cell r="Y250">
            <v>1</v>
          </cell>
          <cell r="AC250">
            <v>1</v>
          </cell>
          <cell r="AI250" t="str">
            <v>伊丹市伊丹７丁目１番１号</v>
          </cell>
          <cell r="AM250" t="str">
            <v>プール槽の防水改修工事
プールサイドの改修工事（床、囲障改修等）
トイレの改修工事
更衣室の改修工事
その他関連する機械設備工事、電気設備工事</v>
          </cell>
          <cell r="AQ250">
            <v>2</v>
          </cell>
          <cell r="AY250">
            <v>44160</v>
          </cell>
          <cell r="AZ250">
            <v>44161</v>
          </cell>
          <cell r="BA250">
            <v>110</v>
          </cell>
          <cell r="BB250">
            <v>44270</v>
          </cell>
          <cell r="BC250">
            <v>12</v>
          </cell>
          <cell r="BD250" t="str">
            <v>○</v>
          </cell>
          <cell r="BE250" t="str">
            <v>○</v>
          </cell>
          <cell r="BF250">
            <v>0.41736111111111113</v>
          </cell>
          <cell r="BG250">
            <v>6265</v>
          </cell>
          <cell r="BH250" t="str">
            <v>山岸  徹哉</v>
          </cell>
          <cell r="BI250" t="str">
            <v>施設課</v>
          </cell>
          <cell r="BJ250">
            <v>4297</v>
          </cell>
          <cell r="BN250" t="str">
            <v>教</v>
          </cell>
          <cell r="BO250">
            <v>14</v>
          </cell>
          <cell r="BS250">
            <v>40656000</v>
          </cell>
          <cell r="BT250">
            <v>36960000</v>
          </cell>
          <cell r="BU250">
            <v>1</v>
          </cell>
          <cell r="BV250">
            <v>33600000</v>
          </cell>
          <cell r="BW250">
            <v>28482007</v>
          </cell>
          <cell r="BX250">
            <v>1058940</v>
          </cell>
          <cell r="BY250">
            <v>2698421</v>
          </cell>
          <cell r="BZ250">
            <v>4720632</v>
          </cell>
          <cell r="CH250">
            <v>117</v>
          </cell>
          <cell r="CI250">
            <v>44131</v>
          </cell>
          <cell r="CJ250" t="str">
            <v>一般</v>
          </cell>
          <cell r="CK250" t="str">
            <v>伊丹市内に本店</v>
          </cell>
          <cell r="CL250" t="str">
            <v>580点以上</v>
          </cell>
          <cell r="CP250">
            <v>13372</v>
          </cell>
          <cell r="CT250" t="str">
            <v>請負金額が1,000万円以上</v>
          </cell>
          <cell r="CW250">
            <v>44139</v>
          </cell>
          <cell r="CX250">
            <v>44141</v>
          </cell>
          <cell r="CY250">
            <v>44144</v>
          </cell>
          <cell r="CZ250">
            <v>44145</v>
          </cell>
          <cell r="DA250">
            <v>44147</v>
          </cell>
          <cell r="DB250">
            <v>44152</v>
          </cell>
          <cell r="DC250">
            <v>26</v>
          </cell>
          <cell r="DD250" t="str">
            <v>○</v>
          </cell>
          <cell r="DL250">
            <v>21</v>
          </cell>
          <cell r="DM250">
            <v>23</v>
          </cell>
          <cell r="DN250">
            <v>26</v>
          </cell>
          <cell r="DO250">
            <v>48</v>
          </cell>
          <cell r="DP250">
            <v>53</v>
          </cell>
          <cell r="DQ250">
            <v>54</v>
          </cell>
          <cell r="DR250">
            <v>211</v>
          </cell>
          <cell r="DS250">
            <v>314</v>
          </cell>
          <cell r="DT250">
            <v>386</v>
          </cell>
          <cell r="EZ250">
            <v>9</v>
          </cell>
          <cell r="FA250">
            <v>8</v>
          </cell>
          <cell r="FI250">
            <v>1</v>
          </cell>
          <cell r="FJ250" t="str">
            <v>制限付一般競争入札</v>
          </cell>
          <cell r="FN250">
            <v>4</v>
          </cell>
          <cell r="FO250" t="str">
            <v>電子入札</v>
          </cell>
          <cell r="FS250">
            <v>1</v>
          </cell>
          <cell r="FT250" t="str">
            <v/>
          </cell>
          <cell r="FU250" t="str">
            <v/>
          </cell>
          <cell r="FW250" t="str">
            <v/>
          </cell>
          <cell r="FY250" t="str">
            <v/>
          </cell>
          <cell r="GD250">
            <v>1</v>
          </cell>
          <cell r="GE250" t="str">
            <v>契約・検査課長　松本　嘉博</v>
          </cell>
          <cell r="GF250" t="str">
            <v>-</v>
          </cell>
          <cell r="GG250" t="str">
            <v>×</v>
          </cell>
          <cell r="GI250" t="str">
            <v/>
          </cell>
          <cell r="GJ250" t="str">
            <v/>
          </cell>
          <cell r="GT250" t="str">
            <v/>
          </cell>
          <cell r="GW250" t="str">
            <v/>
          </cell>
          <cell r="HO250" t="str">
            <v/>
          </cell>
          <cell r="HP250" t="str">
            <v>-</v>
          </cell>
          <cell r="HQ250" t="str">
            <v>-</v>
          </cell>
          <cell r="HR250" t="str">
            <v>-</v>
          </cell>
          <cell r="HS250" t="str">
            <v>-</v>
          </cell>
          <cell r="HT250" t="str">
            <v>-</v>
          </cell>
          <cell r="HU250" t="str">
            <v>-</v>
          </cell>
          <cell r="HV250" t="str">
            <v>-</v>
          </cell>
          <cell r="HW250" t="str">
            <v>-</v>
          </cell>
          <cell r="HX250" t="str">
            <v>-</v>
          </cell>
          <cell r="JD250" t="str">
            <v/>
          </cell>
          <cell r="JE250" t="str">
            <v/>
          </cell>
          <cell r="JF250" t="str">
            <v/>
          </cell>
          <cell r="JG250" t="str">
            <v/>
          </cell>
          <cell r="JH250" t="str">
            <v/>
          </cell>
          <cell r="JI250" t="str">
            <v/>
          </cell>
          <cell r="JJ250" t="str">
            <v/>
          </cell>
          <cell r="JK250" t="str">
            <v/>
          </cell>
          <cell r="JL250">
            <v>14</v>
          </cell>
          <cell r="JM250">
            <v>14</v>
          </cell>
          <cell r="JN250" t="str">
            <v/>
          </cell>
          <cell r="JO250" t="str">
            <v/>
          </cell>
          <cell r="JP250" t="str">
            <v/>
          </cell>
          <cell r="JQ250" t="str">
            <v/>
          </cell>
          <cell r="JR250" t="str">
            <v/>
          </cell>
          <cell r="JS250" t="str">
            <v/>
          </cell>
          <cell r="JT250" t="str">
            <v/>
          </cell>
          <cell r="JU250" t="str">
            <v/>
          </cell>
          <cell r="JV250" t="str">
            <v/>
          </cell>
          <cell r="JW250" t="str">
            <v/>
          </cell>
          <cell r="JX250" t="str">
            <v/>
          </cell>
          <cell r="JY250" t="str">
            <v/>
          </cell>
          <cell r="JZ250" t="str">
            <v/>
          </cell>
        </row>
        <row r="251">
          <cell r="C251" t="str">
            <v/>
          </cell>
          <cell r="D251" t="str">
            <v/>
          </cell>
          <cell r="E251" t="str">
            <v/>
          </cell>
          <cell r="I251">
            <v>243</v>
          </cell>
          <cell r="M251" t="str">
            <v>令和２年度市営鶴田団地３号館屋上防水改修工事</v>
          </cell>
          <cell r="Q251" t="str">
            <v>鶴団３館防水</v>
          </cell>
          <cell r="Y251">
            <v>1</v>
          </cell>
          <cell r="AC251">
            <v>11</v>
          </cell>
          <cell r="AI251" t="str">
            <v>伊丹市荒牧６丁目２４番３</v>
          </cell>
          <cell r="AM251" t="str">
            <v>屋上防水工事一式</v>
          </cell>
          <cell r="AQ251">
            <v>1</v>
          </cell>
          <cell r="AY251">
            <v>44160</v>
          </cell>
          <cell r="AZ251">
            <v>44165</v>
          </cell>
          <cell r="BA251">
            <v>89</v>
          </cell>
          <cell r="BB251">
            <v>44253</v>
          </cell>
          <cell r="BC251">
            <v>14</v>
          </cell>
          <cell r="BD251" t="str">
            <v>○</v>
          </cell>
          <cell r="BE251" t="str">
            <v>○</v>
          </cell>
          <cell r="BF251">
            <v>0.41805555555555557</v>
          </cell>
          <cell r="BG251">
            <v>105107</v>
          </cell>
          <cell r="BH251" t="str">
            <v>北野　正</v>
          </cell>
          <cell r="BI251" t="str">
            <v>営繕課</v>
          </cell>
          <cell r="BJ251">
            <v>5393</v>
          </cell>
          <cell r="BN251" t="str">
            <v>建</v>
          </cell>
          <cell r="BO251">
            <v>41</v>
          </cell>
          <cell r="BS251">
            <v>4928000</v>
          </cell>
          <cell r="BT251">
            <v>4480000</v>
          </cell>
          <cell r="BU251">
            <v>1</v>
          </cell>
          <cell r="BV251">
            <v>4000000</v>
          </cell>
          <cell r="BW251">
            <v>2924066</v>
          </cell>
          <cell r="BX251">
            <v>254998</v>
          </cell>
          <cell r="BY251">
            <v>642354</v>
          </cell>
          <cell r="BZ251">
            <v>658582</v>
          </cell>
          <cell r="CD251" t="str">
            <v/>
          </cell>
          <cell r="CH251">
            <v>118</v>
          </cell>
          <cell r="CI251">
            <v>44139</v>
          </cell>
          <cell r="CJ251" t="str">
            <v>一般</v>
          </cell>
          <cell r="CK251" t="str">
            <v>尼崎市、西宮市、芦屋市、宝塚市、川西市、伊丹市内に本店を有すること。又は伊丹市内に支店</v>
          </cell>
          <cell r="CL251" t="str">
            <v>伊丹市内に本店を有する者においては500点以上、その他の者においては750点以上</v>
          </cell>
          <cell r="CP251">
            <v>49524</v>
          </cell>
          <cell r="CT251" t="str">
            <v>右記</v>
          </cell>
          <cell r="CU251" t="str">
            <v>防水工事（伊丹市内に本店を有する者においては防水工事又は防水工事を含む建築一式工事）を完成した実績を有すること。</v>
          </cell>
          <cell r="CW251">
            <v>44147</v>
          </cell>
          <cell r="CX251" t="str">
            <v/>
          </cell>
          <cell r="CY251" t="str">
            <v/>
          </cell>
          <cell r="CZ251" t="str">
            <v/>
          </cell>
          <cell r="DA251">
            <v>44148</v>
          </cell>
          <cell r="DB251">
            <v>44153</v>
          </cell>
          <cell r="DC251">
            <v>14</v>
          </cell>
          <cell r="DD251" t="str">
            <v>○</v>
          </cell>
          <cell r="DL251">
            <v>211</v>
          </cell>
          <cell r="DM251">
            <v>4092</v>
          </cell>
          <cell r="EZ251">
            <v>2</v>
          </cell>
          <cell r="FA251">
            <v>6</v>
          </cell>
          <cell r="FI251">
            <v>4</v>
          </cell>
          <cell r="FJ251" t="str">
            <v>事後審査型一般競争入札</v>
          </cell>
          <cell r="FN251">
            <v>4</v>
          </cell>
          <cell r="FO251" t="str">
            <v>電子入札</v>
          </cell>
          <cell r="FS251">
            <v>1</v>
          </cell>
          <cell r="FT251" t="str">
            <v/>
          </cell>
          <cell r="FU251" t="str">
            <v/>
          </cell>
          <cell r="FW251" t="str">
            <v/>
          </cell>
          <cell r="FY251" t="str">
            <v/>
          </cell>
          <cell r="GC251">
            <v>1</v>
          </cell>
          <cell r="GD251">
            <v>1</v>
          </cell>
          <cell r="GE251" t="str">
            <v>契約・検査課長　松本　嘉博</v>
          </cell>
          <cell r="GF251">
            <v>211</v>
          </cell>
          <cell r="GG251" t="str">
            <v>(株)深津工務店</v>
          </cell>
          <cell r="GH251">
            <v>4444000</v>
          </cell>
          <cell r="GI251">
            <v>404000</v>
          </cell>
          <cell r="GJ251">
            <v>445000</v>
          </cell>
          <cell r="GL251" t="str">
            <v>二級建築士</v>
          </cell>
          <cell r="GM251" t="str">
            <v>木村　基福</v>
          </cell>
          <cell r="GN251" t="str">
            <v>二級建築士</v>
          </cell>
          <cell r="GO251" t="str">
            <v>木村　基福</v>
          </cell>
          <cell r="GT251" t="str">
            <v/>
          </cell>
          <cell r="GV251">
            <v>12400</v>
          </cell>
          <cell r="GW251">
            <v>2.7902790279027903</v>
          </cell>
          <cell r="HO251" t="str">
            <v/>
          </cell>
          <cell r="HP251">
            <v>4040000</v>
          </cell>
          <cell r="HQ251">
            <v>4480000</v>
          </cell>
          <cell r="JD251" t="str">
            <v/>
          </cell>
          <cell r="JE251" t="str">
            <v/>
          </cell>
          <cell r="JF251" t="str">
            <v/>
          </cell>
          <cell r="JG251" t="str">
            <v/>
          </cell>
          <cell r="JH251">
            <v>41</v>
          </cell>
          <cell r="JI251">
            <v>41</v>
          </cell>
          <cell r="JJ251" t="str">
            <v/>
          </cell>
          <cell r="JK251" t="str">
            <v/>
          </cell>
          <cell r="JL251" t="str">
            <v/>
          </cell>
          <cell r="JM251" t="str">
            <v/>
          </cell>
          <cell r="JN251" t="str">
            <v/>
          </cell>
          <cell r="JO251" t="str">
            <v/>
          </cell>
          <cell r="JP251" t="str">
            <v/>
          </cell>
          <cell r="JQ251" t="str">
            <v/>
          </cell>
          <cell r="JR251" t="str">
            <v/>
          </cell>
          <cell r="JS251" t="str">
            <v/>
          </cell>
          <cell r="JT251" t="str">
            <v/>
          </cell>
          <cell r="JU251" t="str">
            <v/>
          </cell>
          <cell r="JV251" t="str">
            <v/>
          </cell>
          <cell r="JW251" t="str">
            <v/>
          </cell>
          <cell r="JX251" t="str">
            <v/>
          </cell>
          <cell r="JY251" t="str">
            <v/>
          </cell>
          <cell r="JZ251">
            <v>0.90178571428571419</v>
          </cell>
        </row>
        <row r="252">
          <cell r="C252" t="str">
            <v/>
          </cell>
          <cell r="D252" t="str">
            <v/>
          </cell>
          <cell r="E252" t="str">
            <v/>
          </cell>
          <cell r="I252">
            <v>244</v>
          </cell>
          <cell r="L252">
            <v>1</v>
          </cell>
          <cell r="M252" t="str">
            <v>令和２年度クライアント機器リース（情報管理課　庁内ＬＡＮ他）</v>
          </cell>
          <cell r="Q252" t="str">
            <v>ｸﾗｲｱﾝﾄ機ﾘｰｽ</v>
          </cell>
          <cell r="U252">
            <v>1</v>
          </cell>
          <cell r="Y252">
            <v>1</v>
          </cell>
          <cell r="AC252">
            <v>8</v>
          </cell>
          <cell r="AD252">
            <v>6</v>
          </cell>
          <cell r="AI252" t="str">
            <v>伊丹市役所本庁舎　他</v>
          </cell>
          <cell r="AQ252">
            <v>7</v>
          </cell>
          <cell r="AU252">
            <v>60</v>
          </cell>
          <cell r="AY252">
            <v>44147</v>
          </cell>
          <cell r="AZ252">
            <v>44148</v>
          </cell>
          <cell r="BA252">
            <v>1844</v>
          </cell>
          <cell r="BB252">
            <v>45991</v>
          </cell>
          <cell r="BC252" t="str">
            <v/>
          </cell>
          <cell r="BD252" t="str">
            <v/>
          </cell>
          <cell r="BE252" t="str">
            <v/>
          </cell>
          <cell r="BF252">
            <v>0.41736111111111113</v>
          </cell>
          <cell r="BH252" t="str">
            <v>村社　朋代</v>
          </cell>
          <cell r="BI252" t="str">
            <v>情報管理課</v>
          </cell>
          <cell r="BJ252">
            <v>4764</v>
          </cell>
          <cell r="BN252" t="str">
            <v>リ</v>
          </cell>
          <cell r="BO252">
            <v>14</v>
          </cell>
          <cell r="BS252">
            <v>34271068</v>
          </cell>
          <cell r="BT252">
            <v>519200</v>
          </cell>
          <cell r="BU252">
            <v>1</v>
          </cell>
          <cell r="BV252" t="str">
            <v/>
          </cell>
          <cell r="CD252" t="str">
            <v/>
          </cell>
          <cell r="CH252">
            <v>-119</v>
          </cell>
          <cell r="CI252">
            <v>44126</v>
          </cell>
          <cell r="CP252">
            <v>26772</v>
          </cell>
          <cell r="CW252" t="str">
            <v/>
          </cell>
          <cell r="CX252" t="str">
            <v/>
          </cell>
          <cell r="CY252" t="str">
            <v/>
          </cell>
          <cell r="CZ252" t="str">
            <v/>
          </cell>
          <cell r="DA252">
            <v>44133</v>
          </cell>
          <cell r="DB252">
            <v>44139</v>
          </cell>
          <cell r="DD252" t="str">
            <v/>
          </cell>
          <cell r="DL252">
            <v>10064</v>
          </cell>
          <cell r="DM252">
            <v>10115</v>
          </cell>
          <cell r="DN252">
            <v>10147</v>
          </cell>
          <cell r="DO252">
            <v>10153</v>
          </cell>
          <cell r="DP252">
            <v>10200</v>
          </cell>
          <cell r="DQ252">
            <v>10287</v>
          </cell>
          <cell r="DR252">
            <v>10295</v>
          </cell>
          <cell r="DS252">
            <v>10437</v>
          </cell>
          <cell r="DT252">
            <v>10439</v>
          </cell>
          <cell r="DU252">
            <v>10471</v>
          </cell>
          <cell r="DV252">
            <v>10509</v>
          </cell>
          <cell r="DW252">
            <v>10667</v>
          </cell>
          <cell r="EZ252">
            <v>12</v>
          </cell>
          <cell r="FA252">
            <v>8</v>
          </cell>
          <cell r="FI252">
            <v>5</v>
          </cell>
          <cell r="FJ252" t="str">
            <v>指名競争入札（簡易認証）</v>
          </cell>
          <cell r="FN252">
            <v>4</v>
          </cell>
          <cell r="FO252" t="str">
            <v>電子入札</v>
          </cell>
          <cell r="FS252">
            <v>4</v>
          </cell>
          <cell r="FT252" t="str">
            <v/>
          </cell>
          <cell r="FU252" t="str">
            <v/>
          </cell>
          <cell r="FW252" t="str">
            <v/>
          </cell>
          <cell r="FY252" t="str">
            <v/>
          </cell>
          <cell r="GD252">
            <v>1</v>
          </cell>
          <cell r="GE252" t="str">
            <v>契約・検査課長　松本　嘉博</v>
          </cell>
          <cell r="GF252" t="str">
            <v>中止</v>
          </cell>
          <cell r="GG252" t="str">
            <v>×</v>
          </cell>
          <cell r="GI252" t="str">
            <v/>
          </cell>
          <cell r="GJ252" t="str">
            <v/>
          </cell>
          <cell r="GT252" t="str">
            <v/>
          </cell>
          <cell r="GW252" t="str">
            <v/>
          </cell>
          <cell r="HO252" t="str">
            <v/>
          </cell>
          <cell r="JD252" t="str">
            <v/>
          </cell>
          <cell r="JE252" t="str">
            <v/>
          </cell>
          <cell r="JF252" t="str">
            <v/>
          </cell>
          <cell r="JG252" t="str">
            <v/>
          </cell>
          <cell r="JH252" t="str">
            <v/>
          </cell>
          <cell r="JI252" t="str">
            <v/>
          </cell>
          <cell r="JJ252" t="str">
            <v/>
          </cell>
          <cell r="JK252" t="str">
            <v/>
          </cell>
          <cell r="JL252" t="str">
            <v/>
          </cell>
          <cell r="JM252" t="str">
            <v/>
          </cell>
          <cell r="JN252" t="str">
            <v/>
          </cell>
          <cell r="JO252" t="str">
            <v/>
          </cell>
          <cell r="JP252" t="str">
            <v/>
          </cell>
          <cell r="JQ252" t="str">
            <v/>
          </cell>
          <cell r="JR252" t="str">
            <v/>
          </cell>
          <cell r="JS252" t="str">
            <v/>
          </cell>
          <cell r="JT252" t="str">
            <v/>
          </cell>
          <cell r="JU252" t="str">
            <v/>
          </cell>
          <cell r="JV252" t="str">
            <v/>
          </cell>
          <cell r="JW252" t="str">
            <v/>
          </cell>
          <cell r="JX252" t="str">
            <v/>
          </cell>
          <cell r="JY252" t="str">
            <v/>
          </cell>
          <cell r="JZ252" t="str">
            <v/>
          </cell>
        </row>
        <row r="253">
          <cell r="C253" t="str">
            <v/>
          </cell>
          <cell r="D253" t="str">
            <v/>
          </cell>
          <cell r="E253" t="str">
            <v/>
          </cell>
          <cell r="I253">
            <v>245</v>
          </cell>
          <cell r="L253">
            <v>1</v>
          </cell>
          <cell r="M253" t="str">
            <v>令和２年度クライアント機器リース（庁内ＬＡＮ）</v>
          </cell>
          <cell r="Q253" t="str">
            <v>ｸﾗｲｱﾝﾄ機ﾘｰｽ</v>
          </cell>
          <cell r="U253">
            <v>2</v>
          </cell>
          <cell r="Y253">
            <v>1</v>
          </cell>
          <cell r="AC253">
            <v>8</v>
          </cell>
          <cell r="AD253">
            <v>6</v>
          </cell>
          <cell r="AI253" t="str">
            <v>伊丹市役所本庁舎　他</v>
          </cell>
          <cell r="AQ253">
            <v>7</v>
          </cell>
          <cell r="AU253">
            <v>60</v>
          </cell>
          <cell r="AY253">
            <v>44147</v>
          </cell>
          <cell r="AZ253">
            <v>44148</v>
          </cell>
          <cell r="BA253">
            <v>1844</v>
          </cell>
          <cell r="BB253">
            <v>45991</v>
          </cell>
          <cell r="BC253" t="str">
            <v/>
          </cell>
          <cell r="BD253" t="str">
            <v/>
          </cell>
          <cell r="BE253" t="str">
            <v/>
          </cell>
          <cell r="BH253" t="str">
            <v>村社　朋代</v>
          </cell>
          <cell r="BI253" t="str">
            <v>情報管理課</v>
          </cell>
          <cell r="BJ253">
            <v>4764</v>
          </cell>
          <cell r="BN253" t="str">
            <v>リ</v>
          </cell>
          <cell r="BO253">
            <v>14</v>
          </cell>
          <cell r="BS253">
            <v>31942825</v>
          </cell>
          <cell r="BU253">
            <v>1</v>
          </cell>
          <cell r="BV253" t="str">
            <v/>
          </cell>
          <cell r="CD253" t="str">
            <v/>
          </cell>
          <cell r="CH253">
            <v>-119</v>
          </cell>
          <cell r="CI253">
            <v>44126</v>
          </cell>
          <cell r="CP253">
            <v>77954</v>
          </cell>
          <cell r="CW253" t="str">
            <v/>
          </cell>
          <cell r="CX253" t="str">
            <v/>
          </cell>
          <cell r="CY253" t="str">
            <v/>
          </cell>
          <cell r="CZ253" t="str">
            <v/>
          </cell>
          <cell r="DA253">
            <v>44133</v>
          </cell>
          <cell r="DB253">
            <v>44139</v>
          </cell>
          <cell r="DD253" t="str">
            <v/>
          </cell>
          <cell r="DL253">
            <v>10064</v>
          </cell>
          <cell r="DM253">
            <v>10115</v>
          </cell>
          <cell r="DN253">
            <v>10147</v>
          </cell>
          <cell r="DO253">
            <v>10153</v>
          </cell>
          <cell r="DP253">
            <v>10200</v>
          </cell>
          <cell r="DQ253">
            <v>10287</v>
          </cell>
          <cell r="DR253">
            <v>10295</v>
          </cell>
          <cell r="DS253">
            <v>10437</v>
          </cell>
          <cell r="DT253">
            <v>10439</v>
          </cell>
          <cell r="DU253">
            <v>10471</v>
          </cell>
          <cell r="DV253">
            <v>10509</v>
          </cell>
          <cell r="DW253">
            <v>10667</v>
          </cell>
          <cell r="EZ253">
            <v>12</v>
          </cell>
          <cell r="FA253">
            <v>8</v>
          </cell>
          <cell r="FI253">
            <v>5</v>
          </cell>
          <cell r="FJ253" t="str">
            <v>指名競争入札（簡易認証）</v>
          </cell>
          <cell r="FN253">
            <v>4</v>
          </cell>
          <cell r="FO253" t="str">
            <v>電子入札</v>
          </cell>
          <cell r="FS253">
            <v>4</v>
          </cell>
          <cell r="FT253" t="str">
            <v/>
          </cell>
          <cell r="FU253" t="str">
            <v/>
          </cell>
          <cell r="FW253" t="str">
            <v/>
          </cell>
          <cell r="FY253" t="str">
            <v/>
          </cell>
          <cell r="GD253">
            <v>1</v>
          </cell>
          <cell r="GE253" t="str">
            <v>契約・検査課長　松本　嘉博</v>
          </cell>
          <cell r="GG253" t="str">
            <v/>
          </cell>
          <cell r="GI253" t="str">
            <v/>
          </cell>
          <cell r="GJ253" t="str">
            <v/>
          </cell>
          <cell r="GT253" t="str">
            <v/>
          </cell>
          <cell r="GW253" t="str">
            <v/>
          </cell>
          <cell r="HO253" t="str">
            <v/>
          </cell>
          <cell r="JD253" t="str">
            <v/>
          </cell>
          <cell r="JE253" t="str">
            <v/>
          </cell>
          <cell r="JF253" t="str">
            <v/>
          </cell>
          <cell r="JG253" t="str">
            <v/>
          </cell>
          <cell r="JH253" t="str">
            <v/>
          </cell>
          <cell r="JI253" t="str">
            <v/>
          </cell>
          <cell r="JJ253" t="str">
            <v/>
          </cell>
          <cell r="JK253" t="str">
            <v/>
          </cell>
          <cell r="JL253" t="str">
            <v/>
          </cell>
          <cell r="JM253" t="str">
            <v/>
          </cell>
          <cell r="JN253" t="str">
            <v/>
          </cell>
          <cell r="JO253" t="str">
            <v/>
          </cell>
          <cell r="JP253" t="str">
            <v/>
          </cell>
          <cell r="JQ253" t="str">
            <v/>
          </cell>
          <cell r="JR253" t="str">
            <v/>
          </cell>
          <cell r="JS253" t="str">
            <v/>
          </cell>
          <cell r="JT253" t="str">
            <v/>
          </cell>
          <cell r="JU253" t="str">
            <v/>
          </cell>
          <cell r="JV253" t="str">
            <v/>
          </cell>
          <cell r="JW253" t="str">
            <v/>
          </cell>
          <cell r="JX253" t="str">
            <v/>
          </cell>
          <cell r="JY253" t="str">
            <v/>
          </cell>
          <cell r="JZ253" t="str">
            <v/>
          </cell>
        </row>
        <row r="254">
          <cell r="C254" t="str">
            <v/>
          </cell>
          <cell r="D254" t="str">
            <v/>
          </cell>
          <cell r="E254" t="str">
            <v/>
          </cell>
          <cell r="I254">
            <v>246</v>
          </cell>
          <cell r="L254">
            <v>1</v>
          </cell>
          <cell r="M254" t="str">
            <v>令和２年度クライアント機器リース（施設課）</v>
          </cell>
          <cell r="Q254" t="str">
            <v>ｸﾗｲｱﾝﾄ機ﾘｰｽ</v>
          </cell>
          <cell r="U254">
            <v>3</v>
          </cell>
          <cell r="Y254">
            <v>1</v>
          </cell>
          <cell r="AC254">
            <v>8</v>
          </cell>
          <cell r="AD254">
            <v>6</v>
          </cell>
          <cell r="AI254" t="str">
            <v>伊丹市役所本庁舎</v>
          </cell>
          <cell r="AQ254">
            <v>7</v>
          </cell>
          <cell r="AU254">
            <v>60</v>
          </cell>
          <cell r="AY254">
            <v>44147</v>
          </cell>
          <cell r="AZ254">
            <v>44148</v>
          </cell>
          <cell r="BA254">
            <v>1844</v>
          </cell>
          <cell r="BB254">
            <v>45991</v>
          </cell>
          <cell r="BC254" t="str">
            <v/>
          </cell>
          <cell r="BD254" t="str">
            <v/>
          </cell>
          <cell r="BE254" t="str">
            <v/>
          </cell>
          <cell r="BH254" t="str">
            <v>山田  実</v>
          </cell>
          <cell r="BI254" t="str">
            <v>施設課</v>
          </cell>
          <cell r="BJ254">
            <v>4327</v>
          </cell>
          <cell r="BN254" t="str">
            <v>リ</v>
          </cell>
          <cell r="BO254">
            <v>14</v>
          </cell>
          <cell r="BS254">
            <v>501336</v>
          </cell>
          <cell r="BU254">
            <v>1</v>
          </cell>
          <cell r="BV254" t="str">
            <v/>
          </cell>
          <cell r="CD254" t="str">
            <v/>
          </cell>
          <cell r="CH254">
            <v>-119</v>
          </cell>
          <cell r="CI254">
            <v>44126</v>
          </cell>
          <cell r="CP254">
            <v>41228</v>
          </cell>
          <cell r="CW254" t="str">
            <v/>
          </cell>
          <cell r="CX254" t="str">
            <v/>
          </cell>
          <cell r="CY254" t="str">
            <v/>
          </cell>
          <cell r="CZ254" t="str">
            <v/>
          </cell>
          <cell r="DA254">
            <v>44133</v>
          </cell>
          <cell r="DB254">
            <v>44139</v>
          </cell>
          <cell r="DD254" t="str">
            <v/>
          </cell>
          <cell r="DL254">
            <v>10064</v>
          </cell>
          <cell r="DM254">
            <v>10115</v>
          </cell>
          <cell r="DN254">
            <v>10147</v>
          </cell>
          <cell r="DO254">
            <v>10153</v>
          </cell>
          <cell r="DP254">
            <v>10200</v>
          </cell>
          <cell r="DQ254">
            <v>10287</v>
          </cell>
          <cell r="DR254">
            <v>10295</v>
          </cell>
          <cell r="DS254">
            <v>10437</v>
          </cell>
          <cell r="DT254">
            <v>10439</v>
          </cell>
          <cell r="DU254">
            <v>10471</v>
          </cell>
          <cell r="DV254">
            <v>10509</v>
          </cell>
          <cell r="DW254">
            <v>10667</v>
          </cell>
          <cell r="EZ254">
            <v>12</v>
          </cell>
          <cell r="FA254">
            <v>6</v>
          </cell>
          <cell r="FI254">
            <v>5</v>
          </cell>
          <cell r="FJ254" t="str">
            <v>指名競争入札（簡易認証）</v>
          </cell>
          <cell r="FN254">
            <v>4</v>
          </cell>
          <cell r="FO254" t="str">
            <v>電子入札</v>
          </cell>
          <cell r="FS254">
            <v>4</v>
          </cell>
          <cell r="FT254" t="str">
            <v/>
          </cell>
          <cell r="FU254" t="str">
            <v/>
          </cell>
          <cell r="FW254" t="str">
            <v/>
          </cell>
          <cell r="FY254" t="str">
            <v/>
          </cell>
          <cell r="GD254">
            <v>1</v>
          </cell>
          <cell r="GE254" t="str">
            <v>契約・検査課長　松本　嘉博</v>
          </cell>
          <cell r="GG254" t="str">
            <v/>
          </cell>
          <cell r="GI254" t="str">
            <v/>
          </cell>
          <cell r="GJ254" t="str">
            <v/>
          </cell>
          <cell r="GT254" t="str">
            <v/>
          </cell>
          <cell r="GW254" t="str">
            <v/>
          </cell>
          <cell r="HO254" t="str">
            <v/>
          </cell>
          <cell r="JD254" t="str">
            <v/>
          </cell>
          <cell r="JE254" t="str">
            <v/>
          </cell>
          <cell r="JF254" t="str">
            <v/>
          </cell>
          <cell r="JG254" t="str">
            <v/>
          </cell>
          <cell r="JH254" t="str">
            <v/>
          </cell>
          <cell r="JI254" t="str">
            <v/>
          </cell>
          <cell r="JJ254" t="str">
            <v/>
          </cell>
          <cell r="JK254" t="str">
            <v/>
          </cell>
          <cell r="JL254" t="str">
            <v/>
          </cell>
          <cell r="JM254" t="str">
            <v/>
          </cell>
          <cell r="JN254" t="str">
            <v/>
          </cell>
          <cell r="JO254" t="str">
            <v/>
          </cell>
          <cell r="JP254" t="str">
            <v/>
          </cell>
          <cell r="JQ254" t="str">
            <v/>
          </cell>
          <cell r="JR254" t="str">
            <v/>
          </cell>
          <cell r="JS254" t="str">
            <v/>
          </cell>
          <cell r="JT254" t="str">
            <v/>
          </cell>
          <cell r="JU254" t="str">
            <v/>
          </cell>
          <cell r="JV254" t="str">
            <v/>
          </cell>
          <cell r="JW254" t="str">
            <v/>
          </cell>
          <cell r="JX254" t="str">
            <v/>
          </cell>
          <cell r="JY254" t="str">
            <v/>
          </cell>
          <cell r="JZ254" t="str">
            <v/>
          </cell>
        </row>
        <row r="255">
          <cell r="C255" t="str">
            <v/>
          </cell>
          <cell r="D255" t="str">
            <v/>
          </cell>
          <cell r="E255" t="str">
            <v/>
          </cell>
          <cell r="I255">
            <v>247</v>
          </cell>
          <cell r="L255">
            <v>1</v>
          </cell>
          <cell r="M255" t="str">
            <v>令和２年度クライアント機器リース（人権啓発センター）</v>
          </cell>
          <cell r="Q255" t="str">
            <v>ｸﾗｲｱﾝﾄ機ﾘｰｽ</v>
          </cell>
          <cell r="U255">
            <v>4</v>
          </cell>
          <cell r="Y255">
            <v>1</v>
          </cell>
          <cell r="AC255">
            <v>8</v>
          </cell>
          <cell r="AD255">
            <v>6</v>
          </cell>
          <cell r="AI255" t="str">
            <v>伊丹市立人権啓発センター</v>
          </cell>
          <cell r="AQ255">
            <v>7</v>
          </cell>
          <cell r="AU255">
            <v>60</v>
          </cell>
          <cell r="AY255">
            <v>44147</v>
          </cell>
          <cell r="AZ255">
            <v>44148</v>
          </cell>
          <cell r="BA255">
            <v>1844</v>
          </cell>
          <cell r="BB255">
            <v>45991</v>
          </cell>
          <cell r="BC255" t="str">
            <v/>
          </cell>
          <cell r="BD255" t="str">
            <v/>
          </cell>
          <cell r="BE255" t="str">
            <v/>
          </cell>
          <cell r="BH255" t="str">
            <v>作本　幸一</v>
          </cell>
          <cell r="BI255" t="str">
            <v>人権啓発センター</v>
          </cell>
          <cell r="BJ255">
            <v>7816006</v>
          </cell>
          <cell r="BN255" t="str">
            <v>リ</v>
          </cell>
          <cell r="BO255">
            <v>14</v>
          </cell>
          <cell r="BS255">
            <v>1826906</v>
          </cell>
          <cell r="BU255">
            <v>1</v>
          </cell>
          <cell r="BV255" t="str">
            <v/>
          </cell>
          <cell r="CD255" t="str">
            <v/>
          </cell>
          <cell r="CH255">
            <v>-119</v>
          </cell>
          <cell r="CI255">
            <v>44126</v>
          </cell>
          <cell r="CP255">
            <v>49589</v>
          </cell>
          <cell r="CW255" t="str">
            <v/>
          </cell>
          <cell r="CX255" t="str">
            <v/>
          </cell>
          <cell r="CY255" t="str">
            <v/>
          </cell>
          <cell r="CZ255" t="str">
            <v/>
          </cell>
          <cell r="DA255">
            <v>44133</v>
          </cell>
          <cell r="DB255">
            <v>44139</v>
          </cell>
          <cell r="DD255" t="str">
            <v/>
          </cell>
          <cell r="DL255">
            <v>10064</v>
          </cell>
          <cell r="DM255">
            <v>10115</v>
          </cell>
          <cell r="DN255">
            <v>10147</v>
          </cell>
          <cell r="DO255">
            <v>10153</v>
          </cell>
          <cell r="DP255">
            <v>10200</v>
          </cell>
          <cell r="DQ255">
            <v>10287</v>
          </cell>
          <cell r="DR255">
            <v>10295</v>
          </cell>
          <cell r="DS255">
            <v>10437</v>
          </cell>
          <cell r="DT255">
            <v>10439</v>
          </cell>
          <cell r="DU255">
            <v>10471</v>
          </cell>
          <cell r="DV255">
            <v>10509</v>
          </cell>
          <cell r="DW255">
            <v>10667</v>
          </cell>
          <cell r="EZ255">
            <v>12</v>
          </cell>
          <cell r="FA255">
            <v>6</v>
          </cell>
          <cell r="FI255">
            <v>5</v>
          </cell>
          <cell r="FJ255" t="str">
            <v>指名競争入札（簡易認証）</v>
          </cell>
          <cell r="FN255">
            <v>4</v>
          </cell>
          <cell r="FO255" t="str">
            <v>電子入札</v>
          </cell>
          <cell r="FS255">
            <v>4</v>
          </cell>
          <cell r="FT255" t="str">
            <v/>
          </cell>
          <cell r="FU255" t="str">
            <v/>
          </cell>
          <cell r="FW255" t="str">
            <v/>
          </cell>
          <cell r="FY255" t="str">
            <v/>
          </cell>
          <cell r="GD255">
            <v>1</v>
          </cell>
          <cell r="GE255" t="str">
            <v>契約・検査課長　松本　嘉博</v>
          </cell>
          <cell r="GG255" t="str">
            <v/>
          </cell>
          <cell r="GI255" t="str">
            <v/>
          </cell>
          <cell r="GJ255" t="str">
            <v/>
          </cell>
          <cell r="GT255" t="str">
            <v/>
          </cell>
          <cell r="GW255" t="str">
            <v/>
          </cell>
          <cell r="HO255" t="str">
            <v/>
          </cell>
          <cell r="JD255" t="str">
            <v/>
          </cell>
          <cell r="JE255" t="str">
            <v/>
          </cell>
          <cell r="JF255" t="str">
            <v/>
          </cell>
          <cell r="JG255" t="str">
            <v/>
          </cell>
          <cell r="JH255" t="str">
            <v/>
          </cell>
          <cell r="JI255" t="str">
            <v/>
          </cell>
          <cell r="JJ255" t="str">
            <v/>
          </cell>
          <cell r="JK255" t="str">
            <v/>
          </cell>
          <cell r="JL255" t="str">
            <v/>
          </cell>
          <cell r="JM255" t="str">
            <v/>
          </cell>
          <cell r="JN255" t="str">
            <v/>
          </cell>
          <cell r="JO255" t="str">
            <v/>
          </cell>
          <cell r="JP255" t="str">
            <v/>
          </cell>
          <cell r="JQ255" t="str">
            <v/>
          </cell>
          <cell r="JR255" t="str">
            <v/>
          </cell>
          <cell r="JS255" t="str">
            <v/>
          </cell>
          <cell r="JT255" t="str">
            <v/>
          </cell>
          <cell r="JU255" t="str">
            <v/>
          </cell>
          <cell r="JV255" t="str">
            <v/>
          </cell>
          <cell r="JW255" t="str">
            <v/>
          </cell>
          <cell r="JX255" t="str">
            <v/>
          </cell>
          <cell r="JY255" t="str">
            <v/>
          </cell>
          <cell r="JZ255" t="str">
            <v/>
          </cell>
        </row>
        <row r="256">
          <cell r="C256" t="str">
            <v/>
          </cell>
          <cell r="D256" t="str">
            <v/>
          </cell>
          <cell r="E256" t="str">
            <v/>
          </cell>
          <cell r="I256">
            <v>248</v>
          </cell>
          <cell r="M256" t="str">
            <v>令和２年度伊丹市公共施設外壁等仕上げ塗材アスベスト含有調査委託業務</v>
          </cell>
          <cell r="Q256" t="str">
            <v>石綿調査</v>
          </cell>
          <cell r="Y256">
            <v>1</v>
          </cell>
          <cell r="AC256">
            <v>8</v>
          </cell>
          <cell r="AD256">
            <v>8</v>
          </cell>
          <cell r="AI256" t="str">
            <v>伊丹市内各所</v>
          </cell>
          <cell r="AQ256">
            <v>1</v>
          </cell>
          <cell r="AY256">
            <v>44141</v>
          </cell>
          <cell r="AZ256">
            <v>44144</v>
          </cell>
          <cell r="BA256">
            <v>99</v>
          </cell>
          <cell r="BB256">
            <v>44242</v>
          </cell>
          <cell r="BC256" t="str">
            <v/>
          </cell>
          <cell r="BD256" t="str">
            <v/>
          </cell>
          <cell r="BE256" t="str">
            <v/>
          </cell>
          <cell r="BF256">
            <v>0.41736111111111113</v>
          </cell>
          <cell r="BG256">
            <v>7640</v>
          </cell>
          <cell r="BH256" t="str">
            <v>上野　竜</v>
          </cell>
          <cell r="BI256" t="str">
            <v>営繕課</v>
          </cell>
          <cell r="BJ256">
            <v>4668</v>
          </cell>
          <cell r="BN256" t="str">
            <v>他</v>
          </cell>
          <cell r="BO256">
            <v>76</v>
          </cell>
          <cell r="BS256">
            <v>2384800</v>
          </cell>
          <cell r="BT256">
            <v>2160000</v>
          </cell>
          <cell r="BU256" t="str">
            <v/>
          </cell>
          <cell r="BV256" t="str">
            <v/>
          </cell>
          <cell r="CD256" t="str">
            <v/>
          </cell>
          <cell r="CH256">
            <v>-120</v>
          </cell>
          <cell r="CI256">
            <v>44125</v>
          </cell>
          <cell r="CP256">
            <v>21427</v>
          </cell>
          <cell r="CW256" t="str">
            <v/>
          </cell>
          <cell r="CX256" t="str">
            <v/>
          </cell>
          <cell r="CY256" t="str">
            <v/>
          </cell>
          <cell r="CZ256" t="str">
            <v/>
          </cell>
          <cell r="DA256">
            <v>44132</v>
          </cell>
          <cell r="DB256">
            <v>44137</v>
          </cell>
          <cell r="DD256" t="str">
            <v/>
          </cell>
          <cell r="DL256">
            <v>6200</v>
          </cell>
          <cell r="DM256">
            <v>5168</v>
          </cell>
          <cell r="DN256">
            <v>6205</v>
          </cell>
          <cell r="DO256">
            <v>5826</v>
          </cell>
          <cell r="DP256">
            <v>5863</v>
          </cell>
          <cell r="DQ256">
            <v>5481</v>
          </cell>
          <cell r="DR256">
            <v>5666</v>
          </cell>
          <cell r="DS256">
            <v>6072</v>
          </cell>
          <cell r="DT256">
            <v>5244</v>
          </cell>
          <cell r="DU256">
            <v>5275</v>
          </cell>
          <cell r="EZ256">
            <v>10</v>
          </cell>
          <cell r="FA256">
            <v>6</v>
          </cell>
          <cell r="FI256">
            <v>2</v>
          </cell>
          <cell r="FJ256" t="str">
            <v>指名競争入札</v>
          </cell>
          <cell r="FN256">
            <v>4</v>
          </cell>
          <cell r="FO256" t="str">
            <v>電子入札</v>
          </cell>
          <cell r="FS256">
            <v>2</v>
          </cell>
          <cell r="FT256" t="str">
            <v/>
          </cell>
          <cell r="FU256" t="str">
            <v/>
          </cell>
          <cell r="FW256" t="str">
            <v/>
          </cell>
          <cell r="FY256" t="str">
            <v/>
          </cell>
          <cell r="GD256">
            <v>1</v>
          </cell>
          <cell r="GE256" t="str">
            <v>契約・検査課長　松本　嘉博</v>
          </cell>
          <cell r="GF256">
            <v>5826</v>
          </cell>
          <cell r="GG256" t="str">
            <v>中外テクノス(株)</v>
          </cell>
          <cell r="GH256">
            <v>1397000</v>
          </cell>
          <cell r="GI256">
            <v>127000</v>
          </cell>
          <cell r="GJ256" t="str">
            <v/>
          </cell>
          <cell r="GL256" t="str">
            <v>(特)築物石綿含有建材調査者</v>
          </cell>
          <cell r="GM256" t="str">
            <v>喬橋　佳</v>
          </cell>
          <cell r="GN256" t="str">
            <v>(特)築物石綿含有建材調査者</v>
          </cell>
          <cell r="GO256" t="str">
            <v>喬橋　佳</v>
          </cell>
          <cell r="GT256" t="str">
            <v/>
          </cell>
          <cell r="GW256" t="str">
            <v/>
          </cell>
          <cell r="HO256" t="str">
            <v/>
          </cell>
          <cell r="HP256" t="str">
            <v>-</v>
          </cell>
          <cell r="HQ256" t="str">
            <v>-</v>
          </cell>
          <cell r="HR256">
            <v>2100000</v>
          </cell>
          <cell r="HS256">
            <v>1270000</v>
          </cell>
          <cell r="HT256">
            <v>1695000</v>
          </cell>
          <cell r="HU256" t="str">
            <v>-</v>
          </cell>
          <cell r="HV256" t="str">
            <v>-</v>
          </cell>
          <cell r="HW256">
            <v>1698000</v>
          </cell>
          <cell r="HX256" t="str">
            <v>-</v>
          </cell>
          <cell r="HY256" t="str">
            <v>-</v>
          </cell>
          <cell r="JD256" t="str">
            <v/>
          </cell>
          <cell r="JE256" t="str">
            <v/>
          </cell>
          <cell r="JF256" t="str">
            <v/>
          </cell>
          <cell r="JG256" t="str">
            <v/>
          </cell>
          <cell r="JH256" t="str">
            <v/>
          </cell>
          <cell r="JI256" t="str">
            <v/>
          </cell>
          <cell r="JJ256" t="str">
            <v/>
          </cell>
          <cell r="JK256" t="str">
            <v/>
          </cell>
          <cell r="JL256" t="str">
            <v/>
          </cell>
          <cell r="JM256" t="str">
            <v/>
          </cell>
          <cell r="JN256" t="str">
            <v/>
          </cell>
          <cell r="JO256" t="str">
            <v/>
          </cell>
          <cell r="JP256" t="str">
            <v/>
          </cell>
          <cell r="JQ256" t="str">
            <v/>
          </cell>
          <cell r="JR256" t="str">
            <v/>
          </cell>
          <cell r="JS256" t="str">
            <v/>
          </cell>
          <cell r="JT256" t="str">
            <v/>
          </cell>
          <cell r="JU256" t="str">
            <v/>
          </cell>
          <cell r="JV256" t="str">
            <v/>
          </cell>
          <cell r="JW256" t="str">
            <v/>
          </cell>
          <cell r="JX256">
            <v>76</v>
          </cell>
          <cell r="JY256">
            <v>74</v>
          </cell>
          <cell r="JZ256">
            <v>0.58796296296296291</v>
          </cell>
        </row>
        <row r="257">
          <cell r="C257" t="str">
            <v/>
          </cell>
          <cell r="D257" t="str">
            <v/>
          </cell>
          <cell r="E257" t="str">
            <v/>
          </cell>
          <cell r="I257">
            <v>249</v>
          </cell>
          <cell r="M257" t="str">
            <v>令和２年度UNIFASライセンスの購入</v>
          </cell>
          <cell r="Q257" t="str">
            <v>UNIFASﾗｲｾﾝｽ</v>
          </cell>
          <cell r="Y257">
            <v>1</v>
          </cell>
          <cell r="AC257">
            <v>8</v>
          </cell>
          <cell r="AD257">
            <v>1</v>
          </cell>
          <cell r="AI257" t="str">
            <v>伊丹市千僧１丁目１番地　総合教育センター</v>
          </cell>
          <cell r="AQ257">
            <v>1</v>
          </cell>
          <cell r="AY257">
            <v>44145</v>
          </cell>
          <cell r="AZ257">
            <v>44146</v>
          </cell>
          <cell r="BA257">
            <v>20</v>
          </cell>
          <cell r="BB257">
            <v>44165</v>
          </cell>
          <cell r="BC257" t="str">
            <v/>
          </cell>
          <cell r="BD257" t="str">
            <v/>
          </cell>
          <cell r="BE257" t="str">
            <v/>
          </cell>
          <cell r="BF257">
            <v>0.58472222222222225</v>
          </cell>
          <cell r="BG257">
            <v>7548</v>
          </cell>
          <cell r="BH257" t="str">
            <v>片岡　栄二郎</v>
          </cell>
          <cell r="BI257" t="str">
            <v>総合教育センター</v>
          </cell>
          <cell r="BJ257">
            <v>4649</v>
          </cell>
          <cell r="BN257" t="str">
            <v>物</v>
          </cell>
          <cell r="BO257">
            <v>44</v>
          </cell>
          <cell r="BS257">
            <v>1650000</v>
          </cell>
          <cell r="BT257">
            <v>1500000</v>
          </cell>
          <cell r="BU257">
            <v>1</v>
          </cell>
          <cell r="BV257" t="str">
            <v/>
          </cell>
          <cell r="CD257" t="str">
            <v/>
          </cell>
          <cell r="CH257">
            <v>-121</v>
          </cell>
          <cell r="CI257">
            <v>44130</v>
          </cell>
          <cell r="CP257">
            <v>90728</v>
          </cell>
          <cell r="CW257" t="str">
            <v/>
          </cell>
          <cell r="CX257" t="str">
            <v/>
          </cell>
          <cell r="CY257" t="str">
            <v/>
          </cell>
          <cell r="CZ257" t="str">
            <v/>
          </cell>
          <cell r="DA257">
            <v>44137</v>
          </cell>
          <cell r="DB257">
            <v>44140</v>
          </cell>
          <cell r="DD257" t="str">
            <v/>
          </cell>
          <cell r="DL257">
            <v>11478</v>
          </cell>
          <cell r="DM257">
            <v>11182</v>
          </cell>
          <cell r="DN257">
            <v>11227</v>
          </cell>
          <cell r="DO257">
            <v>10182</v>
          </cell>
          <cell r="DP257">
            <v>10990</v>
          </cell>
          <cell r="DQ257">
            <v>10547</v>
          </cell>
          <cell r="DR257">
            <v>10276</v>
          </cell>
          <cell r="DS257">
            <v>11898</v>
          </cell>
          <cell r="DT257">
            <v>11411</v>
          </cell>
          <cell r="DU257">
            <v>12478</v>
          </cell>
          <cell r="DV257">
            <v>12608</v>
          </cell>
          <cell r="DW257">
            <v>10793</v>
          </cell>
          <cell r="EZ257">
            <v>12</v>
          </cell>
          <cell r="FA257">
            <v>6</v>
          </cell>
          <cell r="FI257">
            <v>5</v>
          </cell>
          <cell r="FJ257" t="str">
            <v>指名競争入札（簡易認証）</v>
          </cell>
          <cell r="FN257">
            <v>4</v>
          </cell>
          <cell r="FO257" t="str">
            <v>電子入札</v>
          </cell>
          <cell r="FS257">
            <v>3</v>
          </cell>
          <cell r="FT257" t="str">
            <v/>
          </cell>
          <cell r="FU257" t="str">
            <v/>
          </cell>
          <cell r="FW257" t="str">
            <v/>
          </cell>
          <cell r="FY257" t="str">
            <v/>
          </cell>
          <cell r="GD257">
            <v>1</v>
          </cell>
          <cell r="GE257" t="str">
            <v>契約・検査課長　松本　嘉博</v>
          </cell>
          <cell r="GF257">
            <v>10793</v>
          </cell>
          <cell r="GG257" t="str">
            <v>(株)大塚商会</v>
          </cell>
          <cell r="GH257">
            <v>1650000</v>
          </cell>
          <cell r="GI257">
            <v>150000</v>
          </cell>
          <cell r="GJ257" t="str">
            <v/>
          </cell>
          <cell r="GT257" t="str">
            <v/>
          </cell>
          <cell r="GW257" t="str">
            <v/>
          </cell>
          <cell r="HO257" t="str">
            <v/>
          </cell>
          <cell r="HP257" t="str">
            <v>-</v>
          </cell>
          <cell r="HQ257">
            <v>1944000</v>
          </cell>
          <cell r="HR257">
            <v>1980000</v>
          </cell>
          <cell r="HS257" t="str">
            <v>-</v>
          </cell>
          <cell r="HT257" t="str">
            <v>-</v>
          </cell>
          <cell r="HU257" t="str">
            <v>-</v>
          </cell>
          <cell r="HV257" t="str">
            <v>-</v>
          </cell>
          <cell r="HW257" t="str">
            <v>-</v>
          </cell>
          <cell r="HX257" t="str">
            <v>-</v>
          </cell>
          <cell r="HY257" t="str">
            <v>-</v>
          </cell>
          <cell r="HZ257">
            <v>2250000</v>
          </cell>
          <cell r="IA257">
            <v>1500000</v>
          </cell>
          <cell r="JD257" t="str">
            <v/>
          </cell>
          <cell r="JE257" t="str">
            <v/>
          </cell>
          <cell r="JF257" t="str">
            <v/>
          </cell>
          <cell r="JG257" t="str">
            <v/>
          </cell>
          <cell r="JH257" t="str">
            <v/>
          </cell>
          <cell r="JI257" t="str">
            <v/>
          </cell>
          <cell r="JJ257" t="str">
            <v/>
          </cell>
          <cell r="JK257" t="str">
            <v/>
          </cell>
          <cell r="JL257" t="str">
            <v/>
          </cell>
          <cell r="JM257" t="str">
            <v/>
          </cell>
          <cell r="JN257" t="str">
            <v/>
          </cell>
          <cell r="JO257" t="str">
            <v/>
          </cell>
          <cell r="JP257">
            <v>44</v>
          </cell>
          <cell r="JQ257">
            <v>44</v>
          </cell>
          <cell r="JR257" t="str">
            <v/>
          </cell>
          <cell r="JS257" t="str">
            <v/>
          </cell>
          <cell r="JT257" t="str">
            <v/>
          </cell>
          <cell r="JU257" t="str">
            <v/>
          </cell>
          <cell r="JV257" t="str">
            <v/>
          </cell>
          <cell r="JW257" t="str">
            <v/>
          </cell>
          <cell r="JX257" t="str">
            <v/>
          </cell>
          <cell r="JY257" t="str">
            <v/>
          </cell>
          <cell r="JZ257">
            <v>0.99999999999999989</v>
          </cell>
        </row>
        <row r="258">
          <cell r="C258" t="str">
            <v/>
          </cell>
          <cell r="D258" t="str">
            <v/>
          </cell>
          <cell r="E258" t="str">
            <v/>
          </cell>
          <cell r="I258">
            <v>250</v>
          </cell>
          <cell r="M258" t="str">
            <v>令和２年度（仮称）今池緑地整備工事</v>
          </cell>
          <cell r="Q258" t="str">
            <v>今池緑地整備</v>
          </cell>
          <cell r="Y258">
            <v>1</v>
          </cell>
          <cell r="AC258">
            <v>2</v>
          </cell>
          <cell r="AI258" t="str">
            <v>伊丹市千僧一丁目３９番の１</v>
          </cell>
          <cell r="AM258" t="str">
            <v>基盤整備工一式　ため池整備工一式　植栽工一式　施設整備工一式
付帯工一式　仮設工一式</v>
          </cell>
          <cell r="AQ258">
            <v>9</v>
          </cell>
          <cell r="AU258">
            <v>1</v>
          </cell>
          <cell r="AY258">
            <v>44154</v>
          </cell>
          <cell r="AZ258">
            <v>44160</v>
          </cell>
          <cell r="BA258">
            <v>280</v>
          </cell>
          <cell r="BB258">
            <v>44439</v>
          </cell>
          <cell r="BC258">
            <v>16</v>
          </cell>
          <cell r="BD258" t="str">
            <v>○</v>
          </cell>
          <cell r="BE258" t="str">
            <v>○</v>
          </cell>
          <cell r="BF258">
            <v>0.41736111111111113</v>
          </cell>
          <cell r="BG258">
            <v>7194</v>
          </cell>
          <cell r="BH258" t="str">
            <v>椋田　佑也</v>
          </cell>
          <cell r="BI258" t="str">
            <v>新庁舎等整備室</v>
          </cell>
          <cell r="BJ258">
            <v>4558</v>
          </cell>
          <cell r="BN258" t="str">
            <v>他</v>
          </cell>
          <cell r="BO258">
            <v>77</v>
          </cell>
          <cell r="BS258">
            <v>88918500</v>
          </cell>
          <cell r="BT258">
            <v>80830000</v>
          </cell>
          <cell r="BU258">
            <v>1</v>
          </cell>
          <cell r="BV258">
            <v>71870000</v>
          </cell>
          <cell r="BW258">
            <v>44677000</v>
          </cell>
          <cell r="BX258">
            <v>6540000</v>
          </cell>
          <cell r="BY258">
            <v>18176000</v>
          </cell>
          <cell r="BZ258">
            <v>11442000</v>
          </cell>
          <cell r="CH258">
            <v>119</v>
          </cell>
          <cell r="CI258">
            <v>44131</v>
          </cell>
          <cell r="CJ258" t="str">
            <v>特定</v>
          </cell>
          <cell r="CK258" t="str">
            <v>尼崎市、西宮市、芦屋市、宝塚市、川西市、伊丹市内に本店を有すること。又は伊丹市内に支店</v>
          </cell>
          <cell r="CL258" t="str">
            <v>伊丹市内に本店を有する者においては690点以上、伊丹市内に支店を有する者においては900点以上、その他の者においては1,100点以上</v>
          </cell>
          <cell r="CP258">
            <v>68155</v>
          </cell>
          <cell r="CT258" t="str">
            <v>請負金額が4,000万円以上(伊丹市内に本店を有する者においては2,100万円以上)</v>
          </cell>
          <cell r="CW258">
            <v>44139</v>
          </cell>
          <cell r="CX258" t="str">
            <v/>
          </cell>
          <cell r="CY258" t="str">
            <v/>
          </cell>
          <cell r="CZ258" t="str">
            <v/>
          </cell>
          <cell r="DA258">
            <v>44141</v>
          </cell>
          <cell r="DB258">
            <v>44147</v>
          </cell>
          <cell r="DC258">
            <v>20</v>
          </cell>
          <cell r="DD258" t="str">
            <v>○</v>
          </cell>
          <cell r="DL258">
            <v>411</v>
          </cell>
          <cell r="DM258">
            <v>16</v>
          </cell>
          <cell r="DN258">
            <v>235</v>
          </cell>
          <cell r="DO258">
            <v>261</v>
          </cell>
          <cell r="DP258">
            <v>2398</v>
          </cell>
          <cell r="EZ258">
            <v>5</v>
          </cell>
          <cell r="FA258">
            <v>10</v>
          </cell>
          <cell r="FI258">
            <v>4</v>
          </cell>
          <cell r="FJ258" t="str">
            <v>事後審査型一般競争入札</v>
          </cell>
          <cell r="FN258">
            <v>4</v>
          </cell>
          <cell r="FO258" t="str">
            <v>電子入札</v>
          </cell>
          <cell r="FS258">
            <v>1</v>
          </cell>
          <cell r="FT258" t="str">
            <v/>
          </cell>
          <cell r="FU258" t="str">
            <v/>
          </cell>
          <cell r="FW258">
            <v>1</v>
          </cell>
          <cell r="FY258" t="str">
            <v>未</v>
          </cell>
          <cell r="GB258">
            <v>1</v>
          </cell>
          <cell r="GD258">
            <v>1</v>
          </cell>
          <cell r="GE258" t="str">
            <v>契約・検査課長　松本　嘉博</v>
          </cell>
          <cell r="GF258">
            <v>411</v>
          </cell>
          <cell r="GG258" t="str">
            <v>(株)宮本商店</v>
          </cell>
          <cell r="GH258">
            <v>79068000</v>
          </cell>
          <cell r="GI258">
            <v>7188000</v>
          </cell>
          <cell r="GJ258">
            <v>7907000</v>
          </cell>
          <cell r="GL258" t="str">
            <v>１級土木施工管理技士</v>
          </cell>
          <cell r="GM258" t="str">
            <v>伊藤　昭一</v>
          </cell>
          <cell r="GN258" t="str">
            <v>１級土木施工管理技士</v>
          </cell>
          <cell r="GO258" t="str">
            <v>伊藤　昭一</v>
          </cell>
          <cell r="GT258" t="str">
            <v>要</v>
          </cell>
          <cell r="GW258" t="str">
            <v/>
          </cell>
          <cell r="HO258" t="str">
            <v/>
          </cell>
          <cell r="HP258">
            <v>71880000</v>
          </cell>
          <cell r="HQ258">
            <v>80000000</v>
          </cell>
          <cell r="HR258" t="str">
            <v>-</v>
          </cell>
          <cell r="HS258" t="str">
            <v>-</v>
          </cell>
          <cell r="HT258" t="str">
            <v>-</v>
          </cell>
          <cell r="JD258" t="str">
            <v/>
          </cell>
          <cell r="JE258" t="str">
            <v/>
          </cell>
          <cell r="JF258" t="str">
            <v/>
          </cell>
          <cell r="JG258" t="str">
            <v/>
          </cell>
          <cell r="JH258" t="str">
            <v/>
          </cell>
          <cell r="JI258" t="str">
            <v/>
          </cell>
          <cell r="JJ258" t="str">
            <v/>
          </cell>
          <cell r="JK258" t="str">
            <v/>
          </cell>
          <cell r="JL258" t="str">
            <v/>
          </cell>
          <cell r="JM258" t="str">
            <v/>
          </cell>
          <cell r="JN258" t="str">
            <v/>
          </cell>
          <cell r="JO258" t="str">
            <v/>
          </cell>
          <cell r="JP258" t="str">
            <v/>
          </cell>
          <cell r="JQ258" t="str">
            <v/>
          </cell>
          <cell r="JR258" t="str">
            <v/>
          </cell>
          <cell r="JS258" t="str">
            <v/>
          </cell>
          <cell r="JT258" t="str">
            <v/>
          </cell>
          <cell r="JU258" t="str">
            <v/>
          </cell>
          <cell r="JV258" t="str">
            <v/>
          </cell>
          <cell r="JW258" t="str">
            <v/>
          </cell>
          <cell r="JX258">
            <v>77</v>
          </cell>
          <cell r="JY258">
            <v>75</v>
          </cell>
          <cell r="JZ258">
            <v>0.88927378448595817</v>
          </cell>
        </row>
        <row r="259">
          <cell r="C259" t="str">
            <v/>
          </cell>
          <cell r="D259" t="str">
            <v/>
          </cell>
          <cell r="E259" t="str">
            <v/>
          </cell>
          <cell r="I259">
            <v>251</v>
          </cell>
          <cell r="M259" t="str">
            <v>令和２年度みやのまえ文化の郷整備工事監理委託業務</v>
          </cell>
          <cell r="Q259" t="str">
            <v>みやのまえ監理</v>
          </cell>
          <cell r="Y259">
            <v>1</v>
          </cell>
          <cell r="AC259">
            <v>8</v>
          </cell>
          <cell r="AD259">
            <v>13</v>
          </cell>
          <cell r="AI259" t="str">
            <v>伊丹市宮ノ前２丁目５番２０号、２８号</v>
          </cell>
          <cell r="AQ259">
            <v>1</v>
          </cell>
          <cell r="AY259">
            <v>44162</v>
          </cell>
          <cell r="AZ259">
            <v>44165</v>
          </cell>
          <cell r="BA259">
            <v>487</v>
          </cell>
          <cell r="BB259">
            <v>44651</v>
          </cell>
          <cell r="BC259" t="str">
            <v/>
          </cell>
          <cell r="BD259" t="str">
            <v/>
          </cell>
          <cell r="BE259" t="str">
            <v/>
          </cell>
          <cell r="BF259">
            <v>0.41805555555555557</v>
          </cell>
          <cell r="BG259">
            <v>6448</v>
          </cell>
          <cell r="BH259" t="str">
            <v>村上  進</v>
          </cell>
          <cell r="BI259" t="str">
            <v>営繕課</v>
          </cell>
          <cell r="BJ259">
            <v>4326</v>
          </cell>
          <cell r="BN259" t="str">
            <v>建設</v>
          </cell>
          <cell r="BO259">
            <v>16</v>
          </cell>
          <cell r="BS259">
            <v>26477000</v>
          </cell>
          <cell r="BT259">
            <v>24070000</v>
          </cell>
          <cell r="BU259" t="str">
            <v/>
          </cell>
          <cell r="BV259" t="str">
            <v/>
          </cell>
          <cell r="CD259">
            <v>44140</v>
          </cell>
          <cell r="CH259">
            <v>-122</v>
          </cell>
          <cell r="CI259">
            <v>44145</v>
          </cell>
          <cell r="CP259">
            <v>54605</v>
          </cell>
          <cell r="CW259" t="str">
            <v/>
          </cell>
          <cell r="CX259" t="str">
            <v/>
          </cell>
          <cell r="CY259" t="str">
            <v/>
          </cell>
          <cell r="CZ259" t="str">
            <v/>
          </cell>
          <cell r="DA259">
            <v>44153</v>
          </cell>
          <cell r="DB259">
            <v>44159</v>
          </cell>
          <cell r="DD259" t="str">
            <v/>
          </cell>
          <cell r="EZ259" t="str">
            <v/>
          </cell>
          <cell r="FA259">
            <v>8</v>
          </cell>
          <cell r="FI259">
            <v>3</v>
          </cell>
          <cell r="FJ259" t="str">
            <v>随意契約</v>
          </cell>
          <cell r="FN259">
            <v>4</v>
          </cell>
          <cell r="FO259" t="str">
            <v>電子入札</v>
          </cell>
          <cell r="FS259">
            <v>2</v>
          </cell>
          <cell r="FT259" t="str">
            <v/>
          </cell>
          <cell r="FU259" t="str">
            <v/>
          </cell>
          <cell r="FW259" t="str">
            <v/>
          </cell>
          <cell r="FY259" t="str">
            <v/>
          </cell>
          <cell r="GD259">
            <v>1</v>
          </cell>
          <cell r="GE259" t="str">
            <v>契約・検査課長　松本　嘉博</v>
          </cell>
          <cell r="GG259" t="str">
            <v>坂倉・平田・新日本設計共同体</v>
          </cell>
          <cell r="GH259">
            <v>26400000</v>
          </cell>
          <cell r="GI259">
            <v>2400000</v>
          </cell>
          <cell r="GJ259">
            <v>2640000</v>
          </cell>
          <cell r="GL259" t="str">
            <v>一級建築士</v>
          </cell>
          <cell r="GM259" t="str">
            <v>村上　敏郎</v>
          </cell>
          <cell r="GN259" t="str">
            <v>一級建築士</v>
          </cell>
          <cell r="GO259" t="str">
            <v>宍道　弘志</v>
          </cell>
          <cell r="GT259" t="str">
            <v>要</v>
          </cell>
          <cell r="GW259" t="str">
            <v/>
          </cell>
          <cell r="HO259" t="str">
            <v/>
          </cell>
          <cell r="JD259" t="str">
            <v/>
          </cell>
          <cell r="JE259" t="str">
            <v/>
          </cell>
          <cell r="JF259" t="str">
            <v/>
          </cell>
          <cell r="JG259" t="str">
            <v/>
          </cell>
          <cell r="JH259" t="str">
            <v/>
          </cell>
          <cell r="JI259" t="str">
            <v/>
          </cell>
          <cell r="JJ259" t="str">
            <v/>
          </cell>
          <cell r="JK259" t="str">
            <v/>
          </cell>
          <cell r="JL259" t="str">
            <v/>
          </cell>
          <cell r="JM259" t="str">
            <v/>
          </cell>
          <cell r="JN259" t="str">
            <v/>
          </cell>
          <cell r="JO259" t="str">
            <v/>
          </cell>
          <cell r="JP259" t="str">
            <v/>
          </cell>
          <cell r="JQ259" t="str">
            <v/>
          </cell>
          <cell r="JR259" t="str">
            <v/>
          </cell>
          <cell r="JS259" t="str">
            <v/>
          </cell>
          <cell r="JT259">
            <v>16</v>
          </cell>
          <cell r="JU259">
            <v>16</v>
          </cell>
          <cell r="JV259" t="str">
            <v/>
          </cell>
          <cell r="JW259" t="str">
            <v/>
          </cell>
          <cell r="JX259" t="str">
            <v/>
          </cell>
          <cell r="JY259" t="str">
            <v/>
          </cell>
          <cell r="JZ259">
            <v>0.99709181553801396</v>
          </cell>
        </row>
        <row r="260">
          <cell r="C260" t="str">
            <v/>
          </cell>
          <cell r="D260" t="str">
            <v/>
          </cell>
          <cell r="E260" t="str">
            <v/>
          </cell>
          <cell r="I260">
            <v>252</v>
          </cell>
          <cell r="M260" t="str">
            <v>令和２年度小・中・高等学校児童生徒用机・椅子購入（単価契約総価落札方式）</v>
          </cell>
          <cell r="Q260" t="str">
            <v>机・椅子単価</v>
          </cell>
          <cell r="Y260">
            <v>1</v>
          </cell>
          <cell r="AC260">
            <v>8</v>
          </cell>
          <cell r="AD260">
            <v>2</v>
          </cell>
          <cell r="AF260">
            <v>1</v>
          </cell>
          <cell r="AI260" t="str">
            <v>伊丹市船原１丁目１番１号伊丹市立伊丹小学校他２３校</v>
          </cell>
          <cell r="AQ260">
            <v>1</v>
          </cell>
          <cell r="AY260">
            <v>44225</v>
          </cell>
          <cell r="AZ260">
            <v>44225</v>
          </cell>
          <cell r="BA260">
            <v>62</v>
          </cell>
          <cell r="BB260">
            <v>44286</v>
          </cell>
          <cell r="BC260" t="str">
            <v/>
          </cell>
          <cell r="BD260" t="str">
            <v/>
          </cell>
          <cell r="BE260" t="str">
            <v/>
          </cell>
          <cell r="BF260">
            <v>0.58402777777777781</v>
          </cell>
          <cell r="BG260">
            <v>7753</v>
          </cell>
          <cell r="BH260" t="str">
            <v>新垣　卓也</v>
          </cell>
          <cell r="BI260" t="str">
            <v>教育政策課</v>
          </cell>
          <cell r="BJ260">
            <v>4774</v>
          </cell>
          <cell r="BN260" t="str">
            <v>物</v>
          </cell>
          <cell r="BO260">
            <v>45</v>
          </cell>
          <cell r="BS260">
            <v>7571630</v>
          </cell>
          <cell r="BT260">
            <v>6880000</v>
          </cell>
          <cell r="BU260">
            <v>1</v>
          </cell>
          <cell r="BV260" t="str">
            <v/>
          </cell>
          <cell r="CD260" t="str">
            <v/>
          </cell>
          <cell r="CH260">
            <v>-123</v>
          </cell>
          <cell r="CI260">
            <v>44208</v>
          </cell>
          <cell r="CP260">
            <v>17876</v>
          </cell>
          <cell r="CW260" t="str">
            <v/>
          </cell>
          <cell r="CX260" t="str">
            <v/>
          </cell>
          <cell r="CY260" t="str">
            <v/>
          </cell>
          <cell r="CZ260" t="str">
            <v/>
          </cell>
          <cell r="DA260">
            <v>44215</v>
          </cell>
          <cell r="DB260">
            <v>44217</v>
          </cell>
          <cell r="DD260" t="str">
            <v/>
          </cell>
          <cell r="DL260">
            <v>10249</v>
          </cell>
          <cell r="DM260">
            <v>11381</v>
          </cell>
          <cell r="DN260">
            <v>10655</v>
          </cell>
          <cell r="DO260">
            <v>10257</v>
          </cell>
          <cell r="DP260">
            <v>11844</v>
          </cell>
          <cell r="DQ260">
            <v>11134</v>
          </cell>
          <cell r="DR260">
            <v>10556</v>
          </cell>
          <cell r="DS260">
            <v>10712</v>
          </cell>
          <cell r="DT260">
            <v>11108</v>
          </cell>
          <cell r="EZ260">
            <v>9</v>
          </cell>
          <cell r="FA260">
            <v>8</v>
          </cell>
          <cell r="FI260">
            <v>5</v>
          </cell>
          <cell r="FJ260" t="str">
            <v>指名競争入札（簡易認証）</v>
          </cell>
          <cell r="FN260">
            <v>4</v>
          </cell>
          <cell r="FO260" t="str">
            <v>電子入札</v>
          </cell>
          <cell r="FS260">
            <v>3</v>
          </cell>
          <cell r="FT260">
            <v>1</v>
          </cell>
          <cell r="FU260" t="str">
            <v/>
          </cell>
          <cell r="FW260" t="str">
            <v/>
          </cell>
          <cell r="FY260" t="str">
            <v/>
          </cell>
          <cell r="GC260">
            <v>1</v>
          </cell>
          <cell r="GD260">
            <v>1</v>
          </cell>
          <cell r="GE260" t="str">
            <v>契約・検査課長　松本　嘉博</v>
          </cell>
          <cell r="GF260">
            <v>11381</v>
          </cell>
          <cell r="GG260" t="str">
            <v>(株)ナミサキ</v>
          </cell>
          <cell r="GH260">
            <v>7130695</v>
          </cell>
          <cell r="GI260" t="str">
            <v/>
          </cell>
          <cell r="GJ260">
            <v>714000</v>
          </cell>
          <cell r="GT260" t="str">
            <v/>
          </cell>
          <cell r="GW260" t="str">
            <v/>
          </cell>
          <cell r="HO260" t="str">
            <v/>
          </cell>
          <cell r="HP260">
            <v>6681600</v>
          </cell>
          <cell r="HQ260">
            <v>6482450</v>
          </cell>
          <cell r="HR260">
            <v>8610500</v>
          </cell>
          <cell r="HS260" t="str">
            <v>-</v>
          </cell>
          <cell r="HT260" t="str">
            <v>-</v>
          </cell>
          <cell r="HU260" t="str">
            <v>-</v>
          </cell>
          <cell r="HV260" t="str">
            <v>-</v>
          </cell>
          <cell r="HW260">
            <v>9032170</v>
          </cell>
          <cell r="HX260" t="str">
            <v>-</v>
          </cell>
          <cell r="JD260" t="str">
            <v/>
          </cell>
          <cell r="JE260" t="str">
            <v/>
          </cell>
          <cell r="JF260" t="str">
            <v/>
          </cell>
          <cell r="JG260" t="str">
            <v/>
          </cell>
          <cell r="JH260" t="str">
            <v/>
          </cell>
          <cell r="JI260" t="str">
            <v/>
          </cell>
          <cell r="JJ260" t="str">
            <v/>
          </cell>
          <cell r="JK260" t="str">
            <v/>
          </cell>
          <cell r="JL260" t="str">
            <v/>
          </cell>
          <cell r="JM260" t="str">
            <v/>
          </cell>
          <cell r="JN260" t="str">
            <v/>
          </cell>
          <cell r="JO260" t="str">
            <v/>
          </cell>
          <cell r="JP260">
            <v>45</v>
          </cell>
          <cell r="JQ260">
            <v>45</v>
          </cell>
          <cell r="JR260" t="str">
            <v/>
          </cell>
          <cell r="JS260" t="str">
            <v/>
          </cell>
          <cell r="JT260" t="str">
            <v/>
          </cell>
          <cell r="JU260" t="str">
            <v/>
          </cell>
          <cell r="JV260" t="str">
            <v/>
          </cell>
          <cell r="JW260" t="str">
            <v/>
          </cell>
          <cell r="JX260" t="str">
            <v/>
          </cell>
          <cell r="JY260" t="str">
            <v/>
          </cell>
          <cell r="JZ260" t="str">
            <v/>
          </cell>
        </row>
        <row r="261">
          <cell r="C261" t="str">
            <v/>
          </cell>
          <cell r="D261" t="str">
            <v/>
          </cell>
          <cell r="E261" t="str">
            <v/>
          </cell>
          <cell r="I261">
            <v>253</v>
          </cell>
          <cell r="M261" t="str">
            <v>令和２年度小・中学校折りたたみパイプイス購入（単価契約）</v>
          </cell>
          <cell r="Q261" t="str">
            <v>パイプイス単</v>
          </cell>
          <cell r="Y261">
            <v>1</v>
          </cell>
          <cell r="AC261">
            <v>8</v>
          </cell>
          <cell r="AD261">
            <v>2</v>
          </cell>
          <cell r="AI261" t="str">
            <v>伊丹市伊丹７丁目１番１号伊丹市立有岡小学校他８校</v>
          </cell>
          <cell r="AQ261">
            <v>1</v>
          </cell>
          <cell r="AY261">
            <v>44229</v>
          </cell>
          <cell r="AZ261">
            <v>44230</v>
          </cell>
          <cell r="BA261">
            <v>57</v>
          </cell>
          <cell r="BB261">
            <v>44286</v>
          </cell>
          <cell r="BC261" t="str">
            <v/>
          </cell>
          <cell r="BD261" t="str">
            <v/>
          </cell>
          <cell r="BE261" t="str">
            <v/>
          </cell>
          <cell r="BF261">
            <v>0.41736111111111113</v>
          </cell>
          <cell r="BG261">
            <v>7753</v>
          </cell>
          <cell r="BH261" t="str">
            <v>新垣　卓也</v>
          </cell>
          <cell r="BI261" t="str">
            <v>教育政策課</v>
          </cell>
          <cell r="BJ261">
            <v>4774</v>
          </cell>
          <cell r="BN261" t="str">
            <v>物</v>
          </cell>
          <cell r="BO261">
            <v>46</v>
          </cell>
          <cell r="BS261">
            <v>4180</v>
          </cell>
          <cell r="BT261">
            <v>3800</v>
          </cell>
          <cell r="BU261">
            <v>1</v>
          </cell>
          <cell r="BV261" t="str">
            <v/>
          </cell>
          <cell r="CD261" t="str">
            <v/>
          </cell>
          <cell r="CH261">
            <v>-124</v>
          </cell>
          <cell r="CI261">
            <v>44210</v>
          </cell>
          <cell r="CP261">
            <v>62808</v>
          </cell>
          <cell r="CW261" t="str">
            <v/>
          </cell>
          <cell r="CX261" t="str">
            <v/>
          </cell>
          <cell r="CY261" t="str">
            <v/>
          </cell>
          <cell r="CZ261" t="str">
            <v/>
          </cell>
          <cell r="DA261">
            <v>44217</v>
          </cell>
          <cell r="DB261">
            <v>44221</v>
          </cell>
          <cell r="DD261" t="str">
            <v/>
          </cell>
          <cell r="DL261">
            <v>10249</v>
          </cell>
          <cell r="DM261">
            <v>11381</v>
          </cell>
          <cell r="DN261">
            <v>10655</v>
          </cell>
          <cell r="DO261">
            <v>10257</v>
          </cell>
          <cell r="DP261">
            <v>11844</v>
          </cell>
          <cell r="DQ261">
            <v>11134</v>
          </cell>
          <cell r="DR261">
            <v>10556</v>
          </cell>
          <cell r="DS261">
            <v>10712</v>
          </cell>
          <cell r="DT261">
            <v>11385</v>
          </cell>
          <cell r="DU261">
            <v>11108</v>
          </cell>
          <cell r="DV261">
            <v>11334</v>
          </cell>
          <cell r="EZ261">
            <v>11</v>
          </cell>
          <cell r="FA261">
            <v>6</v>
          </cell>
          <cell r="FE261">
            <v>1299980</v>
          </cell>
          <cell r="FI261">
            <v>5</v>
          </cell>
          <cell r="FJ261" t="str">
            <v>指名競争入札（簡易認証）</v>
          </cell>
          <cell r="FN261">
            <v>4</v>
          </cell>
          <cell r="FO261" t="str">
            <v>電子入札</v>
          </cell>
          <cell r="FS261">
            <v>3</v>
          </cell>
          <cell r="FT261">
            <v>1</v>
          </cell>
          <cell r="FU261" t="str">
            <v/>
          </cell>
          <cell r="FW261" t="str">
            <v/>
          </cell>
          <cell r="FY261" t="str">
            <v/>
          </cell>
          <cell r="GD261">
            <v>1</v>
          </cell>
          <cell r="GE261" t="str">
            <v>契約・検査課長　松本　嘉博</v>
          </cell>
          <cell r="GF261">
            <v>10249</v>
          </cell>
          <cell r="GG261" t="str">
            <v>(有)九十屋</v>
          </cell>
          <cell r="GH261">
            <v>3360</v>
          </cell>
          <cell r="GI261" t="str">
            <v/>
          </cell>
          <cell r="GJ261" t="str">
            <v/>
          </cell>
          <cell r="GT261" t="str">
            <v/>
          </cell>
          <cell r="GW261" t="str">
            <v/>
          </cell>
          <cell r="HO261" t="str">
            <v/>
          </cell>
          <cell r="HP261">
            <v>3360</v>
          </cell>
          <cell r="HQ261">
            <v>3600</v>
          </cell>
          <cell r="HR261">
            <v>1244000</v>
          </cell>
          <cell r="HS261" t="str">
            <v>-</v>
          </cell>
          <cell r="HT261" t="str">
            <v>-</v>
          </cell>
          <cell r="HU261" t="str">
            <v>-</v>
          </cell>
          <cell r="HV261" t="str">
            <v>-</v>
          </cell>
          <cell r="HW261">
            <v>4100</v>
          </cell>
          <cell r="HX261" t="str">
            <v>-</v>
          </cell>
          <cell r="HY261">
            <v>5250</v>
          </cell>
          <cell r="HZ261" t="str">
            <v>-</v>
          </cell>
          <cell r="JD261" t="str">
            <v/>
          </cell>
          <cell r="JE261" t="str">
            <v/>
          </cell>
          <cell r="JF261" t="str">
            <v/>
          </cell>
          <cell r="JG261" t="str">
            <v/>
          </cell>
          <cell r="JH261" t="str">
            <v/>
          </cell>
          <cell r="JI261" t="str">
            <v/>
          </cell>
          <cell r="JJ261" t="str">
            <v/>
          </cell>
          <cell r="JK261" t="str">
            <v/>
          </cell>
          <cell r="JL261" t="str">
            <v/>
          </cell>
          <cell r="JM261" t="str">
            <v/>
          </cell>
          <cell r="JN261" t="str">
            <v/>
          </cell>
          <cell r="JO261" t="str">
            <v/>
          </cell>
          <cell r="JP261">
            <v>46</v>
          </cell>
          <cell r="JQ261">
            <v>46</v>
          </cell>
          <cell r="JR261" t="str">
            <v/>
          </cell>
          <cell r="JS261" t="str">
            <v/>
          </cell>
          <cell r="JT261" t="str">
            <v/>
          </cell>
          <cell r="JU261" t="str">
            <v/>
          </cell>
          <cell r="JV261" t="str">
            <v/>
          </cell>
          <cell r="JW261" t="str">
            <v/>
          </cell>
          <cell r="JX261" t="str">
            <v/>
          </cell>
          <cell r="JY261" t="str">
            <v/>
          </cell>
          <cell r="JZ261" t="str">
            <v/>
          </cell>
        </row>
        <row r="262">
          <cell r="C262" t="str">
            <v/>
          </cell>
          <cell r="D262" t="str">
            <v/>
          </cell>
          <cell r="E262" t="str">
            <v/>
          </cell>
          <cell r="I262">
            <v>254</v>
          </cell>
          <cell r="M262" t="str">
            <v>令和２年度みやのまえ文化の郷展示製作委託業務</v>
          </cell>
          <cell r="Q262" t="str">
            <v>展示製作委託</v>
          </cell>
          <cell r="Y262">
            <v>1</v>
          </cell>
          <cell r="AC262">
            <v>8</v>
          </cell>
          <cell r="AD262">
            <v>8</v>
          </cell>
          <cell r="AI262" t="str">
            <v>伊丹市宮ノ前２丁目５番２０号、２８号</v>
          </cell>
          <cell r="AQ262">
            <v>1</v>
          </cell>
          <cell r="AY262">
            <v>44162</v>
          </cell>
          <cell r="AZ262">
            <v>44165</v>
          </cell>
          <cell r="BA262">
            <v>487</v>
          </cell>
          <cell r="BB262">
            <v>44651</v>
          </cell>
          <cell r="BC262" t="str">
            <v/>
          </cell>
          <cell r="BD262" t="str">
            <v/>
          </cell>
          <cell r="BE262" t="str">
            <v/>
          </cell>
          <cell r="BF262">
            <v>0.41736111111111113</v>
          </cell>
          <cell r="BG262">
            <v>6448</v>
          </cell>
          <cell r="BH262" t="str">
            <v>村上  進</v>
          </cell>
          <cell r="BI262" t="str">
            <v>営繕課</v>
          </cell>
          <cell r="BJ262">
            <v>4326</v>
          </cell>
          <cell r="BN262" t="str">
            <v>他</v>
          </cell>
          <cell r="BO262">
            <v>81</v>
          </cell>
          <cell r="BS262">
            <v>237490000</v>
          </cell>
          <cell r="BT262">
            <v>215900000</v>
          </cell>
          <cell r="BU262" t="str">
            <v/>
          </cell>
          <cell r="BV262" t="str">
            <v/>
          </cell>
          <cell r="CH262">
            <v>-125</v>
          </cell>
          <cell r="CI262">
            <v>44144</v>
          </cell>
          <cell r="CP262">
            <v>67375</v>
          </cell>
          <cell r="CW262" t="str">
            <v/>
          </cell>
          <cell r="CX262" t="str">
            <v/>
          </cell>
          <cell r="CY262" t="str">
            <v/>
          </cell>
          <cell r="CZ262" t="str">
            <v/>
          </cell>
          <cell r="DA262">
            <v>44151</v>
          </cell>
          <cell r="DB262">
            <v>44155</v>
          </cell>
          <cell r="DD262" t="str">
            <v/>
          </cell>
          <cell r="DL262">
            <v>11473</v>
          </cell>
          <cell r="DM262">
            <v>10473</v>
          </cell>
          <cell r="DN262">
            <v>12755</v>
          </cell>
          <cell r="DO262">
            <v>11137</v>
          </cell>
          <cell r="DP262">
            <v>12457</v>
          </cell>
          <cell r="EZ262">
            <v>5</v>
          </cell>
          <cell r="FA262">
            <v>10</v>
          </cell>
          <cell r="FI262">
            <v>5</v>
          </cell>
          <cell r="FJ262" t="str">
            <v>指名競争入札（簡易認証）</v>
          </cell>
          <cell r="FN262">
            <v>4</v>
          </cell>
          <cell r="FO262" t="str">
            <v>電子入札</v>
          </cell>
          <cell r="FS262">
            <v>5</v>
          </cell>
          <cell r="FT262" t="str">
            <v/>
          </cell>
          <cell r="FU262" t="str">
            <v/>
          </cell>
          <cell r="FW262" t="str">
            <v/>
          </cell>
          <cell r="FY262" t="str">
            <v/>
          </cell>
          <cell r="GD262">
            <v>1</v>
          </cell>
          <cell r="GE262" t="str">
            <v>契約・検査課長　松本　嘉博</v>
          </cell>
          <cell r="GF262">
            <v>10473</v>
          </cell>
          <cell r="GG262" t="str">
            <v>(株)丹青社</v>
          </cell>
          <cell r="GH262">
            <v>230450000</v>
          </cell>
          <cell r="GI262">
            <v>20950000</v>
          </cell>
          <cell r="GJ262">
            <v>23045000</v>
          </cell>
          <cell r="GM262" t="str">
            <v>阿部　智紀</v>
          </cell>
          <cell r="GO262" t="str">
            <v>阿部　智紀</v>
          </cell>
          <cell r="GT262" t="str">
            <v>要</v>
          </cell>
          <cell r="GW262" t="str">
            <v/>
          </cell>
          <cell r="HO262" t="str">
            <v/>
          </cell>
          <cell r="HP262">
            <v>214680000</v>
          </cell>
          <cell r="HQ262">
            <v>209500000</v>
          </cell>
          <cell r="HR262" t="str">
            <v>-</v>
          </cell>
          <cell r="HS262" t="str">
            <v>-</v>
          </cell>
          <cell r="HT262" t="str">
            <v>-</v>
          </cell>
          <cell r="JD262" t="str">
            <v/>
          </cell>
          <cell r="JE262" t="str">
            <v/>
          </cell>
          <cell r="JF262" t="str">
            <v/>
          </cell>
          <cell r="JG262" t="str">
            <v/>
          </cell>
          <cell r="JH262" t="str">
            <v/>
          </cell>
          <cell r="JI262" t="str">
            <v/>
          </cell>
          <cell r="JJ262" t="str">
            <v/>
          </cell>
          <cell r="JK262" t="str">
            <v/>
          </cell>
          <cell r="JL262" t="str">
            <v/>
          </cell>
          <cell r="JM262" t="str">
            <v/>
          </cell>
          <cell r="JN262" t="str">
            <v/>
          </cell>
          <cell r="JO262" t="str">
            <v/>
          </cell>
          <cell r="JP262" t="str">
            <v/>
          </cell>
          <cell r="JQ262" t="str">
            <v/>
          </cell>
          <cell r="JR262" t="str">
            <v/>
          </cell>
          <cell r="JS262" t="str">
            <v/>
          </cell>
          <cell r="JT262" t="str">
            <v/>
          </cell>
          <cell r="JU262" t="str">
            <v/>
          </cell>
          <cell r="JV262" t="str">
            <v/>
          </cell>
          <cell r="JW262" t="str">
            <v/>
          </cell>
          <cell r="JX262">
            <v>81</v>
          </cell>
          <cell r="JY262">
            <v>79</v>
          </cell>
          <cell r="JZ262">
            <v>0.97035664659564602</v>
          </cell>
        </row>
        <row r="263">
          <cell r="C263" t="str">
            <v/>
          </cell>
          <cell r="D263" t="str">
            <v/>
          </cell>
          <cell r="E263" t="str">
            <v/>
          </cell>
          <cell r="I263">
            <v>255</v>
          </cell>
          <cell r="M263" t="str">
            <v>令和２年度伊丹市立学校園窓ガラス清掃委託業務</v>
          </cell>
          <cell r="Q263" t="str">
            <v>窓ｶﾞﾗｽ清掃</v>
          </cell>
          <cell r="Y263">
            <v>1</v>
          </cell>
          <cell r="AC263">
            <v>8</v>
          </cell>
          <cell r="AD263">
            <v>8</v>
          </cell>
          <cell r="AI263" t="str">
            <v>伊丹市船原１丁目１番１号他３３箇所</v>
          </cell>
          <cell r="AQ263">
            <v>1</v>
          </cell>
          <cell r="AY263">
            <v>44146</v>
          </cell>
          <cell r="AZ263">
            <v>44147</v>
          </cell>
          <cell r="BA263">
            <v>140</v>
          </cell>
          <cell r="BB263">
            <v>44286</v>
          </cell>
          <cell r="BC263" t="str">
            <v/>
          </cell>
          <cell r="BD263" t="str">
            <v/>
          </cell>
          <cell r="BE263" t="str">
            <v/>
          </cell>
          <cell r="BF263">
            <v>0.41736111111111113</v>
          </cell>
          <cell r="BG263">
            <v>7799</v>
          </cell>
          <cell r="BH263" t="str">
            <v>石田　怜</v>
          </cell>
          <cell r="BI263" t="str">
            <v>施設課</v>
          </cell>
          <cell r="BJ263">
            <v>4811</v>
          </cell>
          <cell r="BN263" t="str">
            <v>他</v>
          </cell>
          <cell r="BO263">
            <v>78</v>
          </cell>
          <cell r="BS263">
            <v>1442100</v>
          </cell>
          <cell r="BT263">
            <v>1310000</v>
          </cell>
          <cell r="BU263" t="str">
            <v/>
          </cell>
          <cell r="BV263" t="str">
            <v/>
          </cell>
          <cell r="CD263" t="str">
            <v/>
          </cell>
          <cell r="CH263">
            <v>-126</v>
          </cell>
          <cell r="CI263">
            <v>44132</v>
          </cell>
          <cell r="CP263">
            <v>24561</v>
          </cell>
          <cell r="CW263" t="str">
            <v/>
          </cell>
          <cell r="CX263" t="str">
            <v/>
          </cell>
          <cell r="CY263" t="str">
            <v/>
          </cell>
          <cell r="CZ263" t="str">
            <v/>
          </cell>
          <cell r="DA263">
            <v>44139</v>
          </cell>
          <cell r="DB263">
            <v>44141</v>
          </cell>
          <cell r="DD263" t="str">
            <v/>
          </cell>
          <cell r="DL263">
            <v>11116</v>
          </cell>
          <cell r="DM263">
            <v>11438</v>
          </cell>
          <cell r="DN263">
            <v>11332</v>
          </cell>
          <cell r="DO263">
            <v>11418</v>
          </cell>
          <cell r="DP263">
            <v>11772</v>
          </cell>
          <cell r="DQ263">
            <v>12116</v>
          </cell>
          <cell r="DR263">
            <v>10949</v>
          </cell>
          <cell r="DS263">
            <v>11328</v>
          </cell>
          <cell r="DT263">
            <v>12721</v>
          </cell>
          <cell r="DU263">
            <v>10055</v>
          </cell>
          <cell r="DV263">
            <v>10087</v>
          </cell>
          <cell r="DW263">
            <v>10099</v>
          </cell>
          <cell r="DX263">
            <v>10386</v>
          </cell>
          <cell r="DY263">
            <v>10169</v>
          </cell>
          <cell r="DZ263">
            <v>10219</v>
          </cell>
          <cell r="EZ263">
            <v>15</v>
          </cell>
          <cell r="FA263">
            <v>6</v>
          </cell>
          <cell r="FI263">
            <v>5</v>
          </cell>
          <cell r="FJ263" t="str">
            <v>指名競争入札（簡易認証）</v>
          </cell>
          <cell r="FN263">
            <v>4</v>
          </cell>
          <cell r="FO263" t="str">
            <v>電子入札</v>
          </cell>
          <cell r="FS263">
            <v>5</v>
          </cell>
          <cell r="FT263" t="str">
            <v/>
          </cell>
          <cell r="FU263" t="str">
            <v/>
          </cell>
          <cell r="FW263" t="str">
            <v/>
          </cell>
          <cell r="FY263" t="str">
            <v/>
          </cell>
          <cell r="GD263">
            <v>1</v>
          </cell>
          <cell r="GE263" t="str">
            <v>契約・検査課長　松本　嘉博</v>
          </cell>
          <cell r="GF263">
            <v>11116</v>
          </cell>
          <cell r="GG263" t="str">
            <v>阪神地域開発事業(協)</v>
          </cell>
          <cell r="GH263">
            <v>1039500</v>
          </cell>
          <cell r="GI263">
            <v>94500</v>
          </cell>
          <cell r="GJ263" t="str">
            <v/>
          </cell>
          <cell r="GL263" t="str">
            <v>2級造園施工管理技士</v>
          </cell>
          <cell r="GM263" t="str">
            <v>宮腰　泰行</v>
          </cell>
          <cell r="GN263" t="str">
            <v>2級造園施工管理技士</v>
          </cell>
          <cell r="GO263" t="str">
            <v>宮腰　泰行</v>
          </cell>
          <cell r="GT263" t="str">
            <v/>
          </cell>
          <cell r="GW263" t="str">
            <v/>
          </cell>
          <cell r="HO263" t="str">
            <v/>
          </cell>
          <cell r="HP263">
            <v>945000</v>
          </cell>
          <cell r="HQ263" t="str">
            <v>-</v>
          </cell>
          <cell r="HR263" t="str">
            <v>-</v>
          </cell>
          <cell r="HS263" t="str">
            <v>-</v>
          </cell>
          <cell r="HT263" t="str">
            <v>-</v>
          </cell>
          <cell r="HU263" t="str">
            <v>-</v>
          </cell>
          <cell r="HV263" t="str">
            <v>-</v>
          </cell>
          <cell r="HW263" t="str">
            <v>-</v>
          </cell>
          <cell r="HX263">
            <v>1230000</v>
          </cell>
          <cell r="HY263" t="str">
            <v>-</v>
          </cell>
          <cell r="HZ263" t="str">
            <v>-</v>
          </cell>
          <cell r="IA263" t="str">
            <v>-</v>
          </cell>
          <cell r="IB263" t="str">
            <v>-</v>
          </cell>
          <cell r="IC263" t="str">
            <v>-</v>
          </cell>
          <cell r="ID263" t="str">
            <v>-</v>
          </cell>
          <cell r="JD263" t="str">
            <v/>
          </cell>
          <cell r="JE263" t="str">
            <v/>
          </cell>
          <cell r="JF263" t="str">
            <v/>
          </cell>
          <cell r="JG263" t="str">
            <v/>
          </cell>
          <cell r="JH263" t="str">
            <v/>
          </cell>
          <cell r="JI263" t="str">
            <v/>
          </cell>
          <cell r="JJ263" t="str">
            <v/>
          </cell>
          <cell r="JK263" t="str">
            <v/>
          </cell>
          <cell r="JL263" t="str">
            <v/>
          </cell>
          <cell r="JM263" t="str">
            <v/>
          </cell>
          <cell r="JN263" t="str">
            <v/>
          </cell>
          <cell r="JO263" t="str">
            <v/>
          </cell>
          <cell r="JP263" t="str">
            <v/>
          </cell>
          <cell r="JQ263" t="str">
            <v/>
          </cell>
          <cell r="JR263" t="str">
            <v/>
          </cell>
          <cell r="JS263" t="str">
            <v/>
          </cell>
          <cell r="JT263" t="str">
            <v/>
          </cell>
          <cell r="JU263" t="str">
            <v/>
          </cell>
          <cell r="JV263" t="str">
            <v/>
          </cell>
          <cell r="JW263" t="str">
            <v/>
          </cell>
          <cell r="JX263">
            <v>78</v>
          </cell>
          <cell r="JY263">
            <v>76</v>
          </cell>
          <cell r="JZ263">
            <v>0.72137404580152664</v>
          </cell>
        </row>
        <row r="264">
          <cell r="C264" t="str">
            <v/>
          </cell>
          <cell r="D264" t="str">
            <v/>
          </cell>
          <cell r="E264" t="str">
            <v/>
          </cell>
          <cell r="I264">
            <v>256</v>
          </cell>
          <cell r="M264" t="str">
            <v>令和２年度動画編集・配信関連機器の購入</v>
          </cell>
          <cell r="Q264" t="str">
            <v>動画編集機器</v>
          </cell>
          <cell r="Y264">
            <v>1</v>
          </cell>
          <cell r="AC264">
            <v>8</v>
          </cell>
          <cell r="AD264">
            <v>1</v>
          </cell>
          <cell r="AI264" t="str">
            <v>伊丹市千僧１丁目１番地</v>
          </cell>
          <cell r="AQ264">
            <v>1</v>
          </cell>
          <cell r="AY264">
            <v>44146</v>
          </cell>
          <cell r="AZ264">
            <v>44147</v>
          </cell>
          <cell r="BA264">
            <v>34</v>
          </cell>
          <cell r="BB264">
            <v>44180</v>
          </cell>
          <cell r="BC264" t="str">
            <v/>
          </cell>
          <cell r="BD264" t="str">
            <v/>
          </cell>
          <cell r="BE264" t="str">
            <v/>
          </cell>
          <cell r="BF264">
            <v>0.41805555555555557</v>
          </cell>
          <cell r="BG264">
            <v>6980</v>
          </cell>
          <cell r="BH264" t="str">
            <v>當眞  康嗣</v>
          </cell>
          <cell r="BI264" t="str">
            <v>情報管理課</v>
          </cell>
          <cell r="BJ264">
            <v>4493</v>
          </cell>
          <cell r="BN264" t="str">
            <v>物</v>
          </cell>
          <cell r="BO264">
            <v>48</v>
          </cell>
          <cell r="BS264">
            <v>1760365</v>
          </cell>
          <cell r="BT264">
            <v>1600000</v>
          </cell>
          <cell r="BU264">
            <v>1</v>
          </cell>
          <cell r="BV264" t="str">
            <v/>
          </cell>
          <cell r="CD264" t="str">
            <v/>
          </cell>
          <cell r="CH264">
            <v>-127</v>
          </cell>
          <cell r="CI264">
            <v>44132</v>
          </cell>
          <cell r="CP264">
            <v>84144</v>
          </cell>
          <cell r="CW264" t="str">
            <v/>
          </cell>
          <cell r="CX264" t="str">
            <v/>
          </cell>
          <cell r="CY264" t="str">
            <v/>
          </cell>
          <cell r="CZ264" t="str">
            <v/>
          </cell>
          <cell r="DA264">
            <v>44139</v>
          </cell>
          <cell r="DB264">
            <v>44141</v>
          </cell>
          <cell r="DD264" t="str">
            <v/>
          </cell>
          <cell r="DL264">
            <v>11478</v>
          </cell>
          <cell r="DM264">
            <v>11182</v>
          </cell>
          <cell r="DN264">
            <v>11227</v>
          </cell>
          <cell r="DO264">
            <v>10182</v>
          </cell>
          <cell r="DP264">
            <v>10990</v>
          </cell>
          <cell r="DQ264">
            <v>10547</v>
          </cell>
          <cell r="DR264">
            <v>10276</v>
          </cell>
          <cell r="DS264">
            <v>11898</v>
          </cell>
          <cell r="DT264">
            <v>11411</v>
          </cell>
          <cell r="DU264">
            <v>12478</v>
          </cell>
          <cell r="DV264">
            <v>12608</v>
          </cell>
          <cell r="DW264">
            <v>10793</v>
          </cell>
          <cell r="DX264">
            <v>12545</v>
          </cell>
          <cell r="EZ264">
            <v>13</v>
          </cell>
          <cell r="FA264">
            <v>6</v>
          </cell>
          <cell r="FI264">
            <v>5</v>
          </cell>
          <cell r="FJ264" t="str">
            <v>指名競争入札（簡易認証）</v>
          </cell>
          <cell r="FN264">
            <v>4</v>
          </cell>
          <cell r="FO264" t="str">
            <v>電子入札</v>
          </cell>
          <cell r="FS264">
            <v>3</v>
          </cell>
          <cell r="FT264" t="str">
            <v/>
          </cell>
          <cell r="FU264" t="str">
            <v/>
          </cell>
          <cell r="FW264" t="str">
            <v/>
          </cell>
          <cell r="FY264" t="str">
            <v/>
          </cell>
          <cell r="GD264">
            <v>1</v>
          </cell>
          <cell r="GE264" t="str">
            <v>契約・検査課長　松本　嘉博</v>
          </cell>
          <cell r="GF264">
            <v>10793</v>
          </cell>
          <cell r="GG264" t="str">
            <v>(株)大塚商会</v>
          </cell>
          <cell r="GH264">
            <v>1638120</v>
          </cell>
          <cell r="GI264">
            <v>148920</v>
          </cell>
          <cell r="GJ264" t="str">
            <v/>
          </cell>
          <cell r="GT264" t="str">
            <v/>
          </cell>
          <cell r="GW264" t="str">
            <v/>
          </cell>
          <cell r="HO264" t="str">
            <v/>
          </cell>
          <cell r="HP264" t="str">
            <v>-</v>
          </cell>
          <cell r="HQ264" t="str">
            <v>-</v>
          </cell>
          <cell r="HR264" t="str">
            <v>-</v>
          </cell>
          <cell r="HS264" t="str">
            <v>-</v>
          </cell>
          <cell r="HT264" t="str">
            <v>-</v>
          </cell>
          <cell r="HU264" t="str">
            <v>-</v>
          </cell>
          <cell r="HV264" t="str">
            <v>-</v>
          </cell>
          <cell r="HW264" t="str">
            <v>-</v>
          </cell>
          <cell r="HX264" t="str">
            <v>-</v>
          </cell>
          <cell r="HY264" t="str">
            <v>-</v>
          </cell>
          <cell r="HZ264" t="str">
            <v>-</v>
          </cell>
          <cell r="IA264">
            <v>1489200</v>
          </cell>
          <cell r="IB264" t="str">
            <v>-</v>
          </cell>
          <cell r="JD264" t="str">
            <v/>
          </cell>
          <cell r="JE264" t="str">
            <v/>
          </cell>
          <cell r="JF264" t="str">
            <v/>
          </cell>
          <cell r="JG264" t="str">
            <v/>
          </cell>
          <cell r="JH264" t="str">
            <v/>
          </cell>
          <cell r="JI264" t="str">
            <v/>
          </cell>
          <cell r="JJ264" t="str">
            <v/>
          </cell>
          <cell r="JK264" t="str">
            <v/>
          </cell>
          <cell r="JL264" t="str">
            <v/>
          </cell>
          <cell r="JM264" t="str">
            <v/>
          </cell>
          <cell r="JN264" t="str">
            <v/>
          </cell>
          <cell r="JO264" t="str">
            <v/>
          </cell>
          <cell r="JP264">
            <v>48</v>
          </cell>
          <cell r="JQ264">
            <v>47</v>
          </cell>
          <cell r="JR264" t="str">
            <v/>
          </cell>
          <cell r="JS264" t="str">
            <v/>
          </cell>
          <cell r="JT264" t="str">
            <v/>
          </cell>
          <cell r="JU264" t="str">
            <v/>
          </cell>
          <cell r="JV264" t="str">
            <v/>
          </cell>
          <cell r="JW264" t="str">
            <v/>
          </cell>
          <cell r="JX264" t="str">
            <v/>
          </cell>
          <cell r="JY264" t="str">
            <v/>
          </cell>
          <cell r="JZ264">
            <v>0.93074999999999986</v>
          </cell>
        </row>
        <row r="265">
          <cell r="C265" t="str">
            <v/>
          </cell>
          <cell r="D265" t="str">
            <v/>
          </cell>
          <cell r="E265" t="str">
            <v/>
          </cell>
          <cell r="I265">
            <v>257</v>
          </cell>
          <cell r="M265" t="str">
            <v>令和２年度公設防火水槽撤去工事</v>
          </cell>
          <cell r="Q265" t="str">
            <v>防火水槽撤去</v>
          </cell>
          <cell r="Y265">
            <v>1</v>
          </cell>
          <cell r="AC265">
            <v>2</v>
          </cell>
          <cell r="AI265" t="str">
            <v>伊丹市伊丹３丁目９－２７外地内</v>
          </cell>
          <cell r="AM265" t="str">
            <v>床堀り20m3　埋戻し10m3　構造物取壊し工一式　運搬処理工一式　水替工一式
舗装工一式　区画線工一式　充填工106m2　交通管理工18人</v>
          </cell>
          <cell r="AQ265">
            <v>1</v>
          </cell>
          <cell r="AY265">
            <v>44154</v>
          </cell>
          <cell r="AZ265">
            <v>44160</v>
          </cell>
          <cell r="BA265">
            <v>96</v>
          </cell>
          <cell r="BB265">
            <v>44255</v>
          </cell>
          <cell r="BC265">
            <v>13</v>
          </cell>
          <cell r="BD265" t="str">
            <v>○</v>
          </cell>
          <cell r="BE265" t="str">
            <v>○</v>
          </cell>
          <cell r="BF265">
            <v>0.41805555555555557</v>
          </cell>
          <cell r="BG265">
            <v>7435</v>
          </cell>
          <cell r="BH265" t="str">
            <v>北尾　真規</v>
          </cell>
          <cell r="BI265" t="str">
            <v>道路建設課</v>
          </cell>
          <cell r="BJ265">
            <v>4614</v>
          </cell>
          <cell r="BN265" t="str">
            <v>土</v>
          </cell>
          <cell r="BO265">
            <v>17</v>
          </cell>
          <cell r="BS265">
            <v>6902500</v>
          </cell>
          <cell r="BT265">
            <v>6270000</v>
          </cell>
          <cell r="BU265">
            <v>1</v>
          </cell>
          <cell r="BV265">
            <v>5460000</v>
          </cell>
          <cell r="BW265">
            <v>3243000</v>
          </cell>
          <cell r="BX265">
            <v>495000</v>
          </cell>
          <cell r="BY265">
            <v>1379000</v>
          </cell>
          <cell r="BZ265">
            <v>1158000</v>
          </cell>
          <cell r="CD265" t="str">
            <v/>
          </cell>
          <cell r="CH265">
            <v>120</v>
          </cell>
          <cell r="CI265">
            <v>44134</v>
          </cell>
          <cell r="CJ265" t="str">
            <v>一般</v>
          </cell>
          <cell r="CK265" t="str">
            <v>伊丹市内に本店</v>
          </cell>
          <cell r="CL265" t="str">
            <v>670点未満</v>
          </cell>
          <cell r="CP265">
            <v>37264</v>
          </cell>
          <cell r="CT265" t="str">
            <v>請負金額が300万円以上</v>
          </cell>
          <cell r="CW265">
            <v>44144</v>
          </cell>
          <cell r="CX265" t="str">
            <v/>
          </cell>
          <cell r="CY265" t="str">
            <v/>
          </cell>
          <cell r="CZ265" t="str">
            <v/>
          </cell>
          <cell r="DA265">
            <v>44145</v>
          </cell>
          <cell r="DB265">
            <v>44148</v>
          </cell>
          <cell r="DC265">
            <v>17</v>
          </cell>
          <cell r="DD265" t="str">
            <v>○</v>
          </cell>
          <cell r="DL265">
            <v>474</v>
          </cell>
          <cell r="DM265">
            <v>440</v>
          </cell>
          <cell r="DN265">
            <v>155</v>
          </cell>
          <cell r="DO265">
            <v>581</v>
          </cell>
          <cell r="DP265">
            <v>74</v>
          </cell>
          <cell r="DQ265">
            <v>492</v>
          </cell>
          <cell r="DR265">
            <v>527</v>
          </cell>
          <cell r="EZ265">
            <v>7</v>
          </cell>
          <cell r="FA265">
            <v>8</v>
          </cell>
          <cell r="FI265">
            <v>4</v>
          </cell>
          <cell r="FJ265" t="str">
            <v>事後審査型一般競争入札</v>
          </cell>
          <cell r="FN265">
            <v>4</v>
          </cell>
          <cell r="FO265" t="str">
            <v>電子入札</v>
          </cell>
          <cell r="FS265">
            <v>1</v>
          </cell>
          <cell r="FT265" t="str">
            <v/>
          </cell>
          <cell r="FU265" t="str">
            <v/>
          </cell>
          <cell r="FW265" t="str">
            <v/>
          </cell>
          <cell r="FY265" t="str">
            <v/>
          </cell>
          <cell r="GC265">
            <v>1</v>
          </cell>
          <cell r="GD265">
            <v>1</v>
          </cell>
          <cell r="GE265" t="str">
            <v>契約・検査課長　松本　嘉博</v>
          </cell>
          <cell r="GF265">
            <v>474</v>
          </cell>
          <cell r="GG265" t="str">
            <v>(株)三研</v>
          </cell>
          <cell r="GH265">
            <v>6028000</v>
          </cell>
          <cell r="GI265">
            <v>548000</v>
          </cell>
          <cell r="GJ265">
            <v>603000</v>
          </cell>
          <cell r="GL265" t="str">
            <v>１級土木施工管理技士</v>
          </cell>
          <cell r="GM265" t="str">
            <v>山本　高志</v>
          </cell>
          <cell r="GN265" t="str">
            <v>１級土木施工管理技士</v>
          </cell>
          <cell r="GO265" t="str">
            <v>山本　高志</v>
          </cell>
          <cell r="GT265" t="str">
            <v/>
          </cell>
          <cell r="GV265">
            <v>17670</v>
          </cell>
          <cell r="GW265">
            <v>2.9313205043132053</v>
          </cell>
          <cell r="GX265">
            <v>44252</v>
          </cell>
          <cell r="GY265">
            <v>7515200</v>
          </cell>
          <cell r="GZ265">
            <v>6562600</v>
          </cell>
          <cell r="HN265" t="str">
            <v>１．現地精査による数量の増減のため。
２．警察協議の結果により交通誘導員の増員が生じたため。
３．マンホール設置工の追加によるもの。</v>
          </cell>
          <cell r="HO265">
            <v>1</v>
          </cell>
          <cell r="HP265">
            <v>5480000</v>
          </cell>
          <cell r="HQ265">
            <v>5240000</v>
          </cell>
          <cell r="HR265">
            <v>5450000</v>
          </cell>
          <cell r="HS265">
            <v>5450000</v>
          </cell>
          <cell r="HT265" t="str">
            <v>-</v>
          </cell>
          <cell r="HU265" t="str">
            <v>-</v>
          </cell>
          <cell r="HV265" t="str">
            <v>-</v>
          </cell>
          <cell r="JD265">
            <v>17</v>
          </cell>
          <cell r="JE265">
            <v>17</v>
          </cell>
          <cell r="JF265" t="str">
            <v/>
          </cell>
          <cell r="JG265" t="str">
            <v/>
          </cell>
          <cell r="JH265" t="str">
            <v/>
          </cell>
          <cell r="JI265" t="str">
            <v/>
          </cell>
          <cell r="JJ265" t="str">
            <v/>
          </cell>
          <cell r="JK265" t="str">
            <v/>
          </cell>
          <cell r="JL265" t="str">
            <v/>
          </cell>
          <cell r="JM265" t="str">
            <v/>
          </cell>
          <cell r="JN265" t="str">
            <v/>
          </cell>
          <cell r="JO265" t="str">
            <v/>
          </cell>
          <cell r="JP265" t="str">
            <v/>
          </cell>
          <cell r="JQ265" t="str">
            <v/>
          </cell>
          <cell r="JR265" t="str">
            <v/>
          </cell>
          <cell r="JS265" t="str">
            <v/>
          </cell>
          <cell r="JT265" t="str">
            <v/>
          </cell>
          <cell r="JU265" t="str">
            <v/>
          </cell>
          <cell r="JV265" t="str">
            <v/>
          </cell>
          <cell r="JW265" t="str">
            <v/>
          </cell>
          <cell r="JX265" t="str">
            <v/>
          </cell>
          <cell r="JY265" t="str">
            <v/>
          </cell>
          <cell r="JZ265">
            <v>0.87400318979266345</v>
          </cell>
        </row>
        <row r="266">
          <cell r="C266" t="str">
            <v/>
          </cell>
          <cell r="D266" t="str">
            <v/>
          </cell>
          <cell r="E266" t="str">
            <v/>
          </cell>
          <cell r="I266">
            <v>258</v>
          </cell>
          <cell r="M266" t="str">
            <v>令和２年度（都）山田伊丹線（昆陽泉町工区）物件調査委託業務（その５）</v>
          </cell>
          <cell r="Q266" t="str">
            <v>物件調査その５</v>
          </cell>
          <cell r="Y266">
            <v>1</v>
          </cell>
          <cell r="AC266">
            <v>8</v>
          </cell>
          <cell r="AD266">
            <v>14</v>
          </cell>
          <cell r="AI266" t="str">
            <v>伊丹市昆陽南３丁目地内</v>
          </cell>
          <cell r="AM266" t="str">
            <v>建物調査
附帯工作物調査
補償費算定(物件補償）</v>
          </cell>
          <cell r="AQ266">
            <v>1</v>
          </cell>
          <cell r="AY266">
            <v>44153</v>
          </cell>
          <cell r="AZ266">
            <v>44159</v>
          </cell>
          <cell r="BA266">
            <v>128</v>
          </cell>
          <cell r="BB266">
            <v>44286</v>
          </cell>
          <cell r="BC266">
            <v>12</v>
          </cell>
          <cell r="BD266" t="str">
            <v>○</v>
          </cell>
          <cell r="BE266" t="str">
            <v/>
          </cell>
          <cell r="BF266">
            <v>0.41736111111111113</v>
          </cell>
          <cell r="BG266">
            <v>6632</v>
          </cell>
          <cell r="BH266" t="str">
            <v>笹部  琢也</v>
          </cell>
          <cell r="BI266" t="str">
            <v>道路建設課</v>
          </cell>
          <cell r="BJ266">
            <v>3071</v>
          </cell>
          <cell r="BN266" t="str">
            <v>他</v>
          </cell>
          <cell r="BO266">
            <v>79</v>
          </cell>
          <cell r="BS266">
            <v>3721300</v>
          </cell>
          <cell r="BT266">
            <v>3380000</v>
          </cell>
          <cell r="BU266" t="str">
            <v/>
          </cell>
          <cell r="BV266" t="str">
            <v/>
          </cell>
          <cell r="CD266" t="str">
            <v/>
          </cell>
          <cell r="CH266">
            <v>121</v>
          </cell>
          <cell r="CI266">
            <v>44134</v>
          </cell>
          <cell r="CK266" t="str">
            <v>兵庫県内又は、大阪府内に本店又は支店</v>
          </cell>
          <cell r="CP266">
            <v>80800</v>
          </cell>
          <cell r="CW266">
            <v>44144</v>
          </cell>
          <cell r="CX266" t="str">
            <v/>
          </cell>
          <cell r="CY266" t="str">
            <v/>
          </cell>
          <cell r="CZ266" t="str">
            <v/>
          </cell>
          <cell r="DA266">
            <v>44145</v>
          </cell>
          <cell r="DB266">
            <v>44147</v>
          </cell>
          <cell r="DC266">
            <v>52</v>
          </cell>
          <cell r="DD266" t="str">
            <v/>
          </cell>
          <cell r="DL266">
            <v>6286</v>
          </cell>
          <cell r="DM266">
            <v>5485</v>
          </cell>
          <cell r="DN266">
            <v>6172</v>
          </cell>
          <cell r="DO266">
            <v>5211</v>
          </cell>
          <cell r="EZ266">
            <v>4</v>
          </cell>
          <cell r="FA266">
            <v>6</v>
          </cell>
          <cell r="FI266">
            <v>4</v>
          </cell>
          <cell r="FJ266" t="str">
            <v>事後審査型一般競争入札</v>
          </cell>
          <cell r="FN266">
            <v>4</v>
          </cell>
          <cell r="FO266" t="str">
            <v>電子入札</v>
          </cell>
          <cell r="FS266">
            <v>2</v>
          </cell>
          <cell r="FT266" t="str">
            <v/>
          </cell>
          <cell r="FU266" t="str">
            <v/>
          </cell>
          <cell r="FW266" t="str">
            <v/>
          </cell>
          <cell r="FY266" t="str">
            <v/>
          </cell>
          <cell r="GD266">
            <v>1</v>
          </cell>
          <cell r="GE266" t="str">
            <v>契約・検査課長　松本　嘉博</v>
          </cell>
          <cell r="GF266">
            <v>6286</v>
          </cell>
          <cell r="GG266" t="str">
            <v>(株)補償工学研究所</v>
          </cell>
          <cell r="GH266">
            <v>2516800</v>
          </cell>
          <cell r="GI266">
            <v>228800</v>
          </cell>
          <cell r="GJ266">
            <v>252000</v>
          </cell>
          <cell r="GL266" t="str">
            <v>補償業務管理士</v>
          </cell>
          <cell r="GM266" t="str">
            <v>佐々木　松次郎</v>
          </cell>
          <cell r="GN266" t="str">
            <v>補償業務管理士</v>
          </cell>
          <cell r="GO266" t="str">
            <v>佐々木　松次郎</v>
          </cell>
          <cell r="GT266" t="str">
            <v/>
          </cell>
          <cell r="GW266" t="str">
            <v/>
          </cell>
          <cell r="HO266" t="str">
            <v/>
          </cell>
          <cell r="HP266">
            <v>2288000</v>
          </cell>
          <cell r="HQ266">
            <v>3000000</v>
          </cell>
          <cell r="HR266">
            <v>3300000</v>
          </cell>
          <cell r="HS266">
            <v>3380000</v>
          </cell>
          <cell r="JD266" t="str">
            <v/>
          </cell>
          <cell r="JE266" t="str">
            <v/>
          </cell>
          <cell r="JF266" t="str">
            <v/>
          </cell>
          <cell r="JG266" t="str">
            <v/>
          </cell>
          <cell r="JH266" t="str">
            <v/>
          </cell>
          <cell r="JI266" t="str">
            <v/>
          </cell>
          <cell r="JJ266" t="str">
            <v/>
          </cell>
          <cell r="JK266" t="str">
            <v/>
          </cell>
          <cell r="JL266" t="str">
            <v/>
          </cell>
          <cell r="JM266" t="str">
            <v/>
          </cell>
          <cell r="JN266" t="str">
            <v/>
          </cell>
          <cell r="JO266" t="str">
            <v/>
          </cell>
          <cell r="JP266" t="str">
            <v/>
          </cell>
          <cell r="JQ266" t="str">
            <v/>
          </cell>
          <cell r="JR266" t="str">
            <v/>
          </cell>
          <cell r="JS266" t="str">
            <v/>
          </cell>
          <cell r="JT266" t="str">
            <v/>
          </cell>
          <cell r="JU266" t="str">
            <v/>
          </cell>
          <cell r="JV266" t="str">
            <v/>
          </cell>
          <cell r="JW266" t="str">
            <v/>
          </cell>
          <cell r="JX266">
            <v>79</v>
          </cell>
          <cell r="JY266">
            <v>77</v>
          </cell>
          <cell r="JZ266">
            <v>0.67692307692307696</v>
          </cell>
        </row>
        <row r="267">
          <cell r="C267" t="str">
            <v/>
          </cell>
          <cell r="D267" t="str">
            <v/>
          </cell>
          <cell r="E267" t="str">
            <v/>
          </cell>
          <cell r="I267">
            <v>259</v>
          </cell>
          <cell r="M267" t="str">
            <v>令和２年度市営新田中野住宅１号館ポンプ取替工事</v>
          </cell>
          <cell r="Q267" t="str">
            <v>新田中野ﾎﾟﾝﾌﾟ</v>
          </cell>
          <cell r="Y267">
            <v>1</v>
          </cell>
          <cell r="AC267">
            <v>4</v>
          </cell>
          <cell r="AI267" t="str">
            <v>伊丹市中野東２丁目９２番地１</v>
          </cell>
          <cell r="AM267" t="str">
            <v>ポンプ更新工事一式
上記に付帯する建築工事及び電気設備工事一式</v>
          </cell>
          <cell r="AQ267">
            <v>1</v>
          </cell>
          <cell r="AY267">
            <v>44167</v>
          </cell>
          <cell r="AZ267">
            <v>44168</v>
          </cell>
          <cell r="BA267">
            <v>105</v>
          </cell>
          <cell r="BB267">
            <v>44272</v>
          </cell>
          <cell r="BC267">
            <v>11</v>
          </cell>
          <cell r="BD267" t="str">
            <v>○</v>
          </cell>
          <cell r="BE267" t="str">
            <v>○</v>
          </cell>
          <cell r="BF267">
            <v>0.41736111111111113</v>
          </cell>
          <cell r="BG267">
            <v>7801</v>
          </cell>
          <cell r="BH267" t="str">
            <v>堀江　仁美</v>
          </cell>
          <cell r="BI267" t="str">
            <v>営繕課</v>
          </cell>
          <cell r="BJ267">
            <v>4810</v>
          </cell>
          <cell r="BN267" t="str">
            <v>建</v>
          </cell>
          <cell r="BO267">
            <v>42</v>
          </cell>
          <cell r="BS267">
            <v>3091000</v>
          </cell>
          <cell r="BT267">
            <v>2810000</v>
          </cell>
          <cell r="BU267">
            <v>1</v>
          </cell>
          <cell r="BV267">
            <v>2530000</v>
          </cell>
          <cell r="BW267">
            <v>2053032</v>
          </cell>
          <cell r="BX267">
            <v>43188</v>
          </cell>
          <cell r="BY267">
            <v>318417</v>
          </cell>
          <cell r="BZ267">
            <v>395363</v>
          </cell>
          <cell r="CD267" t="str">
            <v/>
          </cell>
          <cell r="CH267">
            <v>122</v>
          </cell>
          <cell r="CI267">
            <v>44139</v>
          </cell>
          <cell r="CJ267" t="str">
            <v>一般</v>
          </cell>
          <cell r="CK267" t="str">
            <v>伊丹市内に本店</v>
          </cell>
          <cell r="CL267" t="str">
            <v>400点以上</v>
          </cell>
          <cell r="CP267">
            <v>76834</v>
          </cell>
          <cell r="CT267" t="str">
            <v>右記</v>
          </cell>
          <cell r="CU267" t="str">
            <v>管工事の施工実績を有すること。</v>
          </cell>
          <cell r="CW267">
            <v>44147</v>
          </cell>
          <cell r="CX267">
            <v>44151</v>
          </cell>
          <cell r="CY267">
            <v>44152</v>
          </cell>
          <cell r="CZ267">
            <v>44153</v>
          </cell>
          <cell r="DA267">
            <v>44154</v>
          </cell>
          <cell r="DB267">
            <v>44159</v>
          </cell>
          <cell r="DC267">
            <v>23</v>
          </cell>
          <cell r="DD267" t="str">
            <v>○</v>
          </cell>
          <cell r="DL267">
            <v>63</v>
          </cell>
          <cell r="DM267">
            <v>128</v>
          </cell>
          <cell r="DN267">
            <v>349</v>
          </cell>
          <cell r="DO267">
            <v>474</v>
          </cell>
          <cell r="DP267">
            <v>573</v>
          </cell>
          <cell r="EZ267">
            <v>5</v>
          </cell>
          <cell r="FA267">
            <v>6</v>
          </cell>
          <cell r="FI267">
            <v>1</v>
          </cell>
          <cell r="FJ267" t="str">
            <v>制限付一般競争入札</v>
          </cell>
          <cell r="FN267">
            <v>4</v>
          </cell>
          <cell r="FO267" t="str">
            <v>電子入札</v>
          </cell>
          <cell r="FS267">
            <v>1</v>
          </cell>
          <cell r="FT267" t="str">
            <v/>
          </cell>
          <cell r="FU267" t="str">
            <v/>
          </cell>
          <cell r="FW267" t="str">
            <v/>
          </cell>
          <cell r="FY267" t="str">
            <v/>
          </cell>
          <cell r="GC267">
            <v>1</v>
          </cell>
          <cell r="GD267">
            <v>1</v>
          </cell>
          <cell r="GE267" t="str">
            <v>契約・検査課長　松本　嘉博</v>
          </cell>
          <cell r="GF267">
            <v>573</v>
          </cell>
          <cell r="GG267" t="str">
            <v>(有)鳥養エンジニアリング</v>
          </cell>
          <cell r="GH267">
            <v>2783000</v>
          </cell>
          <cell r="GI267">
            <v>253000</v>
          </cell>
          <cell r="GJ267">
            <v>279000</v>
          </cell>
          <cell r="GL267" t="str">
            <v>一級管工事施工管理技士</v>
          </cell>
          <cell r="GM267" t="str">
            <v>鳥養　憲次</v>
          </cell>
          <cell r="GN267" t="str">
            <v>一級管工事施工管理技士</v>
          </cell>
          <cell r="GO267" t="str">
            <v>鳥養　憲次</v>
          </cell>
          <cell r="GT267" t="str">
            <v/>
          </cell>
          <cell r="GW267" t="str">
            <v/>
          </cell>
          <cell r="HO267" t="str">
            <v/>
          </cell>
          <cell r="HP267">
            <v>2810000</v>
          </cell>
          <cell r="HQ267">
            <v>2810000</v>
          </cell>
          <cell r="HR267">
            <v>2790000</v>
          </cell>
          <cell r="HS267">
            <v>2550000</v>
          </cell>
          <cell r="HT267">
            <v>2530000</v>
          </cell>
          <cell r="JD267" t="str">
            <v/>
          </cell>
          <cell r="JE267" t="str">
            <v/>
          </cell>
          <cell r="JF267" t="str">
            <v/>
          </cell>
          <cell r="JG267" t="str">
            <v/>
          </cell>
          <cell r="JH267">
            <v>42</v>
          </cell>
          <cell r="JI267">
            <v>42</v>
          </cell>
          <cell r="JJ267" t="str">
            <v/>
          </cell>
          <cell r="JK267" t="str">
            <v/>
          </cell>
          <cell r="JL267" t="str">
            <v/>
          </cell>
          <cell r="JM267" t="str">
            <v/>
          </cell>
          <cell r="JN267" t="str">
            <v/>
          </cell>
          <cell r="JO267" t="str">
            <v/>
          </cell>
          <cell r="JP267" t="str">
            <v/>
          </cell>
          <cell r="JQ267" t="str">
            <v/>
          </cell>
          <cell r="JR267" t="str">
            <v/>
          </cell>
          <cell r="JS267" t="str">
            <v/>
          </cell>
          <cell r="JT267" t="str">
            <v/>
          </cell>
          <cell r="JU267" t="str">
            <v/>
          </cell>
          <cell r="JV267" t="str">
            <v/>
          </cell>
          <cell r="JW267" t="str">
            <v/>
          </cell>
          <cell r="JX267" t="str">
            <v/>
          </cell>
          <cell r="JY267" t="str">
            <v/>
          </cell>
          <cell r="JZ267">
            <v>0.90035587188612098</v>
          </cell>
        </row>
        <row r="268">
          <cell r="C268" t="str">
            <v/>
          </cell>
          <cell r="D268" t="str">
            <v/>
          </cell>
          <cell r="E268" t="str">
            <v/>
          </cell>
          <cell r="I268">
            <v>260</v>
          </cell>
          <cell r="M268" t="str">
            <v>令和２年度伊丹市道路台帳等修正委託業務</v>
          </cell>
          <cell r="Q268" t="str">
            <v>道路台帳等修正</v>
          </cell>
          <cell r="Y268">
            <v>1</v>
          </cell>
          <cell r="AC268">
            <v>8</v>
          </cell>
          <cell r="AD268">
            <v>8</v>
          </cell>
          <cell r="AI268" t="str">
            <v>伊丹市全域</v>
          </cell>
          <cell r="AM268" t="str">
            <v xml:space="preserve">①一般市道の道路台帳図修正
 ・移動計測車両による測量システム計測 0.595ｋｍ
 ・道路台帳図修正 0.595ｋｍ
②一般市道の調書並びに各種管理資料の修正 0.595ｋｍ
③道路台帳図並びに各種管理資料の製本 一式
④認定道路網図データ修正0.595ｋｍ
⑤道路法様式調書並びに各種管理資料出力　一式
⑥橋梁台帳（管理資料）の作成　7橋
⑦システム環境設定　一式
⑧道路管理システム保守 一式
</v>
          </cell>
          <cell r="AQ268">
            <v>1</v>
          </cell>
          <cell r="AY268">
            <v>44162</v>
          </cell>
          <cell r="AZ268">
            <v>44167</v>
          </cell>
          <cell r="BA268">
            <v>120</v>
          </cell>
          <cell r="BB268">
            <v>44286</v>
          </cell>
          <cell r="BC268">
            <v>13</v>
          </cell>
          <cell r="BD268" t="str">
            <v>○</v>
          </cell>
          <cell r="BE268" t="str">
            <v/>
          </cell>
          <cell r="BF268">
            <v>0.41875000000000001</v>
          </cell>
          <cell r="BG268">
            <v>5884</v>
          </cell>
          <cell r="BH268" t="str">
            <v>夏  立忠</v>
          </cell>
          <cell r="BI268" t="str">
            <v>土地調査課</v>
          </cell>
          <cell r="BJ268">
            <v>3018</v>
          </cell>
          <cell r="BN268" t="str">
            <v>他</v>
          </cell>
          <cell r="BO268">
            <v>80</v>
          </cell>
          <cell r="BS268">
            <v>3648700</v>
          </cell>
          <cell r="BT268">
            <v>3310000</v>
          </cell>
          <cell r="BU268" t="str">
            <v/>
          </cell>
          <cell r="BV268" t="str">
            <v/>
          </cell>
          <cell r="CD268" t="str">
            <v/>
          </cell>
          <cell r="CH268">
            <v>123</v>
          </cell>
          <cell r="CI268">
            <v>44144</v>
          </cell>
          <cell r="CK268" t="str">
            <v>兵庫県内に本店又は支店</v>
          </cell>
          <cell r="CP268">
            <v>29376</v>
          </cell>
          <cell r="CT268" t="str">
            <v>請負金額が100万円以上</v>
          </cell>
          <cell r="CW268">
            <v>44152</v>
          </cell>
          <cell r="CX268" t="str">
            <v/>
          </cell>
          <cell r="CY268" t="str">
            <v/>
          </cell>
          <cell r="CZ268" t="str">
            <v/>
          </cell>
          <cell r="DA268">
            <v>44153</v>
          </cell>
          <cell r="DB268">
            <v>44159</v>
          </cell>
          <cell r="DC268">
            <v>51</v>
          </cell>
          <cell r="DD268" t="str">
            <v/>
          </cell>
          <cell r="DL268">
            <v>6156</v>
          </cell>
          <cell r="EZ268">
            <v>1</v>
          </cell>
          <cell r="FA268">
            <v>6</v>
          </cell>
          <cell r="FI268">
            <v>4</v>
          </cell>
          <cell r="FJ268" t="str">
            <v>事後審査型一般競争入札</v>
          </cell>
          <cell r="FN268">
            <v>4</v>
          </cell>
          <cell r="FO268" t="str">
            <v>電子入札</v>
          </cell>
          <cell r="FS268">
            <v>2</v>
          </cell>
          <cell r="FT268" t="str">
            <v/>
          </cell>
          <cell r="FU268" t="str">
            <v/>
          </cell>
          <cell r="FW268" t="str">
            <v/>
          </cell>
          <cell r="FY268" t="str">
            <v/>
          </cell>
          <cell r="GD268">
            <v>1</v>
          </cell>
          <cell r="GE268" t="str">
            <v>契約・検査課長　松本　嘉博</v>
          </cell>
          <cell r="GF268">
            <v>6156</v>
          </cell>
          <cell r="GG268" t="str">
            <v>(株)パスコ</v>
          </cell>
          <cell r="GH268">
            <v>3404500</v>
          </cell>
          <cell r="GI268">
            <v>309500</v>
          </cell>
          <cell r="GJ268">
            <v>341000</v>
          </cell>
          <cell r="GL268" t="str">
            <v>測量士（第H21-779号)</v>
          </cell>
          <cell r="GM268" t="str">
            <v>武田　祐一</v>
          </cell>
          <cell r="GN268" t="str">
            <v>測量士（第H9-2266号）</v>
          </cell>
          <cell r="GO268" t="str">
            <v>木下　直浩</v>
          </cell>
          <cell r="GT268" t="str">
            <v/>
          </cell>
          <cell r="GW268" t="str">
            <v/>
          </cell>
          <cell r="HO268" t="str">
            <v/>
          </cell>
          <cell r="HP268">
            <v>3095000</v>
          </cell>
          <cell r="JD268" t="str">
            <v/>
          </cell>
          <cell r="JE268" t="str">
            <v/>
          </cell>
          <cell r="JF268" t="str">
            <v/>
          </cell>
          <cell r="JG268" t="str">
            <v/>
          </cell>
          <cell r="JH268" t="str">
            <v/>
          </cell>
          <cell r="JI268" t="str">
            <v/>
          </cell>
          <cell r="JJ268" t="str">
            <v/>
          </cell>
          <cell r="JK268" t="str">
            <v/>
          </cell>
          <cell r="JL268" t="str">
            <v/>
          </cell>
          <cell r="JM268" t="str">
            <v/>
          </cell>
          <cell r="JN268" t="str">
            <v/>
          </cell>
          <cell r="JO268" t="str">
            <v/>
          </cell>
          <cell r="JP268" t="str">
            <v/>
          </cell>
          <cell r="JQ268" t="str">
            <v/>
          </cell>
          <cell r="JR268" t="str">
            <v/>
          </cell>
          <cell r="JS268" t="str">
            <v/>
          </cell>
          <cell r="JT268" t="str">
            <v/>
          </cell>
          <cell r="JU268" t="str">
            <v/>
          </cell>
          <cell r="JV268" t="str">
            <v/>
          </cell>
          <cell r="JW268" t="str">
            <v/>
          </cell>
          <cell r="JX268">
            <v>80</v>
          </cell>
          <cell r="JY268">
            <v>78</v>
          </cell>
          <cell r="JZ268">
            <v>0.93504531722054363</v>
          </cell>
        </row>
        <row r="269">
          <cell r="C269" t="str">
            <v/>
          </cell>
          <cell r="D269" t="str">
            <v/>
          </cell>
          <cell r="E269" t="str">
            <v/>
          </cell>
          <cell r="I269">
            <v>261</v>
          </cell>
          <cell r="M269" t="str">
            <v>令和２年度伊丹市ＪＲ伊丹駅前第３自転車駐車場２段式ラック更新工事</v>
          </cell>
          <cell r="Q269" t="str">
            <v>JR第3駐ﾗｯｸ更新</v>
          </cell>
          <cell r="Y269">
            <v>1</v>
          </cell>
          <cell r="AC269">
            <v>1</v>
          </cell>
          <cell r="AI269" t="str">
            <v>伊丹市伊丹１丁目１５番２０号</v>
          </cell>
          <cell r="AM269" t="str">
            <v>２段式ラック更新工事に伴う建築工事一式</v>
          </cell>
          <cell r="AQ269">
            <v>1</v>
          </cell>
          <cell r="AY269">
            <v>44162</v>
          </cell>
          <cell r="AZ269">
            <v>44167</v>
          </cell>
          <cell r="BA269">
            <v>106</v>
          </cell>
          <cell r="BB269">
            <v>44272</v>
          </cell>
          <cell r="BC269">
            <v>13</v>
          </cell>
          <cell r="BD269" t="str">
            <v>○</v>
          </cell>
          <cell r="BE269" t="str">
            <v>○</v>
          </cell>
          <cell r="BF269">
            <v>0.41736111111111113</v>
          </cell>
          <cell r="BG269">
            <v>7913</v>
          </cell>
          <cell r="BH269" t="str">
            <v>山下　諒</v>
          </cell>
          <cell r="BI269" t="str">
            <v>営繕課</v>
          </cell>
          <cell r="BJ269">
            <v>4784</v>
          </cell>
          <cell r="BN269" t="str">
            <v>建</v>
          </cell>
          <cell r="BO269">
            <v>43</v>
          </cell>
          <cell r="BS269">
            <v>18150000</v>
          </cell>
          <cell r="BT269">
            <v>16500000</v>
          </cell>
          <cell r="BU269">
            <v>1</v>
          </cell>
          <cell r="BV269">
            <v>14920000</v>
          </cell>
          <cell r="BW269">
            <v>12126913</v>
          </cell>
          <cell r="BX269">
            <v>720134</v>
          </cell>
          <cell r="BY269">
            <v>1428373</v>
          </cell>
          <cell r="BZ269">
            <v>2224580</v>
          </cell>
          <cell r="CD269" t="str">
            <v/>
          </cell>
          <cell r="CH269">
            <v>124</v>
          </cell>
          <cell r="CI269">
            <v>44144</v>
          </cell>
          <cell r="CJ269" t="str">
            <v>一般</v>
          </cell>
          <cell r="CK269" t="str">
            <v>伊丹市内に本店</v>
          </cell>
          <cell r="CL269" t="str">
            <v>750点未満</v>
          </cell>
          <cell r="CP269">
            <v>13928</v>
          </cell>
          <cell r="CT269" t="str">
            <v>請負金額が500万円以上</v>
          </cell>
          <cell r="CW269">
            <v>44152</v>
          </cell>
          <cell r="CX269" t="str">
            <v/>
          </cell>
          <cell r="CY269" t="str">
            <v/>
          </cell>
          <cell r="CZ269" t="str">
            <v/>
          </cell>
          <cell r="DA269">
            <v>44153</v>
          </cell>
          <cell r="DB269">
            <v>44155</v>
          </cell>
          <cell r="DC269">
            <v>20</v>
          </cell>
          <cell r="DD269" t="str">
            <v>○</v>
          </cell>
          <cell r="DL269">
            <v>314</v>
          </cell>
          <cell r="DM269">
            <v>563</v>
          </cell>
          <cell r="DN269">
            <v>226</v>
          </cell>
          <cell r="DO269">
            <v>193</v>
          </cell>
          <cell r="DP269">
            <v>48</v>
          </cell>
          <cell r="EZ269">
            <v>5</v>
          </cell>
          <cell r="FA269">
            <v>8</v>
          </cell>
          <cell r="FI269">
            <v>4</v>
          </cell>
          <cell r="FJ269" t="str">
            <v>事後審査型一般競争入札</v>
          </cell>
          <cell r="FN269">
            <v>4</v>
          </cell>
          <cell r="FO269" t="str">
            <v>電子入札</v>
          </cell>
          <cell r="FS269">
            <v>1</v>
          </cell>
          <cell r="FT269" t="str">
            <v/>
          </cell>
          <cell r="FU269" t="str">
            <v/>
          </cell>
          <cell r="FW269" t="str">
            <v/>
          </cell>
          <cell r="FY269" t="str">
            <v/>
          </cell>
          <cell r="GC269">
            <v>1</v>
          </cell>
          <cell r="GD269">
            <v>1</v>
          </cell>
          <cell r="GE269" t="str">
            <v>契約・検査課長　松本　嘉博</v>
          </cell>
          <cell r="GF269">
            <v>314</v>
          </cell>
          <cell r="GG269" t="str">
            <v>(株)アサヒ</v>
          </cell>
          <cell r="GH269">
            <v>16478000</v>
          </cell>
          <cell r="GI269">
            <v>1498000</v>
          </cell>
          <cell r="GJ269">
            <v>1648000</v>
          </cell>
          <cell r="GM269" t="str">
            <v>朝日　洋二</v>
          </cell>
          <cell r="GO269" t="str">
            <v>朝日　洋二</v>
          </cell>
          <cell r="GT269" t="str">
            <v/>
          </cell>
          <cell r="GV269">
            <v>21390</v>
          </cell>
          <cell r="GW269">
            <v>1.2980944289355503</v>
          </cell>
          <cell r="HO269" t="str">
            <v/>
          </cell>
          <cell r="HP269">
            <v>14980000</v>
          </cell>
          <cell r="HQ269">
            <v>15000000</v>
          </cell>
          <cell r="HR269">
            <v>14350000</v>
          </cell>
          <cell r="HS269">
            <v>14750000</v>
          </cell>
          <cell r="HT269" t="str">
            <v>-</v>
          </cell>
          <cell r="JD269" t="str">
            <v/>
          </cell>
          <cell r="JE269" t="str">
            <v/>
          </cell>
          <cell r="JF269" t="str">
            <v/>
          </cell>
          <cell r="JG269" t="str">
            <v/>
          </cell>
          <cell r="JH269">
            <v>43</v>
          </cell>
          <cell r="JI269">
            <v>43</v>
          </cell>
          <cell r="JJ269" t="str">
            <v/>
          </cell>
          <cell r="JK269" t="str">
            <v/>
          </cell>
          <cell r="JL269" t="str">
            <v/>
          </cell>
          <cell r="JM269" t="str">
            <v/>
          </cell>
          <cell r="JN269" t="str">
            <v/>
          </cell>
          <cell r="JO269" t="str">
            <v/>
          </cell>
          <cell r="JP269" t="str">
            <v/>
          </cell>
          <cell r="JQ269" t="str">
            <v/>
          </cell>
          <cell r="JR269" t="str">
            <v/>
          </cell>
          <cell r="JS269" t="str">
            <v/>
          </cell>
          <cell r="JT269" t="str">
            <v/>
          </cell>
          <cell r="JU269" t="str">
            <v/>
          </cell>
          <cell r="JV269" t="str">
            <v/>
          </cell>
          <cell r="JW269" t="str">
            <v/>
          </cell>
          <cell r="JX269" t="str">
            <v/>
          </cell>
          <cell r="JY269" t="str">
            <v/>
          </cell>
          <cell r="JZ269">
            <v>0.90787878787878773</v>
          </cell>
        </row>
        <row r="270">
          <cell r="C270" t="str">
            <v/>
          </cell>
          <cell r="D270" t="str">
            <v/>
          </cell>
          <cell r="E270" t="str">
            <v/>
          </cell>
          <cell r="I270">
            <v>262</v>
          </cell>
          <cell r="M270" t="str">
            <v>令和２年度伊丹市ＪＲ伊丹駅前第１自転車駐車場管理人事務所更新工事</v>
          </cell>
          <cell r="Q270" t="str">
            <v>JR第1駐事務所</v>
          </cell>
          <cell r="Y270">
            <v>1</v>
          </cell>
          <cell r="AC270">
            <v>1</v>
          </cell>
          <cell r="AI270" t="str">
            <v>伊丹市伊丹１丁目１４番９号</v>
          </cell>
          <cell r="AM270" t="str">
            <v>ＪＲ伊丹駅前第１自転車駐車場の管理人事務所更新にかかる工事一式</v>
          </cell>
          <cell r="AQ270">
            <v>1</v>
          </cell>
          <cell r="AY270">
            <v>44162</v>
          </cell>
          <cell r="AZ270">
            <v>44167</v>
          </cell>
          <cell r="BA270">
            <v>108</v>
          </cell>
          <cell r="BB270">
            <v>44274</v>
          </cell>
          <cell r="BC270">
            <v>13</v>
          </cell>
          <cell r="BD270" t="str">
            <v>○</v>
          </cell>
          <cell r="BE270" t="str">
            <v>○</v>
          </cell>
          <cell r="BF270">
            <v>0.41805555555555557</v>
          </cell>
          <cell r="BG270">
            <v>7579</v>
          </cell>
          <cell r="BH270" t="str">
            <v>星野　和佐</v>
          </cell>
          <cell r="BI270" t="str">
            <v>営繕課</v>
          </cell>
          <cell r="BJ270">
            <v>4661</v>
          </cell>
          <cell r="BN270" t="str">
            <v>建</v>
          </cell>
          <cell r="BO270">
            <v>44</v>
          </cell>
          <cell r="BS270">
            <v>5511000</v>
          </cell>
          <cell r="BT270">
            <v>5010000</v>
          </cell>
          <cell r="BU270">
            <v>1</v>
          </cell>
          <cell r="BV270">
            <v>4490000</v>
          </cell>
          <cell r="BW270">
            <v>3419954</v>
          </cell>
          <cell r="BX270">
            <v>237977</v>
          </cell>
          <cell r="BY270">
            <v>622198</v>
          </cell>
          <cell r="BZ270">
            <v>729871</v>
          </cell>
          <cell r="CD270" t="str">
            <v/>
          </cell>
          <cell r="CH270">
            <v>125</v>
          </cell>
          <cell r="CI270">
            <v>44144</v>
          </cell>
          <cell r="CJ270" t="str">
            <v>一般</v>
          </cell>
          <cell r="CK270" t="str">
            <v>伊丹市内に本店</v>
          </cell>
          <cell r="CL270" t="str">
            <v>750点未満</v>
          </cell>
          <cell r="CP270">
            <v>97379</v>
          </cell>
          <cell r="CT270" t="str">
            <v>右記</v>
          </cell>
          <cell r="CU270" t="str">
            <v>建築一式工事の施工実績を有すること。</v>
          </cell>
          <cell r="CW270">
            <v>44152</v>
          </cell>
          <cell r="CX270" t="str">
            <v/>
          </cell>
          <cell r="CY270" t="str">
            <v/>
          </cell>
          <cell r="CZ270" t="str">
            <v/>
          </cell>
          <cell r="DA270">
            <v>44153</v>
          </cell>
          <cell r="DB270">
            <v>44155</v>
          </cell>
          <cell r="DC270">
            <v>23</v>
          </cell>
          <cell r="DD270" t="str">
            <v>○</v>
          </cell>
          <cell r="DL270">
            <v>563</v>
          </cell>
          <cell r="DM270">
            <v>48</v>
          </cell>
          <cell r="DN270">
            <v>314</v>
          </cell>
          <cell r="EZ270">
            <v>3</v>
          </cell>
          <cell r="FA270">
            <v>8</v>
          </cell>
          <cell r="FI270">
            <v>4</v>
          </cell>
          <cell r="FJ270" t="str">
            <v>事後審査型一般競争入札</v>
          </cell>
          <cell r="FN270">
            <v>4</v>
          </cell>
          <cell r="FO270" t="str">
            <v>電子入札</v>
          </cell>
          <cell r="FS270">
            <v>1</v>
          </cell>
          <cell r="FT270" t="str">
            <v/>
          </cell>
          <cell r="FU270" t="str">
            <v/>
          </cell>
          <cell r="FW270" t="str">
            <v/>
          </cell>
          <cell r="FY270" t="str">
            <v/>
          </cell>
          <cell r="GC270">
            <v>1</v>
          </cell>
          <cell r="GD270">
            <v>1</v>
          </cell>
          <cell r="GE270" t="str">
            <v>契約・検査課長　松本　嘉博</v>
          </cell>
          <cell r="GF270">
            <v>563</v>
          </cell>
          <cell r="GG270" t="str">
            <v>(有)鳥養工務店</v>
          </cell>
          <cell r="GH270">
            <v>5478000</v>
          </cell>
          <cell r="GI270">
            <v>498000</v>
          </cell>
          <cell r="GJ270">
            <v>548000</v>
          </cell>
          <cell r="GL270" t="str">
            <v>二級建築施工管理技士</v>
          </cell>
          <cell r="GM270" t="str">
            <v>鳥養　誠治</v>
          </cell>
          <cell r="GN270" t="str">
            <v>二級建築施工管理技士</v>
          </cell>
          <cell r="GO270" t="str">
            <v>鳥養　誠治</v>
          </cell>
          <cell r="GT270" t="str">
            <v/>
          </cell>
          <cell r="GV270">
            <v>9300</v>
          </cell>
          <cell r="GW270">
            <v>1.6976998904709748</v>
          </cell>
          <cell r="HO270" t="str">
            <v/>
          </cell>
          <cell r="HP270">
            <v>4980000</v>
          </cell>
          <cell r="HQ270" t="str">
            <v>-</v>
          </cell>
          <cell r="HR270" t="str">
            <v>-</v>
          </cell>
          <cell r="JD270" t="str">
            <v/>
          </cell>
          <cell r="JE270" t="str">
            <v/>
          </cell>
          <cell r="JF270" t="str">
            <v/>
          </cell>
          <cell r="JG270" t="str">
            <v/>
          </cell>
          <cell r="JH270">
            <v>44</v>
          </cell>
          <cell r="JI270">
            <v>44</v>
          </cell>
          <cell r="JJ270" t="str">
            <v/>
          </cell>
          <cell r="JK270" t="str">
            <v/>
          </cell>
          <cell r="JL270" t="str">
            <v/>
          </cell>
          <cell r="JM270" t="str">
            <v/>
          </cell>
          <cell r="JN270" t="str">
            <v/>
          </cell>
          <cell r="JO270" t="str">
            <v/>
          </cell>
          <cell r="JP270" t="str">
            <v/>
          </cell>
          <cell r="JQ270" t="str">
            <v/>
          </cell>
          <cell r="JR270" t="str">
            <v/>
          </cell>
          <cell r="JS270" t="str">
            <v/>
          </cell>
          <cell r="JT270" t="str">
            <v/>
          </cell>
          <cell r="JU270" t="str">
            <v/>
          </cell>
          <cell r="JV270" t="str">
            <v/>
          </cell>
          <cell r="JW270" t="str">
            <v/>
          </cell>
          <cell r="JX270" t="str">
            <v/>
          </cell>
          <cell r="JY270" t="str">
            <v/>
          </cell>
          <cell r="JZ270">
            <v>0.99401197604790414</v>
          </cell>
        </row>
        <row r="271">
          <cell r="C271" t="str">
            <v/>
          </cell>
          <cell r="D271" t="str">
            <v/>
          </cell>
          <cell r="E271" t="str">
            <v/>
          </cell>
          <cell r="I271">
            <v>263</v>
          </cell>
          <cell r="M271" t="str">
            <v>令和２年度市民課マイナアシスト端末リース</v>
          </cell>
          <cell r="Q271" t="str">
            <v>ﾏｲﾅｱｼｽﾄﾘｰｽ</v>
          </cell>
          <cell r="Y271">
            <v>1</v>
          </cell>
          <cell r="AC271">
            <v>8</v>
          </cell>
          <cell r="AD271">
            <v>6</v>
          </cell>
          <cell r="AI271" t="str">
            <v>伊丹市役所本庁１階市民課</v>
          </cell>
          <cell r="AQ271">
            <v>7</v>
          </cell>
          <cell r="AU271">
            <v>60</v>
          </cell>
          <cell r="AY271">
            <v>44167</v>
          </cell>
          <cell r="AZ271">
            <v>44168</v>
          </cell>
          <cell r="BA271">
            <v>1855</v>
          </cell>
          <cell r="BB271">
            <v>46022</v>
          </cell>
          <cell r="BC271" t="str">
            <v/>
          </cell>
          <cell r="BD271" t="str">
            <v/>
          </cell>
          <cell r="BE271" t="str">
            <v/>
          </cell>
          <cell r="BF271">
            <v>0.41736111111111113</v>
          </cell>
          <cell r="BG271">
            <v>5920</v>
          </cell>
          <cell r="BH271" t="str">
            <v>岡田  賢</v>
          </cell>
          <cell r="BI271" t="str">
            <v>市民課</v>
          </cell>
          <cell r="BJ271">
            <v>2617</v>
          </cell>
          <cell r="BN271" t="str">
            <v>リ</v>
          </cell>
          <cell r="BO271">
            <v>15</v>
          </cell>
          <cell r="BS271">
            <v>886248</v>
          </cell>
          <cell r="BT271">
            <v>13400</v>
          </cell>
          <cell r="BU271">
            <v>1</v>
          </cell>
          <cell r="BV271" t="str">
            <v/>
          </cell>
          <cell r="CD271" t="str">
            <v/>
          </cell>
          <cell r="CH271">
            <v>-128</v>
          </cell>
          <cell r="CI271">
            <v>44147</v>
          </cell>
          <cell r="CP271">
            <v>94774</v>
          </cell>
          <cell r="CW271" t="str">
            <v/>
          </cell>
          <cell r="CX271" t="str">
            <v/>
          </cell>
          <cell r="CY271" t="str">
            <v/>
          </cell>
          <cell r="CZ271" t="str">
            <v/>
          </cell>
          <cell r="DA271">
            <v>44155</v>
          </cell>
          <cell r="DB271">
            <v>44161</v>
          </cell>
          <cell r="DD271" t="str">
            <v/>
          </cell>
          <cell r="DL271">
            <v>10064</v>
          </cell>
          <cell r="DM271">
            <v>10115</v>
          </cell>
          <cell r="DN271">
            <v>10147</v>
          </cell>
          <cell r="DO271">
            <v>10153</v>
          </cell>
          <cell r="DP271">
            <v>10200</v>
          </cell>
          <cell r="DQ271">
            <v>10287</v>
          </cell>
          <cell r="DR271">
            <v>10295</v>
          </cell>
          <cell r="DS271">
            <v>10437</v>
          </cell>
          <cell r="DT271">
            <v>10439</v>
          </cell>
          <cell r="DU271">
            <v>10471</v>
          </cell>
          <cell r="DV271">
            <v>10509</v>
          </cell>
          <cell r="DW271">
            <v>10667</v>
          </cell>
          <cell r="EZ271">
            <v>12</v>
          </cell>
          <cell r="FA271">
            <v>6</v>
          </cell>
          <cell r="FI271">
            <v>5</v>
          </cell>
          <cell r="FJ271" t="str">
            <v>指名競争入札（簡易認証）</v>
          </cell>
          <cell r="FN271">
            <v>4</v>
          </cell>
          <cell r="FO271" t="str">
            <v>電子入札</v>
          </cell>
          <cell r="FS271">
            <v>4</v>
          </cell>
          <cell r="FT271" t="str">
            <v/>
          </cell>
          <cell r="FU271" t="str">
            <v/>
          </cell>
          <cell r="FW271" t="str">
            <v/>
          </cell>
          <cell r="FY271" t="str">
            <v/>
          </cell>
          <cell r="GD271">
            <v>1</v>
          </cell>
          <cell r="GE271" t="str">
            <v>契約・検査課長　松本　嘉博</v>
          </cell>
          <cell r="GF271">
            <v>10200</v>
          </cell>
          <cell r="GG271" t="str">
            <v>富士通リース(株)</v>
          </cell>
          <cell r="GH271">
            <v>871200</v>
          </cell>
          <cell r="GI271">
            <v>79200</v>
          </cell>
          <cell r="GJ271" t="str">
            <v/>
          </cell>
          <cell r="GT271" t="str">
            <v/>
          </cell>
          <cell r="GW271" t="str">
            <v/>
          </cell>
          <cell r="HO271" t="str">
            <v/>
          </cell>
          <cell r="HP271" t="str">
            <v>-</v>
          </cell>
          <cell r="HQ271" t="str">
            <v>-</v>
          </cell>
          <cell r="HR271" t="str">
            <v>-</v>
          </cell>
          <cell r="HS271" t="str">
            <v>-</v>
          </cell>
          <cell r="HT271">
            <v>13200</v>
          </cell>
          <cell r="HU271">
            <v>13200</v>
          </cell>
          <cell r="HV271" t="str">
            <v>-</v>
          </cell>
          <cell r="HW271" t="str">
            <v>-</v>
          </cell>
          <cell r="HX271" t="str">
            <v>-</v>
          </cell>
          <cell r="HY271" t="str">
            <v>-</v>
          </cell>
          <cell r="HZ271" t="str">
            <v>-</v>
          </cell>
          <cell r="IA271" t="str">
            <v>-</v>
          </cell>
          <cell r="JD271" t="str">
            <v/>
          </cell>
          <cell r="JE271" t="str">
            <v/>
          </cell>
          <cell r="JF271" t="str">
            <v/>
          </cell>
          <cell r="JG271" t="str">
            <v/>
          </cell>
          <cell r="JH271" t="str">
            <v/>
          </cell>
          <cell r="JI271" t="str">
            <v/>
          </cell>
          <cell r="JJ271" t="str">
            <v/>
          </cell>
          <cell r="JK271" t="str">
            <v/>
          </cell>
          <cell r="JL271" t="str">
            <v/>
          </cell>
          <cell r="JM271" t="str">
            <v/>
          </cell>
          <cell r="JN271" t="str">
            <v/>
          </cell>
          <cell r="JO271" t="str">
            <v/>
          </cell>
          <cell r="JP271" t="str">
            <v/>
          </cell>
          <cell r="JQ271" t="str">
            <v/>
          </cell>
          <cell r="JR271" t="str">
            <v/>
          </cell>
          <cell r="JS271" t="str">
            <v/>
          </cell>
          <cell r="JT271" t="str">
            <v/>
          </cell>
          <cell r="JU271" t="str">
            <v/>
          </cell>
          <cell r="JV271" t="str">
            <v/>
          </cell>
          <cell r="JW271" t="str">
            <v/>
          </cell>
          <cell r="JX271" t="str">
            <v/>
          </cell>
          <cell r="JY271" t="str">
            <v/>
          </cell>
          <cell r="JZ271">
            <v>1.0033167164179104</v>
          </cell>
        </row>
        <row r="272">
          <cell r="C272" t="str">
            <v/>
          </cell>
          <cell r="D272" t="str">
            <v/>
          </cell>
          <cell r="E272" t="str">
            <v/>
          </cell>
          <cell r="I272">
            <v>264</v>
          </cell>
          <cell r="M272" t="str">
            <v>令和２年度マスク・使い捨て手袋・ペーパータオルの購入</v>
          </cell>
          <cell r="Q272" t="str">
            <v>ﾏｽｸ手袋紙ﾀｵﾙ</v>
          </cell>
          <cell r="Y272">
            <v>1</v>
          </cell>
          <cell r="AC272">
            <v>8</v>
          </cell>
          <cell r="AD272">
            <v>1</v>
          </cell>
          <cell r="AI272" t="str">
            <v>伊丹市内の公立幼稚園および公私立保育施設、認定こども園</v>
          </cell>
          <cell r="AQ272">
            <v>1</v>
          </cell>
          <cell r="AY272">
            <v>44166</v>
          </cell>
          <cell r="AZ272">
            <v>44167</v>
          </cell>
          <cell r="BA272">
            <v>61</v>
          </cell>
          <cell r="BB272">
            <v>44227</v>
          </cell>
          <cell r="BC272" t="str">
            <v/>
          </cell>
          <cell r="BD272" t="str">
            <v/>
          </cell>
          <cell r="BE272" t="str">
            <v/>
          </cell>
          <cell r="BF272">
            <v>0.41736111111111113</v>
          </cell>
          <cell r="BG272">
            <v>5819</v>
          </cell>
          <cell r="BH272" t="str">
            <v>原田　桂子</v>
          </cell>
          <cell r="BI272" t="str">
            <v>幼児教育推進課</v>
          </cell>
          <cell r="BJ272">
            <v>4241</v>
          </cell>
          <cell r="BN272" t="str">
            <v>物</v>
          </cell>
          <cell r="BO272">
            <v>49</v>
          </cell>
          <cell r="BS272">
            <v>6201360</v>
          </cell>
          <cell r="BT272">
            <v>5630000</v>
          </cell>
          <cell r="BU272">
            <v>1</v>
          </cell>
          <cell r="BV272" t="str">
            <v/>
          </cell>
          <cell r="CD272" t="str">
            <v/>
          </cell>
          <cell r="CH272">
            <v>-129</v>
          </cell>
          <cell r="CI272">
            <v>44148</v>
          </cell>
          <cell r="CP272">
            <v>99262</v>
          </cell>
          <cell r="CW272" t="str">
            <v/>
          </cell>
          <cell r="CX272" t="str">
            <v/>
          </cell>
          <cell r="CY272" t="str">
            <v/>
          </cell>
          <cell r="CZ272" t="str">
            <v/>
          </cell>
          <cell r="DA272">
            <v>44155</v>
          </cell>
          <cell r="DB272">
            <v>44161</v>
          </cell>
          <cell r="DD272" t="str">
            <v/>
          </cell>
          <cell r="DL272">
            <v>10602</v>
          </cell>
          <cell r="DM272">
            <v>10705</v>
          </cell>
          <cell r="DN272">
            <v>10004</v>
          </cell>
          <cell r="DO272">
            <v>12659</v>
          </cell>
          <cell r="DP272">
            <v>10484</v>
          </cell>
          <cell r="DQ272">
            <v>10143</v>
          </cell>
          <cell r="DR272">
            <v>12770</v>
          </cell>
          <cell r="DS272">
            <v>12131</v>
          </cell>
          <cell r="DT272">
            <v>10249</v>
          </cell>
          <cell r="DU272">
            <v>11108</v>
          </cell>
          <cell r="EZ272">
            <v>10</v>
          </cell>
          <cell r="FA272">
            <v>8</v>
          </cell>
          <cell r="FI272">
            <v>5</v>
          </cell>
          <cell r="FJ272" t="str">
            <v>指名競争入札（簡易認証）</v>
          </cell>
          <cell r="FN272">
            <v>4</v>
          </cell>
          <cell r="FO272" t="str">
            <v>電子入札</v>
          </cell>
          <cell r="FS272">
            <v>3</v>
          </cell>
          <cell r="FT272" t="str">
            <v/>
          </cell>
          <cell r="FU272" t="str">
            <v/>
          </cell>
          <cell r="FW272" t="str">
            <v/>
          </cell>
          <cell r="FY272" t="str">
            <v/>
          </cell>
          <cell r="GD272">
            <v>1</v>
          </cell>
          <cell r="GE272" t="str">
            <v>契約・検査課長　松本　嘉博</v>
          </cell>
          <cell r="GF272" t="str">
            <v>-</v>
          </cell>
          <cell r="GG272" t="str">
            <v>×</v>
          </cell>
          <cell r="GI272" t="str">
            <v/>
          </cell>
          <cell r="GJ272" t="str">
            <v/>
          </cell>
          <cell r="GT272" t="str">
            <v/>
          </cell>
          <cell r="GW272" t="str">
            <v/>
          </cell>
          <cell r="HO272" t="str">
            <v/>
          </cell>
          <cell r="HP272" t="str">
            <v>-</v>
          </cell>
          <cell r="HQ272" t="str">
            <v>-</v>
          </cell>
          <cell r="HR272" t="str">
            <v>-</v>
          </cell>
          <cell r="HS272" t="str">
            <v>-</v>
          </cell>
          <cell r="HT272" t="str">
            <v>-</v>
          </cell>
          <cell r="HU272" t="str">
            <v>-</v>
          </cell>
          <cell r="HV272" t="str">
            <v>-</v>
          </cell>
          <cell r="HW272" t="str">
            <v>-</v>
          </cell>
          <cell r="HX272" t="str">
            <v>-</v>
          </cell>
          <cell r="HY272" t="str">
            <v>-</v>
          </cell>
          <cell r="JD272" t="str">
            <v/>
          </cell>
          <cell r="JE272" t="str">
            <v/>
          </cell>
          <cell r="JF272" t="str">
            <v/>
          </cell>
          <cell r="JG272" t="str">
            <v/>
          </cell>
          <cell r="JH272" t="str">
            <v/>
          </cell>
          <cell r="JI272" t="str">
            <v/>
          </cell>
          <cell r="JJ272" t="str">
            <v/>
          </cell>
          <cell r="JK272" t="str">
            <v/>
          </cell>
          <cell r="JL272" t="str">
            <v/>
          </cell>
          <cell r="JM272" t="str">
            <v/>
          </cell>
          <cell r="JN272" t="str">
            <v/>
          </cell>
          <cell r="JO272" t="str">
            <v/>
          </cell>
          <cell r="JP272">
            <v>49</v>
          </cell>
          <cell r="JQ272">
            <v>48</v>
          </cell>
          <cell r="JR272" t="str">
            <v/>
          </cell>
          <cell r="JS272" t="str">
            <v/>
          </cell>
          <cell r="JT272" t="str">
            <v/>
          </cell>
          <cell r="JU272" t="str">
            <v/>
          </cell>
          <cell r="JV272" t="str">
            <v/>
          </cell>
          <cell r="JW272" t="str">
            <v/>
          </cell>
          <cell r="JX272" t="str">
            <v/>
          </cell>
          <cell r="JY272" t="str">
            <v/>
          </cell>
          <cell r="JZ272" t="str">
            <v/>
          </cell>
        </row>
        <row r="273">
          <cell r="C273" t="str">
            <v/>
          </cell>
          <cell r="D273" t="str">
            <v/>
          </cell>
          <cell r="E273" t="str">
            <v/>
          </cell>
          <cell r="I273">
            <v>265</v>
          </cell>
          <cell r="M273" t="str">
            <v>令和２年度伊丹市立鴻池小学校受水槽改修工事</v>
          </cell>
          <cell r="Q273" t="str">
            <v>鴻池小受水槽</v>
          </cell>
          <cell r="Y273">
            <v>1</v>
          </cell>
          <cell r="AC273">
            <v>4</v>
          </cell>
          <cell r="AI273" t="str">
            <v>伊丹市鴻池４丁目４番５号</v>
          </cell>
          <cell r="AM273" t="str">
            <v>受水槽及び給水ポンプの更新工事</v>
          </cell>
          <cell r="AQ273">
            <v>1</v>
          </cell>
          <cell r="AY273">
            <v>44180</v>
          </cell>
          <cell r="AZ273">
            <v>44181</v>
          </cell>
          <cell r="BA273">
            <v>104</v>
          </cell>
          <cell r="BB273">
            <v>44284</v>
          </cell>
          <cell r="BC273">
            <v>11</v>
          </cell>
          <cell r="BD273" t="str">
            <v>○</v>
          </cell>
          <cell r="BE273" t="str">
            <v>○</v>
          </cell>
          <cell r="BF273">
            <v>0.41736111111111113</v>
          </cell>
          <cell r="BG273">
            <v>7641</v>
          </cell>
          <cell r="BH273" t="str">
            <v>安木　亮太</v>
          </cell>
          <cell r="BI273" t="str">
            <v>施設課</v>
          </cell>
          <cell r="BJ273">
            <v>4669</v>
          </cell>
          <cell r="BN273" t="str">
            <v>教</v>
          </cell>
          <cell r="BO273">
            <v>15</v>
          </cell>
          <cell r="BS273">
            <v>7997000</v>
          </cell>
          <cell r="BT273">
            <v>7270000</v>
          </cell>
          <cell r="BU273">
            <v>1</v>
          </cell>
          <cell r="BV273">
            <v>6580000</v>
          </cell>
          <cell r="BW273">
            <v>5448255</v>
          </cell>
          <cell r="BX273">
            <v>121956</v>
          </cell>
          <cell r="BY273">
            <v>716297</v>
          </cell>
          <cell r="BZ273">
            <v>983492</v>
          </cell>
          <cell r="CD273" t="str">
            <v/>
          </cell>
          <cell r="CH273">
            <v>126</v>
          </cell>
          <cell r="CI273">
            <v>44151</v>
          </cell>
          <cell r="CJ273" t="str">
            <v>一般</v>
          </cell>
          <cell r="CK273" t="str">
            <v>伊丹市内に本店</v>
          </cell>
          <cell r="CL273" t="str">
            <v>400点以上</v>
          </cell>
          <cell r="CP273">
            <v>57419</v>
          </cell>
          <cell r="CT273" t="str">
            <v>右記</v>
          </cell>
          <cell r="CU273" t="str">
            <v>管工事の施工実績を有すること。</v>
          </cell>
          <cell r="CW273">
            <v>44160</v>
          </cell>
          <cell r="CX273">
            <v>44162</v>
          </cell>
          <cell r="CY273">
            <v>44165</v>
          </cell>
          <cell r="CZ273">
            <v>44166</v>
          </cell>
          <cell r="DA273">
            <v>44167</v>
          </cell>
          <cell r="DB273">
            <v>44172</v>
          </cell>
          <cell r="DC273">
            <v>22</v>
          </cell>
          <cell r="DD273" t="str">
            <v>○</v>
          </cell>
          <cell r="DL273">
            <v>63</v>
          </cell>
          <cell r="DM273">
            <v>128</v>
          </cell>
          <cell r="DN273">
            <v>284</v>
          </cell>
          <cell r="DO273">
            <v>474</v>
          </cell>
          <cell r="DP273">
            <v>550</v>
          </cell>
          <cell r="EZ273">
            <v>5</v>
          </cell>
          <cell r="FA273">
            <v>8</v>
          </cell>
          <cell r="FI273">
            <v>1</v>
          </cell>
          <cell r="FJ273" t="str">
            <v>制限付一般競争入札</v>
          </cell>
          <cell r="FN273">
            <v>4</v>
          </cell>
          <cell r="FO273" t="str">
            <v>電子入札</v>
          </cell>
          <cell r="FS273">
            <v>1</v>
          </cell>
          <cell r="FT273" t="str">
            <v/>
          </cell>
          <cell r="FU273" t="str">
            <v/>
          </cell>
          <cell r="FW273" t="str">
            <v/>
          </cell>
          <cell r="FY273" t="str">
            <v/>
          </cell>
          <cell r="GC273">
            <v>1</v>
          </cell>
          <cell r="GD273">
            <v>1</v>
          </cell>
          <cell r="GE273" t="str">
            <v>契約・検査課長　松本　嘉博</v>
          </cell>
          <cell r="GF273">
            <v>550</v>
          </cell>
          <cell r="GG273" t="str">
            <v>(株)兵建</v>
          </cell>
          <cell r="GH273">
            <v>7370000</v>
          </cell>
          <cell r="GI273">
            <v>670000</v>
          </cell>
          <cell r="GJ273">
            <v>737000</v>
          </cell>
          <cell r="GL273" t="str">
            <v>２級管工事施工管理技士</v>
          </cell>
          <cell r="GM273" t="str">
            <v>徐　幸一</v>
          </cell>
          <cell r="GN273" t="str">
            <v>２級管工事施工管理技士</v>
          </cell>
          <cell r="GO273" t="str">
            <v>徐　幸一</v>
          </cell>
          <cell r="GT273" t="str">
            <v/>
          </cell>
          <cell r="GW273" t="str">
            <v/>
          </cell>
          <cell r="HO273" t="str">
            <v/>
          </cell>
          <cell r="HP273" t="str">
            <v>-</v>
          </cell>
          <cell r="HQ273" t="str">
            <v>-</v>
          </cell>
          <cell r="HR273" t="str">
            <v>-</v>
          </cell>
          <cell r="HS273">
            <v>7200000</v>
          </cell>
          <cell r="HT273">
            <v>6700000</v>
          </cell>
          <cell r="JD273" t="str">
            <v/>
          </cell>
          <cell r="JE273" t="str">
            <v/>
          </cell>
          <cell r="JF273" t="str">
            <v/>
          </cell>
          <cell r="JG273" t="str">
            <v/>
          </cell>
          <cell r="JH273" t="str">
            <v/>
          </cell>
          <cell r="JI273" t="str">
            <v/>
          </cell>
          <cell r="JJ273" t="str">
            <v/>
          </cell>
          <cell r="JK273" t="str">
            <v/>
          </cell>
          <cell r="JL273">
            <v>15</v>
          </cell>
          <cell r="JM273">
            <v>15</v>
          </cell>
          <cell r="JN273" t="str">
            <v/>
          </cell>
          <cell r="JO273" t="str">
            <v/>
          </cell>
          <cell r="JP273" t="str">
            <v/>
          </cell>
          <cell r="JQ273" t="str">
            <v/>
          </cell>
          <cell r="JR273" t="str">
            <v/>
          </cell>
          <cell r="JS273" t="str">
            <v/>
          </cell>
          <cell r="JT273" t="str">
            <v/>
          </cell>
          <cell r="JU273" t="str">
            <v/>
          </cell>
          <cell r="JV273" t="str">
            <v/>
          </cell>
          <cell r="JW273" t="str">
            <v/>
          </cell>
          <cell r="JX273" t="str">
            <v/>
          </cell>
          <cell r="JY273" t="str">
            <v/>
          </cell>
          <cell r="JZ273">
            <v>0.92159559834938087</v>
          </cell>
        </row>
        <row r="274">
          <cell r="C274" t="str">
            <v/>
          </cell>
          <cell r="D274" t="str">
            <v/>
          </cell>
          <cell r="E274" t="str">
            <v/>
          </cell>
          <cell r="I274">
            <v>266</v>
          </cell>
          <cell r="M274" t="str">
            <v>令和２年度手指消毒用アルコール・ポンプ式スプレーボトルの購入</v>
          </cell>
          <cell r="Q274" t="str">
            <v>手指消毒液ﾎﾞﾄﾙ</v>
          </cell>
          <cell r="Y274">
            <v>1</v>
          </cell>
          <cell r="AC274">
            <v>8</v>
          </cell>
          <cell r="AD274">
            <v>1</v>
          </cell>
          <cell r="AI274" t="str">
            <v>伊丹市内の公立幼稚園および公私立保育施設、認定こども園</v>
          </cell>
          <cell r="AQ274">
            <v>1</v>
          </cell>
          <cell r="AY274">
            <v>44169</v>
          </cell>
          <cell r="AZ274">
            <v>44172</v>
          </cell>
          <cell r="BA274">
            <v>56</v>
          </cell>
          <cell r="BB274">
            <v>44227</v>
          </cell>
          <cell r="BC274" t="str">
            <v/>
          </cell>
          <cell r="BD274" t="str">
            <v/>
          </cell>
          <cell r="BE274" t="str">
            <v/>
          </cell>
          <cell r="BF274">
            <v>0.41805555555555557</v>
          </cell>
          <cell r="BG274">
            <v>5819</v>
          </cell>
          <cell r="BH274" t="str">
            <v>原田　桂子</v>
          </cell>
          <cell r="BI274" t="str">
            <v>幼児教育推進課</v>
          </cell>
          <cell r="BJ274">
            <v>4241</v>
          </cell>
          <cell r="BN274" t="str">
            <v>物</v>
          </cell>
          <cell r="BO274">
            <v>50</v>
          </cell>
          <cell r="BS274">
            <v>3327500</v>
          </cell>
          <cell r="BT274">
            <v>3020000</v>
          </cell>
          <cell r="BU274">
            <v>1</v>
          </cell>
          <cell r="BV274" t="str">
            <v/>
          </cell>
          <cell r="CD274" t="str">
            <v/>
          </cell>
          <cell r="CH274">
            <v>-130</v>
          </cell>
          <cell r="CI274">
            <v>44148</v>
          </cell>
          <cell r="CP274">
            <v>19269</v>
          </cell>
          <cell r="CW274" t="str">
            <v/>
          </cell>
          <cell r="CX274" t="str">
            <v/>
          </cell>
          <cell r="CY274" t="str">
            <v/>
          </cell>
          <cell r="CZ274" t="str">
            <v/>
          </cell>
          <cell r="DA274">
            <v>44155</v>
          </cell>
          <cell r="DB274">
            <v>44161</v>
          </cell>
          <cell r="DD274" t="str">
            <v/>
          </cell>
          <cell r="DL274">
            <v>10249</v>
          </cell>
          <cell r="DM274">
            <v>11381</v>
          </cell>
          <cell r="DN274">
            <v>11598</v>
          </cell>
          <cell r="DO274">
            <v>10556</v>
          </cell>
          <cell r="DP274">
            <v>10793</v>
          </cell>
          <cell r="DQ274">
            <v>11108</v>
          </cell>
          <cell r="DR274">
            <v>11446</v>
          </cell>
          <cell r="DS274">
            <v>11538</v>
          </cell>
          <cell r="DT274">
            <v>12688</v>
          </cell>
          <cell r="DU274">
            <v>10639</v>
          </cell>
          <cell r="DV274">
            <v>10744</v>
          </cell>
          <cell r="DW274">
            <v>10016</v>
          </cell>
          <cell r="DX274">
            <v>10532</v>
          </cell>
          <cell r="DY274">
            <v>10179</v>
          </cell>
          <cell r="EZ274">
            <v>14</v>
          </cell>
          <cell r="FA274">
            <v>6</v>
          </cell>
          <cell r="FI274">
            <v>5</v>
          </cell>
          <cell r="FJ274" t="str">
            <v>指名競争入札（簡易認証）</v>
          </cell>
          <cell r="FN274">
            <v>4</v>
          </cell>
          <cell r="FO274" t="str">
            <v>電子入札</v>
          </cell>
          <cell r="FS274">
            <v>3</v>
          </cell>
          <cell r="FT274" t="str">
            <v/>
          </cell>
          <cell r="FU274" t="str">
            <v/>
          </cell>
          <cell r="FW274" t="str">
            <v/>
          </cell>
          <cell r="FY274" t="str">
            <v/>
          </cell>
          <cell r="GD274">
            <v>1</v>
          </cell>
          <cell r="GE274" t="str">
            <v>契約・検査課長　松本　嘉博</v>
          </cell>
          <cell r="GF274">
            <v>10744</v>
          </cell>
          <cell r="GG274" t="str">
            <v>(株)中西製作所</v>
          </cell>
          <cell r="GH274">
            <v>1617000</v>
          </cell>
          <cell r="GI274">
            <v>147000</v>
          </cell>
          <cell r="GJ274" t="str">
            <v/>
          </cell>
          <cell r="GT274" t="str">
            <v/>
          </cell>
          <cell r="GW274" t="str">
            <v/>
          </cell>
          <cell r="HO274" t="str">
            <v/>
          </cell>
          <cell r="HP274" t="str">
            <v>-</v>
          </cell>
          <cell r="HQ274" t="str">
            <v>-</v>
          </cell>
          <cell r="HR274" t="str">
            <v>-</v>
          </cell>
          <cell r="HS274" t="str">
            <v>-</v>
          </cell>
          <cell r="HT274" t="str">
            <v>-</v>
          </cell>
          <cell r="HU274" t="str">
            <v>-</v>
          </cell>
          <cell r="HV274" t="str">
            <v>-</v>
          </cell>
          <cell r="HW274" t="str">
            <v>-</v>
          </cell>
          <cell r="HX274" t="str">
            <v>-</v>
          </cell>
          <cell r="HY274" t="str">
            <v>-</v>
          </cell>
          <cell r="HZ274">
            <v>1470000</v>
          </cell>
          <cell r="IA274">
            <v>2100000</v>
          </cell>
          <cell r="IB274">
            <v>2200000</v>
          </cell>
          <cell r="IC274" t="str">
            <v>-</v>
          </cell>
          <cell r="JD274" t="str">
            <v/>
          </cell>
          <cell r="JE274" t="str">
            <v/>
          </cell>
          <cell r="JF274" t="str">
            <v/>
          </cell>
          <cell r="JG274" t="str">
            <v/>
          </cell>
          <cell r="JH274" t="str">
            <v/>
          </cell>
          <cell r="JI274" t="str">
            <v/>
          </cell>
          <cell r="JJ274" t="str">
            <v/>
          </cell>
          <cell r="JK274" t="str">
            <v/>
          </cell>
          <cell r="JL274" t="str">
            <v/>
          </cell>
          <cell r="JM274" t="str">
            <v/>
          </cell>
          <cell r="JN274" t="str">
            <v/>
          </cell>
          <cell r="JO274" t="str">
            <v/>
          </cell>
          <cell r="JP274">
            <v>50</v>
          </cell>
          <cell r="JQ274">
            <v>49</v>
          </cell>
          <cell r="JR274" t="str">
            <v/>
          </cell>
          <cell r="JS274" t="str">
            <v/>
          </cell>
          <cell r="JT274" t="str">
            <v/>
          </cell>
          <cell r="JU274" t="str">
            <v/>
          </cell>
          <cell r="JV274" t="str">
            <v/>
          </cell>
          <cell r="JW274" t="str">
            <v/>
          </cell>
          <cell r="JX274" t="str">
            <v/>
          </cell>
          <cell r="JY274" t="str">
            <v/>
          </cell>
          <cell r="JZ274">
            <v>0.48675496688741715</v>
          </cell>
        </row>
        <row r="275">
          <cell r="C275" t="str">
            <v/>
          </cell>
          <cell r="D275" t="str">
            <v/>
          </cell>
          <cell r="E275" t="str">
            <v/>
          </cell>
          <cell r="I275">
            <v>267</v>
          </cell>
          <cell r="L275">
            <v>1</v>
          </cell>
          <cell r="M275" t="str">
            <v>令和２年度教室用タブレット端末の購入</v>
          </cell>
          <cell r="Q275" t="str">
            <v>教室用ﾀﾌﾞﾚｯﾄ</v>
          </cell>
          <cell r="Y275">
            <v>1</v>
          </cell>
          <cell r="AC275">
            <v>8</v>
          </cell>
          <cell r="AD275">
            <v>1</v>
          </cell>
          <cell r="AI275" t="str">
            <v>伊丹市千僧１丁目１番地総合教育センター</v>
          </cell>
          <cell r="AQ275">
            <v>1</v>
          </cell>
          <cell r="AY275">
            <v>44166</v>
          </cell>
          <cell r="AZ275">
            <v>44167</v>
          </cell>
          <cell r="BA275">
            <v>88</v>
          </cell>
          <cell r="BB275">
            <v>44254</v>
          </cell>
          <cell r="BC275" t="str">
            <v/>
          </cell>
          <cell r="BD275" t="str">
            <v/>
          </cell>
          <cell r="BE275" t="str">
            <v/>
          </cell>
          <cell r="BF275">
            <v>0.41875000000000001</v>
          </cell>
          <cell r="BG275">
            <v>6957</v>
          </cell>
          <cell r="BH275" t="str">
            <v>祝  優美子</v>
          </cell>
          <cell r="BI275" t="str">
            <v>教育政策課</v>
          </cell>
          <cell r="BJ275">
            <v>2305</v>
          </cell>
          <cell r="BN275" t="str">
            <v>物</v>
          </cell>
          <cell r="BO275">
            <v>51</v>
          </cell>
          <cell r="BS275">
            <v>16858660</v>
          </cell>
          <cell r="BT275">
            <v>15320000</v>
          </cell>
          <cell r="BU275">
            <v>1</v>
          </cell>
          <cell r="BV275" t="str">
            <v/>
          </cell>
          <cell r="CH275">
            <v>-131</v>
          </cell>
          <cell r="CI275">
            <v>44152</v>
          </cell>
          <cell r="CP275">
            <v>33152</v>
          </cell>
          <cell r="CW275" t="str">
            <v/>
          </cell>
          <cell r="CX275" t="str">
            <v/>
          </cell>
          <cell r="CY275" t="str">
            <v/>
          </cell>
          <cell r="CZ275" t="str">
            <v/>
          </cell>
          <cell r="DA275">
            <v>44159</v>
          </cell>
          <cell r="DB275">
            <v>44161</v>
          </cell>
          <cell r="DD275" t="str">
            <v/>
          </cell>
          <cell r="DL275">
            <v>11182</v>
          </cell>
          <cell r="DM275">
            <v>11227</v>
          </cell>
          <cell r="DN275">
            <v>11898</v>
          </cell>
          <cell r="DO275">
            <v>11411</v>
          </cell>
          <cell r="DP275">
            <v>12478</v>
          </cell>
          <cell r="DQ275">
            <v>12608</v>
          </cell>
          <cell r="DR275">
            <v>10793</v>
          </cell>
          <cell r="DS275">
            <v>10844</v>
          </cell>
          <cell r="DT275">
            <v>10556</v>
          </cell>
          <cell r="DU275">
            <v>10761</v>
          </cell>
          <cell r="DV275">
            <v>10075</v>
          </cell>
          <cell r="DW275">
            <v>11716</v>
          </cell>
          <cell r="DX275">
            <v>10402</v>
          </cell>
          <cell r="DY275">
            <v>10434</v>
          </cell>
          <cell r="DZ275">
            <v>10167</v>
          </cell>
          <cell r="EZ275">
            <v>15</v>
          </cell>
          <cell r="FA275">
            <v>8</v>
          </cell>
          <cell r="FI275">
            <v>5</v>
          </cell>
          <cell r="FJ275" t="str">
            <v>指名競争入札（簡易認証）</v>
          </cell>
          <cell r="FN275">
            <v>4</v>
          </cell>
          <cell r="FO275" t="str">
            <v>電子入札</v>
          </cell>
          <cell r="FS275">
            <v>3</v>
          </cell>
          <cell r="FT275" t="str">
            <v/>
          </cell>
          <cell r="FU275" t="str">
            <v/>
          </cell>
          <cell r="FW275" t="str">
            <v/>
          </cell>
          <cell r="FY275" t="str">
            <v/>
          </cell>
          <cell r="GD275">
            <v>1</v>
          </cell>
          <cell r="GE275" t="str">
            <v>契約・検査課長　松本　嘉博</v>
          </cell>
          <cell r="GG275" t="str">
            <v/>
          </cell>
          <cell r="GI275" t="str">
            <v/>
          </cell>
          <cell r="GJ275" t="str">
            <v/>
          </cell>
          <cell r="GT275" t="str">
            <v/>
          </cell>
          <cell r="GW275" t="str">
            <v/>
          </cell>
          <cell r="HO275" t="str">
            <v/>
          </cell>
          <cell r="JD275" t="str">
            <v/>
          </cell>
          <cell r="JE275" t="str">
            <v/>
          </cell>
          <cell r="JF275" t="str">
            <v/>
          </cell>
          <cell r="JG275" t="str">
            <v/>
          </cell>
          <cell r="JH275" t="str">
            <v/>
          </cell>
          <cell r="JI275" t="str">
            <v/>
          </cell>
          <cell r="JJ275" t="str">
            <v/>
          </cell>
          <cell r="JK275" t="str">
            <v/>
          </cell>
          <cell r="JL275" t="str">
            <v/>
          </cell>
          <cell r="JM275" t="str">
            <v/>
          </cell>
          <cell r="JN275" t="str">
            <v/>
          </cell>
          <cell r="JO275" t="str">
            <v/>
          </cell>
          <cell r="JP275">
            <v>51</v>
          </cell>
          <cell r="JQ275">
            <v>50</v>
          </cell>
          <cell r="JR275" t="str">
            <v/>
          </cell>
          <cell r="JS275" t="str">
            <v/>
          </cell>
          <cell r="JT275" t="str">
            <v/>
          </cell>
          <cell r="JU275" t="str">
            <v/>
          </cell>
          <cell r="JV275" t="str">
            <v/>
          </cell>
          <cell r="JW275" t="str">
            <v/>
          </cell>
          <cell r="JX275" t="str">
            <v/>
          </cell>
          <cell r="JY275" t="str">
            <v/>
          </cell>
          <cell r="JZ275" t="str">
            <v/>
          </cell>
        </row>
        <row r="276">
          <cell r="C276" t="str">
            <v/>
          </cell>
          <cell r="D276" t="str">
            <v/>
          </cell>
          <cell r="E276" t="str">
            <v/>
          </cell>
          <cell r="I276">
            <v>268</v>
          </cell>
          <cell r="M276" t="str">
            <v>令和２年度伊丹市消防局電気供給業務(高圧電力ＡＳ)</v>
          </cell>
          <cell r="Q276" t="str">
            <v>消防電力（高圧）</v>
          </cell>
          <cell r="Y276">
            <v>1</v>
          </cell>
          <cell r="AB276">
            <v>2</v>
          </cell>
          <cell r="AC276">
            <v>8</v>
          </cell>
          <cell r="AF276">
            <v>1</v>
          </cell>
          <cell r="AI276" t="str">
            <v>伊丹市昆陽１丁目１番地１</v>
          </cell>
          <cell r="AQ276">
            <v>3</v>
          </cell>
          <cell r="AU276">
            <v>24</v>
          </cell>
          <cell r="AY276">
            <v>44211</v>
          </cell>
          <cell r="AZ276">
            <v>44211</v>
          </cell>
          <cell r="BA276">
            <v>806</v>
          </cell>
          <cell r="BB276">
            <v>45016</v>
          </cell>
          <cell r="BC276">
            <v>16</v>
          </cell>
          <cell r="BD276" t="str">
            <v>○</v>
          </cell>
          <cell r="BE276" t="str">
            <v/>
          </cell>
          <cell r="BF276">
            <v>0.58402777777777781</v>
          </cell>
          <cell r="BG276">
            <v>4886</v>
          </cell>
          <cell r="BH276" t="str">
            <v>田中  美幸</v>
          </cell>
          <cell r="BI276" t="str">
            <v>消防総務課</v>
          </cell>
          <cell r="BJ276">
            <v>2609</v>
          </cell>
          <cell r="BN276" t="str">
            <v>他</v>
          </cell>
          <cell r="BO276">
            <v>82</v>
          </cell>
          <cell r="BS276">
            <v>10327436</v>
          </cell>
          <cell r="BT276">
            <v>10327436</v>
          </cell>
          <cell r="BU276">
            <v>1</v>
          </cell>
          <cell r="BV276" t="str">
            <v/>
          </cell>
          <cell r="CH276">
            <v>127</v>
          </cell>
          <cell r="CI276">
            <v>44161</v>
          </cell>
          <cell r="CP276">
            <v>75646</v>
          </cell>
          <cell r="CW276">
            <v>44176</v>
          </cell>
          <cell r="CX276">
            <v>44186</v>
          </cell>
          <cell r="CY276">
            <v>44189</v>
          </cell>
          <cell r="CZ276">
            <v>44190</v>
          </cell>
          <cell r="DA276">
            <v>44181</v>
          </cell>
          <cell r="DB276">
            <v>44188</v>
          </cell>
          <cell r="DC276">
            <v>684</v>
          </cell>
          <cell r="DD276" t="str">
            <v/>
          </cell>
          <cell r="DL276">
            <v>11447</v>
          </cell>
          <cell r="DM276">
            <v>12028</v>
          </cell>
          <cell r="DN276">
            <v>12776</v>
          </cell>
          <cell r="DO276">
            <v>12994</v>
          </cell>
          <cell r="EZ276">
            <v>4</v>
          </cell>
          <cell r="FA276">
            <v>8</v>
          </cell>
          <cell r="FI276">
            <v>1</v>
          </cell>
          <cell r="FJ276" t="str">
            <v>制限付一般競争入札</v>
          </cell>
          <cell r="FN276">
            <v>4</v>
          </cell>
          <cell r="FO276" t="str">
            <v>電子入札</v>
          </cell>
          <cell r="FS276">
            <v>5</v>
          </cell>
          <cell r="FT276" t="str">
            <v/>
          </cell>
          <cell r="FU276" t="str">
            <v/>
          </cell>
          <cell r="FW276" t="str">
            <v/>
          </cell>
          <cell r="FY276" t="str">
            <v/>
          </cell>
          <cell r="GD276">
            <v>1</v>
          </cell>
          <cell r="GE276" t="str">
            <v>契約・検査課長　松本　嘉博</v>
          </cell>
          <cell r="GF276">
            <v>12994</v>
          </cell>
          <cell r="GG276" t="str">
            <v>中部電力ミライズ㈱</v>
          </cell>
          <cell r="GH276">
            <v>8113156</v>
          </cell>
          <cell r="GI276">
            <v>737559</v>
          </cell>
          <cell r="GT276" t="str">
            <v/>
          </cell>
          <cell r="GW276" t="str">
            <v/>
          </cell>
          <cell r="HO276" t="str">
            <v/>
          </cell>
          <cell r="HP276">
            <v>8778664</v>
          </cell>
          <cell r="HQ276">
            <v>8133720</v>
          </cell>
          <cell r="HR276">
            <v>8117844</v>
          </cell>
          <cell r="HS276">
            <v>8113156</v>
          </cell>
          <cell r="JD276" t="str">
            <v/>
          </cell>
          <cell r="JE276" t="str">
            <v/>
          </cell>
          <cell r="JF276" t="str">
            <v/>
          </cell>
          <cell r="JG276" t="str">
            <v/>
          </cell>
          <cell r="JH276" t="str">
            <v/>
          </cell>
          <cell r="JI276" t="str">
            <v/>
          </cell>
          <cell r="JJ276" t="str">
            <v/>
          </cell>
          <cell r="JK276" t="str">
            <v/>
          </cell>
          <cell r="JL276" t="str">
            <v/>
          </cell>
          <cell r="JM276" t="str">
            <v/>
          </cell>
          <cell r="JN276" t="str">
            <v/>
          </cell>
          <cell r="JO276" t="str">
            <v/>
          </cell>
          <cell r="JP276" t="str">
            <v/>
          </cell>
          <cell r="JQ276" t="str">
            <v/>
          </cell>
          <cell r="JR276" t="str">
            <v/>
          </cell>
          <cell r="JS276" t="str">
            <v/>
          </cell>
          <cell r="JT276" t="str">
            <v/>
          </cell>
          <cell r="JU276" t="str">
            <v/>
          </cell>
          <cell r="JV276" t="str">
            <v/>
          </cell>
          <cell r="JW276" t="str">
            <v/>
          </cell>
          <cell r="JX276">
            <v>82</v>
          </cell>
          <cell r="JY276">
            <v>80</v>
          </cell>
          <cell r="JZ276">
            <v>0.71417497659984175</v>
          </cell>
        </row>
        <row r="277">
          <cell r="C277" t="str">
            <v/>
          </cell>
          <cell r="D277" t="str">
            <v/>
          </cell>
          <cell r="E277" t="str">
            <v/>
          </cell>
          <cell r="I277">
            <v>269</v>
          </cell>
          <cell r="M277" t="str">
            <v>令和２年度児童生徒用タブレット端末キーボードの購入</v>
          </cell>
          <cell r="Q277" t="str">
            <v>ｷｰﾎﾞｰﾄﾞ購入</v>
          </cell>
          <cell r="Y277">
            <v>1</v>
          </cell>
          <cell r="AC277">
            <v>8</v>
          </cell>
          <cell r="AD277">
            <v>1</v>
          </cell>
          <cell r="AI277" t="str">
            <v>伊丹市千僧１丁目１番地総合教育センター</v>
          </cell>
          <cell r="AQ277">
            <v>1</v>
          </cell>
          <cell r="AY277">
            <v>44189</v>
          </cell>
          <cell r="AZ277">
            <v>44189</v>
          </cell>
          <cell r="BA277">
            <v>89</v>
          </cell>
          <cell r="BB277">
            <v>44277</v>
          </cell>
          <cell r="BC277" t="str">
            <v/>
          </cell>
          <cell r="BD277" t="str">
            <v/>
          </cell>
          <cell r="BE277" t="str">
            <v/>
          </cell>
          <cell r="BF277">
            <v>0.58402777777777781</v>
          </cell>
          <cell r="BG277">
            <v>7548</v>
          </cell>
          <cell r="BH277" t="str">
            <v>片岡　栄二郎</v>
          </cell>
          <cell r="BI277" t="str">
            <v>総合教育センター</v>
          </cell>
          <cell r="BJ277">
            <v>4649</v>
          </cell>
          <cell r="BN277" t="str">
            <v>物</v>
          </cell>
          <cell r="BO277">
            <v>52</v>
          </cell>
          <cell r="BS277">
            <v>4818000</v>
          </cell>
          <cell r="BT277">
            <v>4380000</v>
          </cell>
          <cell r="BU277">
            <v>1</v>
          </cell>
          <cell r="BV277" t="str">
            <v/>
          </cell>
          <cell r="CD277" t="str">
            <v/>
          </cell>
          <cell r="CH277">
            <v>-132</v>
          </cell>
          <cell r="CI277">
            <v>44172</v>
          </cell>
          <cell r="CP277">
            <v>78555</v>
          </cell>
          <cell r="CW277" t="str">
            <v/>
          </cell>
          <cell r="CX277" t="str">
            <v/>
          </cell>
          <cell r="CY277" t="str">
            <v/>
          </cell>
          <cell r="CZ277" t="str">
            <v/>
          </cell>
          <cell r="DA277">
            <v>44179</v>
          </cell>
          <cell r="DB277">
            <v>44181</v>
          </cell>
          <cell r="DD277" t="str">
            <v/>
          </cell>
          <cell r="DL277">
            <v>11182</v>
          </cell>
          <cell r="DM277">
            <v>11227</v>
          </cell>
          <cell r="DN277">
            <v>12608</v>
          </cell>
          <cell r="DO277">
            <v>10793</v>
          </cell>
          <cell r="DP277">
            <v>10844</v>
          </cell>
          <cell r="DQ277">
            <v>10556</v>
          </cell>
          <cell r="DR277">
            <v>10761</v>
          </cell>
          <cell r="DS277">
            <v>10075</v>
          </cell>
          <cell r="DT277">
            <v>11716</v>
          </cell>
          <cell r="DU277">
            <v>10402</v>
          </cell>
          <cell r="DV277">
            <v>10434</v>
          </cell>
          <cell r="DW277">
            <v>10167</v>
          </cell>
          <cell r="DX277">
            <v>11022</v>
          </cell>
          <cell r="EZ277">
            <v>13</v>
          </cell>
          <cell r="FA277">
            <v>6</v>
          </cell>
          <cell r="FI277">
            <v>5</v>
          </cell>
          <cell r="FJ277" t="str">
            <v>指名競争入札（簡易認証）</v>
          </cell>
          <cell r="FN277">
            <v>4</v>
          </cell>
          <cell r="FO277" t="str">
            <v>電子入札</v>
          </cell>
          <cell r="FS277">
            <v>3</v>
          </cell>
          <cell r="FT277" t="str">
            <v/>
          </cell>
          <cell r="FU277" t="str">
            <v/>
          </cell>
          <cell r="FW277" t="str">
            <v/>
          </cell>
          <cell r="FY277" t="str">
            <v/>
          </cell>
          <cell r="GD277">
            <v>1</v>
          </cell>
          <cell r="GE277" t="str">
            <v>契約・検査課長　松本　嘉博</v>
          </cell>
          <cell r="GF277">
            <v>10793</v>
          </cell>
          <cell r="GG277" t="str">
            <v>(株)大塚商会</v>
          </cell>
          <cell r="GH277">
            <v>3745500</v>
          </cell>
          <cell r="GI277">
            <v>340500</v>
          </cell>
          <cell r="GJ277">
            <v>375000</v>
          </cell>
          <cell r="GT277" t="str">
            <v/>
          </cell>
          <cell r="GW277" t="str">
            <v/>
          </cell>
          <cell r="HO277" t="str">
            <v/>
          </cell>
          <cell r="HP277">
            <v>4495000</v>
          </cell>
          <cell r="HQ277">
            <v>4420000</v>
          </cell>
          <cell r="HR277" t="str">
            <v>-</v>
          </cell>
          <cell r="HS277">
            <v>3405000</v>
          </cell>
          <cell r="HT277">
            <v>3700000</v>
          </cell>
          <cell r="HU277" t="str">
            <v>-</v>
          </cell>
          <cell r="HV277" t="str">
            <v>-</v>
          </cell>
          <cell r="HW277" t="str">
            <v>-</v>
          </cell>
          <cell r="HX277" t="str">
            <v>-</v>
          </cell>
          <cell r="HY277">
            <v>5000000</v>
          </cell>
          <cell r="HZ277" t="str">
            <v>-</v>
          </cell>
          <cell r="IA277" t="str">
            <v>-</v>
          </cell>
          <cell r="IB277">
            <v>4300000</v>
          </cell>
          <cell r="JD277" t="str">
            <v/>
          </cell>
          <cell r="JE277" t="str">
            <v/>
          </cell>
          <cell r="JF277" t="str">
            <v/>
          </cell>
          <cell r="JG277" t="str">
            <v/>
          </cell>
          <cell r="JH277" t="str">
            <v/>
          </cell>
          <cell r="JI277" t="str">
            <v/>
          </cell>
          <cell r="JJ277" t="str">
            <v/>
          </cell>
          <cell r="JK277" t="str">
            <v/>
          </cell>
          <cell r="JL277" t="str">
            <v/>
          </cell>
          <cell r="JM277" t="str">
            <v/>
          </cell>
          <cell r="JN277" t="str">
            <v/>
          </cell>
          <cell r="JO277" t="str">
            <v/>
          </cell>
          <cell r="JP277">
            <v>52</v>
          </cell>
          <cell r="JQ277">
            <v>51</v>
          </cell>
          <cell r="JR277" t="str">
            <v/>
          </cell>
          <cell r="JS277" t="str">
            <v/>
          </cell>
          <cell r="JT277" t="str">
            <v/>
          </cell>
          <cell r="JU277" t="str">
            <v/>
          </cell>
          <cell r="JV277" t="str">
            <v/>
          </cell>
          <cell r="JW277" t="str">
            <v/>
          </cell>
          <cell r="JX277" t="str">
            <v/>
          </cell>
          <cell r="JY277" t="str">
            <v/>
          </cell>
          <cell r="JZ277">
            <v>0.77739726027397249</v>
          </cell>
        </row>
        <row r="278">
          <cell r="C278" t="str">
            <v/>
          </cell>
          <cell r="D278" t="str">
            <v/>
          </cell>
          <cell r="E278" t="str">
            <v/>
          </cell>
          <cell r="I278">
            <v>270</v>
          </cell>
          <cell r="M278" t="str">
            <v>令和２年度教室用タブレット端末の購入(その２）</v>
          </cell>
          <cell r="Q278" t="str">
            <v>教室用ﾀﾌﾞﾚｯﾄ２</v>
          </cell>
          <cell r="Y278">
            <v>1</v>
          </cell>
          <cell r="AC278">
            <v>8</v>
          </cell>
          <cell r="AD278">
            <v>1</v>
          </cell>
          <cell r="AI278" t="str">
            <v>伊丹市千僧１丁目１番地総合教育センター</v>
          </cell>
          <cell r="AQ278">
            <v>1</v>
          </cell>
          <cell r="AY278">
            <v>44187</v>
          </cell>
          <cell r="AZ278">
            <v>44188</v>
          </cell>
          <cell r="BA278">
            <v>67</v>
          </cell>
          <cell r="BB278">
            <v>44254</v>
          </cell>
          <cell r="BC278" t="str">
            <v/>
          </cell>
          <cell r="BD278" t="str">
            <v/>
          </cell>
          <cell r="BE278" t="str">
            <v/>
          </cell>
          <cell r="BF278">
            <v>0.41736111111111113</v>
          </cell>
          <cell r="BG278">
            <v>6957</v>
          </cell>
          <cell r="BH278" t="str">
            <v>祝  優美子</v>
          </cell>
          <cell r="BI278" t="str">
            <v>教育政策課</v>
          </cell>
          <cell r="BJ278">
            <v>2305</v>
          </cell>
          <cell r="BN278" t="str">
            <v>物</v>
          </cell>
          <cell r="BO278">
            <v>53</v>
          </cell>
          <cell r="BS278">
            <v>6066959</v>
          </cell>
          <cell r="BT278">
            <v>5510000</v>
          </cell>
          <cell r="BU278">
            <v>1</v>
          </cell>
          <cell r="BV278" t="str">
            <v/>
          </cell>
          <cell r="CH278">
            <v>-133</v>
          </cell>
          <cell r="CI278">
            <v>44167</v>
          </cell>
          <cell r="CP278">
            <v>39941</v>
          </cell>
          <cell r="CW278" t="str">
            <v/>
          </cell>
          <cell r="CX278" t="str">
            <v/>
          </cell>
          <cell r="CY278" t="str">
            <v/>
          </cell>
          <cell r="CZ278" t="str">
            <v/>
          </cell>
          <cell r="DA278">
            <v>44174</v>
          </cell>
          <cell r="DB278">
            <v>44179</v>
          </cell>
          <cell r="DD278" t="str">
            <v/>
          </cell>
          <cell r="DL278">
            <v>11182</v>
          </cell>
          <cell r="DM278">
            <v>11227</v>
          </cell>
          <cell r="DN278">
            <v>11898</v>
          </cell>
          <cell r="DO278">
            <v>11411</v>
          </cell>
          <cell r="DP278">
            <v>12478</v>
          </cell>
          <cell r="DQ278">
            <v>12608</v>
          </cell>
          <cell r="DR278">
            <v>10793</v>
          </cell>
          <cell r="DS278">
            <v>10844</v>
          </cell>
          <cell r="DT278">
            <v>10556</v>
          </cell>
          <cell r="DU278">
            <v>10761</v>
          </cell>
          <cell r="DV278">
            <v>10075</v>
          </cell>
          <cell r="DW278">
            <v>11716</v>
          </cell>
          <cell r="DX278">
            <v>10402</v>
          </cell>
          <cell r="DY278">
            <v>10434</v>
          </cell>
          <cell r="DZ278">
            <v>10167</v>
          </cell>
          <cell r="EZ278">
            <v>15</v>
          </cell>
          <cell r="FA278">
            <v>8</v>
          </cell>
          <cell r="FI278">
            <v>5</v>
          </cell>
          <cell r="FJ278" t="str">
            <v>指名競争入札（簡易認証）</v>
          </cell>
          <cell r="FN278">
            <v>4</v>
          </cell>
          <cell r="FO278" t="str">
            <v>電子入札</v>
          </cell>
          <cell r="FS278">
            <v>3</v>
          </cell>
          <cell r="FT278" t="str">
            <v/>
          </cell>
          <cell r="FU278" t="str">
            <v/>
          </cell>
          <cell r="FW278" t="str">
            <v/>
          </cell>
          <cell r="FY278" t="str">
            <v/>
          </cell>
          <cell r="GD278">
            <v>1</v>
          </cell>
          <cell r="GE278" t="str">
            <v>契約・検査課長　松本　嘉博</v>
          </cell>
          <cell r="GF278" t="str">
            <v>-</v>
          </cell>
          <cell r="GG278" t="str">
            <v>×</v>
          </cell>
          <cell r="GI278" t="str">
            <v/>
          </cell>
          <cell r="GJ278" t="str">
            <v/>
          </cell>
          <cell r="GT278" t="str">
            <v/>
          </cell>
          <cell r="GW278" t="str">
            <v/>
          </cell>
          <cell r="HO278" t="str">
            <v/>
          </cell>
          <cell r="HP278" t="str">
            <v>-</v>
          </cell>
          <cell r="HQ278">
            <v>5537000</v>
          </cell>
          <cell r="HR278" t="str">
            <v>-</v>
          </cell>
          <cell r="HS278" t="str">
            <v>-</v>
          </cell>
          <cell r="HT278" t="str">
            <v>-</v>
          </cell>
          <cell r="HU278" t="str">
            <v>-</v>
          </cell>
          <cell r="HV278" t="str">
            <v>-</v>
          </cell>
          <cell r="HW278" t="str">
            <v>-</v>
          </cell>
          <cell r="HX278" t="str">
            <v>-</v>
          </cell>
          <cell r="HY278" t="str">
            <v>-</v>
          </cell>
          <cell r="HZ278" t="str">
            <v>-</v>
          </cell>
          <cell r="IA278" t="str">
            <v>-</v>
          </cell>
          <cell r="IB278" t="str">
            <v>-</v>
          </cell>
          <cell r="IC278" t="str">
            <v>-</v>
          </cell>
          <cell r="ID278" t="str">
            <v>-</v>
          </cell>
          <cell r="JD278" t="str">
            <v/>
          </cell>
          <cell r="JE278" t="str">
            <v/>
          </cell>
          <cell r="JF278" t="str">
            <v/>
          </cell>
          <cell r="JG278" t="str">
            <v/>
          </cell>
          <cell r="JH278" t="str">
            <v/>
          </cell>
          <cell r="JI278" t="str">
            <v/>
          </cell>
          <cell r="JJ278" t="str">
            <v/>
          </cell>
          <cell r="JK278" t="str">
            <v/>
          </cell>
          <cell r="JL278" t="str">
            <v/>
          </cell>
          <cell r="JM278" t="str">
            <v/>
          </cell>
          <cell r="JN278" t="str">
            <v/>
          </cell>
          <cell r="JO278" t="str">
            <v/>
          </cell>
          <cell r="JP278">
            <v>53</v>
          </cell>
          <cell r="JQ278">
            <v>52</v>
          </cell>
          <cell r="JR278" t="str">
            <v/>
          </cell>
          <cell r="JS278" t="str">
            <v/>
          </cell>
          <cell r="JT278" t="str">
            <v/>
          </cell>
          <cell r="JU278" t="str">
            <v/>
          </cell>
          <cell r="JV278" t="str">
            <v/>
          </cell>
          <cell r="JW278" t="str">
            <v/>
          </cell>
          <cell r="JX278" t="str">
            <v/>
          </cell>
          <cell r="JY278" t="str">
            <v/>
          </cell>
          <cell r="JZ278" t="str">
            <v/>
          </cell>
        </row>
        <row r="279">
          <cell r="C279" t="str">
            <v/>
          </cell>
          <cell r="D279" t="str">
            <v/>
          </cell>
          <cell r="E279" t="str">
            <v/>
          </cell>
          <cell r="I279">
            <v>271</v>
          </cell>
          <cell r="M279" t="str">
            <v>令和２年度市民課統合端末６台リース</v>
          </cell>
          <cell r="Q279" t="str">
            <v>統合端末ﾘｰｽ</v>
          </cell>
          <cell r="Y279">
            <v>1</v>
          </cell>
          <cell r="AC279">
            <v>8</v>
          </cell>
          <cell r="AD279">
            <v>6</v>
          </cell>
          <cell r="AI279" t="str">
            <v>伊丹市役所本庁１階市民課</v>
          </cell>
          <cell r="AQ279">
            <v>7</v>
          </cell>
          <cell r="AU279">
            <v>60</v>
          </cell>
          <cell r="AY279">
            <v>44176</v>
          </cell>
          <cell r="AZ279">
            <v>44179</v>
          </cell>
          <cell r="BA279">
            <v>1844</v>
          </cell>
          <cell r="BB279">
            <v>46022</v>
          </cell>
          <cell r="BC279" t="str">
            <v/>
          </cell>
          <cell r="BD279" t="str">
            <v/>
          </cell>
          <cell r="BE279" t="str">
            <v/>
          </cell>
          <cell r="BF279">
            <v>0.41736111111111113</v>
          </cell>
          <cell r="BG279">
            <v>5920</v>
          </cell>
          <cell r="BH279" t="str">
            <v>岡田  賢</v>
          </cell>
          <cell r="BI279" t="str">
            <v>市民課</v>
          </cell>
          <cell r="BJ279">
            <v>2617</v>
          </cell>
          <cell r="BN279" t="str">
            <v>リ</v>
          </cell>
          <cell r="BO279">
            <v>16</v>
          </cell>
          <cell r="BS279">
            <v>2720995</v>
          </cell>
          <cell r="BT279">
            <v>41000</v>
          </cell>
          <cell r="BU279">
            <v>1</v>
          </cell>
          <cell r="BV279" t="str">
            <v/>
          </cell>
          <cell r="CD279" t="str">
            <v/>
          </cell>
          <cell r="CH279">
            <v>-134</v>
          </cell>
          <cell r="CI279">
            <v>44160</v>
          </cell>
          <cell r="CP279">
            <v>18453</v>
          </cell>
          <cell r="CW279" t="str">
            <v/>
          </cell>
          <cell r="CX279" t="str">
            <v/>
          </cell>
          <cell r="CY279" t="str">
            <v/>
          </cell>
          <cell r="CZ279" t="str">
            <v/>
          </cell>
          <cell r="DA279">
            <v>44168</v>
          </cell>
          <cell r="DB279">
            <v>44172</v>
          </cell>
          <cell r="DD279" t="str">
            <v/>
          </cell>
          <cell r="DL279">
            <v>10064</v>
          </cell>
          <cell r="DM279">
            <v>10115</v>
          </cell>
          <cell r="DN279">
            <v>10147</v>
          </cell>
          <cell r="DO279">
            <v>10153</v>
          </cell>
          <cell r="DP279">
            <v>10200</v>
          </cell>
          <cell r="DQ279">
            <v>10287</v>
          </cell>
          <cell r="DR279">
            <v>10295</v>
          </cell>
          <cell r="DS279">
            <v>10437</v>
          </cell>
          <cell r="DT279">
            <v>10439</v>
          </cell>
          <cell r="DU279">
            <v>10471</v>
          </cell>
          <cell r="DV279">
            <v>10509</v>
          </cell>
          <cell r="DW279">
            <v>10667</v>
          </cell>
          <cell r="EZ279">
            <v>12</v>
          </cell>
          <cell r="FA279">
            <v>6</v>
          </cell>
          <cell r="FI279">
            <v>5</v>
          </cell>
          <cell r="FJ279" t="str">
            <v>指名競争入札（簡易認証）</v>
          </cell>
          <cell r="FN279">
            <v>4</v>
          </cell>
          <cell r="FO279" t="str">
            <v>電子入札</v>
          </cell>
          <cell r="FS279">
            <v>4</v>
          </cell>
          <cell r="FT279" t="str">
            <v/>
          </cell>
          <cell r="FU279" t="str">
            <v/>
          </cell>
          <cell r="FW279" t="str">
            <v/>
          </cell>
          <cell r="FY279" t="str">
            <v/>
          </cell>
          <cell r="GD279">
            <v>1</v>
          </cell>
          <cell r="GE279" t="str">
            <v>契約・検査課長　松本　嘉博</v>
          </cell>
          <cell r="GF279">
            <v>10287</v>
          </cell>
          <cell r="GG279" t="str">
            <v>(株)ＪＥＣＣ</v>
          </cell>
          <cell r="GH279">
            <v>2607000</v>
          </cell>
          <cell r="GI279">
            <v>237000</v>
          </cell>
          <cell r="GJ279" t="str">
            <v/>
          </cell>
          <cell r="GT279" t="str">
            <v/>
          </cell>
          <cell r="GW279" t="str">
            <v/>
          </cell>
          <cell r="HO279" t="str">
            <v/>
          </cell>
          <cell r="HP279" t="str">
            <v>-</v>
          </cell>
          <cell r="HQ279" t="str">
            <v>-</v>
          </cell>
          <cell r="HR279" t="str">
            <v>-</v>
          </cell>
          <cell r="HS279" t="str">
            <v>-</v>
          </cell>
          <cell r="HT279">
            <v>39510</v>
          </cell>
          <cell r="HU279">
            <v>39500</v>
          </cell>
          <cell r="HV279" t="str">
            <v>-</v>
          </cell>
          <cell r="HW279" t="str">
            <v>-</v>
          </cell>
          <cell r="HX279" t="str">
            <v>-</v>
          </cell>
          <cell r="HY279" t="str">
            <v>-</v>
          </cell>
          <cell r="HZ279" t="str">
            <v>-</v>
          </cell>
          <cell r="IA279" t="str">
            <v>-</v>
          </cell>
          <cell r="JD279" t="str">
            <v/>
          </cell>
          <cell r="JE279" t="str">
            <v/>
          </cell>
          <cell r="JF279" t="str">
            <v/>
          </cell>
          <cell r="JG279" t="str">
            <v/>
          </cell>
          <cell r="JH279" t="str">
            <v/>
          </cell>
          <cell r="JI279" t="str">
            <v/>
          </cell>
          <cell r="JJ279" t="str">
            <v/>
          </cell>
          <cell r="JK279" t="str">
            <v/>
          </cell>
          <cell r="JL279" t="str">
            <v/>
          </cell>
          <cell r="JM279" t="str">
            <v/>
          </cell>
          <cell r="JN279" t="str">
            <v/>
          </cell>
          <cell r="JO279" t="str">
            <v/>
          </cell>
          <cell r="JP279" t="str">
            <v/>
          </cell>
          <cell r="JQ279" t="str">
            <v/>
          </cell>
          <cell r="JR279" t="str">
            <v/>
          </cell>
          <cell r="JS279" t="str">
            <v/>
          </cell>
          <cell r="JT279" t="str">
            <v/>
          </cell>
          <cell r="JU279" t="str">
            <v/>
          </cell>
          <cell r="JV279" t="str">
            <v/>
          </cell>
          <cell r="JW279" t="str">
            <v/>
          </cell>
          <cell r="JX279" t="str">
            <v/>
          </cell>
          <cell r="JY279" t="str">
            <v/>
          </cell>
          <cell r="JZ279">
            <v>0.98125563414634143</v>
          </cell>
        </row>
        <row r="280">
          <cell r="C280" t="str">
            <v/>
          </cell>
          <cell r="D280" t="str">
            <v/>
          </cell>
          <cell r="E280" t="str">
            <v/>
          </cell>
          <cell r="I280">
            <v>272</v>
          </cell>
          <cell r="M280" t="str">
            <v>令和２年度モバイル通信回線およびモバイル通信端末調達業務</v>
          </cell>
          <cell r="Q280" t="str">
            <v>ﾓﾊﾞｲﾙ端末購入</v>
          </cell>
          <cell r="Y280">
            <v>1</v>
          </cell>
          <cell r="AC280">
            <v>8</v>
          </cell>
          <cell r="AD280">
            <v>1</v>
          </cell>
          <cell r="AI280" t="str">
            <v>伊丹市千僧１丁目１番地</v>
          </cell>
          <cell r="AQ280">
            <v>3</v>
          </cell>
          <cell r="AY280">
            <v>44187</v>
          </cell>
          <cell r="AZ280">
            <v>44188</v>
          </cell>
          <cell r="BA280">
            <v>99</v>
          </cell>
          <cell r="BB280">
            <v>44286</v>
          </cell>
          <cell r="BC280" t="str">
            <v/>
          </cell>
          <cell r="BD280" t="str">
            <v/>
          </cell>
          <cell r="BE280" t="str">
            <v/>
          </cell>
          <cell r="BF280">
            <v>0.41805555555555557</v>
          </cell>
          <cell r="BG280">
            <v>6980</v>
          </cell>
          <cell r="BH280" t="str">
            <v>當眞  康嗣</v>
          </cell>
          <cell r="BI280" t="str">
            <v>情報管理課</v>
          </cell>
          <cell r="BJ280">
            <v>4493</v>
          </cell>
          <cell r="BN280" t="str">
            <v>物</v>
          </cell>
          <cell r="BO280">
            <v>54</v>
          </cell>
          <cell r="BS280">
            <v>875875</v>
          </cell>
          <cell r="BT280">
            <v>796250</v>
          </cell>
          <cell r="BU280">
            <v>1</v>
          </cell>
          <cell r="BV280" t="str">
            <v/>
          </cell>
          <cell r="CD280" t="str">
            <v/>
          </cell>
          <cell r="CH280">
            <v>-135</v>
          </cell>
          <cell r="CI280">
            <v>44172</v>
          </cell>
          <cell r="CP280">
            <v>83606</v>
          </cell>
          <cell r="CW280" t="str">
            <v/>
          </cell>
          <cell r="CX280" t="str">
            <v/>
          </cell>
          <cell r="CY280" t="str">
            <v/>
          </cell>
          <cell r="CZ280" t="str">
            <v/>
          </cell>
          <cell r="DA280">
            <v>44179</v>
          </cell>
          <cell r="DB280">
            <v>44182</v>
          </cell>
          <cell r="DD280" t="str">
            <v/>
          </cell>
          <cell r="DL280">
            <v>11411</v>
          </cell>
          <cell r="DM280">
            <v>12478</v>
          </cell>
          <cell r="DN280">
            <v>12608</v>
          </cell>
          <cell r="DO280">
            <v>10723</v>
          </cell>
          <cell r="DP280">
            <v>10341</v>
          </cell>
          <cell r="DQ280">
            <v>12603</v>
          </cell>
          <cell r="DR280">
            <v>10013</v>
          </cell>
          <cell r="DS280">
            <v>12982</v>
          </cell>
          <cell r="EZ280">
            <v>8</v>
          </cell>
          <cell r="FA280">
            <v>6</v>
          </cell>
          <cell r="FI280">
            <v>5</v>
          </cell>
          <cell r="FJ280" t="str">
            <v>指名競争入札（簡易認証）</v>
          </cell>
          <cell r="FN280">
            <v>4</v>
          </cell>
          <cell r="FO280" t="str">
            <v>電子入札</v>
          </cell>
          <cell r="FS280">
            <v>5</v>
          </cell>
          <cell r="FT280" t="str">
            <v/>
          </cell>
          <cell r="FU280" t="str">
            <v/>
          </cell>
          <cell r="FW280" t="str">
            <v/>
          </cell>
          <cell r="FY280" t="str">
            <v/>
          </cell>
          <cell r="GD280">
            <v>1</v>
          </cell>
          <cell r="GE280" t="str">
            <v>契約・検査課長　松本　嘉博</v>
          </cell>
          <cell r="GF280" t="str">
            <v>-</v>
          </cell>
          <cell r="GG280" t="str">
            <v>×</v>
          </cell>
          <cell r="GI280" t="str">
            <v/>
          </cell>
          <cell r="GJ280" t="str">
            <v/>
          </cell>
          <cell r="GT280" t="str">
            <v/>
          </cell>
          <cell r="GW280" t="str">
            <v/>
          </cell>
          <cell r="HO280" t="str">
            <v/>
          </cell>
          <cell r="HP280" t="str">
            <v>-</v>
          </cell>
          <cell r="HQ280" t="str">
            <v>-</v>
          </cell>
          <cell r="HR280" t="str">
            <v>-</v>
          </cell>
          <cell r="HS280" t="str">
            <v>-</v>
          </cell>
          <cell r="HT280" t="str">
            <v>-</v>
          </cell>
          <cell r="HU280" t="str">
            <v>-</v>
          </cell>
          <cell r="HV280" t="str">
            <v>-</v>
          </cell>
          <cell r="HW280" t="str">
            <v>-</v>
          </cell>
          <cell r="JD280" t="str">
            <v/>
          </cell>
          <cell r="JE280" t="str">
            <v/>
          </cell>
          <cell r="JF280" t="str">
            <v/>
          </cell>
          <cell r="JG280" t="str">
            <v/>
          </cell>
          <cell r="JH280" t="str">
            <v/>
          </cell>
          <cell r="JI280" t="str">
            <v/>
          </cell>
          <cell r="JJ280" t="str">
            <v/>
          </cell>
          <cell r="JK280" t="str">
            <v/>
          </cell>
          <cell r="JL280" t="str">
            <v/>
          </cell>
          <cell r="JM280" t="str">
            <v/>
          </cell>
          <cell r="JN280" t="str">
            <v/>
          </cell>
          <cell r="JO280" t="str">
            <v/>
          </cell>
          <cell r="JP280">
            <v>54</v>
          </cell>
          <cell r="JQ280">
            <v>53</v>
          </cell>
          <cell r="JR280" t="str">
            <v/>
          </cell>
          <cell r="JS280" t="str">
            <v/>
          </cell>
          <cell r="JT280" t="str">
            <v/>
          </cell>
          <cell r="JU280" t="str">
            <v/>
          </cell>
          <cell r="JV280" t="str">
            <v/>
          </cell>
          <cell r="JW280" t="str">
            <v/>
          </cell>
          <cell r="JX280" t="str">
            <v/>
          </cell>
          <cell r="JY280" t="str">
            <v/>
          </cell>
          <cell r="JZ280" t="str">
            <v/>
          </cell>
        </row>
        <row r="281">
          <cell r="C281" t="str">
            <v/>
          </cell>
          <cell r="D281" t="str">
            <v/>
          </cell>
          <cell r="E281" t="str">
            <v/>
          </cell>
          <cell r="I281">
            <v>273</v>
          </cell>
          <cell r="M281" t="str">
            <v>令和２年度Web会議（WebEX)ライセンスの購入</v>
          </cell>
          <cell r="Q281" t="str">
            <v>WebEXﾗｲｾﾝｽの購入</v>
          </cell>
          <cell r="Y281">
            <v>1</v>
          </cell>
          <cell r="AC281">
            <v>8</v>
          </cell>
          <cell r="AD281">
            <v>1</v>
          </cell>
          <cell r="AI281" t="str">
            <v>伊丹市千僧１丁目１番地</v>
          </cell>
          <cell r="AQ281">
            <v>1</v>
          </cell>
          <cell r="AY281">
            <v>44188</v>
          </cell>
          <cell r="AZ281">
            <v>44189</v>
          </cell>
          <cell r="BA281">
            <v>40</v>
          </cell>
          <cell r="BB281">
            <v>44228</v>
          </cell>
          <cell r="BC281" t="str">
            <v/>
          </cell>
          <cell r="BD281" t="str">
            <v/>
          </cell>
          <cell r="BE281" t="str">
            <v/>
          </cell>
          <cell r="BF281">
            <v>0.41736111111111113</v>
          </cell>
          <cell r="BG281">
            <v>6980</v>
          </cell>
          <cell r="BH281" t="str">
            <v>當眞  康嗣</v>
          </cell>
          <cell r="BI281" t="str">
            <v>情報管理課</v>
          </cell>
          <cell r="BJ281">
            <v>4493</v>
          </cell>
          <cell r="BN281" t="str">
            <v>物</v>
          </cell>
          <cell r="BO281">
            <v>55</v>
          </cell>
          <cell r="BS281">
            <v>1760000</v>
          </cell>
          <cell r="BT281">
            <v>1600000</v>
          </cell>
          <cell r="BU281">
            <v>1</v>
          </cell>
          <cell r="BV281" t="str">
            <v/>
          </cell>
          <cell r="CD281" t="str">
            <v/>
          </cell>
          <cell r="CH281">
            <v>-136</v>
          </cell>
          <cell r="CI281">
            <v>44173</v>
          </cell>
          <cell r="CP281">
            <v>35833</v>
          </cell>
          <cell r="CW281" t="str">
            <v/>
          </cell>
          <cell r="CX281" t="str">
            <v/>
          </cell>
          <cell r="CY281" t="str">
            <v/>
          </cell>
          <cell r="CZ281" t="str">
            <v/>
          </cell>
          <cell r="DA281">
            <v>44180</v>
          </cell>
          <cell r="DB281">
            <v>44183</v>
          </cell>
          <cell r="DD281" t="str">
            <v/>
          </cell>
          <cell r="DL281">
            <v>10793</v>
          </cell>
          <cell r="DM281">
            <v>11022</v>
          </cell>
          <cell r="DN281">
            <v>10844</v>
          </cell>
          <cell r="DO281">
            <v>10547</v>
          </cell>
          <cell r="DP281">
            <v>10556</v>
          </cell>
          <cell r="DQ281">
            <v>10276</v>
          </cell>
          <cell r="DR281">
            <v>10529</v>
          </cell>
          <cell r="DS281">
            <v>10761</v>
          </cell>
          <cell r="EZ281">
            <v>8</v>
          </cell>
          <cell r="FA281">
            <v>6</v>
          </cell>
          <cell r="FI281">
            <v>5</v>
          </cell>
          <cell r="FJ281" t="str">
            <v>指名競争入札（簡易認証）</v>
          </cell>
          <cell r="FN281">
            <v>4</v>
          </cell>
          <cell r="FO281" t="str">
            <v>電子入札</v>
          </cell>
          <cell r="FS281">
            <v>3</v>
          </cell>
          <cell r="FT281" t="str">
            <v/>
          </cell>
          <cell r="FU281" t="str">
            <v/>
          </cell>
          <cell r="FW281" t="str">
            <v/>
          </cell>
          <cell r="FY281" t="str">
            <v/>
          </cell>
          <cell r="GD281">
            <v>1</v>
          </cell>
          <cell r="GE281" t="str">
            <v>契約・検査課長　松本　嘉博</v>
          </cell>
          <cell r="GF281">
            <v>10793</v>
          </cell>
          <cell r="GG281" t="str">
            <v>(株)大塚商会</v>
          </cell>
          <cell r="GH281">
            <v>1122000</v>
          </cell>
          <cell r="GI281">
            <v>102000</v>
          </cell>
          <cell r="GJ281" t="str">
            <v/>
          </cell>
          <cell r="GT281" t="str">
            <v/>
          </cell>
          <cell r="GW281" t="str">
            <v/>
          </cell>
          <cell r="HO281" t="str">
            <v/>
          </cell>
          <cell r="HP281">
            <v>1020000</v>
          </cell>
          <cell r="HQ281">
            <v>2133000</v>
          </cell>
          <cell r="HR281" t="str">
            <v>-</v>
          </cell>
          <cell r="HS281" t="str">
            <v>-</v>
          </cell>
          <cell r="HT281" t="str">
            <v>-</v>
          </cell>
          <cell r="HU281" t="str">
            <v>-</v>
          </cell>
          <cell r="HV281" t="str">
            <v>-</v>
          </cell>
          <cell r="HW281" t="str">
            <v>-</v>
          </cell>
          <cell r="JD281" t="str">
            <v/>
          </cell>
          <cell r="JE281" t="str">
            <v/>
          </cell>
          <cell r="JF281" t="str">
            <v/>
          </cell>
          <cell r="JG281" t="str">
            <v/>
          </cell>
          <cell r="JH281" t="str">
            <v/>
          </cell>
          <cell r="JI281" t="str">
            <v/>
          </cell>
          <cell r="JJ281" t="str">
            <v/>
          </cell>
          <cell r="JK281" t="str">
            <v/>
          </cell>
          <cell r="JL281" t="str">
            <v/>
          </cell>
          <cell r="JM281" t="str">
            <v/>
          </cell>
          <cell r="JN281" t="str">
            <v/>
          </cell>
          <cell r="JO281" t="str">
            <v/>
          </cell>
          <cell r="JP281">
            <v>55</v>
          </cell>
          <cell r="JQ281">
            <v>54</v>
          </cell>
          <cell r="JR281" t="str">
            <v/>
          </cell>
          <cell r="JS281" t="str">
            <v/>
          </cell>
          <cell r="JT281" t="str">
            <v/>
          </cell>
          <cell r="JU281" t="str">
            <v/>
          </cell>
          <cell r="JV281" t="str">
            <v/>
          </cell>
          <cell r="JW281" t="str">
            <v/>
          </cell>
          <cell r="JX281" t="str">
            <v/>
          </cell>
          <cell r="JY281" t="str">
            <v/>
          </cell>
          <cell r="JZ281">
            <v>0.63749999999999996</v>
          </cell>
        </row>
        <row r="282">
          <cell r="C282" t="str">
            <v/>
          </cell>
          <cell r="D282" t="str">
            <v/>
          </cell>
          <cell r="E282" t="str">
            <v/>
          </cell>
          <cell r="I282">
            <v>274</v>
          </cell>
          <cell r="L282">
            <v>1</v>
          </cell>
          <cell r="M282" t="str">
            <v>令和２年度全文検索システムの導入業務</v>
          </cell>
          <cell r="Q282" t="str">
            <v>全文検索ｼｽﾃﾑ</v>
          </cell>
          <cell r="Y282">
            <v>1</v>
          </cell>
          <cell r="AC282">
            <v>8</v>
          </cell>
          <cell r="AD282">
            <v>1</v>
          </cell>
          <cell r="AF282">
            <v>1</v>
          </cell>
          <cell r="AI282" t="str">
            <v>伊丹市千僧１丁目１番地</v>
          </cell>
          <cell r="AQ282">
            <v>1</v>
          </cell>
          <cell r="AY282">
            <v>44210</v>
          </cell>
          <cell r="AZ282">
            <v>44210</v>
          </cell>
          <cell r="BA282">
            <v>77</v>
          </cell>
          <cell r="BB282">
            <v>44286</v>
          </cell>
          <cell r="BC282" t="str">
            <v/>
          </cell>
          <cell r="BD282" t="str">
            <v/>
          </cell>
          <cell r="BE282" t="str">
            <v/>
          </cell>
          <cell r="BF282">
            <v>0.58402777777777781</v>
          </cell>
          <cell r="BG282">
            <v>6980</v>
          </cell>
          <cell r="BH282" t="str">
            <v>當眞  康嗣</v>
          </cell>
          <cell r="BI282" t="str">
            <v>情報管理課</v>
          </cell>
          <cell r="BJ282">
            <v>4493</v>
          </cell>
          <cell r="BN282" t="str">
            <v>物</v>
          </cell>
          <cell r="BO282">
            <v>57</v>
          </cell>
          <cell r="BS282">
            <v>20718434</v>
          </cell>
          <cell r="BT282">
            <v>18830000</v>
          </cell>
          <cell r="BU282">
            <v>1</v>
          </cell>
          <cell r="BV282" t="str">
            <v/>
          </cell>
          <cell r="CD282" t="str">
            <v>●</v>
          </cell>
          <cell r="CH282">
            <v>-137</v>
          </cell>
          <cell r="CI282">
            <v>44176</v>
          </cell>
          <cell r="CP282">
            <v>44879</v>
          </cell>
          <cell r="CW282" t="str">
            <v/>
          </cell>
          <cell r="CX282" t="str">
            <v/>
          </cell>
          <cell r="CY282" t="str">
            <v/>
          </cell>
          <cell r="CZ282" t="str">
            <v/>
          </cell>
          <cell r="DA282">
            <v>44183</v>
          </cell>
          <cell r="DB282">
            <v>44189</v>
          </cell>
          <cell r="DD282" t="str">
            <v/>
          </cell>
          <cell r="DL282">
            <v>11227</v>
          </cell>
          <cell r="DM282">
            <v>10140</v>
          </cell>
          <cell r="DN282">
            <v>10793</v>
          </cell>
          <cell r="DO282">
            <v>10167</v>
          </cell>
          <cell r="DP282">
            <v>10511</v>
          </cell>
          <cell r="DQ282">
            <v>10556</v>
          </cell>
          <cell r="DR282">
            <v>11022</v>
          </cell>
          <cell r="DS282">
            <v>11478</v>
          </cell>
          <cell r="DT282">
            <v>10117</v>
          </cell>
          <cell r="DU282">
            <v>10882</v>
          </cell>
          <cell r="DV282">
            <v>12532</v>
          </cell>
          <cell r="DW282">
            <v>10158</v>
          </cell>
          <cell r="EZ282">
            <v>12</v>
          </cell>
          <cell r="FA282">
            <v>8</v>
          </cell>
          <cell r="FI282">
            <v>5</v>
          </cell>
          <cell r="FJ282" t="str">
            <v>指名競争入札（簡易認証）</v>
          </cell>
          <cell r="FN282">
            <v>4</v>
          </cell>
          <cell r="FO282" t="str">
            <v>電子入札</v>
          </cell>
          <cell r="FS282">
            <v>5</v>
          </cell>
          <cell r="FT282" t="str">
            <v/>
          </cell>
          <cell r="FU282" t="str">
            <v/>
          </cell>
          <cell r="FW282" t="str">
            <v/>
          </cell>
          <cell r="FY282" t="str">
            <v/>
          </cell>
          <cell r="GD282">
            <v>1</v>
          </cell>
          <cell r="GE282" t="str">
            <v>契約・検査課長　松本　嘉博</v>
          </cell>
          <cell r="GG282" t="str">
            <v/>
          </cell>
          <cell r="GI282" t="str">
            <v/>
          </cell>
          <cell r="GJ282" t="str">
            <v/>
          </cell>
          <cell r="GT282" t="str">
            <v/>
          </cell>
          <cell r="GW282" t="str">
            <v/>
          </cell>
          <cell r="HO282" t="str">
            <v/>
          </cell>
          <cell r="JD282" t="str">
            <v/>
          </cell>
          <cell r="JE282" t="str">
            <v/>
          </cell>
          <cell r="JF282" t="str">
            <v/>
          </cell>
          <cell r="JG282" t="str">
            <v/>
          </cell>
          <cell r="JH282" t="str">
            <v/>
          </cell>
          <cell r="JI282" t="str">
            <v/>
          </cell>
          <cell r="JJ282" t="str">
            <v/>
          </cell>
          <cell r="JK282" t="str">
            <v/>
          </cell>
          <cell r="JL282" t="str">
            <v/>
          </cell>
          <cell r="JM282" t="str">
            <v/>
          </cell>
          <cell r="JN282" t="str">
            <v/>
          </cell>
          <cell r="JO282" t="str">
            <v/>
          </cell>
          <cell r="JP282">
            <v>57</v>
          </cell>
          <cell r="JQ282">
            <v>56</v>
          </cell>
          <cell r="JR282" t="str">
            <v/>
          </cell>
          <cell r="JS282" t="str">
            <v/>
          </cell>
          <cell r="JT282" t="str">
            <v/>
          </cell>
          <cell r="JU282" t="str">
            <v/>
          </cell>
          <cell r="JV282" t="str">
            <v/>
          </cell>
          <cell r="JW282" t="str">
            <v/>
          </cell>
          <cell r="JX282" t="str">
            <v/>
          </cell>
          <cell r="JY282" t="str">
            <v/>
          </cell>
          <cell r="JZ282" t="str">
            <v/>
          </cell>
        </row>
        <row r="283">
          <cell r="C283" t="str">
            <v/>
          </cell>
          <cell r="D283" t="str">
            <v/>
          </cell>
          <cell r="E283" t="str">
            <v/>
          </cell>
          <cell r="I283">
            <v>275</v>
          </cell>
          <cell r="M283" t="str">
            <v>令和２年度iPad115台の購入</v>
          </cell>
          <cell r="Q283" t="str">
            <v>ipad購入</v>
          </cell>
          <cell r="Y283">
            <v>1</v>
          </cell>
          <cell r="AC283">
            <v>8</v>
          </cell>
          <cell r="AD283">
            <v>1</v>
          </cell>
          <cell r="AI283" t="str">
            <v>伊丹市千僧１丁目１番地</v>
          </cell>
          <cell r="AQ283">
            <v>1</v>
          </cell>
          <cell r="AY283">
            <v>44189</v>
          </cell>
          <cell r="AZ283">
            <v>44189</v>
          </cell>
          <cell r="BA283">
            <v>98</v>
          </cell>
          <cell r="BB283">
            <v>44286</v>
          </cell>
          <cell r="BC283" t="str">
            <v/>
          </cell>
          <cell r="BD283" t="str">
            <v/>
          </cell>
          <cell r="BE283" t="str">
            <v/>
          </cell>
          <cell r="BF283">
            <v>0.58472222222222225</v>
          </cell>
          <cell r="BG283">
            <v>6980</v>
          </cell>
          <cell r="BH283" t="str">
            <v>當眞  康嗣</v>
          </cell>
          <cell r="BI283" t="str">
            <v>情報管理課</v>
          </cell>
          <cell r="BJ283">
            <v>4493</v>
          </cell>
          <cell r="BN283" t="str">
            <v>物</v>
          </cell>
          <cell r="BO283">
            <v>56</v>
          </cell>
          <cell r="BS283">
            <v>15954356</v>
          </cell>
          <cell r="BT283">
            <v>14500000</v>
          </cell>
          <cell r="BU283">
            <v>1</v>
          </cell>
          <cell r="BV283" t="str">
            <v/>
          </cell>
          <cell r="CD283" t="str">
            <v>●</v>
          </cell>
          <cell r="CH283">
            <v>-138</v>
          </cell>
          <cell r="CI283">
            <v>44174</v>
          </cell>
          <cell r="CP283">
            <v>77858</v>
          </cell>
          <cell r="CW283" t="str">
            <v/>
          </cell>
          <cell r="CX283" t="str">
            <v/>
          </cell>
          <cell r="CY283" t="str">
            <v/>
          </cell>
          <cell r="CZ283" t="str">
            <v/>
          </cell>
          <cell r="DA283">
            <v>44181</v>
          </cell>
          <cell r="DB283">
            <v>44186</v>
          </cell>
          <cell r="DD283" t="str">
            <v/>
          </cell>
          <cell r="DL283">
            <v>11182</v>
          </cell>
          <cell r="DM283">
            <v>11227</v>
          </cell>
          <cell r="DN283">
            <v>11898</v>
          </cell>
          <cell r="DO283">
            <v>12478</v>
          </cell>
          <cell r="DP283">
            <v>12608</v>
          </cell>
          <cell r="DQ283">
            <v>10793</v>
          </cell>
          <cell r="DR283">
            <v>10844</v>
          </cell>
          <cell r="DS283">
            <v>10556</v>
          </cell>
          <cell r="DT283">
            <v>10761</v>
          </cell>
          <cell r="DU283">
            <v>10075</v>
          </cell>
          <cell r="DV283">
            <v>11716</v>
          </cell>
          <cell r="DW283">
            <v>10402</v>
          </cell>
          <cell r="DX283">
            <v>10434</v>
          </cell>
          <cell r="DY283">
            <v>10167</v>
          </cell>
          <cell r="DZ283">
            <v>11022</v>
          </cell>
          <cell r="EA283">
            <v>10341</v>
          </cell>
          <cell r="EZ283">
            <v>16</v>
          </cell>
          <cell r="FA283">
            <v>8</v>
          </cell>
          <cell r="FI283">
            <v>5</v>
          </cell>
          <cell r="FJ283" t="str">
            <v>指名競争入札（簡易認証）</v>
          </cell>
          <cell r="FN283">
            <v>4</v>
          </cell>
          <cell r="FO283" t="str">
            <v>電子入札</v>
          </cell>
          <cell r="FS283">
            <v>3</v>
          </cell>
          <cell r="FT283" t="str">
            <v/>
          </cell>
          <cell r="FU283" t="str">
            <v/>
          </cell>
          <cell r="FW283" t="str">
            <v/>
          </cell>
          <cell r="FY283" t="str">
            <v/>
          </cell>
          <cell r="GD283">
            <v>1</v>
          </cell>
          <cell r="GE283" t="str">
            <v>契約・検査課長　松本　嘉博</v>
          </cell>
          <cell r="GF283" t="str">
            <v>-</v>
          </cell>
          <cell r="GG283" t="str">
            <v>×</v>
          </cell>
          <cell r="GI283" t="str">
            <v/>
          </cell>
          <cell r="GJ283" t="str">
            <v/>
          </cell>
          <cell r="GT283" t="str">
            <v/>
          </cell>
          <cell r="GW283" t="str">
            <v/>
          </cell>
          <cell r="HO283" t="str">
            <v/>
          </cell>
          <cell r="HP283" t="str">
            <v>-</v>
          </cell>
          <cell r="HQ283" t="str">
            <v>-</v>
          </cell>
          <cell r="HR283" t="str">
            <v>-</v>
          </cell>
          <cell r="HS283" t="str">
            <v>-</v>
          </cell>
          <cell r="HT283" t="str">
            <v>-</v>
          </cell>
          <cell r="HU283" t="str">
            <v>-</v>
          </cell>
          <cell r="HV283" t="str">
            <v>-</v>
          </cell>
          <cell r="HW283" t="str">
            <v>-</v>
          </cell>
          <cell r="HX283" t="str">
            <v>-</v>
          </cell>
          <cell r="HY283" t="str">
            <v>-</v>
          </cell>
          <cell r="HZ283" t="str">
            <v>-</v>
          </cell>
          <cell r="IA283" t="str">
            <v>-</v>
          </cell>
          <cell r="IB283" t="str">
            <v>-</v>
          </cell>
          <cell r="IC283" t="str">
            <v>-</v>
          </cell>
          <cell r="ID283" t="str">
            <v>-</v>
          </cell>
          <cell r="IE283" t="str">
            <v>-</v>
          </cell>
          <cell r="JD283" t="str">
            <v/>
          </cell>
          <cell r="JE283" t="str">
            <v/>
          </cell>
          <cell r="JF283" t="str">
            <v/>
          </cell>
          <cell r="JG283" t="str">
            <v/>
          </cell>
          <cell r="JH283" t="str">
            <v/>
          </cell>
          <cell r="JI283" t="str">
            <v/>
          </cell>
          <cell r="JJ283" t="str">
            <v/>
          </cell>
          <cell r="JK283" t="str">
            <v/>
          </cell>
          <cell r="JL283" t="str">
            <v/>
          </cell>
          <cell r="JM283" t="str">
            <v/>
          </cell>
          <cell r="JN283" t="str">
            <v/>
          </cell>
          <cell r="JO283" t="str">
            <v/>
          </cell>
          <cell r="JP283">
            <v>56</v>
          </cell>
          <cell r="JQ283">
            <v>55</v>
          </cell>
          <cell r="JR283" t="str">
            <v/>
          </cell>
          <cell r="JS283" t="str">
            <v/>
          </cell>
          <cell r="JT283" t="str">
            <v/>
          </cell>
          <cell r="JU283" t="str">
            <v/>
          </cell>
          <cell r="JV283" t="str">
            <v/>
          </cell>
          <cell r="JW283" t="str">
            <v/>
          </cell>
          <cell r="JX283" t="str">
            <v/>
          </cell>
          <cell r="JY283" t="str">
            <v/>
          </cell>
          <cell r="JZ283" t="str">
            <v/>
          </cell>
        </row>
        <row r="284">
          <cell r="C284" t="str">
            <v/>
          </cell>
          <cell r="D284" t="str">
            <v/>
          </cell>
          <cell r="E284" t="str">
            <v/>
          </cell>
          <cell r="I284">
            <v>276</v>
          </cell>
          <cell r="M284" t="str">
            <v>令和２年度消毒液の購入</v>
          </cell>
          <cell r="Q284" t="str">
            <v>消毒液2</v>
          </cell>
          <cell r="Y284">
            <v>1</v>
          </cell>
          <cell r="AC284">
            <v>8</v>
          </cell>
          <cell r="AD284">
            <v>1</v>
          </cell>
          <cell r="AI284" t="str">
            <v>伊丹市防災センター他３４カ所</v>
          </cell>
          <cell r="AQ284">
            <v>1</v>
          </cell>
          <cell r="AY284">
            <v>44189</v>
          </cell>
          <cell r="AZ284">
            <v>44190</v>
          </cell>
          <cell r="BA284">
            <v>92</v>
          </cell>
          <cell r="BB284">
            <v>44281</v>
          </cell>
          <cell r="BC284" t="str">
            <v/>
          </cell>
          <cell r="BD284" t="str">
            <v/>
          </cell>
          <cell r="BE284" t="str">
            <v/>
          </cell>
          <cell r="BF284">
            <v>0.41736111111111113</v>
          </cell>
          <cell r="BG284">
            <v>5205</v>
          </cell>
          <cell r="BH284" t="str">
            <v>田丸  洋二</v>
          </cell>
          <cell r="BI284" t="str">
            <v>危機管理室</v>
          </cell>
          <cell r="BJ284">
            <v>4163</v>
          </cell>
          <cell r="BN284" t="str">
            <v>物</v>
          </cell>
          <cell r="BO284">
            <v>58</v>
          </cell>
          <cell r="BS284">
            <v>1815000</v>
          </cell>
          <cell r="BT284">
            <v>1650000</v>
          </cell>
          <cell r="BU284">
            <v>1</v>
          </cell>
          <cell r="BV284" t="str">
            <v/>
          </cell>
          <cell r="CD284" t="str">
            <v/>
          </cell>
          <cell r="CH284">
            <v>-139</v>
          </cell>
          <cell r="CI284">
            <v>44174</v>
          </cell>
          <cell r="CP284">
            <v>74476</v>
          </cell>
          <cell r="CW284" t="str">
            <v/>
          </cell>
          <cell r="CX284" t="str">
            <v/>
          </cell>
          <cell r="CY284" t="str">
            <v/>
          </cell>
          <cell r="CZ284" t="str">
            <v/>
          </cell>
          <cell r="DA284">
            <v>44181</v>
          </cell>
          <cell r="DB284">
            <v>44186</v>
          </cell>
          <cell r="DD284" t="str">
            <v/>
          </cell>
          <cell r="DL284">
            <v>10249</v>
          </cell>
          <cell r="DM284">
            <v>11381</v>
          </cell>
          <cell r="DN284">
            <v>11598</v>
          </cell>
          <cell r="DO284">
            <v>10556</v>
          </cell>
          <cell r="DP284">
            <v>10793</v>
          </cell>
          <cell r="DQ284">
            <v>11108</v>
          </cell>
          <cell r="DR284">
            <v>12688</v>
          </cell>
          <cell r="DS284">
            <v>10639</v>
          </cell>
          <cell r="DT284">
            <v>10744</v>
          </cell>
          <cell r="DU284">
            <v>10016</v>
          </cell>
          <cell r="DV284">
            <v>10532</v>
          </cell>
          <cell r="DW284">
            <v>10179</v>
          </cell>
          <cell r="DX284">
            <v>11550</v>
          </cell>
          <cell r="EZ284">
            <v>13</v>
          </cell>
          <cell r="FA284">
            <v>6</v>
          </cell>
          <cell r="FI284">
            <v>5</v>
          </cell>
          <cell r="FJ284" t="str">
            <v>指名競争入札（簡易認証）</v>
          </cell>
          <cell r="FN284">
            <v>4</v>
          </cell>
          <cell r="FO284" t="str">
            <v>電子入札</v>
          </cell>
          <cell r="FS284">
            <v>3</v>
          </cell>
          <cell r="FT284" t="str">
            <v/>
          </cell>
          <cell r="FU284" t="str">
            <v/>
          </cell>
          <cell r="FW284" t="str">
            <v/>
          </cell>
          <cell r="FY284" t="str">
            <v/>
          </cell>
          <cell r="GD284">
            <v>1</v>
          </cell>
          <cell r="GE284" t="str">
            <v>契約・検査課長　松本　嘉博</v>
          </cell>
          <cell r="GF284">
            <v>10016</v>
          </cell>
          <cell r="GG284" t="str">
            <v>(株)やよい</v>
          </cell>
          <cell r="GH284">
            <v>1155000</v>
          </cell>
          <cell r="GI284">
            <v>105000</v>
          </cell>
          <cell r="GJ284" t="str">
            <v/>
          </cell>
          <cell r="GT284" t="str">
            <v/>
          </cell>
          <cell r="GW284" t="str">
            <v/>
          </cell>
          <cell r="HO284" t="str">
            <v/>
          </cell>
          <cell r="HP284" t="str">
            <v>-</v>
          </cell>
          <cell r="HQ284" t="str">
            <v>-</v>
          </cell>
          <cell r="HR284" t="str">
            <v>-</v>
          </cell>
          <cell r="HS284" t="str">
            <v>-</v>
          </cell>
          <cell r="HT284" t="str">
            <v>-</v>
          </cell>
          <cell r="HU284">
            <v>1298000</v>
          </cell>
          <cell r="HV284" t="str">
            <v>-</v>
          </cell>
          <cell r="HW284" t="str">
            <v>-</v>
          </cell>
          <cell r="HX284">
            <v>1400000</v>
          </cell>
          <cell r="HY284">
            <v>1050000</v>
          </cell>
          <cell r="HZ284" t="str">
            <v>-</v>
          </cell>
          <cell r="IA284" t="str">
            <v>-</v>
          </cell>
          <cell r="IB284">
            <v>1397000</v>
          </cell>
          <cell r="JD284" t="str">
            <v/>
          </cell>
          <cell r="JE284" t="str">
            <v/>
          </cell>
          <cell r="JF284" t="str">
            <v/>
          </cell>
          <cell r="JG284" t="str">
            <v/>
          </cell>
          <cell r="JH284" t="str">
            <v/>
          </cell>
          <cell r="JI284" t="str">
            <v/>
          </cell>
          <cell r="JJ284" t="str">
            <v/>
          </cell>
          <cell r="JK284" t="str">
            <v/>
          </cell>
          <cell r="JL284" t="str">
            <v/>
          </cell>
          <cell r="JM284" t="str">
            <v/>
          </cell>
          <cell r="JN284" t="str">
            <v/>
          </cell>
          <cell r="JO284" t="str">
            <v/>
          </cell>
          <cell r="JP284">
            <v>58</v>
          </cell>
          <cell r="JQ284">
            <v>57</v>
          </cell>
          <cell r="JR284" t="str">
            <v/>
          </cell>
          <cell r="JS284" t="str">
            <v/>
          </cell>
          <cell r="JT284" t="str">
            <v/>
          </cell>
          <cell r="JU284" t="str">
            <v/>
          </cell>
          <cell r="JV284" t="str">
            <v/>
          </cell>
          <cell r="JW284" t="str">
            <v/>
          </cell>
          <cell r="JX284" t="str">
            <v/>
          </cell>
          <cell r="JY284" t="str">
            <v/>
          </cell>
          <cell r="JZ284">
            <v>0.63636363636363635</v>
          </cell>
        </row>
        <row r="285">
          <cell r="C285" t="str">
            <v/>
          </cell>
          <cell r="D285" t="str">
            <v/>
          </cell>
          <cell r="E285" t="str">
            <v/>
          </cell>
          <cell r="I285">
            <v>277</v>
          </cell>
          <cell r="M285" t="str">
            <v>令和２年度児童生徒用タブレット端末予備機の購入</v>
          </cell>
          <cell r="Q285" t="str">
            <v>ﾀﾌﾞﾚｯﾄ予備機</v>
          </cell>
          <cell r="Y285">
            <v>1</v>
          </cell>
          <cell r="AC285">
            <v>8</v>
          </cell>
          <cell r="AD285">
            <v>1</v>
          </cell>
          <cell r="AI285" t="str">
            <v>伊丹市千僧１丁目１番地総合教育センター</v>
          </cell>
          <cell r="AQ285">
            <v>1</v>
          </cell>
          <cell r="AY285">
            <v>44210</v>
          </cell>
          <cell r="AZ285">
            <v>44211</v>
          </cell>
          <cell r="BA285">
            <v>76</v>
          </cell>
          <cell r="BB285">
            <v>44286</v>
          </cell>
          <cell r="BC285" t="str">
            <v/>
          </cell>
          <cell r="BD285" t="str">
            <v/>
          </cell>
          <cell r="BE285" t="str">
            <v/>
          </cell>
          <cell r="BF285">
            <v>0.41736111111111113</v>
          </cell>
          <cell r="BG285">
            <v>7548</v>
          </cell>
          <cell r="BH285" t="str">
            <v>片岡　栄二郎</v>
          </cell>
          <cell r="BI285" t="str">
            <v>総合教育センター</v>
          </cell>
          <cell r="BJ285">
            <v>4649</v>
          </cell>
          <cell r="BN285" t="str">
            <v>物</v>
          </cell>
          <cell r="BO285">
            <v>59</v>
          </cell>
          <cell r="BS285">
            <v>19125000</v>
          </cell>
          <cell r="BT285">
            <v>17380000</v>
          </cell>
          <cell r="BU285">
            <v>1</v>
          </cell>
          <cell r="BV285" t="str">
            <v/>
          </cell>
          <cell r="CD285" t="str">
            <v>●</v>
          </cell>
          <cell r="CH285">
            <v>-140</v>
          </cell>
          <cell r="CI285">
            <v>44174</v>
          </cell>
          <cell r="CP285">
            <v>43328</v>
          </cell>
          <cell r="CW285" t="str">
            <v/>
          </cell>
          <cell r="CX285" t="str">
            <v/>
          </cell>
          <cell r="CY285" t="str">
            <v/>
          </cell>
          <cell r="CZ285" t="str">
            <v/>
          </cell>
          <cell r="DA285">
            <v>44181</v>
          </cell>
          <cell r="DB285">
            <v>44183</v>
          </cell>
          <cell r="DD285" t="str">
            <v/>
          </cell>
          <cell r="DL285">
            <v>11182</v>
          </cell>
          <cell r="DM285">
            <v>11227</v>
          </cell>
          <cell r="DN285">
            <v>11898</v>
          </cell>
          <cell r="DO285">
            <v>11411</v>
          </cell>
          <cell r="DP285">
            <v>12478</v>
          </cell>
          <cell r="DQ285">
            <v>12608</v>
          </cell>
          <cell r="DR285">
            <v>10793</v>
          </cell>
          <cell r="DS285">
            <v>10844</v>
          </cell>
          <cell r="DT285">
            <v>10556</v>
          </cell>
          <cell r="DU285">
            <v>10761</v>
          </cell>
          <cell r="DV285">
            <v>10075</v>
          </cell>
          <cell r="DW285">
            <v>11716</v>
          </cell>
          <cell r="DX285">
            <v>10402</v>
          </cell>
          <cell r="DY285">
            <v>10434</v>
          </cell>
          <cell r="DZ285">
            <v>10167</v>
          </cell>
          <cell r="EZ285">
            <v>15</v>
          </cell>
          <cell r="FA285">
            <v>8</v>
          </cell>
          <cell r="FI285">
            <v>5</v>
          </cell>
          <cell r="FJ285" t="str">
            <v>指名競争入札（簡易認証）</v>
          </cell>
          <cell r="FN285">
            <v>4</v>
          </cell>
          <cell r="FO285" t="str">
            <v>電子入札</v>
          </cell>
          <cell r="FS285">
            <v>3</v>
          </cell>
          <cell r="FT285" t="str">
            <v/>
          </cell>
          <cell r="FU285" t="str">
            <v/>
          </cell>
          <cell r="FW285" t="str">
            <v/>
          </cell>
          <cell r="FY285" t="str">
            <v/>
          </cell>
          <cell r="GD285">
            <v>1</v>
          </cell>
          <cell r="GE285" t="str">
            <v>契約・検査課長　松本　嘉博</v>
          </cell>
          <cell r="GF285" t="str">
            <v>-</v>
          </cell>
          <cell r="GG285" t="str">
            <v>×</v>
          </cell>
          <cell r="GI285" t="str">
            <v/>
          </cell>
          <cell r="GJ285" t="str">
            <v/>
          </cell>
          <cell r="GT285" t="str">
            <v/>
          </cell>
          <cell r="GW285" t="str">
            <v/>
          </cell>
          <cell r="HO285" t="str">
            <v/>
          </cell>
          <cell r="HP285" t="str">
            <v>-</v>
          </cell>
          <cell r="HQ285" t="str">
            <v>-</v>
          </cell>
          <cell r="HR285" t="str">
            <v>-</v>
          </cell>
          <cell r="HS285" t="str">
            <v>-</v>
          </cell>
          <cell r="HT285" t="str">
            <v>-</v>
          </cell>
          <cell r="HU285" t="str">
            <v>-</v>
          </cell>
          <cell r="HV285" t="str">
            <v>-</v>
          </cell>
          <cell r="HW285" t="str">
            <v>-</v>
          </cell>
          <cell r="HX285" t="str">
            <v>-</v>
          </cell>
          <cell r="HY285" t="str">
            <v>-</v>
          </cell>
          <cell r="HZ285" t="str">
            <v>-</v>
          </cell>
          <cell r="IA285" t="str">
            <v>-</v>
          </cell>
          <cell r="IB285" t="str">
            <v>-</v>
          </cell>
          <cell r="IC285" t="str">
            <v>-</v>
          </cell>
          <cell r="ID285" t="str">
            <v>-</v>
          </cell>
          <cell r="JD285" t="str">
            <v/>
          </cell>
          <cell r="JE285" t="str">
            <v/>
          </cell>
          <cell r="JF285" t="str">
            <v/>
          </cell>
          <cell r="JG285" t="str">
            <v/>
          </cell>
          <cell r="JH285" t="str">
            <v/>
          </cell>
          <cell r="JI285" t="str">
            <v/>
          </cell>
          <cell r="JJ285" t="str">
            <v/>
          </cell>
          <cell r="JK285" t="str">
            <v/>
          </cell>
          <cell r="JL285" t="str">
            <v/>
          </cell>
          <cell r="JM285" t="str">
            <v/>
          </cell>
          <cell r="JN285" t="str">
            <v/>
          </cell>
          <cell r="JO285" t="str">
            <v/>
          </cell>
          <cell r="JP285">
            <v>59</v>
          </cell>
          <cell r="JQ285">
            <v>58</v>
          </cell>
          <cell r="JR285" t="str">
            <v/>
          </cell>
          <cell r="JS285" t="str">
            <v/>
          </cell>
          <cell r="JT285" t="str">
            <v/>
          </cell>
          <cell r="JU285" t="str">
            <v/>
          </cell>
          <cell r="JV285" t="str">
            <v/>
          </cell>
          <cell r="JW285" t="str">
            <v/>
          </cell>
          <cell r="JX285" t="str">
            <v/>
          </cell>
          <cell r="JY285" t="str">
            <v/>
          </cell>
          <cell r="JZ285" t="str">
            <v/>
          </cell>
        </row>
        <row r="286">
          <cell r="C286" t="str">
            <v/>
          </cell>
          <cell r="D286" t="str">
            <v/>
          </cell>
          <cell r="E286" t="str">
            <v/>
          </cell>
          <cell r="I286">
            <v>278</v>
          </cell>
          <cell r="M286" t="str">
            <v>令和２年度市道森本口酒井線ほか舗装補修工事</v>
          </cell>
          <cell r="Q286" t="str">
            <v>森本口酒井舗</v>
          </cell>
          <cell r="Y286">
            <v>1</v>
          </cell>
          <cell r="AC286">
            <v>3</v>
          </cell>
          <cell r="AI286" t="str">
            <v>伊丹市森本３丁目ほか地内</v>
          </cell>
          <cell r="AM286" t="str">
            <v>施工延長L=347m
　森本口酒井線L=88m　北伊丹7005号線L=50m　北本町伊丹線L=209m
舗装工
　舗装版切断(As)L=170m　路面切削A=1,960m2　舗装版破砕A=459m2
　表層
　　3m超・ﾌﾟﾗｲﾑｺｰﾄ・密粒(再)A=1,220m2　3m超・ﾀｯｸｺｰﾄ・密粒(再)A=459m2
　　3m超・ﾀｯｸｺｰﾄ・開粒(新)A=748m2
　不陸整正　　　　　
　　補足材料無しA=284m2　補足材料有りA=175m2
排水構造物工一式
区画線工一式
構造物撤去工一式
交通管理工一式</v>
          </cell>
          <cell r="AQ286">
            <v>2</v>
          </cell>
          <cell r="AY286">
            <v>44187</v>
          </cell>
          <cell r="AZ286">
            <v>44190</v>
          </cell>
          <cell r="BA286">
            <v>97</v>
          </cell>
          <cell r="BB286">
            <v>44286</v>
          </cell>
          <cell r="BC286">
            <v>10</v>
          </cell>
          <cell r="BD286" t="str">
            <v>○</v>
          </cell>
          <cell r="BE286" t="str">
            <v>○</v>
          </cell>
          <cell r="BF286">
            <v>0.41736111111111113</v>
          </cell>
          <cell r="BG286">
            <v>6996</v>
          </cell>
          <cell r="BH286" t="str">
            <v>三宅  貴章</v>
          </cell>
          <cell r="BI286" t="str">
            <v xml:space="preserve">道路保全課 </v>
          </cell>
          <cell r="BJ286">
            <v>4507</v>
          </cell>
          <cell r="BN286" t="str">
            <v>土</v>
          </cell>
          <cell r="BO286">
            <v>18</v>
          </cell>
          <cell r="BS286">
            <v>14346200</v>
          </cell>
          <cell r="BT286">
            <v>13040000</v>
          </cell>
          <cell r="BU286">
            <v>1</v>
          </cell>
          <cell r="BV286">
            <v>11370000</v>
          </cell>
          <cell r="BW286">
            <v>5810000</v>
          </cell>
          <cell r="BX286">
            <v>1587000</v>
          </cell>
          <cell r="BY286">
            <v>3434000</v>
          </cell>
          <cell r="BZ286">
            <v>2211000</v>
          </cell>
          <cell r="CD286" t="str">
            <v/>
          </cell>
          <cell r="CH286">
            <v>128</v>
          </cell>
          <cell r="CI286">
            <v>44172</v>
          </cell>
          <cell r="CJ286" t="str">
            <v>一般</v>
          </cell>
          <cell r="CK286" t="str">
            <v>伊丹市内に本店</v>
          </cell>
          <cell r="CL286" t="str">
            <v>400点以上</v>
          </cell>
          <cell r="CP286">
            <v>14136</v>
          </cell>
          <cell r="CT286" t="str">
            <v>請負金額が400万円以上</v>
          </cell>
          <cell r="CW286">
            <v>44180</v>
          </cell>
          <cell r="CX286" t="str">
            <v/>
          </cell>
          <cell r="CY286" t="str">
            <v/>
          </cell>
          <cell r="CZ286" t="str">
            <v/>
          </cell>
          <cell r="DA286">
            <v>44181</v>
          </cell>
          <cell r="DB286">
            <v>44182</v>
          </cell>
          <cell r="DC286">
            <v>18</v>
          </cell>
          <cell r="DD286" t="str">
            <v>○</v>
          </cell>
          <cell r="DL286">
            <v>306</v>
          </cell>
          <cell r="DM286">
            <v>16</v>
          </cell>
          <cell r="DN286">
            <v>170</v>
          </cell>
          <cell r="DO286">
            <v>233</v>
          </cell>
          <cell r="DP286">
            <v>235</v>
          </cell>
          <cell r="DQ286">
            <v>261</v>
          </cell>
          <cell r="DR286">
            <v>527</v>
          </cell>
          <cell r="DS286">
            <v>492</v>
          </cell>
          <cell r="EZ286">
            <v>8</v>
          </cell>
          <cell r="FA286">
            <v>8</v>
          </cell>
          <cell r="FI286">
            <v>4</v>
          </cell>
          <cell r="FJ286" t="str">
            <v>事後審査型一般競争入札</v>
          </cell>
          <cell r="FN286">
            <v>4</v>
          </cell>
          <cell r="FO286" t="str">
            <v>電子入札</v>
          </cell>
          <cell r="FS286">
            <v>1</v>
          </cell>
          <cell r="FT286" t="str">
            <v/>
          </cell>
          <cell r="FU286" t="str">
            <v/>
          </cell>
          <cell r="FW286" t="str">
            <v/>
          </cell>
          <cell r="FY286" t="str">
            <v/>
          </cell>
          <cell r="GD286">
            <v>1</v>
          </cell>
          <cell r="GE286" t="str">
            <v>契約・検査課長　松本　嘉博</v>
          </cell>
          <cell r="GF286">
            <v>306</v>
          </cell>
          <cell r="GG286" t="str">
            <v>(株)平澤建設</v>
          </cell>
          <cell r="GH286">
            <v>12507000</v>
          </cell>
          <cell r="GI286">
            <v>1137000</v>
          </cell>
          <cell r="GJ286">
            <v>1251000</v>
          </cell>
          <cell r="GL286" t="str">
            <v>一土施</v>
          </cell>
          <cell r="GM286" t="str">
            <v>林　鶴永</v>
          </cell>
          <cell r="GN286" t="str">
            <v>一土施</v>
          </cell>
          <cell r="GO286" t="str">
            <v>林　鶴永</v>
          </cell>
          <cell r="GT286" t="str">
            <v/>
          </cell>
          <cell r="GU286" t="str">
            <v>済</v>
          </cell>
          <cell r="GW286" t="str">
            <v/>
          </cell>
          <cell r="GX286">
            <v>44279</v>
          </cell>
          <cell r="GY286">
            <v>15063400</v>
          </cell>
          <cell r="GZ286">
            <v>13131800</v>
          </cell>
          <cell r="HN286" t="str">
            <v>現地精査による数量の増加</v>
          </cell>
          <cell r="HO286">
            <v>1</v>
          </cell>
          <cell r="HP286">
            <v>11370000</v>
          </cell>
          <cell r="HQ286">
            <v>11370000</v>
          </cell>
          <cell r="HR286">
            <v>11370000</v>
          </cell>
          <cell r="HS286">
            <v>11370000</v>
          </cell>
          <cell r="HT286">
            <v>11360000</v>
          </cell>
          <cell r="HU286">
            <v>11360000</v>
          </cell>
          <cell r="HV286">
            <v>11360000</v>
          </cell>
          <cell r="HW286" t="str">
            <v>-</v>
          </cell>
          <cell r="JD286">
            <v>18</v>
          </cell>
          <cell r="JE286">
            <v>18</v>
          </cell>
          <cell r="JF286" t="str">
            <v/>
          </cell>
          <cell r="JG286" t="str">
            <v/>
          </cell>
          <cell r="JH286" t="str">
            <v/>
          </cell>
          <cell r="JI286" t="str">
            <v/>
          </cell>
          <cell r="JJ286" t="str">
            <v/>
          </cell>
          <cell r="JK286" t="str">
            <v/>
          </cell>
          <cell r="JL286" t="str">
            <v/>
          </cell>
          <cell r="JM286" t="str">
            <v/>
          </cell>
          <cell r="JN286" t="str">
            <v/>
          </cell>
          <cell r="JO286" t="str">
            <v/>
          </cell>
          <cell r="JP286" t="str">
            <v/>
          </cell>
          <cell r="JQ286" t="str">
            <v/>
          </cell>
          <cell r="JR286" t="str">
            <v/>
          </cell>
          <cell r="JS286" t="str">
            <v/>
          </cell>
          <cell r="JT286" t="str">
            <v/>
          </cell>
          <cell r="JU286" t="str">
            <v/>
          </cell>
          <cell r="JV286" t="str">
            <v/>
          </cell>
          <cell r="JW286" t="str">
            <v/>
          </cell>
          <cell r="JX286" t="str">
            <v/>
          </cell>
          <cell r="JY286" t="str">
            <v/>
          </cell>
          <cell r="JZ286">
            <v>0.87193251533742333</v>
          </cell>
        </row>
        <row r="287">
          <cell r="C287" t="str">
            <v/>
          </cell>
          <cell r="D287" t="str">
            <v/>
          </cell>
          <cell r="E287" t="str">
            <v/>
          </cell>
          <cell r="I287">
            <v>279</v>
          </cell>
          <cell r="M287" t="str">
            <v>令和２年度伊丹市立児童くらぶ児童用座卓の購入（その２）</v>
          </cell>
          <cell r="Q287" t="str">
            <v>児童用座卓2</v>
          </cell>
          <cell r="Y287">
            <v>1</v>
          </cell>
          <cell r="AC287">
            <v>8</v>
          </cell>
          <cell r="AD287">
            <v>1</v>
          </cell>
          <cell r="AI287" t="str">
            <v>伊丹市立児童くらぶ１２か所</v>
          </cell>
          <cell r="AQ287">
            <v>1</v>
          </cell>
          <cell r="AY287">
            <v>44210</v>
          </cell>
          <cell r="AZ287">
            <v>44211</v>
          </cell>
          <cell r="BA287">
            <v>32</v>
          </cell>
          <cell r="BB287">
            <v>44242</v>
          </cell>
          <cell r="BC287" t="str">
            <v/>
          </cell>
          <cell r="BD287" t="str">
            <v/>
          </cell>
          <cell r="BE287" t="str">
            <v/>
          </cell>
          <cell r="BF287">
            <v>0.41805555555555557</v>
          </cell>
          <cell r="BG287">
            <v>6971</v>
          </cell>
          <cell r="BH287" t="str">
            <v>福田  千景</v>
          </cell>
          <cell r="BI287" t="str">
            <v>こども家庭課</v>
          </cell>
          <cell r="BJ287">
            <v>4486</v>
          </cell>
          <cell r="BN287" t="str">
            <v>物</v>
          </cell>
          <cell r="BO287">
            <v>60</v>
          </cell>
          <cell r="BS287">
            <v>1429736</v>
          </cell>
          <cell r="BT287">
            <v>1290000</v>
          </cell>
          <cell r="BU287">
            <v>1</v>
          </cell>
          <cell r="BV287" t="str">
            <v/>
          </cell>
          <cell r="CD287" t="str">
            <v/>
          </cell>
          <cell r="CH287">
            <v>-141</v>
          </cell>
          <cell r="CI287">
            <v>44176</v>
          </cell>
          <cell r="CP287">
            <v>79958</v>
          </cell>
          <cell r="CW287" t="str">
            <v/>
          </cell>
          <cell r="CX287" t="str">
            <v/>
          </cell>
          <cell r="CY287" t="str">
            <v/>
          </cell>
          <cell r="CZ287" t="str">
            <v/>
          </cell>
          <cell r="DA287">
            <v>44183</v>
          </cell>
          <cell r="DB287">
            <v>44188</v>
          </cell>
          <cell r="DD287" t="str">
            <v/>
          </cell>
          <cell r="DL287">
            <v>10249</v>
          </cell>
          <cell r="DM287">
            <v>11381</v>
          </cell>
          <cell r="DN287">
            <v>11598</v>
          </cell>
          <cell r="DO287">
            <v>10655</v>
          </cell>
          <cell r="DP287">
            <v>10257</v>
          </cell>
          <cell r="DQ287">
            <v>11844</v>
          </cell>
          <cell r="DR287">
            <v>11134</v>
          </cell>
          <cell r="DS287">
            <v>10556</v>
          </cell>
          <cell r="DT287">
            <v>10712</v>
          </cell>
          <cell r="DU287">
            <v>11108</v>
          </cell>
          <cell r="DV287">
            <v>10558</v>
          </cell>
          <cell r="EZ287">
            <v>11</v>
          </cell>
          <cell r="FA287">
            <v>6</v>
          </cell>
          <cell r="FI287">
            <v>5</v>
          </cell>
          <cell r="FJ287" t="str">
            <v>指名競争入札（簡易認証）</v>
          </cell>
          <cell r="FN287">
            <v>4</v>
          </cell>
          <cell r="FO287" t="str">
            <v>電子入札</v>
          </cell>
          <cell r="FS287">
            <v>3</v>
          </cell>
          <cell r="FT287" t="str">
            <v/>
          </cell>
          <cell r="FU287" t="str">
            <v/>
          </cell>
          <cell r="FW287" t="str">
            <v/>
          </cell>
          <cell r="FY287" t="str">
            <v/>
          </cell>
          <cell r="GD287">
            <v>1</v>
          </cell>
          <cell r="GE287" t="str">
            <v>契約・検査課長　松本　嘉博</v>
          </cell>
          <cell r="GF287">
            <v>11381</v>
          </cell>
          <cell r="GG287" t="str">
            <v>(株)ナミサキ</v>
          </cell>
          <cell r="GH287">
            <v>1397550</v>
          </cell>
          <cell r="GI287">
            <v>127050</v>
          </cell>
          <cell r="GJ287" t="str">
            <v/>
          </cell>
          <cell r="GT287" t="str">
            <v/>
          </cell>
          <cell r="GW287" t="str">
            <v/>
          </cell>
          <cell r="HO287" t="str">
            <v/>
          </cell>
          <cell r="HP287">
            <v>1400000</v>
          </cell>
          <cell r="HQ287">
            <v>1270500</v>
          </cell>
          <cell r="HR287" t="str">
            <v>-</v>
          </cell>
          <cell r="HS287">
            <v>1578500</v>
          </cell>
          <cell r="HT287" t="str">
            <v>-</v>
          </cell>
          <cell r="HU287" t="str">
            <v>-</v>
          </cell>
          <cell r="HV287" t="str">
            <v>-</v>
          </cell>
          <cell r="HW287" t="str">
            <v>-</v>
          </cell>
          <cell r="HX287">
            <v>1694000</v>
          </cell>
          <cell r="HY287" t="str">
            <v>-</v>
          </cell>
          <cell r="HZ287" t="str">
            <v>-</v>
          </cell>
          <cell r="JD287" t="str">
            <v/>
          </cell>
          <cell r="JE287" t="str">
            <v/>
          </cell>
          <cell r="JF287" t="str">
            <v/>
          </cell>
          <cell r="JG287" t="str">
            <v/>
          </cell>
          <cell r="JH287" t="str">
            <v/>
          </cell>
          <cell r="JI287" t="str">
            <v/>
          </cell>
          <cell r="JJ287" t="str">
            <v/>
          </cell>
          <cell r="JK287" t="str">
            <v/>
          </cell>
          <cell r="JL287" t="str">
            <v/>
          </cell>
          <cell r="JM287" t="str">
            <v/>
          </cell>
          <cell r="JN287" t="str">
            <v/>
          </cell>
          <cell r="JO287" t="str">
            <v/>
          </cell>
          <cell r="JP287">
            <v>60</v>
          </cell>
          <cell r="JQ287">
            <v>59</v>
          </cell>
          <cell r="JR287" t="str">
            <v/>
          </cell>
          <cell r="JS287" t="str">
            <v/>
          </cell>
          <cell r="JT287" t="str">
            <v/>
          </cell>
          <cell r="JU287" t="str">
            <v/>
          </cell>
          <cell r="JV287" t="str">
            <v/>
          </cell>
          <cell r="JW287" t="str">
            <v/>
          </cell>
          <cell r="JX287" t="str">
            <v/>
          </cell>
          <cell r="JY287" t="str">
            <v/>
          </cell>
          <cell r="JZ287">
            <v>0.98488372093023258</v>
          </cell>
        </row>
        <row r="288">
          <cell r="C288" t="str">
            <v/>
          </cell>
          <cell r="D288" t="str">
            <v/>
          </cell>
          <cell r="E288" t="str">
            <v/>
          </cell>
          <cell r="I288">
            <v>280</v>
          </cell>
          <cell r="M288" t="str">
            <v>令和２年度児童生徒用タブレット周辺機器の購入</v>
          </cell>
          <cell r="Q288" t="str">
            <v>ﾀﾌﾞﾚｯﾄ周辺機器</v>
          </cell>
          <cell r="Y288">
            <v>1</v>
          </cell>
          <cell r="AC288">
            <v>8</v>
          </cell>
          <cell r="AD288">
            <v>1</v>
          </cell>
          <cell r="AI288" t="str">
            <v>伊丹市千僧１丁目１番地総合教育センター</v>
          </cell>
          <cell r="AQ288">
            <v>1</v>
          </cell>
          <cell r="AY288">
            <v>44210</v>
          </cell>
          <cell r="AZ288">
            <v>44211</v>
          </cell>
          <cell r="BA288">
            <v>76</v>
          </cell>
          <cell r="BB288">
            <v>44286</v>
          </cell>
          <cell r="BC288" t="str">
            <v/>
          </cell>
          <cell r="BD288" t="str">
            <v/>
          </cell>
          <cell r="BE288" t="str">
            <v/>
          </cell>
          <cell r="BF288">
            <v>0.41875000000000001</v>
          </cell>
          <cell r="BG288">
            <v>7548</v>
          </cell>
          <cell r="BH288" t="str">
            <v>片岡　栄二郎</v>
          </cell>
          <cell r="BI288" t="str">
            <v>総合教育センター</v>
          </cell>
          <cell r="BJ288">
            <v>4649</v>
          </cell>
          <cell r="BN288" t="str">
            <v>物</v>
          </cell>
          <cell r="BO288">
            <v>61</v>
          </cell>
          <cell r="BS288">
            <v>3974124</v>
          </cell>
          <cell r="BT288">
            <v>3610000</v>
          </cell>
          <cell r="BU288">
            <v>1</v>
          </cell>
          <cell r="BV288" t="str">
            <v/>
          </cell>
          <cell r="CD288" t="str">
            <v/>
          </cell>
          <cell r="CH288">
            <v>-142</v>
          </cell>
          <cell r="CI288">
            <v>44176</v>
          </cell>
          <cell r="CP288">
            <v>53551</v>
          </cell>
          <cell r="CW288" t="str">
            <v/>
          </cell>
          <cell r="CX288" t="str">
            <v/>
          </cell>
          <cell r="CY288" t="str">
            <v/>
          </cell>
          <cell r="CZ288" t="str">
            <v/>
          </cell>
          <cell r="DA288">
            <v>44183</v>
          </cell>
          <cell r="DB288">
            <v>44187</v>
          </cell>
          <cell r="DD288" t="str">
            <v/>
          </cell>
          <cell r="DL288">
            <v>10075</v>
          </cell>
          <cell r="DM288">
            <v>10434</v>
          </cell>
          <cell r="DN288">
            <v>11716</v>
          </cell>
          <cell r="DO288">
            <v>10402</v>
          </cell>
          <cell r="DP288">
            <v>10260</v>
          </cell>
          <cell r="DQ288">
            <v>10669</v>
          </cell>
          <cell r="DR288">
            <v>10249</v>
          </cell>
          <cell r="DS288">
            <v>10556</v>
          </cell>
          <cell r="DT288">
            <v>10793</v>
          </cell>
          <cell r="DU288">
            <v>11227</v>
          </cell>
          <cell r="DV288">
            <v>12608</v>
          </cell>
          <cell r="DW288">
            <v>10357</v>
          </cell>
          <cell r="EZ288">
            <v>12</v>
          </cell>
          <cell r="FA288">
            <v>6</v>
          </cell>
          <cell r="FI288">
            <v>5</v>
          </cell>
          <cell r="FJ288" t="str">
            <v>指名競争入札（簡易認証）</v>
          </cell>
          <cell r="FN288">
            <v>4</v>
          </cell>
          <cell r="FO288" t="str">
            <v>電子入札</v>
          </cell>
          <cell r="FS288">
            <v>3</v>
          </cell>
          <cell r="FT288" t="str">
            <v/>
          </cell>
          <cell r="FU288" t="str">
            <v/>
          </cell>
          <cell r="FW288" t="str">
            <v/>
          </cell>
          <cell r="FY288" t="str">
            <v/>
          </cell>
          <cell r="GD288">
            <v>1</v>
          </cell>
          <cell r="GE288" t="str">
            <v>契約・検査課長　松本　嘉博</v>
          </cell>
          <cell r="GF288">
            <v>11227</v>
          </cell>
          <cell r="GG288" t="str">
            <v>アイテック阪急阪神(株)</v>
          </cell>
          <cell r="GH288">
            <v>2922150</v>
          </cell>
          <cell r="GI288">
            <v>265650</v>
          </cell>
          <cell r="GJ288">
            <v>293000</v>
          </cell>
          <cell r="GT288" t="str">
            <v/>
          </cell>
          <cell r="GW288" t="str">
            <v/>
          </cell>
          <cell r="HO288" t="str">
            <v/>
          </cell>
          <cell r="HP288" t="str">
            <v>-</v>
          </cell>
          <cell r="HQ288" t="str">
            <v>-</v>
          </cell>
          <cell r="HR288" t="str">
            <v>-</v>
          </cell>
          <cell r="HS288" t="str">
            <v>-</v>
          </cell>
          <cell r="HT288" t="str">
            <v>-</v>
          </cell>
          <cell r="HU288" t="str">
            <v>-</v>
          </cell>
          <cell r="HV288" t="str">
            <v>-</v>
          </cell>
          <cell r="HW288" t="str">
            <v>-</v>
          </cell>
          <cell r="HX288" t="str">
            <v>-</v>
          </cell>
          <cell r="HY288">
            <v>2656500</v>
          </cell>
          <cell r="HZ288" t="str">
            <v>-</v>
          </cell>
          <cell r="IA288" t="str">
            <v>-</v>
          </cell>
          <cell r="JD288" t="str">
            <v/>
          </cell>
          <cell r="JE288" t="str">
            <v/>
          </cell>
          <cell r="JF288" t="str">
            <v/>
          </cell>
          <cell r="JG288" t="str">
            <v/>
          </cell>
          <cell r="JH288" t="str">
            <v/>
          </cell>
          <cell r="JI288" t="str">
            <v/>
          </cell>
          <cell r="JJ288" t="str">
            <v/>
          </cell>
          <cell r="JK288" t="str">
            <v/>
          </cell>
          <cell r="JL288" t="str">
            <v/>
          </cell>
          <cell r="JM288" t="str">
            <v/>
          </cell>
          <cell r="JN288" t="str">
            <v/>
          </cell>
          <cell r="JO288" t="str">
            <v/>
          </cell>
          <cell r="JP288">
            <v>61</v>
          </cell>
          <cell r="JQ288">
            <v>60</v>
          </cell>
          <cell r="JR288" t="str">
            <v/>
          </cell>
          <cell r="JS288" t="str">
            <v/>
          </cell>
          <cell r="JT288" t="str">
            <v/>
          </cell>
          <cell r="JU288" t="str">
            <v/>
          </cell>
          <cell r="JV288" t="str">
            <v/>
          </cell>
          <cell r="JW288" t="str">
            <v/>
          </cell>
          <cell r="JX288" t="str">
            <v/>
          </cell>
          <cell r="JY288" t="str">
            <v/>
          </cell>
          <cell r="JZ288">
            <v>0.7358725761772853</v>
          </cell>
        </row>
        <row r="289">
          <cell r="C289" t="str">
            <v/>
          </cell>
          <cell r="D289" t="str">
            <v/>
          </cell>
          <cell r="E289" t="str">
            <v/>
          </cell>
          <cell r="I289">
            <v>281</v>
          </cell>
          <cell r="M289" t="str">
            <v>令和２年度ＡＥＤ（自動体外式除細動器）賃借</v>
          </cell>
          <cell r="Q289" t="str">
            <v>ＡＥＤ賃借</v>
          </cell>
          <cell r="Y289">
            <v>1</v>
          </cell>
          <cell r="AC289">
            <v>8</v>
          </cell>
          <cell r="AD289">
            <v>7</v>
          </cell>
          <cell r="AF289">
            <v>1</v>
          </cell>
          <cell r="AI289" t="str">
            <v>伊丹市鴻池１－１－１他６ヶ所</v>
          </cell>
          <cell r="AQ289">
            <v>6</v>
          </cell>
          <cell r="AY289">
            <v>44217</v>
          </cell>
          <cell r="AZ289">
            <v>44218</v>
          </cell>
          <cell r="BA289">
            <v>1864</v>
          </cell>
          <cell r="BB289">
            <v>46081</v>
          </cell>
          <cell r="BC289" t="str">
            <v/>
          </cell>
          <cell r="BD289" t="str">
            <v/>
          </cell>
          <cell r="BE289" t="str">
            <v/>
          </cell>
          <cell r="BF289">
            <v>0.41736111111111113</v>
          </cell>
          <cell r="BG289">
            <v>7537</v>
          </cell>
          <cell r="BH289" t="str">
            <v>大平　恭丈</v>
          </cell>
          <cell r="BI289" t="str">
            <v>健康政策課</v>
          </cell>
          <cell r="BJ289">
            <v>4638</v>
          </cell>
          <cell r="BN289" t="str">
            <v>他</v>
          </cell>
          <cell r="BO289">
            <v>83</v>
          </cell>
          <cell r="BS289">
            <v>2772000</v>
          </cell>
          <cell r="BT289">
            <v>2520000</v>
          </cell>
          <cell r="BU289">
            <v>1</v>
          </cell>
          <cell r="BV289" t="str">
            <v/>
          </cell>
          <cell r="CD289" t="str">
            <v/>
          </cell>
          <cell r="CH289">
            <v>-143</v>
          </cell>
          <cell r="CI289">
            <v>44180</v>
          </cell>
          <cell r="CP289">
            <v>17362</v>
          </cell>
          <cell r="CW289" t="str">
            <v/>
          </cell>
          <cell r="CX289" t="str">
            <v/>
          </cell>
          <cell r="CY289" t="str">
            <v/>
          </cell>
          <cell r="CZ289" t="str">
            <v/>
          </cell>
          <cell r="DA289">
            <v>44188</v>
          </cell>
          <cell r="DB289">
            <v>44190</v>
          </cell>
          <cell r="DD289" t="str">
            <v/>
          </cell>
          <cell r="DL289">
            <v>10143</v>
          </cell>
          <cell r="DM289">
            <v>10095</v>
          </cell>
          <cell r="DN289">
            <v>10175</v>
          </cell>
          <cell r="DO289">
            <v>10455</v>
          </cell>
          <cell r="DP289">
            <v>12124</v>
          </cell>
          <cell r="DQ289">
            <v>11235</v>
          </cell>
          <cell r="DR289">
            <v>10563</v>
          </cell>
          <cell r="EZ289">
            <v>7</v>
          </cell>
          <cell r="FA289">
            <v>6</v>
          </cell>
          <cell r="FI289">
            <v>5</v>
          </cell>
          <cell r="FJ289" t="str">
            <v>指名競争入札（簡易認証）</v>
          </cell>
          <cell r="FN289">
            <v>4</v>
          </cell>
          <cell r="FO289" t="str">
            <v>電子入札</v>
          </cell>
          <cell r="FS289">
            <v>4</v>
          </cell>
          <cell r="FT289" t="str">
            <v/>
          </cell>
          <cell r="FU289" t="str">
            <v/>
          </cell>
          <cell r="FW289" t="str">
            <v/>
          </cell>
          <cell r="FY289" t="str">
            <v/>
          </cell>
          <cell r="GD289">
            <v>1</v>
          </cell>
          <cell r="GE289" t="str">
            <v>契約・検査課長　松本　嘉博</v>
          </cell>
          <cell r="GF289">
            <v>10095</v>
          </cell>
          <cell r="GG289" t="str">
            <v>綜合警備保障(株)</v>
          </cell>
          <cell r="GH289">
            <v>1196580</v>
          </cell>
          <cell r="GI289">
            <v>108780</v>
          </cell>
          <cell r="GJ289" t="str">
            <v/>
          </cell>
          <cell r="GM289" t="str">
            <v>山本　卓輔</v>
          </cell>
          <cell r="GO289" t="str">
            <v>大森　常吉</v>
          </cell>
          <cell r="GT289" t="str">
            <v/>
          </cell>
          <cell r="GW289" t="str">
            <v/>
          </cell>
          <cell r="HO289" t="str">
            <v/>
          </cell>
          <cell r="HP289" t="str">
            <v>-</v>
          </cell>
          <cell r="HQ289">
            <v>1087800</v>
          </cell>
          <cell r="HR289" t="str">
            <v>-</v>
          </cell>
          <cell r="HS289" t="str">
            <v>-</v>
          </cell>
          <cell r="HT289" t="str">
            <v>-</v>
          </cell>
          <cell r="HU289" t="str">
            <v>-</v>
          </cell>
          <cell r="HV289" t="str">
            <v>-</v>
          </cell>
          <cell r="JD289" t="str">
            <v/>
          </cell>
          <cell r="JE289" t="str">
            <v/>
          </cell>
          <cell r="JF289" t="str">
            <v/>
          </cell>
          <cell r="JG289" t="str">
            <v/>
          </cell>
          <cell r="JH289" t="str">
            <v/>
          </cell>
          <cell r="JI289" t="str">
            <v/>
          </cell>
          <cell r="JJ289" t="str">
            <v/>
          </cell>
          <cell r="JK289" t="str">
            <v/>
          </cell>
          <cell r="JL289" t="str">
            <v/>
          </cell>
          <cell r="JM289" t="str">
            <v/>
          </cell>
          <cell r="JN289" t="str">
            <v/>
          </cell>
          <cell r="JO289" t="str">
            <v/>
          </cell>
          <cell r="JP289" t="str">
            <v/>
          </cell>
          <cell r="JQ289" t="str">
            <v/>
          </cell>
          <cell r="JR289" t="str">
            <v/>
          </cell>
          <cell r="JS289" t="str">
            <v/>
          </cell>
          <cell r="JT289" t="str">
            <v/>
          </cell>
          <cell r="JU289" t="str">
            <v/>
          </cell>
          <cell r="JV289" t="str">
            <v/>
          </cell>
          <cell r="JW289" t="str">
            <v/>
          </cell>
          <cell r="JX289">
            <v>83</v>
          </cell>
          <cell r="JY289">
            <v>81</v>
          </cell>
          <cell r="JZ289" t="e">
            <v>#DIV/0!</v>
          </cell>
        </row>
        <row r="290">
          <cell r="C290" t="str">
            <v/>
          </cell>
          <cell r="D290" t="str">
            <v/>
          </cell>
          <cell r="E290" t="str">
            <v/>
          </cell>
          <cell r="I290">
            <v>282</v>
          </cell>
          <cell r="M290" t="str">
            <v>令和２年度伊丹市立就学前施設空気清浄機購入（その２）</v>
          </cell>
          <cell r="Q290" t="str">
            <v>空気清浄機2</v>
          </cell>
          <cell r="Y290">
            <v>1</v>
          </cell>
          <cell r="AC290">
            <v>8</v>
          </cell>
          <cell r="AD290">
            <v>1</v>
          </cell>
          <cell r="AI290" t="str">
            <v>別表「納品先及び台数一覧」のとおり</v>
          </cell>
          <cell r="AQ290">
            <v>1</v>
          </cell>
          <cell r="AY290">
            <v>44211</v>
          </cell>
          <cell r="AZ290">
            <v>44214</v>
          </cell>
          <cell r="BA290">
            <v>40</v>
          </cell>
          <cell r="BB290">
            <v>44253</v>
          </cell>
          <cell r="BC290" t="str">
            <v/>
          </cell>
          <cell r="BD290" t="str">
            <v/>
          </cell>
          <cell r="BE290" t="str">
            <v/>
          </cell>
          <cell r="BF290">
            <v>0.41736111111111113</v>
          </cell>
          <cell r="BG290">
            <v>5819</v>
          </cell>
          <cell r="BH290" t="str">
            <v>原田　桂子</v>
          </cell>
          <cell r="BI290" t="str">
            <v>幼児教育推進課</v>
          </cell>
          <cell r="BJ290">
            <v>4241</v>
          </cell>
          <cell r="BN290" t="str">
            <v>他</v>
          </cell>
          <cell r="BO290">
            <v>84</v>
          </cell>
          <cell r="BS290">
            <v>3124000</v>
          </cell>
          <cell r="BT290">
            <v>2840000</v>
          </cell>
          <cell r="BU290">
            <v>1</v>
          </cell>
          <cell r="BV290" t="str">
            <v/>
          </cell>
          <cell r="CD290" t="str">
            <v/>
          </cell>
          <cell r="CH290">
            <v>-144</v>
          </cell>
          <cell r="CI290">
            <v>44180</v>
          </cell>
          <cell r="CP290">
            <v>33235</v>
          </cell>
          <cell r="CW290" t="str">
            <v/>
          </cell>
          <cell r="CX290" t="str">
            <v/>
          </cell>
          <cell r="CY290" t="str">
            <v/>
          </cell>
          <cell r="CZ290" t="str">
            <v/>
          </cell>
          <cell r="DA290">
            <v>44187</v>
          </cell>
          <cell r="DB290">
            <v>44190</v>
          </cell>
          <cell r="DD290" t="str">
            <v/>
          </cell>
          <cell r="DL290">
            <v>10075</v>
          </cell>
          <cell r="DM290">
            <v>10434</v>
          </cell>
          <cell r="DN290">
            <v>10990</v>
          </cell>
          <cell r="DO290">
            <v>11716</v>
          </cell>
          <cell r="DP290">
            <v>10402</v>
          </cell>
          <cell r="DQ290">
            <v>10669</v>
          </cell>
          <cell r="DR290">
            <v>10095</v>
          </cell>
          <cell r="DS290">
            <v>10385</v>
          </cell>
          <cell r="DT290">
            <v>10556</v>
          </cell>
          <cell r="DU290">
            <v>10793</v>
          </cell>
          <cell r="EZ290">
            <v>10</v>
          </cell>
          <cell r="FA290">
            <v>6</v>
          </cell>
          <cell r="FI290">
            <v>5</v>
          </cell>
          <cell r="FJ290" t="str">
            <v>指名競争入札（簡易認証）</v>
          </cell>
          <cell r="FN290">
            <v>4</v>
          </cell>
          <cell r="FO290" t="str">
            <v>電子入札</v>
          </cell>
          <cell r="FS290">
            <v>3</v>
          </cell>
          <cell r="FT290" t="str">
            <v/>
          </cell>
          <cell r="FU290" t="str">
            <v/>
          </cell>
          <cell r="FW290" t="str">
            <v/>
          </cell>
          <cell r="FY290" t="str">
            <v/>
          </cell>
          <cell r="GD290">
            <v>1</v>
          </cell>
          <cell r="GE290" t="str">
            <v>契約・検査課長　松本　嘉博</v>
          </cell>
          <cell r="GF290" t="str">
            <v>-</v>
          </cell>
          <cell r="GG290" t="str">
            <v>×</v>
          </cell>
          <cell r="GI290" t="str">
            <v/>
          </cell>
          <cell r="GJ290" t="str">
            <v/>
          </cell>
          <cell r="GT290" t="str">
            <v/>
          </cell>
          <cell r="GW290" t="str">
            <v/>
          </cell>
          <cell r="HO290" t="str">
            <v/>
          </cell>
          <cell r="HP290" t="str">
            <v>-</v>
          </cell>
          <cell r="HQ290" t="str">
            <v>-</v>
          </cell>
          <cell r="HR290" t="str">
            <v>-</v>
          </cell>
          <cell r="HS290" t="str">
            <v>-</v>
          </cell>
          <cell r="HT290" t="str">
            <v>-</v>
          </cell>
          <cell r="HU290" t="str">
            <v>-</v>
          </cell>
          <cell r="HV290" t="str">
            <v>-</v>
          </cell>
          <cell r="HW290" t="str">
            <v>-</v>
          </cell>
          <cell r="HX290" t="str">
            <v>-</v>
          </cell>
          <cell r="HY290" t="str">
            <v>-</v>
          </cell>
          <cell r="JD290" t="str">
            <v/>
          </cell>
          <cell r="JE290" t="str">
            <v/>
          </cell>
          <cell r="JF290" t="str">
            <v/>
          </cell>
          <cell r="JG290" t="str">
            <v/>
          </cell>
          <cell r="JH290" t="str">
            <v/>
          </cell>
          <cell r="JI290" t="str">
            <v/>
          </cell>
          <cell r="JJ290" t="str">
            <v/>
          </cell>
          <cell r="JK290" t="str">
            <v/>
          </cell>
          <cell r="JL290" t="str">
            <v/>
          </cell>
          <cell r="JM290" t="str">
            <v/>
          </cell>
          <cell r="JN290" t="str">
            <v/>
          </cell>
          <cell r="JO290" t="str">
            <v/>
          </cell>
          <cell r="JP290" t="str">
            <v/>
          </cell>
          <cell r="JQ290" t="str">
            <v/>
          </cell>
          <cell r="JR290" t="str">
            <v/>
          </cell>
          <cell r="JS290" t="str">
            <v/>
          </cell>
          <cell r="JT290" t="str">
            <v/>
          </cell>
          <cell r="JU290" t="str">
            <v/>
          </cell>
          <cell r="JV290" t="str">
            <v/>
          </cell>
          <cell r="JW290" t="str">
            <v/>
          </cell>
          <cell r="JX290">
            <v>84</v>
          </cell>
          <cell r="JY290">
            <v>82</v>
          </cell>
          <cell r="JZ290" t="str">
            <v/>
          </cell>
        </row>
        <row r="291">
          <cell r="C291" t="str">
            <v/>
          </cell>
          <cell r="D291" t="str">
            <v/>
          </cell>
          <cell r="E291" t="str">
            <v/>
          </cell>
          <cell r="I291">
            <v>283</v>
          </cell>
          <cell r="M291" t="str">
            <v>令和２年度クライアント機器リース（情報管理課　庁内ＬＡＮ他）その２</v>
          </cell>
          <cell r="Q291" t="str">
            <v>ｸﾗｲｱﾝﾄ機ﾘｰｽ</v>
          </cell>
          <cell r="U291">
            <v>1</v>
          </cell>
          <cell r="Y291">
            <v>1</v>
          </cell>
          <cell r="AC291">
            <v>8</v>
          </cell>
          <cell r="AD291">
            <v>6</v>
          </cell>
          <cell r="AI291" t="str">
            <v>伊丹市役所本庁舎　他</v>
          </cell>
          <cell r="AQ291">
            <v>7</v>
          </cell>
          <cell r="AU291">
            <v>60</v>
          </cell>
          <cell r="AY291">
            <v>44210</v>
          </cell>
          <cell r="AZ291">
            <v>44211</v>
          </cell>
          <cell r="BA291">
            <v>1843</v>
          </cell>
          <cell r="BB291">
            <v>46053</v>
          </cell>
          <cell r="BC291" t="str">
            <v/>
          </cell>
          <cell r="BD291" t="str">
            <v/>
          </cell>
          <cell r="BE291" t="str">
            <v/>
          </cell>
          <cell r="BF291">
            <v>0.41944444444444445</v>
          </cell>
          <cell r="BH291" t="str">
            <v>村社　朋代</v>
          </cell>
          <cell r="BI291" t="str">
            <v>情報管理課</v>
          </cell>
          <cell r="BJ291">
            <v>4764</v>
          </cell>
          <cell r="BN291" t="str">
            <v>リ</v>
          </cell>
          <cell r="BO291">
            <v>17</v>
          </cell>
          <cell r="BS291">
            <v>34271068</v>
          </cell>
          <cell r="BT291">
            <v>519200</v>
          </cell>
          <cell r="BU291">
            <v>1</v>
          </cell>
          <cell r="BV291" t="str">
            <v/>
          </cell>
          <cell r="CD291" t="str">
            <v/>
          </cell>
          <cell r="CH291">
            <v>-145</v>
          </cell>
          <cell r="CI291">
            <v>44180</v>
          </cell>
          <cell r="CP291">
            <v>35749</v>
          </cell>
          <cell r="CW291" t="str">
            <v/>
          </cell>
          <cell r="CX291" t="str">
            <v/>
          </cell>
          <cell r="CY291" t="str">
            <v/>
          </cell>
          <cell r="CZ291" t="str">
            <v/>
          </cell>
          <cell r="DA291">
            <v>44188</v>
          </cell>
          <cell r="DB291">
            <v>44190</v>
          </cell>
          <cell r="DD291" t="str">
            <v/>
          </cell>
          <cell r="DL291">
            <v>10064</v>
          </cell>
          <cell r="DM291">
            <v>10115</v>
          </cell>
          <cell r="DN291">
            <v>10147</v>
          </cell>
          <cell r="DO291">
            <v>10153</v>
          </cell>
          <cell r="DP291">
            <v>10200</v>
          </cell>
          <cell r="DQ291">
            <v>10287</v>
          </cell>
          <cell r="DR291">
            <v>10295</v>
          </cell>
          <cell r="DS291">
            <v>10437</v>
          </cell>
          <cell r="DT291">
            <v>10439</v>
          </cell>
          <cell r="DU291">
            <v>10471</v>
          </cell>
          <cell r="DV291">
            <v>10509</v>
          </cell>
          <cell r="DW291">
            <v>10667</v>
          </cell>
          <cell r="EZ291">
            <v>12</v>
          </cell>
          <cell r="FA291">
            <v>8</v>
          </cell>
          <cell r="FI291">
            <v>5</v>
          </cell>
          <cell r="FJ291" t="str">
            <v>指名競争入札（簡易認証）</v>
          </cell>
          <cell r="FN291">
            <v>4</v>
          </cell>
          <cell r="FO291" t="str">
            <v>電子入札</v>
          </cell>
          <cell r="FS291">
            <v>4</v>
          </cell>
          <cell r="FT291" t="str">
            <v/>
          </cell>
          <cell r="FU291" t="str">
            <v/>
          </cell>
          <cell r="FW291" t="str">
            <v/>
          </cell>
          <cell r="FY291" t="str">
            <v/>
          </cell>
          <cell r="GD291">
            <v>1</v>
          </cell>
          <cell r="GE291" t="str">
            <v>契約・検査課長　松本　嘉博</v>
          </cell>
          <cell r="GF291">
            <v>10153</v>
          </cell>
          <cell r="GG291" t="str">
            <v>日立キャピタル(株)</v>
          </cell>
          <cell r="GH291">
            <v>31876020</v>
          </cell>
          <cell r="GI291">
            <v>2897820</v>
          </cell>
          <cell r="GJ291" t="str">
            <v/>
          </cell>
          <cell r="GT291" t="str">
            <v>要</v>
          </cell>
          <cell r="GW291" t="str">
            <v/>
          </cell>
          <cell r="HO291" t="str">
            <v/>
          </cell>
          <cell r="HP291" t="str">
            <v>-</v>
          </cell>
          <cell r="HQ291">
            <v>493100</v>
          </cell>
          <cell r="HR291">
            <v>495860</v>
          </cell>
          <cell r="HS291">
            <v>482970</v>
          </cell>
          <cell r="HT291">
            <v>498410</v>
          </cell>
          <cell r="HU291">
            <v>496200</v>
          </cell>
          <cell r="HV291" t="str">
            <v>-</v>
          </cell>
          <cell r="HW291" t="str">
            <v>-</v>
          </cell>
          <cell r="HX291" t="str">
            <v>-</v>
          </cell>
          <cell r="HY291" t="str">
            <v>-</v>
          </cell>
          <cell r="HZ291" t="str">
            <v>-</v>
          </cell>
          <cell r="IA291" t="str">
            <v>-</v>
          </cell>
          <cell r="JD291" t="str">
            <v/>
          </cell>
          <cell r="JE291" t="str">
            <v/>
          </cell>
          <cell r="JF291" t="str">
            <v/>
          </cell>
          <cell r="JG291" t="str">
            <v/>
          </cell>
          <cell r="JH291" t="str">
            <v/>
          </cell>
          <cell r="JI291" t="str">
            <v/>
          </cell>
          <cell r="JJ291" t="str">
            <v/>
          </cell>
          <cell r="JK291" t="str">
            <v/>
          </cell>
          <cell r="JL291" t="str">
            <v/>
          </cell>
          <cell r="JM291" t="str">
            <v/>
          </cell>
          <cell r="JN291" t="str">
            <v/>
          </cell>
          <cell r="JO291" t="str">
            <v/>
          </cell>
          <cell r="JP291" t="str">
            <v/>
          </cell>
          <cell r="JQ291" t="str">
            <v/>
          </cell>
          <cell r="JR291" t="str">
            <v/>
          </cell>
          <cell r="JS291" t="str">
            <v/>
          </cell>
          <cell r="JT291" t="str">
            <v/>
          </cell>
          <cell r="JU291" t="str">
            <v/>
          </cell>
          <cell r="JV291" t="str">
            <v/>
          </cell>
          <cell r="JW291" t="str">
            <v/>
          </cell>
          <cell r="JX291" t="str">
            <v/>
          </cell>
          <cell r="JY291" t="str">
            <v/>
          </cell>
          <cell r="JZ291">
            <v>0.94744585708782747</v>
          </cell>
        </row>
        <row r="292">
          <cell r="C292" t="str">
            <v/>
          </cell>
          <cell r="D292" t="str">
            <v/>
          </cell>
          <cell r="E292" t="str">
            <v/>
          </cell>
          <cell r="I292">
            <v>284</v>
          </cell>
          <cell r="M292" t="str">
            <v>令和２年度クライアント機器リース（庁内ＬＡＮ）その２</v>
          </cell>
          <cell r="Q292" t="str">
            <v>ｸﾗｲｱﾝﾄ機ﾘｰｽ</v>
          </cell>
          <cell r="U292">
            <v>2</v>
          </cell>
          <cell r="Y292">
            <v>1</v>
          </cell>
          <cell r="AC292">
            <v>8</v>
          </cell>
          <cell r="AD292">
            <v>6</v>
          </cell>
          <cell r="AI292" t="str">
            <v>伊丹市役所本庁舎　他</v>
          </cell>
          <cell r="AQ292">
            <v>7</v>
          </cell>
          <cell r="AU292">
            <v>60</v>
          </cell>
          <cell r="AY292">
            <v>44210</v>
          </cell>
          <cell r="AZ292">
            <v>44211</v>
          </cell>
          <cell r="BA292">
            <v>1843</v>
          </cell>
          <cell r="BB292">
            <v>46053</v>
          </cell>
          <cell r="BC292" t="str">
            <v/>
          </cell>
          <cell r="BD292" t="str">
            <v/>
          </cell>
          <cell r="BE292" t="str">
            <v/>
          </cell>
          <cell r="BH292" t="str">
            <v>村社　朋代</v>
          </cell>
          <cell r="BI292" t="str">
            <v>情報管理課</v>
          </cell>
          <cell r="BJ292">
            <v>4764</v>
          </cell>
          <cell r="BN292" t="str">
            <v>リ</v>
          </cell>
          <cell r="BO292">
            <v>17</v>
          </cell>
          <cell r="BS292">
            <v>31942825</v>
          </cell>
          <cell r="BU292">
            <v>1</v>
          </cell>
          <cell r="BV292" t="str">
            <v/>
          </cell>
          <cell r="CD292" t="str">
            <v/>
          </cell>
          <cell r="CH292">
            <v>-145</v>
          </cell>
          <cell r="CI292">
            <v>44180</v>
          </cell>
          <cell r="CP292">
            <v>99618</v>
          </cell>
          <cell r="CW292" t="str">
            <v/>
          </cell>
          <cell r="CX292" t="str">
            <v/>
          </cell>
          <cell r="CY292" t="str">
            <v/>
          </cell>
          <cell r="CZ292" t="str">
            <v/>
          </cell>
          <cell r="DA292">
            <v>44187</v>
          </cell>
          <cell r="DB292">
            <v>44190</v>
          </cell>
          <cell r="DD292" t="str">
            <v/>
          </cell>
          <cell r="DL292">
            <v>10064</v>
          </cell>
          <cell r="DM292">
            <v>10115</v>
          </cell>
          <cell r="DN292">
            <v>10147</v>
          </cell>
          <cell r="DO292">
            <v>10153</v>
          </cell>
          <cell r="DP292">
            <v>10200</v>
          </cell>
          <cell r="DQ292">
            <v>10287</v>
          </cell>
          <cell r="DR292">
            <v>10295</v>
          </cell>
          <cell r="DS292">
            <v>10437</v>
          </cell>
          <cell r="DT292">
            <v>10439</v>
          </cell>
          <cell r="DU292">
            <v>10471</v>
          </cell>
          <cell r="DV292">
            <v>10509</v>
          </cell>
          <cell r="DW292">
            <v>10667</v>
          </cell>
          <cell r="EZ292">
            <v>12</v>
          </cell>
          <cell r="FA292">
            <v>8</v>
          </cell>
          <cell r="FI292">
            <v>5</v>
          </cell>
          <cell r="FJ292" t="str">
            <v>指名競争入札（簡易認証）</v>
          </cell>
          <cell r="FN292">
            <v>4</v>
          </cell>
          <cell r="FO292" t="str">
            <v>電子入札</v>
          </cell>
          <cell r="FS292">
            <v>4</v>
          </cell>
          <cell r="FT292" t="str">
            <v/>
          </cell>
          <cell r="FU292" t="str">
            <v/>
          </cell>
          <cell r="FW292" t="str">
            <v/>
          </cell>
          <cell r="FY292" t="str">
            <v/>
          </cell>
          <cell r="GD292">
            <v>1</v>
          </cell>
          <cell r="GE292" t="str">
            <v>契約・検査課長　松本　嘉博</v>
          </cell>
          <cell r="GF292">
            <v>10153</v>
          </cell>
          <cell r="GG292" t="str">
            <v>日立キャピタル(株)</v>
          </cell>
          <cell r="GH292">
            <v>29711220</v>
          </cell>
          <cell r="GI292">
            <v>2701020</v>
          </cell>
          <cell r="GJ292" t="str">
            <v/>
          </cell>
          <cell r="GT292" t="str">
            <v>要</v>
          </cell>
          <cell r="GW292" t="str">
            <v/>
          </cell>
          <cell r="HO292" t="str">
            <v/>
          </cell>
          <cell r="JD292" t="str">
            <v/>
          </cell>
          <cell r="JE292" t="str">
            <v/>
          </cell>
          <cell r="JF292" t="str">
            <v/>
          </cell>
          <cell r="JG292" t="str">
            <v/>
          </cell>
          <cell r="JH292" t="str">
            <v/>
          </cell>
          <cell r="JI292" t="str">
            <v/>
          </cell>
          <cell r="JJ292" t="str">
            <v/>
          </cell>
          <cell r="JK292" t="str">
            <v/>
          </cell>
          <cell r="JL292" t="str">
            <v/>
          </cell>
          <cell r="JM292" t="str">
            <v/>
          </cell>
          <cell r="JN292" t="str">
            <v/>
          </cell>
          <cell r="JO292" t="str">
            <v/>
          </cell>
          <cell r="JP292" t="str">
            <v/>
          </cell>
          <cell r="JQ292" t="str">
            <v/>
          </cell>
          <cell r="JR292" t="str">
            <v/>
          </cell>
          <cell r="JS292" t="str">
            <v/>
          </cell>
          <cell r="JT292" t="str">
            <v/>
          </cell>
          <cell r="JU292" t="str">
            <v/>
          </cell>
          <cell r="JV292" t="str">
            <v/>
          </cell>
          <cell r="JW292" t="str">
            <v/>
          </cell>
          <cell r="JX292" t="str">
            <v/>
          </cell>
          <cell r="JY292" t="str">
            <v/>
          </cell>
          <cell r="JZ292" t="e">
            <v>#DIV/0!</v>
          </cell>
        </row>
        <row r="293">
          <cell r="C293" t="str">
            <v/>
          </cell>
          <cell r="D293" t="str">
            <v/>
          </cell>
          <cell r="E293" t="str">
            <v/>
          </cell>
          <cell r="I293">
            <v>285</v>
          </cell>
          <cell r="M293" t="str">
            <v>令和２年度クライアント機器リース（施設課）その２</v>
          </cell>
          <cell r="Q293" t="str">
            <v>ｸﾗｲｱﾝﾄ機ﾘｰｽ</v>
          </cell>
          <cell r="U293">
            <v>3</v>
          </cell>
          <cell r="Y293">
            <v>1</v>
          </cell>
          <cell r="AC293">
            <v>8</v>
          </cell>
          <cell r="AD293">
            <v>6</v>
          </cell>
          <cell r="AI293" t="str">
            <v>伊丹市役所本庁舎</v>
          </cell>
          <cell r="AQ293">
            <v>7</v>
          </cell>
          <cell r="AU293">
            <v>60</v>
          </cell>
          <cell r="AY293">
            <v>44210</v>
          </cell>
          <cell r="AZ293">
            <v>44211</v>
          </cell>
          <cell r="BA293">
            <v>1843</v>
          </cell>
          <cell r="BB293">
            <v>46053</v>
          </cell>
          <cell r="BC293" t="str">
            <v/>
          </cell>
          <cell r="BD293" t="str">
            <v/>
          </cell>
          <cell r="BE293" t="str">
            <v/>
          </cell>
          <cell r="BH293" t="str">
            <v>山田  実</v>
          </cell>
          <cell r="BI293" t="str">
            <v>施設課</v>
          </cell>
          <cell r="BJ293">
            <v>4327</v>
          </cell>
          <cell r="BN293" t="str">
            <v>リ</v>
          </cell>
          <cell r="BO293">
            <v>17</v>
          </cell>
          <cell r="BS293">
            <v>501336</v>
          </cell>
          <cell r="BU293">
            <v>1</v>
          </cell>
          <cell r="BV293" t="str">
            <v/>
          </cell>
          <cell r="CD293" t="str">
            <v/>
          </cell>
          <cell r="CH293">
            <v>-145</v>
          </cell>
          <cell r="CI293">
            <v>44180</v>
          </cell>
          <cell r="CP293">
            <v>39395</v>
          </cell>
          <cell r="CW293" t="str">
            <v/>
          </cell>
          <cell r="CX293" t="str">
            <v/>
          </cell>
          <cell r="CY293" t="str">
            <v/>
          </cell>
          <cell r="CZ293" t="str">
            <v/>
          </cell>
          <cell r="DA293">
            <v>44187</v>
          </cell>
          <cell r="DB293">
            <v>44190</v>
          </cell>
          <cell r="DD293" t="str">
            <v/>
          </cell>
          <cell r="DL293">
            <v>10064</v>
          </cell>
          <cell r="DM293">
            <v>10115</v>
          </cell>
          <cell r="DN293">
            <v>10147</v>
          </cell>
          <cell r="DO293">
            <v>10153</v>
          </cell>
          <cell r="DP293">
            <v>10200</v>
          </cell>
          <cell r="DQ293">
            <v>10287</v>
          </cell>
          <cell r="DR293">
            <v>10295</v>
          </cell>
          <cell r="DS293">
            <v>10437</v>
          </cell>
          <cell r="DT293">
            <v>10439</v>
          </cell>
          <cell r="DU293">
            <v>10471</v>
          </cell>
          <cell r="DV293">
            <v>10509</v>
          </cell>
          <cell r="DW293">
            <v>10667</v>
          </cell>
          <cell r="EZ293">
            <v>12</v>
          </cell>
          <cell r="FA293">
            <v>6</v>
          </cell>
          <cell r="FI293">
            <v>5</v>
          </cell>
          <cell r="FJ293" t="str">
            <v>指名競争入札（簡易認証）</v>
          </cell>
          <cell r="FN293">
            <v>4</v>
          </cell>
          <cell r="FO293" t="str">
            <v>電子入札</v>
          </cell>
          <cell r="FS293">
            <v>4</v>
          </cell>
          <cell r="FT293" t="str">
            <v/>
          </cell>
          <cell r="FU293" t="str">
            <v/>
          </cell>
          <cell r="FW293" t="str">
            <v/>
          </cell>
          <cell r="FY293" t="str">
            <v/>
          </cell>
          <cell r="GD293">
            <v>1</v>
          </cell>
          <cell r="GE293" t="str">
            <v>契約・検査課長　松本　嘉博</v>
          </cell>
          <cell r="GF293">
            <v>10153</v>
          </cell>
          <cell r="GG293" t="str">
            <v>日立キャピタル(株)</v>
          </cell>
          <cell r="GH293">
            <v>465960</v>
          </cell>
          <cell r="GI293">
            <v>42360</v>
          </cell>
          <cell r="GJ293" t="str">
            <v/>
          </cell>
          <cell r="GT293" t="str">
            <v/>
          </cell>
          <cell r="GW293" t="str">
            <v/>
          </cell>
          <cell r="HO293" t="str">
            <v/>
          </cell>
          <cell r="JD293" t="str">
            <v/>
          </cell>
          <cell r="JE293" t="str">
            <v/>
          </cell>
          <cell r="JF293" t="str">
            <v/>
          </cell>
          <cell r="JG293" t="str">
            <v/>
          </cell>
          <cell r="JH293" t="str">
            <v/>
          </cell>
          <cell r="JI293" t="str">
            <v/>
          </cell>
          <cell r="JJ293" t="str">
            <v/>
          </cell>
          <cell r="JK293" t="str">
            <v/>
          </cell>
          <cell r="JL293" t="str">
            <v/>
          </cell>
          <cell r="JM293" t="str">
            <v/>
          </cell>
          <cell r="JN293" t="str">
            <v/>
          </cell>
          <cell r="JO293" t="str">
            <v/>
          </cell>
          <cell r="JP293" t="str">
            <v/>
          </cell>
          <cell r="JQ293" t="str">
            <v/>
          </cell>
          <cell r="JR293" t="str">
            <v/>
          </cell>
          <cell r="JS293" t="str">
            <v/>
          </cell>
          <cell r="JT293" t="str">
            <v/>
          </cell>
          <cell r="JU293" t="str">
            <v/>
          </cell>
          <cell r="JV293" t="str">
            <v/>
          </cell>
          <cell r="JW293" t="str">
            <v/>
          </cell>
          <cell r="JX293" t="str">
            <v/>
          </cell>
          <cell r="JY293" t="str">
            <v/>
          </cell>
          <cell r="JZ293" t="e">
            <v>#DIV/0!</v>
          </cell>
        </row>
        <row r="294">
          <cell r="C294" t="str">
            <v/>
          </cell>
          <cell r="D294" t="str">
            <v/>
          </cell>
          <cell r="E294" t="str">
            <v/>
          </cell>
          <cell r="I294">
            <v>286</v>
          </cell>
          <cell r="M294" t="str">
            <v>令和２年度クライアント機器リース（人権啓発センター）その２</v>
          </cell>
          <cell r="Q294" t="str">
            <v>ｸﾗｲｱﾝﾄ機ﾘｰｽ</v>
          </cell>
          <cell r="U294">
            <v>4</v>
          </cell>
          <cell r="Y294">
            <v>1</v>
          </cell>
          <cell r="AC294">
            <v>8</v>
          </cell>
          <cell r="AD294">
            <v>6</v>
          </cell>
          <cell r="AI294" t="str">
            <v>伊丹市立人権啓発センター</v>
          </cell>
          <cell r="AQ294">
            <v>7</v>
          </cell>
          <cell r="AU294">
            <v>60</v>
          </cell>
          <cell r="AY294">
            <v>44210</v>
          </cell>
          <cell r="AZ294">
            <v>44211</v>
          </cell>
          <cell r="BA294">
            <v>1843</v>
          </cell>
          <cell r="BB294">
            <v>46053</v>
          </cell>
          <cell r="BC294" t="str">
            <v/>
          </cell>
          <cell r="BD294" t="str">
            <v/>
          </cell>
          <cell r="BE294" t="str">
            <v/>
          </cell>
          <cell r="BH294" t="str">
            <v>作本　幸一</v>
          </cell>
          <cell r="BI294" t="str">
            <v>人権啓発センター</v>
          </cell>
          <cell r="BJ294">
            <v>7816006</v>
          </cell>
          <cell r="BN294" t="str">
            <v>リ</v>
          </cell>
          <cell r="BO294">
            <v>17</v>
          </cell>
          <cell r="BS294">
            <v>1826906</v>
          </cell>
          <cell r="BU294">
            <v>1</v>
          </cell>
          <cell r="BV294" t="str">
            <v/>
          </cell>
          <cell r="CD294" t="str">
            <v/>
          </cell>
          <cell r="CH294">
            <v>-145</v>
          </cell>
          <cell r="CI294">
            <v>44180</v>
          </cell>
          <cell r="CP294">
            <v>11706</v>
          </cell>
          <cell r="CW294" t="str">
            <v/>
          </cell>
          <cell r="CX294" t="str">
            <v/>
          </cell>
          <cell r="CY294" t="str">
            <v/>
          </cell>
          <cell r="CZ294" t="str">
            <v/>
          </cell>
          <cell r="DA294">
            <v>44187</v>
          </cell>
          <cell r="DB294">
            <v>44190</v>
          </cell>
          <cell r="DD294" t="str">
            <v/>
          </cell>
          <cell r="DL294">
            <v>10064</v>
          </cell>
          <cell r="DM294">
            <v>10115</v>
          </cell>
          <cell r="DN294">
            <v>10147</v>
          </cell>
          <cell r="DO294">
            <v>10153</v>
          </cell>
          <cell r="DP294">
            <v>10200</v>
          </cell>
          <cell r="DQ294">
            <v>10287</v>
          </cell>
          <cell r="DR294">
            <v>10295</v>
          </cell>
          <cell r="DS294">
            <v>10437</v>
          </cell>
          <cell r="DT294">
            <v>10439</v>
          </cell>
          <cell r="DU294">
            <v>10471</v>
          </cell>
          <cell r="DV294">
            <v>10509</v>
          </cell>
          <cell r="DW294">
            <v>10667</v>
          </cell>
          <cell r="EZ294">
            <v>12</v>
          </cell>
          <cell r="FA294">
            <v>6</v>
          </cell>
          <cell r="FI294">
            <v>5</v>
          </cell>
          <cell r="FJ294" t="str">
            <v>指名競争入札（簡易認証）</v>
          </cell>
          <cell r="FN294">
            <v>4</v>
          </cell>
          <cell r="FO294" t="str">
            <v>電子入札</v>
          </cell>
          <cell r="FS294">
            <v>4</v>
          </cell>
          <cell r="FT294" t="str">
            <v/>
          </cell>
          <cell r="FU294" t="str">
            <v/>
          </cell>
          <cell r="FW294" t="str">
            <v/>
          </cell>
          <cell r="FY294" t="str">
            <v/>
          </cell>
          <cell r="GD294">
            <v>1</v>
          </cell>
          <cell r="GE294" t="str">
            <v>契約・検査課長　松本　嘉博</v>
          </cell>
          <cell r="GF294">
            <v>10153</v>
          </cell>
          <cell r="GG294" t="str">
            <v>日立キャピタル(株)</v>
          </cell>
          <cell r="GH294">
            <v>1698840</v>
          </cell>
          <cell r="GI294">
            <v>154440</v>
          </cell>
          <cell r="GJ294" t="str">
            <v/>
          </cell>
          <cell r="GT294" t="str">
            <v/>
          </cell>
          <cell r="GW294" t="str">
            <v/>
          </cell>
          <cell r="HO294" t="str">
            <v/>
          </cell>
          <cell r="JD294" t="str">
            <v/>
          </cell>
          <cell r="JE294" t="str">
            <v/>
          </cell>
          <cell r="JF294" t="str">
            <v/>
          </cell>
          <cell r="JG294" t="str">
            <v/>
          </cell>
          <cell r="JH294" t="str">
            <v/>
          </cell>
          <cell r="JI294" t="str">
            <v/>
          </cell>
          <cell r="JJ294" t="str">
            <v/>
          </cell>
          <cell r="JK294" t="str">
            <v/>
          </cell>
          <cell r="JL294" t="str">
            <v/>
          </cell>
          <cell r="JM294" t="str">
            <v/>
          </cell>
          <cell r="JN294" t="str">
            <v/>
          </cell>
          <cell r="JO294" t="str">
            <v/>
          </cell>
          <cell r="JP294" t="str">
            <v/>
          </cell>
          <cell r="JQ294" t="str">
            <v/>
          </cell>
          <cell r="JR294" t="str">
            <v/>
          </cell>
          <cell r="JS294" t="str">
            <v/>
          </cell>
          <cell r="JT294" t="str">
            <v/>
          </cell>
          <cell r="JU294" t="str">
            <v/>
          </cell>
          <cell r="JV294" t="str">
            <v/>
          </cell>
          <cell r="JW294" t="str">
            <v/>
          </cell>
          <cell r="JX294" t="str">
            <v/>
          </cell>
          <cell r="JY294" t="str">
            <v/>
          </cell>
          <cell r="JZ294" t="e">
            <v>#DIV/0!</v>
          </cell>
        </row>
        <row r="295">
          <cell r="C295" t="str">
            <v/>
          </cell>
          <cell r="D295" t="str">
            <v/>
          </cell>
          <cell r="E295" t="str">
            <v/>
          </cell>
          <cell r="I295">
            <v>287</v>
          </cell>
          <cell r="M295" t="str">
            <v>令和２年度伊丹市立保健センター等複合化施設整備他工事（建築工事）</v>
          </cell>
          <cell r="Q295" t="str">
            <v>保健Ｃ建築</v>
          </cell>
          <cell r="Y295">
            <v>1</v>
          </cell>
          <cell r="AC295">
            <v>1</v>
          </cell>
          <cell r="AI295" t="str">
            <v>伊丹市千僧１丁目１番地の１、３９番地の１の一部</v>
          </cell>
          <cell r="AM295" t="str">
            <v>保健センター等複合化施設整備工事にかかる建築工事一式
旧中央公民館解体工事一式</v>
          </cell>
          <cell r="AQ295">
            <v>9</v>
          </cell>
          <cell r="AU295">
            <v>1</v>
          </cell>
          <cell r="AY295">
            <v>44236</v>
          </cell>
          <cell r="AZ295">
            <v>44236</v>
          </cell>
          <cell r="BA295">
            <v>599</v>
          </cell>
          <cell r="BB295">
            <v>44834</v>
          </cell>
          <cell r="BC295">
            <v>16</v>
          </cell>
          <cell r="BD295" t="str">
            <v>○</v>
          </cell>
          <cell r="BE295" t="str">
            <v>○</v>
          </cell>
          <cell r="BF295">
            <v>0.58402777777777781</v>
          </cell>
          <cell r="BG295">
            <v>7194</v>
          </cell>
          <cell r="BH295" t="str">
            <v>椋田　佑也</v>
          </cell>
          <cell r="BI295" t="str">
            <v>新庁舎等整備室</v>
          </cell>
          <cell r="BJ295">
            <v>4558</v>
          </cell>
          <cell r="BN295" t="str">
            <v>他</v>
          </cell>
          <cell r="BO295">
            <v>85</v>
          </cell>
          <cell r="BS295">
            <v>997700000</v>
          </cell>
          <cell r="BT295">
            <v>907000000</v>
          </cell>
          <cell r="BU295">
            <v>1</v>
          </cell>
          <cell r="BV295">
            <v>834440000</v>
          </cell>
          <cell r="BW295">
            <v>693600576</v>
          </cell>
          <cell r="BX295">
            <v>91202654</v>
          </cell>
          <cell r="BY295">
            <v>38615603</v>
          </cell>
          <cell r="BZ295">
            <v>83581167</v>
          </cell>
          <cell r="CD295">
            <v>44187</v>
          </cell>
          <cell r="CH295">
            <v>129</v>
          </cell>
          <cell r="CI295">
            <v>44188</v>
          </cell>
          <cell r="CJ295" t="str">
            <v>特定</v>
          </cell>
          <cell r="CK295" t="str">
            <v>兵庫県内に本店を有すること。又は伊丹市内に支店</v>
          </cell>
          <cell r="CL295" t="str">
            <v>伊丹市内に本店を有する者においては830点以上、その他の者においては1,000点以上</v>
          </cell>
          <cell r="CP295">
            <v>19259</v>
          </cell>
          <cell r="CT295" t="str">
            <v>請負金額が4億5,000万円以上(伊丹市内に本店を有する者においては2億3,000万円以上)</v>
          </cell>
          <cell r="CU295">
            <v>1</v>
          </cell>
          <cell r="CW295">
            <v>44209</v>
          </cell>
          <cell r="CX295">
            <v>44211</v>
          </cell>
          <cell r="CY295">
            <v>44214</v>
          </cell>
          <cell r="CZ295">
            <v>44215</v>
          </cell>
          <cell r="DA295">
            <v>44218</v>
          </cell>
          <cell r="DB295">
            <v>44224</v>
          </cell>
          <cell r="DC295">
            <v>30</v>
          </cell>
          <cell r="DD295" t="str">
            <v>○</v>
          </cell>
          <cell r="DL295">
            <v>6</v>
          </cell>
          <cell r="DM295">
            <v>17</v>
          </cell>
          <cell r="DN295">
            <v>23</v>
          </cell>
          <cell r="DO295">
            <v>26</v>
          </cell>
          <cell r="DP295">
            <v>2322</v>
          </cell>
          <cell r="DQ295">
            <v>2407</v>
          </cell>
          <cell r="DR295">
            <v>2725</v>
          </cell>
          <cell r="DS295">
            <v>2760</v>
          </cell>
          <cell r="DT295">
            <v>4071</v>
          </cell>
          <cell r="DU295">
            <v>4171</v>
          </cell>
          <cell r="DV295">
            <v>4237</v>
          </cell>
          <cell r="DW295">
            <v>4388</v>
          </cell>
          <cell r="DX295">
            <v>4415</v>
          </cell>
          <cell r="EZ295">
            <v>13</v>
          </cell>
          <cell r="FA295">
            <v>12</v>
          </cell>
          <cell r="FI295">
            <v>1</v>
          </cell>
          <cell r="FJ295" t="str">
            <v>制限付一般競争入札</v>
          </cell>
          <cell r="FN295">
            <v>4</v>
          </cell>
          <cell r="FO295" t="str">
            <v>電子入札</v>
          </cell>
          <cell r="FS295">
            <v>1</v>
          </cell>
          <cell r="FT295" t="str">
            <v/>
          </cell>
          <cell r="FU295">
            <v>1</v>
          </cell>
          <cell r="FW295" t="str">
            <v/>
          </cell>
          <cell r="FY295" t="str">
            <v/>
          </cell>
          <cell r="GB295">
            <v>1</v>
          </cell>
          <cell r="GD295">
            <v>1</v>
          </cell>
          <cell r="GE295" t="str">
            <v>契約・検査課長　松本　嘉博</v>
          </cell>
          <cell r="GF295">
            <v>4071</v>
          </cell>
          <cell r="GG295" t="str">
            <v>(株)益田工務店</v>
          </cell>
          <cell r="GH295">
            <v>917884000</v>
          </cell>
          <cell r="GI295">
            <v>83444000</v>
          </cell>
          <cell r="GJ295">
            <v>91789000</v>
          </cell>
          <cell r="GK295">
            <v>44265</v>
          </cell>
          <cell r="GL295" t="str">
            <v>１級建築施工管理技士</v>
          </cell>
          <cell r="GM295" t="str">
            <v>大賀　啓至</v>
          </cell>
          <cell r="GN295" t="str">
            <v>１級建築施工管理技士</v>
          </cell>
          <cell r="GO295" t="str">
            <v>大賀　啓至</v>
          </cell>
          <cell r="GT295" t="str">
            <v>要</v>
          </cell>
          <cell r="GU295" t="str">
            <v>済</v>
          </cell>
          <cell r="GV295">
            <v>1193500</v>
          </cell>
          <cell r="GW295">
            <v>1.3002732371410768</v>
          </cell>
          <cell r="HO295" t="str">
            <v/>
          </cell>
          <cell r="HP295">
            <v>834440000</v>
          </cell>
          <cell r="HQ295" t="str">
            <v>-</v>
          </cell>
          <cell r="HR295">
            <v>834440000</v>
          </cell>
          <cell r="HS295" t="str">
            <v>-</v>
          </cell>
          <cell r="HT295">
            <v>834440000</v>
          </cell>
          <cell r="HU295">
            <v>834440000</v>
          </cell>
          <cell r="HV295">
            <v>834440000</v>
          </cell>
          <cell r="HW295">
            <v>834440000</v>
          </cell>
          <cell r="HX295">
            <v>834440000</v>
          </cell>
          <cell r="HY295">
            <v>834440000</v>
          </cell>
          <cell r="HZ295">
            <v>834440000</v>
          </cell>
          <cell r="IA295">
            <v>834440000</v>
          </cell>
          <cell r="IB295">
            <v>834440000</v>
          </cell>
          <cell r="JD295" t="str">
            <v/>
          </cell>
          <cell r="JE295" t="str">
            <v/>
          </cell>
          <cell r="JF295" t="str">
            <v/>
          </cell>
          <cell r="JG295" t="str">
            <v/>
          </cell>
          <cell r="JH295" t="str">
            <v/>
          </cell>
          <cell r="JI295" t="str">
            <v/>
          </cell>
          <cell r="JJ295" t="str">
            <v/>
          </cell>
          <cell r="JK295" t="str">
            <v/>
          </cell>
          <cell r="JL295" t="str">
            <v/>
          </cell>
          <cell r="JM295" t="str">
            <v/>
          </cell>
          <cell r="JN295" t="str">
            <v/>
          </cell>
          <cell r="JO295" t="str">
            <v/>
          </cell>
          <cell r="JP295" t="str">
            <v/>
          </cell>
          <cell r="JQ295" t="str">
            <v/>
          </cell>
          <cell r="JR295" t="str">
            <v/>
          </cell>
          <cell r="JS295" t="str">
            <v/>
          </cell>
          <cell r="JT295" t="str">
            <v/>
          </cell>
          <cell r="JU295" t="str">
            <v/>
          </cell>
          <cell r="JV295" t="str">
            <v/>
          </cell>
          <cell r="JW295" t="str">
            <v/>
          </cell>
          <cell r="JX295">
            <v>85</v>
          </cell>
          <cell r="JY295">
            <v>83</v>
          </cell>
          <cell r="JZ295">
            <v>0.91999999999999982</v>
          </cell>
        </row>
        <row r="296">
          <cell r="C296" t="str">
            <v/>
          </cell>
          <cell r="D296" t="str">
            <v/>
          </cell>
          <cell r="E296" t="str">
            <v/>
          </cell>
          <cell r="I296">
            <v>288</v>
          </cell>
          <cell r="M296" t="str">
            <v>令和２年度伊丹市立保健センター等複合化施設整備工事（電気設備工事）</v>
          </cell>
          <cell r="Q296" t="str">
            <v>保健Ｃ電気</v>
          </cell>
          <cell r="Y296">
            <v>1</v>
          </cell>
          <cell r="AC296">
            <v>5</v>
          </cell>
          <cell r="AI296" t="str">
            <v>伊丹市千僧１丁目１番地の１、３９番地の１の一部</v>
          </cell>
          <cell r="AM296" t="str">
            <v>保健センター等複合化施設整備工事にかかる電気設備工事一式</v>
          </cell>
          <cell r="AQ296">
            <v>9</v>
          </cell>
          <cell r="AU296">
            <v>1</v>
          </cell>
          <cell r="AY296">
            <v>44236</v>
          </cell>
          <cell r="AZ296">
            <v>44236</v>
          </cell>
          <cell r="BA296">
            <v>599</v>
          </cell>
          <cell r="BB296">
            <v>44834</v>
          </cell>
          <cell r="BC296">
            <v>16</v>
          </cell>
          <cell r="BD296" t="str">
            <v>○</v>
          </cell>
          <cell r="BE296" t="str">
            <v>○</v>
          </cell>
          <cell r="BF296">
            <v>0.58472222222222225</v>
          </cell>
          <cell r="BG296">
            <v>7194</v>
          </cell>
          <cell r="BH296" t="str">
            <v>椋田　佑也</v>
          </cell>
          <cell r="BI296" t="str">
            <v>新庁舎等整備室</v>
          </cell>
          <cell r="BJ296">
            <v>4558</v>
          </cell>
          <cell r="BN296" t="str">
            <v>他</v>
          </cell>
          <cell r="BO296">
            <v>86</v>
          </cell>
          <cell r="BS296">
            <v>171600000</v>
          </cell>
          <cell r="BT296">
            <v>156000000</v>
          </cell>
          <cell r="BU296">
            <v>1</v>
          </cell>
          <cell r="BV296">
            <v>143180000</v>
          </cell>
          <cell r="BW296">
            <v>119207179</v>
          </cell>
          <cell r="BX296">
            <v>4255696</v>
          </cell>
          <cell r="BY296">
            <v>16655141</v>
          </cell>
          <cell r="BZ296">
            <v>15881984</v>
          </cell>
          <cell r="CD296">
            <v>44187</v>
          </cell>
          <cell r="CH296">
            <v>130</v>
          </cell>
          <cell r="CI296">
            <v>44188</v>
          </cell>
          <cell r="CJ296" t="str">
            <v>特定</v>
          </cell>
          <cell r="CK296" t="str">
            <v>神戸市、尼崎市、西宮市、芦屋市、宝塚市、川西市、伊丹市内に本店を有すること。又は伊丹市内に支店</v>
          </cell>
          <cell r="CL296" t="str">
            <v>伊丹市内に本店を有する者においては750点以上、その他の者においては900点以上</v>
          </cell>
          <cell r="CP296">
            <v>40826</v>
          </cell>
          <cell r="CT296" t="str">
            <v>請負金額が7,800万円以上(伊丹市内に本店を有する者においては3,900万円以上)</v>
          </cell>
          <cell r="CU296">
            <v>1</v>
          </cell>
          <cell r="CW296">
            <v>44209</v>
          </cell>
          <cell r="CX296">
            <v>44211</v>
          </cell>
          <cell r="CY296">
            <v>44214</v>
          </cell>
          <cell r="CZ296">
            <v>44215</v>
          </cell>
          <cell r="DA296">
            <v>44218</v>
          </cell>
          <cell r="DB296">
            <v>44224</v>
          </cell>
          <cell r="DC296">
            <v>22</v>
          </cell>
          <cell r="DD296" t="str">
            <v>○</v>
          </cell>
          <cell r="DL296">
            <v>63</v>
          </cell>
          <cell r="DM296">
            <v>83</v>
          </cell>
          <cell r="DN296">
            <v>128</v>
          </cell>
          <cell r="DO296">
            <v>368</v>
          </cell>
          <cell r="DP296">
            <v>2350</v>
          </cell>
          <cell r="DQ296">
            <v>2986</v>
          </cell>
          <cell r="DR296">
            <v>3237</v>
          </cell>
          <cell r="DS296">
            <v>3398</v>
          </cell>
          <cell r="DT296">
            <v>3822</v>
          </cell>
          <cell r="DU296">
            <v>3989</v>
          </cell>
          <cell r="DV296">
            <v>4048</v>
          </cell>
          <cell r="DW296">
            <v>4113</v>
          </cell>
          <cell r="DX296">
            <v>4237</v>
          </cell>
          <cell r="EZ296">
            <v>13</v>
          </cell>
          <cell r="FA296">
            <v>10</v>
          </cell>
          <cell r="FI296">
            <v>1</v>
          </cell>
          <cell r="FJ296" t="str">
            <v>制限付一般競争入札</v>
          </cell>
          <cell r="FN296">
            <v>4</v>
          </cell>
          <cell r="FO296" t="str">
            <v>電子入札</v>
          </cell>
          <cell r="FS296">
            <v>1</v>
          </cell>
          <cell r="FT296" t="str">
            <v/>
          </cell>
          <cell r="FU296">
            <v>1</v>
          </cell>
          <cell r="FW296" t="str">
            <v/>
          </cell>
          <cell r="FY296" t="str">
            <v/>
          </cell>
          <cell r="GB296">
            <v>1</v>
          </cell>
          <cell r="GD296">
            <v>1</v>
          </cell>
          <cell r="GE296" t="str">
            <v>契約・検査課長　松本　嘉博</v>
          </cell>
          <cell r="GF296">
            <v>4237</v>
          </cell>
          <cell r="GG296" t="str">
            <v>(株)明和工務店</v>
          </cell>
          <cell r="GH296">
            <v>157806000</v>
          </cell>
          <cell r="GI296">
            <v>14346000</v>
          </cell>
          <cell r="GJ296">
            <v>15781000</v>
          </cell>
          <cell r="GK296">
            <v>44265</v>
          </cell>
          <cell r="GL296" t="str">
            <v>１級電気工事施工管理技士</v>
          </cell>
          <cell r="GM296" t="str">
            <v>平國　雅彦</v>
          </cell>
          <cell r="GN296" t="str">
            <v>１級電気工事施工管理技士</v>
          </cell>
          <cell r="GO296" t="str">
            <v>平國　雅彦</v>
          </cell>
          <cell r="GT296" t="str">
            <v>要</v>
          </cell>
          <cell r="GU296" t="str">
            <v>済</v>
          </cell>
          <cell r="GV296">
            <v>236840</v>
          </cell>
          <cell r="GW296">
            <v>1.5008301332015259</v>
          </cell>
          <cell r="HO296" t="str">
            <v/>
          </cell>
          <cell r="HP296">
            <v>142770000</v>
          </cell>
          <cell r="HQ296">
            <v>148200000</v>
          </cell>
          <cell r="HR296">
            <v>143500000</v>
          </cell>
          <cell r="HS296">
            <v>143520000</v>
          </cell>
          <cell r="HT296">
            <v>143140000</v>
          </cell>
          <cell r="HU296" t="str">
            <v>-</v>
          </cell>
          <cell r="HV296">
            <v>143530000</v>
          </cell>
          <cell r="HW296">
            <v>142560000</v>
          </cell>
          <cell r="HX296">
            <v>145000000</v>
          </cell>
          <cell r="HY296">
            <v>143520000</v>
          </cell>
          <cell r="HZ296">
            <v>142850000</v>
          </cell>
          <cell r="IA296">
            <v>142800000</v>
          </cell>
          <cell r="IB296">
            <v>143460000</v>
          </cell>
          <cell r="JD296" t="str">
            <v/>
          </cell>
          <cell r="JE296" t="str">
            <v/>
          </cell>
          <cell r="JF296" t="str">
            <v/>
          </cell>
          <cell r="JG296" t="str">
            <v/>
          </cell>
          <cell r="JH296" t="str">
            <v/>
          </cell>
          <cell r="JI296" t="str">
            <v/>
          </cell>
          <cell r="JJ296" t="str">
            <v/>
          </cell>
          <cell r="JK296" t="str">
            <v/>
          </cell>
          <cell r="JL296" t="str">
            <v/>
          </cell>
          <cell r="JM296" t="str">
            <v/>
          </cell>
          <cell r="JN296" t="str">
            <v/>
          </cell>
          <cell r="JO296" t="str">
            <v/>
          </cell>
          <cell r="JP296" t="str">
            <v/>
          </cell>
          <cell r="JQ296" t="str">
            <v/>
          </cell>
          <cell r="JR296" t="str">
            <v/>
          </cell>
          <cell r="JS296" t="str">
            <v/>
          </cell>
          <cell r="JT296" t="str">
            <v/>
          </cell>
          <cell r="JU296" t="str">
            <v/>
          </cell>
          <cell r="JV296" t="str">
            <v/>
          </cell>
          <cell r="JW296" t="str">
            <v/>
          </cell>
          <cell r="JX296">
            <v>86</v>
          </cell>
          <cell r="JY296">
            <v>84</v>
          </cell>
          <cell r="JZ296">
            <v>0.91961538461538461</v>
          </cell>
        </row>
        <row r="297">
          <cell r="C297" t="str">
            <v/>
          </cell>
          <cell r="D297" t="str">
            <v/>
          </cell>
          <cell r="E297" t="str">
            <v/>
          </cell>
          <cell r="I297">
            <v>289</v>
          </cell>
          <cell r="M297" t="str">
            <v>令和２年度伊丹市立保健センター等複合化施設整備工事（機械設備工事）</v>
          </cell>
          <cell r="Q297" t="str">
            <v>保健Ｃ機械</v>
          </cell>
          <cell r="Y297">
            <v>1</v>
          </cell>
          <cell r="AC297">
            <v>4</v>
          </cell>
          <cell r="AI297" t="str">
            <v>伊丹市千僧１丁目１番地の１、３９番地の１の一部</v>
          </cell>
          <cell r="AM297" t="str">
            <v>保健センター等複合化施設整備工事にかかる機械設備工事一式</v>
          </cell>
          <cell r="AQ297">
            <v>9</v>
          </cell>
          <cell r="AU297">
            <v>1</v>
          </cell>
          <cell r="AY297">
            <v>44236</v>
          </cell>
          <cell r="AZ297">
            <v>44236</v>
          </cell>
          <cell r="BA297">
            <v>599</v>
          </cell>
          <cell r="BB297">
            <v>44834</v>
          </cell>
          <cell r="BC297">
            <v>16</v>
          </cell>
          <cell r="BD297" t="str">
            <v>○</v>
          </cell>
          <cell r="BE297" t="str">
            <v>○</v>
          </cell>
          <cell r="BF297">
            <v>0.5854166666666667</v>
          </cell>
          <cell r="BG297">
            <v>7194</v>
          </cell>
          <cell r="BH297" t="str">
            <v>椋田　佑也</v>
          </cell>
          <cell r="BI297" t="str">
            <v>新庁舎等整備室</v>
          </cell>
          <cell r="BJ297">
            <v>4558</v>
          </cell>
          <cell r="BN297" t="str">
            <v>他</v>
          </cell>
          <cell r="BO297">
            <v>87</v>
          </cell>
          <cell r="BS297">
            <v>108020000</v>
          </cell>
          <cell r="BT297">
            <v>98200000</v>
          </cell>
          <cell r="BU297">
            <v>1</v>
          </cell>
          <cell r="BV297">
            <v>89830000</v>
          </cell>
          <cell r="BW297">
            <v>74152381</v>
          </cell>
          <cell r="BX297">
            <v>2989842</v>
          </cell>
          <cell r="BY297">
            <v>10394495</v>
          </cell>
          <cell r="BZ297">
            <v>10663282</v>
          </cell>
          <cell r="CD297">
            <v>44187</v>
          </cell>
          <cell r="CH297">
            <v>131</v>
          </cell>
          <cell r="CI297">
            <v>44188</v>
          </cell>
          <cell r="CJ297" t="str">
            <v>特定</v>
          </cell>
          <cell r="CK297" t="str">
            <v>兵庫県内に本店又は支店</v>
          </cell>
          <cell r="CL297" t="str">
            <v>伊丹市内に本店を有する者においては730点以上、伊丹市内に支店を有する者においては900点以上、その他の者においては1,100点以上</v>
          </cell>
          <cell r="CP297">
            <v>97458</v>
          </cell>
          <cell r="CT297" t="str">
            <v>請負金額が4,900万円以上(伊丹市内に本店を有する者においては2,500万円以上)</v>
          </cell>
          <cell r="CU297">
            <v>2</v>
          </cell>
          <cell r="CW297">
            <v>44209</v>
          </cell>
          <cell r="CX297">
            <v>44211</v>
          </cell>
          <cell r="CY297">
            <v>44214</v>
          </cell>
          <cell r="CZ297">
            <v>44215</v>
          </cell>
          <cell r="DA297">
            <v>44218</v>
          </cell>
          <cell r="DB297">
            <v>44224</v>
          </cell>
          <cell r="DC297">
            <v>24</v>
          </cell>
          <cell r="DD297" t="str">
            <v>○</v>
          </cell>
          <cell r="DL297">
            <v>63</v>
          </cell>
          <cell r="EZ297">
            <v>1</v>
          </cell>
          <cell r="FA297">
            <v>10</v>
          </cell>
          <cell r="FI297">
            <v>1</v>
          </cell>
          <cell r="FJ297" t="str">
            <v>制限付一般競争入札</v>
          </cell>
          <cell r="FN297">
            <v>4</v>
          </cell>
          <cell r="FO297" t="str">
            <v>電子入札</v>
          </cell>
          <cell r="FS297">
            <v>1</v>
          </cell>
          <cell r="FT297" t="str">
            <v/>
          </cell>
          <cell r="FU297" t="str">
            <v/>
          </cell>
          <cell r="FW297">
            <v>1</v>
          </cell>
          <cell r="FY297" t="str">
            <v>未</v>
          </cell>
          <cell r="GB297">
            <v>1</v>
          </cell>
          <cell r="GD297">
            <v>1</v>
          </cell>
          <cell r="GE297" t="str">
            <v>契約・検査課長　松本　嘉博</v>
          </cell>
          <cell r="GF297">
            <v>63</v>
          </cell>
          <cell r="GG297" t="str">
            <v>伊丹産業電設(株)</v>
          </cell>
          <cell r="GH297">
            <v>108020000</v>
          </cell>
          <cell r="GI297">
            <v>9820000</v>
          </cell>
          <cell r="GJ297">
            <v>10802000</v>
          </cell>
          <cell r="GL297" t="str">
            <v>１級管工事施工管理技士</v>
          </cell>
          <cell r="GM297" t="str">
            <v>石田　雅和</v>
          </cell>
          <cell r="GN297" t="str">
            <v>１級管工事施工管理技士</v>
          </cell>
          <cell r="GO297" t="str">
            <v>石田　雅和</v>
          </cell>
          <cell r="GT297" t="str">
            <v>要</v>
          </cell>
          <cell r="GU297" t="str">
            <v>済</v>
          </cell>
          <cell r="GV297">
            <v>229400</v>
          </cell>
          <cell r="GW297">
            <v>2.1236807998518792</v>
          </cell>
          <cell r="HO297" t="str">
            <v/>
          </cell>
          <cell r="HP297">
            <v>98200000</v>
          </cell>
          <cell r="JD297" t="str">
            <v/>
          </cell>
          <cell r="JE297" t="str">
            <v/>
          </cell>
          <cell r="JF297" t="str">
            <v/>
          </cell>
          <cell r="JG297" t="str">
            <v/>
          </cell>
          <cell r="JH297" t="str">
            <v/>
          </cell>
          <cell r="JI297" t="str">
            <v/>
          </cell>
          <cell r="JJ297" t="str">
            <v/>
          </cell>
          <cell r="JK297" t="str">
            <v/>
          </cell>
          <cell r="JL297" t="str">
            <v/>
          </cell>
          <cell r="JM297" t="str">
            <v/>
          </cell>
          <cell r="JN297" t="str">
            <v/>
          </cell>
          <cell r="JO297" t="str">
            <v/>
          </cell>
          <cell r="JP297" t="str">
            <v/>
          </cell>
          <cell r="JQ297" t="str">
            <v/>
          </cell>
          <cell r="JR297" t="str">
            <v/>
          </cell>
          <cell r="JS297" t="str">
            <v/>
          </cell>
          <cell r="JT297" t="str">
            <v/>
          </cell>
          <cell r="JU297" t="str">
            <v/>
          </cell>
          <cell r="JV297" t="str">
            <v/>
          </cell>
          <cell r="JW297" t="str">
            <v/>
          </cell>
          <cell r="JX297">
            <v>87</v>
          </cell>
          <cell r="JY297">
            <v>85</v>
          </cell>
          <cell r="JZ297">
            <v>0.99999999999999989</v>
          </cell>
        </row>
        <row r="298">
          <cell r="C298" t="str">
            <v/>
          </cell>
          <cell r="D298" t="str">
            <v/>
          </cell>
          <cell r="E298" t="str">
            <v/>
          </cell>
          <cell r="I298">
            <v>290</v>
          </cell>
          <cell r="M298" t="str">
            <v>令和２年度伊丹市Web会議等推進事業に係るディスプレイ類の購入</v>
          </cell>
          <cell r="Q298" t="str">
            <v>ﾃﾞｨｽﾌﾟﾚｲ購入</v>
          </cell>
          <cell r="Y298">
            <v>1</v>
          </cell>
          <cell r="AC298">
            <v>8</v>
          </cell>
          <cell r="AD298">
            <v>1</v>
          </cell>
          <cell r="AI298" t="str">
            <v>伊丹市</v>
          </cell>
          <cell r="AQ298">
            <v>1</v>
          </cell>
          <cell r="AY298">
            <v>44217</v>
          </cell>
          <cell r="AZ298">
            <v>44218</v>
          </cell>
          <cell r="BA298">
            <v>36</v>
          </cell>
          <cell r="BB298">
            <v>44253</v>
          </cell>
          <cell r="BC298" t="str">
            <v/>
          </cell>
          <cell r="BD298" t="str">
            <v/>
          </cell>
          <cell r="BE298" t="str">
            <v/>
          </cell>
          <cell r="BF298">
            <v>0.41805555555555557</v>
          </cell>
          <cell r="BG298">
            <v>6537</v>
          </cell>
          <cell r="BH298" t="str">
            <v>落久保  宏朗</v>
          </cell>
          <cell r="BI298" t="str">
            <v>新庁舎整備室</v>
          </cell>
          <cell r="BJ298">
            <v>4340</v>
          </cell>
          <cell r="BN298" t="str">
            <v>物</v>
          </cell>
          <cell r="BO298">
            <v>62</v>
          </cell>
          <cell r="BS298">
            <v>11631730</v>
          </cell>
          <cell r="BT298">
            <v>10574000</v>
          </cell>
          <cell r="BU298">
            <v>1</v>
          </cell>
          <cell r="BV298" t="str">
            <v/>
          </cell>
          <cell r="CH298">
            <v>-146</v>
          </cell>
          <cell r="CI298">
            <v>44187</v>
          </cell>
          <cell r="CP298">
            <v>27385</v>
          </cell>
          <cell r="CW298" t="str">
            <v/>
          </cell>
          <cell r="CX298" t="str">
            <v/>
          </cell>
          <cell r="CY298" t="str">
            <v/>
          </cell>
          <cell r="CZ298" t="str">
            <v/>
          </cell>
          <cell r="DA298">
            <v>44209</v>
          </cell>
          <cell r="DB298">
            <v>44214</v>
          </cell>
          <cell r="DD298" t="str">
            <v/>
          </cell>
          <cell r="DL298">
            <v>10075</v>
          </cell>
          <cell r="DM298">
            <v>10434</v>
          </cell>
          <cell r="DN298">
            <v>11716</v>
          </cell>
          <cell r="DO298">
            <v>10402</v>
          </cell>
          <cell r="DP298">
            <v>10260</v>
          </cell>
          <cell r="DQ298">
            <v>10669</v>
          </cell>
          <cell r="DR298">
            <v>10249</v>
          </cell>
          <cell r="DS298">
            <v>10556</v>
          </cell>
          <cell r="DT298">
            <v>10793</v>
          </cell>
          <cell r="DU298">
            <v>11022</v>
          </cell>
          <cell r="DV298">
            <v>11227</v>
          </cell>
          <cell r="DW298">
            <v>10761</v>
          </cell>
          <cell r="EZ298">
            <v>12</v>
          </cell>
          <cell r="FA298">
            <v>8</v>
          </cell>
          <cell r="FI298">
            <v>5</v>
          </cell>
          <cell r="FJ298" t="str">
            <v>指名競争入札（簡易認証）</v>
          </cell>
          <cell r="FN298">
            <v>4</v>
          </cell>
          <cell r="FO298" t="str">
            <v>電子入札</v>
          </cell>
          <cell r="FS298">
            <v>3</v>
          </cell>
          <cell r="FT298" t="str">
            <v/>
          </cell>
          <cell r="FU298" t="str">
            <v/>
          </cell>
          <cell r="FW298" t="str">
            <v/>
          </cell>
          <cell r="FY298" t="str">
            <v/>
          </cell>
          <cell r="GD298">
            <v>1</v>
          </cell>
          <cell r="GE298" t="str">
            <v>契約・検査課長　松本　嘉博</v>
          </cell>
          <cell r="GF298" t="str">
            <v>-</v>
          </cell>
          <cell r="GG298" t="str">
            <v>×</v>
          </cell>
          <cell r="GI298" t="str">
            <v/>
          </cell>
          <cell r="GJ298" t="str">
            <v/>
          </cell>
          <cell r="GT298" t="str">
            <v/>
          </cell>
          <cell r="GW298" t="str">
            <v/>
          </cell>
          <cell r="HO298" t="str">
            <v/>
          </cell>
          <cell r="HP298" t="str">
            <v>-</v>
          </cell>
          <cell r="HQ298" t="str">
            <v>-</v>
          </cell>
          <cell r="HR298" t="str">
            <v>-</v>
          </cell>
          <cell r="HS298" t="str">
            <v>-</v>
          </cell>
          <cell r="HT298" t="str">
            <v>-</v>
          </cell>
          <cell r="HU298" t="str">
            <v>-</v>
          </cell>
          <cell r="HV298" t="str">
            <v>-</v>
          </cell>
          <cell r="HW298" t="str">
            <v>-</v>
          </cell>
          <cell r="HX298" t="str">
            <v>-</v>
          </cell>
          <cell r="HY298" t="str">
            <v>-</v>
          </cell>
          <cell r="HZ298" t="str">
            <v>-</v>
          </cell>
          <cell r="IA298" t="str">
            <v>-</v>
          </cell>
          <cell r="JD298" t="str">
            <v/>
          </cell>
          <cell r="JE298" t="str">
            <v/>
          </cell>
          <cell r="JF298" t="str">
            <v/>
          </cell>
          <cell r="JG298" t="str">
            <v/>
          </cell>
          <cell r="JH298" t="str">
            <v/>
          </cell>
          <cell r="JI298" t="str">
            <v/>
          </cell>
          <cell r="JJ298" t="str">
            <v/>
          </cell>
          <cell r="JK298" t="str">
            <v/>
          </cell>
          <cell r="JL298" t="str">
            <v/>
          </cell>
          <cell r="JM298" t="str">
            <v/>
          </cell>
          <cell r="JN298" t="str">
            <v/>
          </cell>
          <cell r="JO298" t="str">
            <v/>
          </cell>
          <cell r="JP298">
            <v>62</v>
          </cell>
          <cell r="JQ298">
            <v>61</v>
          </cell>
          <cell r="JR298" t="str">
            <v/>
          </cell>
          <cell r="JS298" t="str">
            <v/>
          </cell>
          <cell r="JT298" t="str">
            <v/>
          </cell>
          <cell r="JU298" t="str">
            <v/>
          </cell>
          <cell r="JV298" t="str">
            <v/>
          </cell>
          <cell r="JW298" t="str">
            <v/>
          </cell>
          <cell r="JX298" t="str">
            <v/>
          </cell>
          <cell r="JY298" t="str">
            <v/>
          </cell>
          <cell r="JZ298" t="str">
            <v/>
          </cell>
        </row>
        <row r="299">
          <cell r="C299" t="str">
            <v/>
          </cell>
          <cell r="D299" t="str">
            <v/>
          </cell>
          <cell r="E299" t="str">
            <v/>
          </cell>
          <cell r="I299">
            <v>291</v>
          </cell>
          <cell r="M299" t="str">
            <v>令和２年度ファイル授受システムの導入業務</v>
          </cell>
          <cell r="Q299" t="str">
            <v>ﾌｧｲﾙ収受ｼｽﾃﾑ</v>
          </cell>
          <cell r="Y299">
            <v>1</v>
          </cell>
          <cell r="AC299">
            <v>8</v>
          </cell>
          <cell r="AD299">
            <v>1</v>
          </cell>
          <cell r="AF299">
            <v>1</v>
          </cell>
          <cell r="AI299" t="str">
            <v>伊丹市千僧１丁目１番地</v>
          </cell>
          <cell r="AQ299">
            <v>1</v>
          </cell>
          <cell r="AY299">
            <v>44216</v>
          </cell>
          <cell r="AZ299">
            <v>44217</v>
          </cell>
          <cell r="BA299">
            <v>70</v>
          </cell>
          <cell r="BB299">
            <v>44286</v>
          </cell>
          <cell r="BC299" t="str">
            <v/>
          </cell>
          <cell r="BD299" t="str">
            <v/>
          </cell>
          <cell r="BE299" t="str">
            <v/>
          </cell>
          <cell r="BF299">
            <v>0.41736111111111113</v>
          </cell>
          <cell r="BG299">
            <v>6980</v>
          </cell>
          <cell r="BH299" t="str">
            <v>當眞  康嗣</v>
          </cell>
          <cell r="BI299" t="str">
            <v>情報管理課</v>
          </cell>
          <cell r="BJ299">
            <v>4493</v>
          </cell>
          <cell r="BN299" t="str">
            <v>物</v>
          </cell>
          <cell r="BO299">
            <v>63</v>
          </cell>
          <cell r="BS299">
            <v>11919490</v>
          </cell>
          <cell r="BT299">
            <v>10830000</v>
          </cell>
          <cell r="BV299" t="str">
            <v/>
          </cell>
          <cell r="CH299">
            <v>-147</v>
          </cell>
          <cell r="CI299">
            <v>44552</v>
          </cell>
          <cell r="CP299">
            <v>39601</v>
          </cell>
          <cell r="CW299" t="str">
            <v/>
          </cell>
          <cell r="CX299" t="str">
            <v/>
          </cell>
          <cell r="CY299" t="str">
            <v/>
          </cell>
          <cell r="CZ299" t="str">
            <v/>
          </cell>
          <cell r="DA299">
            <v>44209</v>
          </cell>
          <cell r="DB299">
            <v>44211</v>
          </cell>
          <cell r="DD299" t="str">
            <v/>
          </cell>
          <cell r="DL299">
            <v>11227</v>
          </cell>
          <cell r="DM299">
            <v>10140</v>
          </cell>
          <cell r="DN299">
            <v>10793</v>
          </cell>
          <cell r="DO299">
            <v>10167</v>
          </cell>
          <cell r="DP299">
            <v>10511</v>
          </cell>
          <cell r="DQ299">
            <v>10556</v>
          </cell>
          <cell r="DR299">
            <v>11022</v>
          </cell>
          <cell r="DS299">
            <v>11478</v>
          </cell>
          <cell r="DT299">
            <v>10117</v>
          </cell>
          <cell r="DU299">
            <v>10882</v>
          </cell>
          <cell r="DV299">
            <v>12532</v>
          </cell>
          <cell r="DW299">
            <v>10158</v>
          </cell>
          <cell r="EZ299">
            <v>12</v>
          </cell>
          <cell r="FA299">
            <v>8</v>
          </cell>
          <cell r="FI299">
            <v>5</v>
          </cell>
          <cell r="FJ299" t="str">
            <v>指名競争入札（簡易認証）</v>
          </cell>
          <cell r="FN299">
            <v>4</v>
          </cell>
          <cell r="FO299" t="str">
            <v>電子入札</v>
          </cell>
          <cell r="FS299">
            <v>5</v>
          </cell>
          <cell r="FT299" t="str">
            <v/>
          </cell>
          <cell r="FU299" t="str">
            <v/>
          </cell>
          <cell r="FW299" t="str">
            <v/>
          </cell>
          <cell r="FY299" t="str">
            <v/>
          </cell>
          <cell r="GD299">
            <v>1</v>
          </cell>
          <cell r="GE299" t="str">
            <v>契約・検査課長　松本　嘉博</v>
          </cell>
          <cell r="GF299">
            <v>11227</v>
          </cell>
          <cell r="GG299" t="str">
            <v>アイテック阪急阪神(株)</v>
          </cell>
          <cell r="GH299">
            <v>9146500</v>
          </cell>
          <cell r="GI299">
            <v>831500</v>
          </cell>
          <cell r="GJ299">
            <v>915000</v>
          </cell>
          <cell r="GM299" t="str">
            <v>瀬戸口　聡</v>
          </cell>
          <cell r="GO299" t="str">
            <v>天辰　直樹</v>
          </cell>
          <cell r="GT299" t="str">
            <v/>
          </cell>
          <cell r="GW299" t="str">
            <v/>
          </cell>
          <cell r="HO299" t="str">
            <v/>
          </cell>
          <cell r="HP299">
            <v>8315000</v>
          </cell>
          <cell r="HQ299" t="str">
            <v>-</v>
          </cell>
          <cell r="HR299" t="str">
            <v>-</v>
          </cell>
          <cell r="HS299" t="str">
            <v>-</v>
          </cell>
          <cell r="HT299" t="str">
            <v>-</v>
          </cell>
          <cell r="HU299" t="str">
            <v>-</v>
          </cell>
          <cell r="HV299" t="str">
            <v>-</v>
          </cell>
          <cell r="HW299" t="str">
            <v>-</v>
          </cell>
          <cell r="HX299" t="str">
            <v>-</v>
          </cell>
          <cell r="HY299" t="str">
            <v>-</v>
          </cell>
          <cell r="HZ299" t="str">
            <v>-</v>
          </cell>
          <cell r="IA299" t="str">
            <v>-</v>
          </cell>
          <cell r="JD299" t="str">
            <v/>
          </cell>
          <cell r="JE299" t="str">
            <v/>
          </cell>
          <cell r="JF299" t="str">
            <v/>
          </cell>
          <cell r="JG299" t="str">
            <v/>
          </cell>
          <cell r="JH299" t="str">
            <v/>
          </cell>
          <cell r="JI299" t="str">
            <v/>
          </cell>
          <cell r="JJ299" t="str">
            <v/>
          </cell>
          <cell r="JK299" t="str">
            <v/>
          </cell>
          <cell r="JL299" t="str">
            <v/>
          </cell>
          <cell r="JM299" t="str">
            <v/>
          </cell>
          <cell r="JN299" t="str">
            <v/>
          </cell>
          <cell r="JO299" t="str">
            <v/>
          </cell>
          <cell r="JP299">
            <v>63</v>
          </cell>
          <cell r="JQ299">
            <v>62</v>
          </cell>
          <cell r="JR299" t="str">
            <v/>
          </cell>
          <cell r="JS299" t="str">
            <v/>
          </cell>
          <cell r="JT299" t="str">
            <v/>
          </cell>
          <cell r="JU299" t="str">
            <v/>
          </cell>
          <cell r="JV299" t="str">
            <v/>
          </cell>
          <cell r="JW299" t="str">
            <v/>
          </cell>
          <cell r="JX299" t="str">
            <v/>
          </cell>
          <cell r="JY299" t="str">
            <v/>
          </cell>
          <cell r="JZ299">
            <v>0.76777469990766378</v>
          </cell>
        </row>
        <row r="300">
          <cell r="C300" t="str">
            <v/>
          </cell>
          <cell r="D300" t="str">
            <v/>
          </cell>
          <cell r="E300" t="str">
            <v/>
          </cell>
          <cell r="I300">
            <v>292</v>
          </cell>
          <cell r="M300" t="str">
            <v>令和２年度デンタルミラーの購入</v>
          </cell>
          <cell r="Q300" t="str">
            <v>ﾃﾞﾝﾀﾙﾐﾗｰ</v>
          </cell>
          <cell r="Y300">
            <v>1</v>
          </cell>
          <cell r="AC300">
            <v>8</v>
          </cell>
          <cell r="AD300">
            <v>1</v>
          </cell>
          <cell r="AI300" t="str">
            <v>伊丹市教育委員会事務局学校教育部保健体育課</v>
          </cell>
          <cell r="AQ300">
            <v>1</v>
          </cell>
          <cell r="AY300">
            <v>44215</v>
          </cell>
          <cell r="AZ300">
            <v>44216</v>
          </cell>
          <cell r="BA300">
            <v>38</v>
          </cell>
          <cell r="BB300">
            <v>44253</v>
          </cell>
          <cell r="BC300" t="str">
            <v/>
          </cell>
          <cell r="BD300" t="str">
            <v/>
          </cell>
          <cell r="BE300" t="str">
            <v/>
          </cell>
          <cell r="BF300">
            <v>0.41736111111111113</v>
          </cell>
          <cell r="BG300">
            <v>4656</v>
          </cell>
          <cell r="BH300" t="str">
            <v>鑓水  一仁</v>
          </cell>
          <cell r="BI300" t="str">
            <v>保健体育課</v>
          </cell>
          <cell r="BJ300">
            <v>4066</v>
          </cell>
          <cell r="BN300" t="str">
            <v>物</v>
          </cell>
          <cell r="BO300">
            <v>64</v>
          </cell>
          <cell r="BS300">
            <v>1353000</v>
          </cell>
          <cell r="BT300">
            <v>1230000</v>
          </cell>
          <cell r="BU300">
            <v>1</v>
          </cell>
          <cell r="BV300" t="str">
            <v/>
          </cell>
          <cell r="CD300" t="str">
            <v/>
          </cell>
          <cell r="CH300">
            <v>-148</v>
          </cell>
          <cell r="CI300">
            <v>44183</v>
          </cell>
          <cell r="CP300">
            <v>32713</v>
          </cell>
          <cell r="CW300" t="str">
            <v/>
          </cell>
          <cell r="CX300" t="str">
            <v/>
          </cell>
          <cell r="CY300" t="str">
            <v/>
          </cell>
          <cell r="CZ300" t="str">
            <v/>
          </cell>
          <cell r="DA300">
            <v>43842</v>
          </cell>
          <cell r="DB300">
            <v>44210</v>
          </cell>
          <cell r="DD300" t="str">
            <v/>
          </cell>
          <cell r="DL300">
            <v>12659</v>
          </cell>
          <cell r="DM300">
            <v>12474</v>
          </cell>
          <cell r="DN300">
            <v>11552</v>
          </cell>
          <cell r="DO300">
            <v>10162</v>
          </cell>
          <cell r="DP300">
            <v>10143</v>
          </cell>
          <cell r="DQ300">
            <v>10602</v>
          </cell>
          <cell r="DR300">
            <v>10249</v>
          </cell>
          <cell r="DS300">
            <v>11381</v>
          </cell>
          <cell r="DT300">
            <v>11598</v>
          </cell>
          <cell r="DU300">
            <v>10556</v>
          </cell>
          <cell r="DV300">
            <v>10793</v>
          </cell>
          <cell r="DW300">
            <v>11108</v>
          </cell>
          <cell r="EZ300">
            <v>12</v>
          </cell>
          <cell r="FA300">
            <v>6</v>
          </cell>
          <cell r="FI300">
            <v>5</v>
          </cell>
          <cell r="FJ300" t="str">
            <v>指名競争入札（簡易認証）</v>
          </cell>
          <cell r="FN300">
            <v>4</v>
          </cell>
          <cell r="FO300" t="str">
            <v>電子入札</v>
          </cell>
          <cell r="FS300">
            <v>3</v>
          </cell>
          <cell r="FT300" t="str">
            <v/>
          </cell>
          <cell r="FU300" t="str">
            <v/>
          </cell>
          <cell r="FW300" t="str">
            <v/>
          </cell>
          <cell r="FY300" t="str">
            <v/>
          </cell>
          <cell r="GD300">
            <v>1</v>
          </cell>
          <cell r="GE300" t="str">
            <v>契約・検査課長　松本　嘉博</v>
          </cell>
          <cell r="GF300">
            <v>11598</v>
          </cell>
          <cell r="GG300" t="str">
            <v>(有)ヤマイチ文具</v>
          </cell>
          <cell r="GH300">
            <v>1003200</v>
          </cell>
          <cell r="GI300">
            <v>91200</v>
          </cell>
          <cell r="GJ300" t="str">
            <v/>
          </cell>
          <cell r="GT300" t="str">
            <v/>
          </cell>
          <cell r="GW300" t="str">
            <v/>
          </cell>
          <cell r="HO300" t="str">
            <v/>
          </cell>
          <cell r="HP300" t="str">
            <v>-</v>
          </cell>
          <cell r="HQ300" t="str">
            <v>-</v>
          </cell>
          <cell r="HR300" t="str">
            <v>-</v>
          </cell>
          <cell r="HS300" t="str">
            <v>-</v>
          </cell>
          <cell r="HT300" t="str">
            <v>-</v>
          </cell>
          <cell r="HU300" t="str">
            <v>-</v>
          </cell>
          <cell r="HV300" t="str">
            <v>-</v>
          </cell>
          <cell r="HW300" t="str">
            <v>-</v>
          </cell>
          <cell r="HX300">
            <v>912000</v>
          </cell>
          <cell r="HY300" t="str">
            <v>-</v>
          </cell>
          <cell r="HZ300" t="str">
            <v>-</v>
          </cell>
          <cell r="IA300" t="str">
            <v>-</v>
          </cell>
          <cell r="JD300" t="str">
            <v/>
          </cell>
          <cell r="JE300" t="str">
            <v/>
          </cell>
          <cell r="JF300" t="str">
            <v/>
          </cell>
          <cell r="JG300" t="str">
            <v/>
          </cell>
          <cell r="JH300" t="str">
            <v/>
          </cell>
          <cell r="JI300" t="str">
            <v/>
          </cell>
          <cell r="JJ300" t="str">
            <v/>
          </cell>
          <cell r="JK300" t="str">
            <v/>
          </cell>
          <cell r="JL300" t="str">
            <v/>
          </cell>
          <cell r="JM300" t="str">
            <v/>
          </cell>
          <cell r="JN300" t="str">
            <v/>
          </cell>
          <cell r="JO300" t="str">
            <v/>
          </cell>
          <cell r="JP300">
            <v>64</v>
          </cell>
          <cell r="JQ300">
            <v>63</v>
          </cell>
          <cell r="JR300" t="str">
            <v/>
          </cell>
          <cell r="JS300" t="str">
            <v/>
          </cell>
          <cell r="JT300" t="str">
            <v/>
          </cell>
          <cell r="JU300" t="str">
            <v/>
          </cell>
          <cell r="JV300" t="str">
            <v/>
          </cell>
          <cell r="JW300" t="str">
            <v/>
          </cell>
          <cell r="JX300" t="str">
            <v/>
          </cell>
          <cell r="JY300" t="str">
            <v/>
          </cell>
          <cell r="JZ300">
            <v>0.74146341463414622</v>
          </cell>
        </row>
        <row r="301">
          <cell r="C301" t="str">
            <v/>
          </cell>
          <cell r="D301" t="str">
            <v/>
          </cell>
          <cell r="E301" t="str">
            <v/>
          </cell>
          <cell r="I301">
            <v>293</v>
          </cell>
          <cell r="M301" t="str">
            <v>令和２年度プラスチック製容器PCB付着検査委託業務</v>
          </cell>
          <cell r="Q301" t="str">
            <v>PCB付着検査</v>
          </cell>
          <cell r="Y301">
            <v>1</v>
          </cell>
          <cell r="AC301">
            <v>8</v>
          </cell>
          <cell r="AD301">
            <v>8</v>
          </cell>
          <cell r="AI301" t="str">
            <v>豊中市伊丹市クリーンランド（豊中市原田西町２番１号）</v>
          </cell>
          <cell r="AQ301">
            <v>1</v>
          </cell>
          <cell r="AY301">
            <v>44217</v>
          </cell>
          <cell r="AZ301">
            <v>44218</v>
          </cell>
          <cell r="BA301">
            <v>69</v>
          </cell>
          <cell r="BB301">
            <v>44286</v>
          </cell>
          <cell r="BC301" t="str">
            <v/>
          </cell>
          <cell r="BD301" t="str">
            <v/>
          </cell>
          <cell r="BE301" t="str">
            <v/>
          </cell>
          <cell r="BF301">
            <v>0.41875000000000001</v>
          </cell>
          <cell r="BG301">
            <v>5439</v>
          </cell>
          <cell r="BH301" t="str">
            <v>前田  徹</v>
          </cell>
          <cell r="BI301" t="str">
            <v>管財課</v>
          </cell>
          <cell r="BJ301">
            <v>4833</v>
          </cell>
          <cell r="BN301" t="str">
            <v>他</v>
          </cell>
          <cell r="BO301">
            <v>88</v>
          </cell>
          <cell r="BS301">
            <v>5140300</v>
          </cell>
          <cell r="BT301">
            <v>4670000</v>
          </cell>
          <cell r="BU301" t="str">
            <v/>
          </cell>
          <cell r="BV301" t="str">
            <v/>
          </cell>
          <cell r="CD301" t="str">
            <v/>
          </cell>
          <cell r="CH301">
            <v>-149</v>
          </cell>
          <cell r="CI301">
            <v>44553</v>
          </cell>
          <cell r="CP301">
            <v>68305</v>
          </cell>
          <cell r="CW301" t="str">
            <v/>
          </cell>
          <cell r="CX301" t="str">
            <v/>
          </cell>
          <cell r="CY301" t="str">
            <v/>
          </cell>
          <cell r="CZ301" t="str">
            <v/>
          </cell>
          <cell r="DA301">
            <v>44210</v>
          </cell>
          <cell r="DB301">
            <v>44214</v>
          </cell>
          <cell r="DD301" t="str">
            <v/>
          </cell>
          <cell r="DL301">
            <v>5863</v>
          </cell>
          <cell r="DM301">
            <v>6205</v>
          </cell>
          <cell r="DN301">
            <v>5244</v>
          </cell>
          <cell r="DO301">
            <v>6072</v>
          </cell>
          <cell r="DP301">
            <v>6418</v>
          </cell>
          <cell r="DQ301">
            <v>5666</v>
          </cell>
          <cell r="DR301">
            <v>5188</v>
          </cell>
          <cell r="DS301">
            <v>6200</v>
          </cell>
          <cell r="EZ301">
            <v>8</v>
          </cell>
          <cell r="FA301">
            <v>8</v>
          </cell>
          <cell r="FI301">
            <v>2</v>
          </cell>
          <cell r="FJ301" t="str">
            <v>指名競争入札</v>
          </cell>
          <cell r="FN301">
            <v>4</v>
          </cell>
          <cell r="FO301" t="str">
            <v>電子入札</v>
          </cell>
          <cell r="FS301">
            <v>2</v>
          </cell>
          <cell r="FT301" t="str">
            <v/>
          </cell>
          <cell r="FU301" t="str">
            <v/>
          </cell>
          <cell r="FW301" t="str">
            <v/>
          </cell>
          <cell r="FY301" t="str">
            <v/>
          </cell>
          <cell r="GD301">
            <v>1</v>
          </cell>
          <cell r="GE301" t="str">
            <v>契約・検査課長　松本　嘉博</v>
          </cell>
          <cell r="GF301">
            <v>6205</v>
          </cell>
          <cell r="GG301" t="str">
            <v>(株)兵庫分析センター</v>
          </cell>
          <cell r="GH301">
            <v>2152700</v>
          </cell>
          <cell r="GI301">
            <v>195700</v>
          </cell>
          <cell r="GJ301">
            <v>216000</v>
          </cell>
          <cell r="GM301" t="str">
            <v>森崎　雅之</v>
          </cell>
          <cell r="GN301" t="str">
            <v>環境計量士(濃度関係) 登録番号2805</v>
          </cell>
          <cell r="GO301" t="str">
            <v>八木　昭則</v>
          </cell>
          <cell r="GT301" t="str">
            <v/>
          </cell>
          <cell r="GW301" t="str">
            <v/>
          </cell>
          <cell r="HO301" t="str">
            <v/>
          </cell>
          <cell r="HP301">
            <v>3300000</v>
          </cell>
          <cell r="HQ301">
            <v>1957000</v>
          </cell>
          <cell r="HR301">
            <v>4670000</v>
          </cell>
          <cell r="HS301">
            <v>4397000</v>
          </cell>
          <cell r="HT301" t="str">
            <v>-</v>
          </cell>
          <cell r="HU301" t="str">
            <v>-</v>
          </cell>
          <cell r="HV301">
            <v>4490000</v>
          </cell>
          <cell r="HW301" t="str">
            <v>-</v>
          </cell>
          <cell r="JD301" t="str">
            <v/>
          </cell>
          <cell r="JE301" t="str">
            <v/>
          </cell>
          <cell r="JF301" t="str">
            <v/>
          </cell>
          <cell r="JG301" t="str">
            <v/>
          </cell>
          <cell r="JH301" t="str">
            <v/>
          </cell>
          <cell r="JI301" t="str">
            <v/>
          </cell>
          <cell r="JJ301" t="str">
            <v/>
          </cell>
          <cell r="JK301" t="str">
            <v/>
          </cell>
          <cell r="JL301" t="str">
            <v/>
          </cell>
          <cell r="JM301" t="str">
            <v/>
          </cell>
          <cell r="JN301" t="str">
            <v/>
          </cell>
          <cell r="JO301" t="str">
            <v/>
          </cell>
          <cell r="JP301" t="str">
            <v/>
          </cell>
          <cell r="JQ301" t="str">
            <v/>
          </cell>
          <cell r="JR301" t="str">
            <v/>
          </cell>
          <cell r="JS301" t="str">
            <v/>
          </cell>
          <cell r="JT301" t="str">
            <v/>
          </cell>
          <cell r="JU301" t="str">
            <v/>
          </cell>
          <cell r="JV301" t="str">
            <v/>
          </cell>
          <cell r="JW301" t="str">
            <v/>
          </cell>
          <cell r="JX301">
            <v>88</v>
          </cell>
          <cell r="JY301">
            <v>86</v>
          </cell>
          <cell r="JZ301">
            <v>0.41905781584582436</v>
          </cell>
        </row>
        <row r="302">
          <cell r="C302" t="str">
            <v/>
          </cell>
          <cell r="D302" t="str">
            <v/>
          </cell>
          <cell r="E302" t="str">
            <v/>
          </cell>
          <cell r="I302">
            <v>294</v>
          </cell>
          <cell r="M302" t="str">
            <v>令和２年度市営若松団地にかかる産業廃棄物等運搬・処理委託業務</v>
          </cell>
          <cell r="Q302" t="str">
            <v>若松団地廃棄</v>
          </cell>
          <cell r="Y302">
            <v>1</v>
          </cell>
          <cell r="AC302">
            <v>8</v>
          </cell>
          <cell r="AD302">
            <v>8</v>
          </cell>
          <cell r="AI302" t="str">
            <v>伊丹市中央１丁目２番１地内</v>
          </cell>
          <cell r="AQ302">
            <v>1</v>
          </cell>
          <cell r="AY302">
            <v>44218</v>
          </cell>
          <cell r="AZ302">
            <v>44221</v>
          </cell>
          <cell r="BA302">
            <v>66</v>
          </cell>
          <cell r="BB302">
            <v>44286</v>
          </cell>
          <cell r="BC302" t="str">
            <v/>
          </cell>
          <cell r="BD302" t="str">
            <v/>
          </cell>
          <cell r="BE302" t="str">
            <v/>
          </cell>
          <cell r="BF302">
            <v>0.41736111111111113</v>
          </cell>
          <cell r="BG302">
            <v>5089</v>
          </cell>
          <cell r="BH302" t="str">
            <v>村上  仙太</v>
          </cell>
          <cell r="BI302" t="str">
            <v>住宅政策課</v>
          </cell>
          <cell r="BJ302">
            <v>4143</v>
          </cell>
          <cell r="BN302" t="str">
            <v>他</v>
          </cell>
          <cell r="BO302">
            <v>89</v>
          </cell>
          <cell r="BS302">
            <v>2242900</v>
          </cell>
          <cell r="BT302">
            <v>2030000</v>
          </cell>
          <cell r="BU302" t="str">
            <v/>
          </cell>
          <cell r="BV302" t="str">
            <v/>
          </cell>
          <cell r="CD302" t="str">
            <v/>
          </cell>
          <cell r="CH302">
            <v>-150</v>
          </cell>
          <cell r="CI302">
            <v>44187</v>
          </cell>
          <cell r="CP302">
            <v>74609</v>
          </cell>
          <cell r="CW302" t="str">
            <v/>
          </cell>
          <cell r="CX302" t="str">
            <v/>
          </cell>
          <cell r="CY302" t="str">
            <v/>
          </cell>
          <cell r="CZ302" t="str">
            <v/>
          </cell>
          <cell r="DA302">
            <v>44210</v>
          </cell>
          <cell r="DB302">
            <v>44215</v>
          </cell>
          <cell r="DD302" t="str">
            <v/>
          </cell>
          <cell r="DL302">
            <v>10273</v>
          </cell>
          <cell r="DM302">
            <v>10353</v>
          </cell>
          <cell r="DN302">
            <v>10514</v>
          </cell>
          <cell r="DO302">
            <v>10886</v>
          </cell>
          <cell r="DP302">
            <v>10969</v>
          </cell>
          <cell r="DQ302">
            <v>11082</v>
          </cell>
          <cell r="DR302">
            <v>11266</v>
          </cell>
          <cell r="DS302">
            <v>11843</v>
          </cell>
          <cell r="EZ302">
            <v>8</v>
          </cell>
          <cell r="FA302">
            <v>6</v>
          </cell>
          <cell r="FI302">
            <v>5</v>
          </cell>
          <cell r="FJ302" t="str">
            <v>指名競争入札（簡易認証）</v>
          </cell>
          <cell r="FN302">
            <v>4</v>
          </cell>
          <cell r="FO302" t="str">
            <v>電子入札</v>
          </cell>
          <cell r="FS302">
            <v>5</v>
          </cell>
          <cell r="FT302" t="str">
            <v/>
          </cell>
          <cell r="FU302" t="str">
            <v/>
          </cell>
          <cell r="FW302" t="str">
            <v/>
          </cell>
          <cell r="FY302" t="str">
            <v/>
          </cell>
          <cell r="GD302">
            <v>1</v>
          </cell>
          <cell r="GE302" t="str">
            <v>契約・検査課長　松本　嘉博</v>
          </cell>
          <cell r="GF302">
            <v>10886</v>
          </cell>
          <cell r="GG302" t="str">
            <v>(株)大協</v>
          </cell>
          <cell r="GH302">
            <v>2054360</v>
          </cell>
          <cell r="GI302">
            <v>186760</v>
          </cell>
          <cell r="GJ302">
            <v>206000</v>
          </cell>
          <cell r="GL302" t="str">
            <v>大型自動車免許,普通自動二輪車免許</v>
          </cell>
          <cell r="GM302" t="str">
            <v>奥野　智一</v>
          </cell>
          <cell r="GN302" t="str">
            <v>大型自動車免許,普通自動二輪車免許</v>
          </cell>
          <cell r="GO302" t="str">
            <v>奥野　智一</v>
          </cell>
          <cell r="GT302" t="str">
            <v/>
          </cell>
          <cell r="GW302" t="str">
            <v/>
          </cell>
          <cell r="HO302" t="str">
            <v/>
          </cell>
          <cell r="HP302">
            <v>2000000</v>
          </cell>
          <cell r="HQ302" t="str">
            <v>-</v>
          </cell>
          <cell r="HR302">
            <v>2030000</v>
          </cell>
          <cell r="HS302">
            <v>1867600</v>
          </cell>
          <cell r="HT302">
            <v>2000000</v>
          </cell>
          <cell r="HU302">
            <v>2030000</v>
          </cell>
          <cell r="HV302">
            <v>2000000</v>
          </cell>
          <cell r="HW302">
            <v>1950000</v>
          </cell>
          <cell r="JD302" t="str">
            <v/>
          </cell>
          <cell r="JE302" t="str">
            <v/>
          </cell>
          <cell r="JF302" t="str">
            <v/>
          </cell>
          <cell r="JG302" t="str">
            <v/>
          </cell>
          <cell r="JH302" t="str">
            <v/>
          </cell>
          <cell r="JI302" t="str">
            <v/>
          </cell>
          <cell r="JJ302" t="str">
            <v/>
          </cell>
          <cell r="JK302" t="str">
            <v/>
          </cell>
          <cell r="JL302" t="str">
            <v/>
          </cell>
          <cell r="JM302" t="str">
            <v/>
          </cell>
          <cell r="JN302" t="str">
            <v/>
          </cell>
          <cell r="JO302" t="str">
            <v/>
          </cell>
          <cell r="JP302" t="str">
            <v/>
          </cell>
          <cell r="JQ302" t="str">
            <v/>
          </cell>
          <cell r="JR302" t="str">
            <v/>
          </cell>
          <cell r="JS302" t="str">
            <v/>
          </cell>
          <cell r="JT302" t="str">
            <v/>
          </cell>
          <cell r="JU302" t="str">
            <v/>
          </cell>
          <cell r="JV302" t="str">
            <v/>
          </cell>
          <cell r="JW302" t="str">
            <v/>
          </cell>
          <cell r="JX302">
            <v>89</v>
          </cell>
          <cell r="JY302">
            <v>87</v>
          </cell>
          <cell r="JZ302">
            <v>0.91999999999999993</v>
          </cell>
        </row>
        <row r="303">
          <cell r="C303" t="str">
            <v/>
          </cell>
          <cell r="D303" t="str">
            <v/>
          </cell>
          <cell r="E303" t="str">
            <v/>
          </cell>
          <cell r="I303">
            <v>295</v>
          </cell>
          <cell r="M303" t="str">
            <v>令和２年度障がいのある児童生徒のための入出力支援装置の購入</v>
          </cell>
          <cell r="Q303" t="str">
            <v>入出力装置</v>
          </cell>
          <cell r="Y303">
            <v>1</v>
          </cell>
          <cell r="AC303">
            <v>8</v>
          </cell>
          <cell r="AD303">
            <v>1</v>
          </cell>
          <cell r="AF303">
            <v>1</v>
          </cell>
          <cell r="AI303" t="str">
            <v>伊丹市千僧１丁目１番地総合教育センター</v>
          </cell>
          <cell r="AQ303">
            <v>1</v>
          </cell>
          <cell r="AY303">
            <v>44222</v>
          </cell>
          <cell r="AZ303">
            <v>44223</v>
          </cell>
          <cell r="BA303">
            <v>64</v>
          </cell>
          <cell r="BB303">
            <v>44286</v>
          </cell>
          <cell r="BC303" t="str">
            <v/>
          </cell>
          <cell r="BD303" t="str">
            <v/>
          </cell>
          <cell r="BE303" t="str">
            <v/>
          </cell>
          <cell r="BF303">
            <v>0.41736111111111113</v>
          </cell>
          <cell r="BG303">
            <v>7548</v>
          </cell>
          <cell r="BH303" t="str">
            <v>片岡　栄二郎</v>
          </cell>
          <cell r="BI303" t="str">
            <v>総合教育センター</v>
          </cell>
          <cell r="BJ303">
            <v>4649</v>
          </cell>
          <cell r="BN303" t="str">
            <v>物</v>
          </cell>
          <cell r="BO303">
            <v>65</v>
          </cell>
          <cell r="BS303">
            <v>990000</v>
          </cell>
          <cell r="BT303">
            <v>900000</v>
          </cell>
          <cell r="BU303">
            <v>1</v>
          </cell>
          <cell r="BV303" t="str">
            <v/>
          </cell>
          <cell r="CD303" t="str">
            <v/>
          </cell>
          <cell r="CH303">
            <v>-151</v>
          </cell>
          <cell r="CI303">
            <v>44190</v>
          </cell>
          <cell r="CP303">
            <v>11343</v>
          </cell>
          <cell r="CW303" t="str">
            <v/>
          </cell>
          <cell r="CX303" t="str">
            <v/>
          </cell>
          <cell r="CY303" t="str">
            <v/>
          </cell>
          <cell r="CZ303" t="str">
            <v/>
          </cell>
          <cell r="DA303">
            <v>44214</v>
          </cell>
          <cell r="DB303">
            <v>44217</v>
          </cell>
          <cell r="DD303" t="str">
            <v/>
          </cell>
          <cell r="DL303">
            <v>10769</v>
          </cell>
          <cell r="DM303">
            <v>10276</v>
          </cell>
          <cell r="DN303">
            <v>12933</v>
          </cell>
          <cell r="DO303">
            <v>10263</v>
          </cell>
          <cell r="DP303">
            <v>11186</v>
          </cell>
          <cell r="DQ303">
            <v>12683</v>
          </cell>
          <cell r="DR303">
            <v>10602</v>
          </cell>
          <cell r="DS303">
            <v>12131</v>
          </cell>
          <cell r="DT303">
            <v>10691</v>
          </cell>
          <cell r="DU303">
            <v>10687</v>
          </cell>
          <cell r="EZ303">
            <v>10</v>
          </cell>
          <cell r="FA303">
            <v>6</v>
          </cell>
          <cell r="FI303">
            <v>5</v>
          </cell>
          <cell r="FJ303" t="str">
            <v>指名競争入札（簡易認証）</v>
          </cell>
          <cell r="FN303">
            <v>4</v>
          </cell>
          <cell r="FO303" t="str">
            <v>電子入札</v>
          </cell>
          <cell r="FS303">
            <v>3</v>
          </cell>
          <cell r="FT303" t="str">
            <v/>
          </cell>
          <cell r="FU303" t="str">
            <v/>
          </cell>
          <cell r="FW303" t="str">
            <v/>
          </cell>
          <cell r="FY303" t="str">
            <v/>
          </cell>
          <cell r="GD303">
            <v>1</v>
          </cell>
          <cell r="GE303" t="str">
            <v>契約・検査課長　松本　嘉博</v>
          </cell>
          <cell r="GF303">
            <v>10769</v>
          </cell>
          <cell r="GG303" t="str">
            <v>(株)ゆずりは</v>
          </cell>
          <cell r="GH303">
            <v>983400</v>
          </cell>
          <cell r="GI303">
            <v>89400</v>
          </cell>
          <cell r="GJ303" t="str">
            <v/>
          </cell>
          <cell r="GT303" t="str">
            <v/>
          </cell>
          <cell r="GW303" t="str">
            <v/>
          </cell>
          <cell r="HO303" t="str">
            <v/>
          </cell>
          <cell r="HP303">
            <v>894000</v>
          </cell>
          <cell r="HQ303" t="str">
            <v>-</v>
          </cell>
          <cell r="HR303" t="str">
            <v>-</v>
          </cell>
          <cell r="HS303" t="str">
            <v>-</v>
          </cell>
          <cell r="HT303" t="str">
            <v>-</v>
          </cell>
          <cell r="HU303" t="str">
            <v>-</v>
          </cell>
          <cell r="HV303" t="str">
            <v>-</v>
          </cell>
          <cell r="HW303" t="str">
            <v>-</v>
          </cell>
          <cell r="HX303" t="str">
            <v>-</v>
          </cell>
          <cell r="HY303" t="str">
            <v>-</v>
          </cell>
          <cell r="JD303" t="str">
            <v/>
          </cell>
          <cell r="JE303" t="str">
            <v/>
          </cell>
          <cell r="JF303" t="str">
            <v/>
          </cell>
          <cell r="JG303" t="str">
            <v/>
          </cell>
          <cell r="JH303" t="str">
            <v/>
          </cell>
          <cell r="JI303" t="str">
            <v/>
          </cell>
          <cell r="JJ303" t="str">
            <v/>
          </cell>
          <cell r="JK303" t="str">
            <v/>
          </cell>
          <cell r="JL303" t="str">
            <v/>
          </cell>
          <cell r="JM303" t="str">
            <v/>
          </cell>
          <cell r="JN303" t="str">
            <v/>
          </cell>
          <cell r="JO303" t="str">
            <v/>
          </cell>
          <cell r="JP303">
            <v>65</v>
          </cell>
          <cell r="JQ303">
            <v>64</v>
          </cell>
          <cell r="JR303" t="str">
            <v/>
          </cell>
          <cell r="JS303" t="str">
            <v/>
          </cell>
          <cell r="JT303" t="str">
            <v/>
          </cell>
          <cell r="JU303" t="str">
            <v/>
          </cell>
          <cell r="JV303" t="str">
            <v/>
          </cell>
          <cell r="JW303" t="str">
            <v/>
          </cell>
          <cell r="JX303" t="str">
            <v/>
          </cell>
          <cell r="JY303" t="str">
            <v/>
          </cell>
          <cell r="JZ303">
            <v>0.99333333333333318</v>
          </cell>
        </row>
        <row r="304">
          <cell r="C304" t="str">
            <v/>
          </cell>
          <cell r="D304" t="str">
            <v/>
          </cell>
          <cell r="E304" t="str">
            <v/>
          </cell>
          <cell r="I304">
            <v>296</v>
          </cell>
          <cell r="M304" t="str">
            <v>令和２年度伊丹市立図書館南分館図書用品購入</v>
          </cell>
          <cell r="Q304" t="str">
            <v>図書用品購入</v>
          </cell>
          <cell r="Y304">
            <v>1</v>
          </cell>
          <cell r="AC304">
            <v>8</v>
          </cell>
          <cell r="AD304">
            <v>1</v>
          </cell>
          <cell r="AI304" t="str">
            <v>伊丹市立図書館南分館（伊丹市南野２丁目３番２５号）</v>
          </cell>
          <cell r="AQ304">
            <v>1</v>
          </cell>
          <cell r="AY304">
            <v>44222</v>
          </cell>
          <cell r="AZ304">
            <v>44223</v>
          </cell>
          <cell r="BA304">
            <v>43</v>
          </cell>
          <cell r="BB304">
            <v>44265</v>
          </cell>
          <cell r="BC304" t="str">
            <v/>
          </cell>
          <cell r="BD304" t="str">
            <v/>
          </cell>
          <cell r="BE304" t="str">
            <v/>
          </cell>
          <cell r="BF304">
            <v>0.41805555555555557</v>
          </cell>
          <cell r="BG304">
            <v>7419</v>
          </cell>
          <cell r="BH304" t="str">
            <v>藤本　圭吾</v>
          </cell>
          <cell r="BI304" t="str">
            <v>図書館</v>
          </cell>
          <cell r="BJ304">
            <v>7419</v>
          </cell>
          <cell r="BN304" t="str">
            <v>物</v>
          </cell>
          <cell r="BO304">
            <v>66</v>
          </cell>
          <cell r="BS304">
            <v>6985990</v>
          </cell>
          <cell r="BT304">
            <v>6350000</v>
          </cell>
          <cell r="BU304">
            <v>1</v>
          </cell>
          <cell r="BV304" t="str">
            <v/>
          </cell>
          <cell r="CD304" t="str">
            <v/>
          </cell>
          <cell r="CH304">
            <v>-152</v>
          </cell>
          <cell r="CI304">
            <v>44189</v>
          </cell>
          <cell r="CP304">
            <v>90614</v>
          </cell>
          <cell r="CW304" t="str">
            <v/>
          </cell>
          <cell r="CX304" t="str">
            <v/>
          </cell>
          <cell r="CY304" t="str">
            <v/>
          </cell>
          <cell r="CZ304" t="str">
            <v/>
          </cell>
          <cell r="DA304">
            <v>44214</v>
          </cell>
          <cell r="DB304">
            <v>44217</v>
          </cell>
          <cell r="DD304" t="str">
            <v/>
          </cell>
          <cell r="DL304">
            <v>11482</v>
          </cell>
          <cell r="DM304">
            <v>10256</v>
          </cell>
          <cell r="DN304">
            <v>11187</v>
          </cell>
          <cell r="DO304">
            <v>10428</v>
          </cell>
          <cell r="DP304">
            <v>10424</v>
          </cell>
          <cell r="DQ304">
            <v>10324</v>
          </cell>
          <cell r="DR304">
            <v>10193</v>
          </cell>
          <cell r="DS304">
            <v>11595</v>
          </cell>
          <cell r="DT304">
            <v>10808</v>
          </cell>
          <cell r="EZ304">
            <v>9</v>
          </cell>
          <cell r="FA304">
            <v>8</v>
          </cell>
          <cell r="FI304">
            <v>5</v>
          </cell>
          <cell r="FJ304" t="str">
            <v>指名競争入札（簡易認証）</v>
          </cell>
          <cell r="FN304">
            <v>4</v>
          </cell>
          <cell r="FO304" t="str">
            <v>電子入札</v>
          </cell>
          <cell r="FS304">
            <v>3</v>
          </cell>
          <cell r="FT304" t="str">
            <v/>
          </cell>
          <cell r="FU304" t="str">
            <v/>
          </cell>
          <cell r="FW304" t="str">
            <v/>
          </cell>
          <cell r="FY304" t="str">
            <v/>
          </cell>
          <cell r="GD304">
            <v>1</v>
          </cell>
          <cell r="GE304" t="str">
            <v>契約・検査課長　松本　嘉博</v>
          </cell>
          <cell r="GF304">
            <v>11482</v>
          </cell>
          <cell r="GG304" t="str">
            <v>キハラ(株)</v>
          </cell>
          <cell r="GH304">
            <v>6820000</v>
          </cell>
          <cell r="GI304">
            <v>620000</v>
          </cell>
          <cell r="GJ304">
            <v>682000</v>
          </cell>
          <cell r="GT304" t="str">
            <v/>
          </cell>
          <cell r="GW304" t="str">
            <v/>
          </cell>
          <cell r="GX304">
            <v>44243</v>
          </cell>
          <cell r="HA304">
            <v>44285</v>
          </cell>
          <cell r="HN304" t="str">
            <v>伊丹市立図書館南分館図書用品の購入について、南分館改修工事進捗を考慮し完了期限を変更する。</v>
          </cell>
          <cell r="HO304">
            <v>1</v>
          </cell>
          <cell r="HP304">
            <v>6200000</v>
          </cell>
          <cell r="HQ304" t="str">
            <v>-</v>
          </cell>
          <cell r="HR304" t="str">
            <v>-</v>
          </cell>
          <cell r="HS304">
            <v>6500000</v>
          </cell>
          <cell r="HT304" t="str">
            <v>-</v>
          </cell>
          <cell r="HU304">
            <v>6630000</v>
          </cell>
          <cell r="HV304">
            <v>6570000</v>
          </cell>
          <cell r="HW304" t="str">
            <v>-</v>
          </cell>
          <cell r="HX304" t="str">
            <v>-</v>
          </cell>
          <cell r="JD304" t="str">
            <v/>
          </cell>
          <cell r="JE304" t="str">
            <v/>
          </cell>
          <cell r="JF304" t="str">
            <v/>
          </cell>
          <cell r="JG304" t="str">
            <v/>
          </cell>
          <cell r="JH304" t="str">
            <v/>
          </cell>
          <cell r="JI304" t="str">
            <v/>
          </cell>
          <cell r="JJ304" t="str">
            <v/>
          </cell>
          <cell r="JK304" t="str">
            <v/>
          </cell>
          <cell r="JL304" t="str">
            <v/>
          </cell>
          <cell r="JM304" t="str">
            <v/>
          </cell>
          <cell r="JN304" t="str">
            <v/>
          </cell>
          <cell r="JO304" t="str">
            <v/>
          </cell>
          <cell r="JP304">
            <v>66</v>
          </cell>
          <cell r="JQ304">
            <v>65</v>
          </cell>
          <cell r="JR304" t="str">
            <v/>
          </cell>
          <cell r="JS304" t="str">
            <v/>
          </cell>
          <cell r="JT304" t="str">
            <v/>
          </cell>
          <cell r="JU304" t="str">
            <v/>
          </cell>
          <cell r="JV304" t="str">
            <v/>
          </cell>
          <cell r="JW304" t="str">
            <v/>
          </cell>
          <cell r="JX304" t="str">
            <v/>
          </cell>
          <cell r="JY304" t="str">
            <v/>
          </cell>
          <cell r="JZ304">
            <v>0.97637795275590533</v>
          </cell>
        </row>
        <row r="305">
          <cell r="C305" t="str">
            <v/>
          </cell>
          <cell r="D305" t="str">
            <v/>
          </cell>
          <cell r="E305" t="str">
            <v/>
          </cell>
          <cell r="I305">
            <v>297</v>
          </cell>
          <cell r="M305" t="str">
            <v>令和２年度伊丹市立図書館南分館事務用品購入</v>
          </cell>
          <cell r="Q305" t="str">
            <v>事務用品購入</v>
          </cell>
          <cell r="Y305">
            <v>1</v>
          </cell>
          <cell r="AC305">
            <v>8</v>
          </cell>
          <cell r="AD305">
            <v>1</v>
          </cell>
          <cell r="AI305" t="str">
            <v>伊丹市立図書館南分館（伊丹市南野２丁目３番２５号）</v>
          </cell>
          <cell r="AQ305">
            <v>1</v>
          </cell>
          <cell r="AY305">
            <v>44224</v>
          </cell>
          <cell r="AZ305">
            <v>44225</v>
          </cell>
          <cell r="BA305">
            <v>41</v>
          </cell>
          <cell r="BB305">
            <v>44265</v>
          </cell>
          <cell r="BC305" t="str">
            <v/>
          </cell>
          <cell r="BD305" t="str">
            <v/>
          </cell>
          <cell r="BE305" t="str">
            <v/>
          </cell>
          <cell r="BF305">
            <v>0.41875000000000001</v>
          </cell>
          <cell r="BG305">
            <v>7419</v>
          </cell>
          <cell r="BH305" t="str">
            <v>藤本　圭吾</v>
          </cell>
          <cell r="BI305" t="str">
            <v>図書館</v>
          </cell>
          <cell r="BJ305">
            <v>7419</v>
          </cell>
          <cell r="BN305" t="str">
            <v>物</v>
          </cell>
          <cell r="BO305">
            <v>67</v>
          </cell>
          <cell r="BS305">
            <v>2044790</v>
          </cell>
          <cell r="BT305">
            <v>1850000</v>
          </cell>
          <cell r="BU305">
            <v>1</v>
          </cell>
          <cell r="BV305" t="str">
            <v/>
          </cell>
          <cell r="CD305" t="str">
            <v/>
          </cell>
          <cell r="CH305">
            <v>-153</v>
          </cell>
          <cell r="CI305">
            <v>44555</v>
          </cell>
          <cell r="CP305">
            <v>85612</v>
          </cell>
          <cell r="CW305" t="str">
            <v/>
          </cell>
          <cell r="CX305" t="str">
            <v/>
          </cell>
          <cell r="CY305" t="str">
            <v/>
          </cell>
          <cell r="CZ305" t="str">
            <v/>
          </cell>
          <cell r="DA305">
            <v>44214</v>
          </cell>
          <cell r="DB305">
            <v>44216</v>
          </cell>
          <cell r="DD305" t="str">
            <v/>
          </cell>
          <cell r="DL305">
            <v>10249</v>
          </cell>
          <cell r="DM305">
            <v>11381</v>
          </cell>
          <cell r="DN305">
            <v>11598</v>
          </cell>
          <cell r="DO305">
            <v>10655</v>
          </cell>
          <cell r="DP305">
            <v>11134</v>
          </cell>
          <cell r="DQ305">
            <v>10556</v>
          </cell>
          <cell r="DR305">
            <v>10712</v>
          </cell>
          <cell r="DS305">
            <v>10424</v>
          </cell>
          <cell r="DT305">
            <v>10793</v>
          </cell>
          <cell r="DU305">
            <v>11108</v>
          </cell>
          <cell r="EZ305">
            <v>10</v>
          </cell>
          <cell r="FA305">
            <v>6</v>
          </cell>
          <cell r="FI305">
            <v>5</v>
          </cell>
          <cell r="FJ305" t="str">
            <v>指名競争入札（簡易認証）</v>
          </cell>
          <cell r="FN305">
            <v>4</v>
          </cell>
          <cell r="FO305" t="str">
            <v>電子入札</v>
          </cell>
          <cell r="FS305">
            <v>3</v>
          </cell>
          <cell r="FT305" t="str">
            <v/>
          </cell>
          <cell r="FU305" t="str">
            <v/>
          </cell>
          <cell r="FW305" t="str">
            <v/>
          </cell>
          <cell r="FY305" t="str">
            <v/>
          </cell>
          <cell r="GD305">
            <v>1</v>
          </cell>
          <cell r="GE305" t="str">
            <v>契約・検査課長　松本　嘉博</v>
          </cell>
          <cell r="GF305">
            <v>10249</v>
          </cell>
          <cell r="GG305" t="str">
            <v>(有)九十屋</v>
          </cell>
          <cell r="GH305">
            <v>1925000</v>
          </cell>
          <cell r="GI305">
            <v>175000</v>
          </cell>
          <cell r="GJ305" t="str">
            <v/>
          </cell>
          <cell r="GT305" t="str">
            <v/>
          </cell>
          <cell r="GW305" t="str">
            <v/>
          </cell>
          <cell r="GX305">
            <v>44243</v>
          </cell>
          <cell r="HA305">
            <v>44278</v>
          </cell>
          <cell r="HN305" t="str">
            <v>伊丹市立図書館南分館図書用品の購入について、南分館改修工事進捗を考慮し完了期限を変更する。</v>
          </cell>
          <cell r="HO305">
            <v>1</v>
          </cell>
          <cell r="HP305">
            <v>1750000</v>
          </cell>
          <cell r="HQ305" t="str">
            <v>-</v>
          </cell>
          <cell r="HR305">
            <v>1890000</v>
          </cell>
          <cell r="HS305">
            <v>1970000</v>
          </cell>
          <cell r="HT305">
            <v>1850000</v>
          </cell>
          <cell r="HU305" t="str">
            <v>-</v>
          </cell>
          <cell r="HV305">
            <v>2120000</v>
          </cell>
          <cell r="HW305" t="str">
            <v>-</v>
          </cell>
          <cell r="HX305" t="str">
            <v>-</v>
          </cell>
          <cell r="HY305" t="str">
            <v>-</v>
          </cell>
          <cell r="JD305" t="str">
            <v/>
          </cell>
          <cell r="JE305" t="str">
            <v/>
          </cell>
          <cell r="JF305" t="str">
            <v/>
          </cell>
          <cell r="JG305" t="str">
            <v/>
          </cell>
          <cell r="JH305" t="str">
            <v/>
          </cell>
          <cell r="JI305" t="str">
            <v/>
          </cell>
          <cell r="JJ305" t="str">
            <v/>
          </cell>
          <cell r="JK305" t="str">
            <v/>
          </cell>
          <cell r="JL305" t="str">
            <v/>
          </cell>
          <cell r="JM305" t="str">
            <v/>
          </cell>
          <cell r="JN305" t="str">
            <v/>
          </cell>
          <cell r="JO305" t="str">
            <v/>
          </cell>
          <cell r="JP305">
            <v>67</v>
          </cell>
          <cell r="JQ305">
            <v>66</v>
          </cell>
          <cell r="JR305" t="str">
            <v/>
          </cell>
          <cell r="JS305" t="str">
            <v/>
          </cell>
          <cell r="JT305" t="str">
            <v/>
          </cell>
          <cell r="JU305" t="str">
            <v/>
          </cell>
          <cell r="JV305" t="str">
            <v/>
          </cell>
          <cell r="JW305" t="str">
            <v/>
          </cell>
          <cell r="JX305" t="str">
            <v/>
          </cell>
          <cell r="JY305" t="str">
            <v/>
          </cell>
          <cell r="JZ305">
            <v>0.94594594594594583</v>
          </cell>
        </row>
        <row r="306">
          <cell r="C306" t="str">
            <v/>
          </cell>
          <cell r="D306" t="str">
            <v/>
          </cell>
          <cell r="E306" t="str">
            <v/>
          </cell>
          <cell r="I306">
            <v>298</v>
          </cell>
          <cell r="M306" t="str">
            <v>令和２年度伊丹市立文化会館受水槽補修工事</v>
          </cell>
          <cell r="Q306" t="str">
            <v>文化館受水槽</v>
          </cell>
          <cell r="Y306">
            <v>1</v>
          </cell>
          <cell r="AC306">
            <v>4</v>
          </cell>
          <cell r="AI306" t="str">
            <v>伊丹市宮ノ前１丁目１番３号</v>
          </cell>
          <cell r="AM306" t="str">
            <v>受水槽内面補修工事一式</v>
          </cell>
          <cell r="AQ306">
            <v>1</v>
          </cell>
          <cell r="AY306">
            <v>44222</v>
          </cell>
          <cell r="AZ306">
            <v>44225</v>
          </cell>
          <cell r="BA306">
            <v>62</v>
          </cell>
          <cell r="BB306">
            <v>44286</v>
          </cell>
          <cell r="BC306">
            <v>19</v>
          </cell>
          <cell r="BD306" t="str">
            <v>○</v>
          </cell>
          <cell r="BE306" t="str">
            <v>○</v>
          </cell>
          <cell r="BF306">
            <v>0.41736111111111113</v>
          </cell>
          <cell r="BG306">
            <v>7195</v>
          </cell>
          <cell r="BH306" t="str">
            <v>鎌倉　弘貴</v>
          </cell>
          <cell r="BI306" t="str">
            <v>営繕課</v>
          </cell>
          <cell r="BJ306">
            <v>4559</v>
          </cell>
          <cell r="BN306" t="str">
            <v>建</v>
          </cell>
          <cell r="BO306">
            <v>45</v>
          </cell>
          <cell r="BS306">
            <v>2794000</v>
          </cell>
          <cell r="BT306">
            <v>2540000</v>
          </cell>
          <cell r="BU306">
            <v>1</v>
          </cell>
          <cell r="BV306">
            <v>2280000</v>
          </cell>
          <cell r="BW306">
            <v>1840400</v>
          </cell>
          <cell r="BX306">
            <v>43568</v>
          </cell>
          <cell r="BY306">
            <v>297972</v>
          </cell>
          <cell r="BZ306">
            <v>358060</v>
          </cell>
          <cell r="CD306" t="str">
            <v/>
          </cell>
          <cell r="CH306">
            <v>132</v>
          </cell>
          <cell r="CI306">
            <v>44190</v>
          </cell>
          <cell r="CJ306" t="str">
            <v>一般</v>
          </cell>
          <cell r="CK306" t="str">
            <v>伊丹市内に本店</v>
          </cell>
          <cell r="CL306" t="str">
            <v>400点以上</v>
          </cell>
          <cell r="CP306">
            <v>66063</v>
          </cell>
          <cell r="CT306" t="str">
            <v>右記</v>
          </cell>
          <cell r="CU306" t="str">
            <v>管工事の施工実績を有すること。</v>
          </cell>
          <cell r="CW306">
            <v>44210</v>
          </cell>
          <cell r="CX306" t="str">
            <v/>
          </cell>
          <cell r="CY306" t="str">
            <v/>
          </cell>
          <cell r="CZ306" t="str">
            <v/>
          </cell>
          <cell r="DA306">
            <v>44211</v>
          </cell>
          <cell r="DB306">
            <v>44216</v>
          </cell>
          <cell r="DC306">
            <v>22</v>
          </cell>
          <cell r="DD306" t="str">
            <v>○</v>
          </cell>
          <cell r="DL306">
            <v>10</v>
          </cell>
          <cell r="DM306">
            <v>63</v>
          </cell>
          <cell r="DN306">
            <v>128</v>
          </cell>
          <cell r="EZ306">
            <v>3</v>
          </cell>
          <cell r="FA306">
            <v>6</v>
          </cell>
          <cell r="FI306">
            <v>4</v>
          </cell>
          <cell r="FJ306" t="str">
            <v>事後審査型一般競争入札</v>
          </cell>
          <cell r="FN306">
            <v>4</v>
          </cell>
          <cell r="FO306" t="str">
            <v>電子入札</v>
          </cell>
          <cell r="FS306">
            <v>1</v>
          </cell>
          <cell r="FT306" t="str">
            <v/>
          </cell>
          <cell r="FU306" t="str">
            <v/>
          </cell>
          <cell r="FW306" t="str">
            <v/>
          </cell>
          <cell r="FY306" t="str">
            <v/>
          </cell>
          <cell r="GC306">
            <v>1</v>
          </cell>
          <cell r="GD306">
            <v>1</v>
          </cell>
          <cell r="GE306" t="str">
            <v>契約・検査課長　松本　嘉博</v>
          </cell>
          <cell r="GF306">
            <v>10</v>
          </cell>
          <cell r="GG306" t="str">
            <v>中西水道工業(株)</v>
          </cell>
          <cell r="GH306">
            <v>2750000</v>
          </cell>
          <cell r="GI306">
            <v>250000</v>
          </cell>
          <cell r="GJ306">
            <v>275000</v>
          </cell>
          <cell r="GL306" t="str">
            <v>２級管工事施工管理技士</v>
          </cell>
          <cell r="GM306" t="str">
            <v>安田　雅彦</v>
          </cell>
          <cell r="GN306" t="str">
            <v>２級管工事施工管理技士</v>
          </cell>
          <cell r="GO306" t="str">
            <v>安田　雅彦</v>
          </cell>
          <cell r="GT306" t="str">
            <v/>
          </cell>
          <cell r="GV306">
            <v>8990</v>
          </cell>
          <cell r="GW306">
            <v>3.269090909090909</v>
          </cell>
          <cell r="HO306" t="str">
            <v/>
          </cell>
          <cell r="HP306">
            <v>2500000</v>
          </cell>
          <cell r="HQ306" t="str">
            <v>-</v>
          </cell>
          <cell r="HR306" t="str">
            <v>-</v>
          </cell>
          <cell r="JD306" t="str">
            <v/>
          </cell>
          <cell r="JE306" t="str">
            <v/>
          </cell>
          <cell r="JF306" t="str">
            <v/>
          </cell>
          <cell r="JG306" t="str">
            <v/>
          </cell>
          <cell r="JH306">
            <v>45</v>
          </cell>
          <cell r="JI306">
            <v>45</v>
          </cell>
          <cell r="JJ306" t="str">
            <v/>
          </cell>
          <cell r="JK306" t="str">
            <v/>
          </cell>
          <cell r="JL306" t="str">
            <v/>
          </cell>
          <cell r="JM306" t="str">
            <v/>
          </cell>
          <cell r="JN306" t="str">
            <v/>
          </cell>
          <cell r="JO306" t="str">
            <v/>
          </cell>
          <cell r="JP306" t="str">
            <v/>
          </cell>
          <cell r="JQ306" t="str">
            <v/>
          </cell>
          <cell r="JR306" t="str">
            <v/>
          </cell>
          <cell r="JS306" t="str">
            <v/>
          </cell>
          <cell r="JT306" t="str">
            <v/>
          </cell>
          <cell r="JU306" t="str">
            <v/>
          </cell>
          <cell r="JV306" t="str">
            <v/>
          </cell>
          <cell r="JW306" t="str">
            <v/>
          </cell>
          <cell r="JX306" t="str">
            <v/>
          </cell>
          <cell r="JY306" t="str">
            <v/>
          </cell>
          <cell r="JZ306">
            <v>0.98425196850393704</v>
          </cell>
        </row>
        <row r="307">
          <cell r="C307" t="str">
            <v/>
          </cell>
          <cell r="D307" t="str">
            <v/>
          </cell>
          <cell r="E307" t="str">
            <v/>
          </cell>
          <cell r="I307">
            <v>299</v>
          </cell>
          <cell r="M307" t="str">
            <v>令和２年度伊丹市立児童くらぶ手指消毒用アルコールの購入</v>
          </cell>
          <cell r="Q307" t="str">
            <v>児童くらぶ消毒液</v>
          </cell>
          <cell r="Y307">
            <v>1</v>
          </cell>
          <cell r="AC307">
            <v>8</v>
          </cell>
          <cell r="AD307">
            <v>1</v>
          </cell>
          <cell r="AI307" t="str">
            <v>伊丹市立児童くらぶ１７か所等</v>
          </cell>
          <cell r="AQ307">
            <v>1</v>
          </cell>
          <cell r="AY307">
            <v>44232</v>
          </cell>
          <cell r="AZ307">
            <v>44235</v>
          </cell>
          <cell r="BA307">
            <v>40</v>
          </cell>
          <cell r="BB307">
            <v>44274</v>
          </cell>
          <cell r="BC307" t="str">
            <v/>
          </cell>
          <cell r="BD307" t="str">
            <v/>
          </cell>
          <cell r="BE307" t="str">
            <v/>
          </cell>
          <cell r="BF307">
            <v>0.41736111111111113</v>
          </cell>
          <cell r="BG307">
            <v>6971</v>
          </cell>
          <cell r="BH307" t="str">
            <v>福田  千景</v>
          </cell>
          <cell r="BI307" t="str">
            <v>こども家庭課</v>
          </cell>
          <cell r="BJ307">
            <v>4486</v>
          </cell>
          <cell r="BN307" t="str">
            <v>物</v>
          </cell>
          <cell r="BO307">
            <v>68</v>
          </cell>
          <cell r="BS307">
            <v>3814800</v>
          </cell>
          <cell r="BT307">
            <v>3460000</v>
          </cell>
          <cell r="BU307">
            <v>1</v>
          </cell>
          <cell r="BV307" t="str">
            <v/>
          </cell>
          <cell r="CD307" t="str">
            <v/>
          </cell>
          <cell r="CH307">
            <v>-154</v>
          </cell>
          <cell r="CI307">
            <v>44216</v>
          </cell>
          <cell r="CP307">
            <v>65124</v>
          </cell>
          <cell r="CW307" t="str">
            <v/>
          </cell>
          <cell r="CX307" t="str">
            <v/>
          </cell>
          <cell r="CY307" t="str">
            <v/>
          </cell>
          <cell r="CZ307" t="str">
            <v/>
          </cell>
          <cell r="DA307">
            <v>44223</v>
          </cell>
          <cell r="DB307">
            <v>44229</v>
          </cell>
          <cell r="DD307" t="str">
            <v/>
          </cell>
          <cell r="DL307">
            <v>10249</v>
          </cell>
          <cell r="DM307">
            <v>11381</v>
          </cell>
          <cell r="DN307">
            <v>11598</v>
          </cell>
          <cell r="DO307">
            <v>10556</v>
          </cell>
          <cell r="DP307">
            <v>10793</v>
          </cell>
          <cell r="DQ307">
            <v>11108</v>
          </cell>
          <cell r="DR307">
            <v>12688</v>
          </cell>
          <cell r="DS307">
            <v>10639</v>
          </cell>
          <cell r="DT307">
            <v>10744</v>
          </cell>
          <cell r="DU307">
            <v>10016</v>
          </cell>
          <cell r="DV307">
            <v>10532</v>
          </cell>
          <cell r="DW307">
            <v>10179</v>
          </cell>
          <cell r="DX307">
            <v>11550</v>
          </cell>
          <cell r="EZ307">
            <v>13</v>
          </cell>
          <cell r="FA307">
            <v>6</v>
          </cell>
          <cell r="FI307">
            <v>5</v>
          </cell>
          <cell r="FJ307" t="str">
            <v>指名競争入札（簡易認証）</v>
          </cell>
          <cell r="FN307">
            <v>4</v>
          </cell>
          <cell r="FO307" t="str">
            <v>電子入札</v>
          </cell>
          <cell r="FS307">
            <v>3</v>
          </cell>
          <cell r="FT307" t="str">
            <v/>
          </cell>
          <cell r="FU307" t="str">
            <v/>
          </cell>
          <cell r="FW307" t="str">
            <v/>
          </cell>
          <cell r="FY307" t="str">
            <v/>
          </cell>
          <cell r="GD307">
            <v>1</v>
          </cell>
          <cell r="GE307" t="str">
            <v>契約・検査課長　松本　嘉博</v>
          </cell>
          <cell r="GF307">
            <v>10016</v>
          </cell>
          <cell r="GG307" t="str">
            <v>(株)やよい</v>
          </cell>
          <cell r="GH307">
            <v>836000</v>
          </cell>
          <cell r="GI307">
            <v>76000</v>
          </cell>
          <cell r="GJ307" t="str">
            <v/>
          </cell>
          <cell r="GT307" t="str">
            <v/>
          </cell>
          <cell r="GW307" t="str">
            <v/>
          </cell>
          <cell r="HO307" t="str">
            <v/>
          </cell>
          <cell r="HP307" t="str">
            <v>-</v>
          </cell>
          <cell r="HQ307" t="str">
            <v>-</v>
          </cell>
          <cell r="HR307" t="str">
            <v>-</v>
          </cell>
          <cell r="HS307" t="str">
            <v>-</v>
          </cell>
          <cell r="HT307" t="str">
            <v>-</v>
          </cell>
          <cell r="HU307" t="str">
            <v>-</v>
          </cell>
          <cell r="HV307" t="str">
            <v>-</v>
          </cell>
          <cell r="HW307" t="str">
            <v>-</v>
          </cell>
          <cell r="HX307" t="str">
            <v>-</v>
          </cell>
          <cell r="HY307">
            <v>760000</v>
          </cell>
          <cell r="HZ307" t="str">
            <v>-</v>
          </cell>
          <cell r="IA307" t="str">
            <v>-</v>
          </cell>
          <cell r="IB307">
            <v>1380000</v>
          </cell>
          <cell r="JD307" t="str">
            <v/>
          </cell>
          <cell r="JE307" t="str">
            <v/>
          </cell>
          <cell r="JF307" t="str">
            <v/>
          </cell>
          <cell r="JG307" t="str">
            <v/>
          </cell>
          <cell r="JH307" t="str">
            <v/>
          </cell>
          <cell r="JI307" t="str">
            <v/>
          </cell>
          <cell r="JJ307" t="str">
            <v/>
          </cell>
          <cell r="JK307" t="str">
            <v/>
          </cell>
          <cell r="JL307" t="str">
            <v/>
          </cell>
          <cell r="JM307" t="str">
            <v/>
          </cell>
          <cell r="JN307" t="str">
            <v/>
          </cell>
          <cell r="JO307" t="str">
            <v/>
          </cell>
          <cell r="JP307">
            <v>68</v>
          </cell>
          <cell r="JQ307">
            <v>67</v>
          </cell>
          <cell r="JR307" t="str">
            <v/>
          </cell>
          <cell r="JS307" t="str">
            <v/>
          </cell>
          <cell r="JT307" t="str">
            <v/>
          </cell>
          <cell r="JU307" t="str">
            <v/>
          </cell>
          <cell r="JV307" t="str">
            <v/>
          </cell>
          <cell r="JW307" t="str">
            <v/>
          </cell>
          <cell r="JX307" t="str">
            <v/>
          </cell>
          <cell r="JY307" t="str">
            <v/>
          </cell>
          <cell r="JZ307">
            <v>0.21965317919075142</v>
          </cell>
        </row>
        <row r="308">
          <cell r="C308" t="str">
            <v/>
          </cell>
          <cell r="D308" t="str">
            <v/>
          </cell>
          <cell r="E308" t="str">
            <v/>
          </cell>
          <cell r="I308">
            <v>300</v>
          </cell>
          <cell r="K308">
            <v>1</v>
          </cell>
          <cell r="M308" t="str">
            <v>令和２年度ノートパソコン及び周辺機器の購入</v>
          </cell>
          <cell r="Q308" t="str">
            <v>ﾉｰﾄPC周辺機器</v>
          </cell>
          <cell r="Y308">
            <v>1</v>
          </cell>
          <cell r="AC308">
            <v>8</v>
          </cell>
          <cell r="AD308">
            <v>1</v>
          </cell>
          <cell r="AI308" t="str">
            <v>伊丹市内の各児童くらぶ</v>
          </cell>
          <cell r="AQ308">
            <v>1</v>
          </cell>
          <cell r="AY308">
            <v>44257</v>
          </cell>
          <cell r="AZ308">
            <v>44258</v>
          </cell>
          <cell r="BA308">
            <v>28</v>
          </cell>
          <cell r="BB308">
            <v>44285</v>
          </cell>
          <cell r="BC308" t="str">
            <v/>
          </cell>
          <cell r="BD308" t="str">
            <v/>
          </cell>
          <cell r="BE308" t="str">
            <v/>
          </cell>
          <cell r="BF308">
            <v>0.41736111111111113</v>
          </cell>
          <cell r="BG308">
            <v>6336</v>
          </cell>
          <cell r="BH308" t="str">
            <v>福地  弘一</v>
          </cell>
          <cell r="BI308" t="str">
            <v>子育て支援課</v>
          </cell>
          <cell r="BJ308">
            <v>2309</v>
          </cell>
          <cell r="BN308" t="str">
            <v>物</v>
          </cell>
          <cell r="BO308">
            <v>69</v>
          </cell>
          <cell r="BS308">
            <v>1820610</v>
          </cell>
          <cell r="BT308">
            <v>1650000</v>
          </cell>
          <cell r="BU308">
            <v>1</v>
          </cell>
          <cell r="BV308" t="str">
            <v/>
          </cell>
          <cell r="CD308" t="str">
            <v/>
          </cell>
          <cell r="CH308">
            <v>-155</v>
          </cell>
          <cell r="CI308">
            <v>44242</v>
          </cell>
          <cell r="CP308">
            <v>93030</v>
          </cell>
          <cell r="CW308" t="str">
            <v/>
          </cell>
          <cell r="CX308" t="str">
            <v/>
          </cell>
          <cell r="CY308" t="str">
            <v/>
          </cell>
          <cell r="CZ308" t="str">
            <v/>
          </cell>
          <cell r="DA308">
            <v>44249</v>
          </cell>
          <cell r="DB308">
            <v>44252</v>
          </cell>
          <cell r="DD308" t="str">
            <v/>
          </cell>
          <cell r="DL308">
            <v>11182</v>
          </cell>
          <cell r="DM308">
            <v>11227</v>
          </cell>
          <cell r="DN308">
            <v>12608</v>
          </cell>
          <cell r="DO308">
            <v>10793</v>
          </cell>
          <cell r="DP308">
            <v>10844</v>
          </cell>
          <cell r="DQ308">
            <v>10556</v>
          </cell>
          <cell r="DR308">
            <v>10761</v>
          </cell>
          <cell r="DS308">
            <v>10075</v>
          </cell>
          <cell r="DT308">
            <v>11716</v>
          </cell>
          <cell r="DU308">
            <v>10402</v>
          </cell>
          <cell r="DV308">
            <v>10434</v>
          </cell>
          <cell r="DW308">
            <v>10167</v>
          </cell>
          <cell r="DX308">
            <v>11022</v>
          </cell>
          <cell r="EZ308">
            <v>13</v>
          </cell>
          <cell r="FA308">
            <v>6</v>
          </cell>
          <cell r="FI308">
            <v>5</v>
          </cell>
          <cell r="FJ308" t="str">
            <v>指名競争入札（簡易認証）</v>
          </cell>
          <cell r="FN308">
            <v>4</v>
          </cell>
          <cell r="FO308" t="str">
            <v>電子入札</v>
          </cell>
          <cell r="FS308">
            <v>3</v>
          </cell>
          <cell r="FT308" t="str">
            <v/>
          </cell>
          <cell r="FU308" t="str">
            <v/>
          </cell>
          <cell r="FW308" t="str">
            <v/>
          </cell>
          <cell r="FY308" t="str">
            <v/>
          </cell>
          <cell r="GD308">
            <v>1</v>
          </cell>
          <cell r="GE308" t="str">
            <v>契約・検査課長　松本　嘉博</v>
          </cell>
          <cell r="GG308" t="str">
            <v/>
          </cell>
          <cell r="GI308" t="str">
            <v/>
          </cell>
          <cell r="GJ308" t="str">
            <v/>
          </cell>
          <cell r="GT308" t="str">
            <v/>
          </cell>
          <cell r="GW308" t="str">
            <v/>
          </cell>
          <cell r="HO308" t="str">
            <v/>
          </cell>
          <cell r="JD308" t="str">
            <v/>
          </cell>
          <cell r="JE308" t="str">
            <v/>
          </cell>
          <cell r="JF308" t="str">
            <v/>
          </cell>
          <cell r="JG308" t="str">
            <v/>
          </cell>
          <cell r="JH308" t="str">
            <v/>
          </cell>
          <cell r="JI308" t="str">
            <v/>
          </cell>
          <cell r="JJ308" t="str">
            <v/>
          </cell>
          <cell r="JK308" t="str">
            <v/>
          </cell>
          <cell r="JL308" t="str">
            <v/>
          </cell>
          <cell r="JM308" t="str">
            <v/>
          </cell>
          <cell r="JN308" t="str">
            <v/>
          </cell>
          <cell r="JO308" t="str">
            <v/>
          </cell>
          <cell r="JP308">
            <v>69</v>
          </cell>
          <cell r="JQ308">
            <v>68</v>
          </cell>
          <cell r="JR308" t="str">
            <v/>
          </cell>
          <cell r="JS308" t="str">
            <v/>
          </cell>
          <cell r="JT308" t="str">
            <v/>
          </cell>
          <cell r="JU308" t="str">
            <v/>
          </cell>
          <cell r="JV308" t="str">
            <v/>
          </cell>
          <cell r="JW308" t="str">
            <v/>
          </cell>
          <cell r="JX308" t="str">
            <v/>
          </cell>
          <cell r="JY308" t="str">
            <v/>
          </cell>
          <cell r="JZ308" t="str">
            <v/>
          </cell>
        </row>
        <row r="309">
          <cell r="C309" t="str">
            <v/>
          </cell>
          <cell r="D309" t="str">
            <v/>
          </cell>
          <cell r="E309" t="str">
            <v/>
          </cell>
          <cell r="I309">
            <v>301</v>
          </cell>
          <cell r="M309" t="str">
            <v>令和２年度電気陶芸窯の購入</v>
          </cell>
          <cell r="Q309" t="str">
            <v>電気陶芸窯</v>
          </cell>
          <cell r="Y309">
            <v>1</v>
          </cell>
          <cell r="AC309">
            <v>8</v>
          </cell>
          <cell r="AD309">
            <v>1</v>
          </cell>
          <cell r="AI309" t="str">
            <v>伊丹市立神津福祉センター陶芸室内伊丹市森本１丁目８-１９</v>
          </cell>
          <cell r="AQ309">
            <v>1</v>
          </cell>
          <cell r="AY309">
            <v>44229</v>
          </cell>
          <cell r="AZ309">
            <v>44230</v>
          </cell>
          <cell r="BA309">
            <v>57</v>
          </cell>
          <cell r="BB309">
            <v>44286</v>
          </cell>
          <cell r="BC309" t="str">
            <v/>
          </cell>
          <cell r="BD309" t="str">
            <v/>
          </cell>
          <cell r="BE309" t="str">
            <v/>
          </cell>
          <cell r="BF309">
            <v>0.41875000000000001</v>
          </cell>
          <cell r="BG309">
            <v>6966</v>
          </cell>
          <cell r="BH309" t="str">
            <v>谷澤  祐介</v>
          </cell>
          <cell r="BI309" t="str">
            <v>地域・高年福祉課</v>
          </cell>
          <cell r="BJ309">
            <v>4483</v>
          </cell>
          <cell r="BN309" t="str">
            <v>物</v>
          </cell>
          <cell r="BO309">
            <v>70</v>
          </cell>
          <cell r="BS309">
            <v>998030</v>
          </cell>
          <cell r="BT309">
            <v>907300</v>
          </cell>
          <cell r="BU309">
            <v>1</v>
          </cell>
          <cell r="BV309" t="str">
            <v/>
          </cell>
          <cell r="CD309" t="str">
            <v/>
          </cell>
          <cell r="CH309">
            <v>-156</v>
          </cell>
          <cell r="CI309">
            <v>44214</v>
          </cell>
          <cell r="CP309">
            <v>89917</v>
          </cell>
          <cell r="CW309" t="str">
            <v/>
          </cell>
          <cell r="CX309" t="str">
            <v/>
          </cell>
          <cell r="CY309" t="str">
            <v/>
          </cell>
          <cell r="CZ309" t="str">
            <v/>
          </cell>
          <cell r="DA309">
            <v>44221</v>
          </cell>
          <cell r="DB309">
            <v>44224</v>
          </cell>
          <cell r="DD309" t="str">
            <v/>
          </cell>
          <cell r="DL309">
            <v>10759</v>
          </cell>
          <cell r="DM309">
            <v>11462</v>
          </cell>
          <cell r="EZ309">
            <v>2</v>
          </cell>
          <cell r="FA309">
            <v>6</v>
          </cell>
          <cell r="FI309">
            <v>5</v>
          </cell>
          <cell r="FJ309" t="str">
            <v>指名競争入札（簡易認証）</v>
          </cell>
          <cell r="FN309">
            <v>4</v>
          </cell>
          <cell r="FO309" t="str">
            <v>電子入札</v>
          </cell>
          <cell r="FS309">
            <v>3</v>
          </cell>
          <cell r="FT309" t="str">
            <v/>
          </cell>
          <cell r="FU309" t="str">
            <v/>
          </cell>
          <cell r="FW309" t="str">
            <v/>
          </cell>
          <cell r="FY309" t="str">
            <v/>
          </cell>
          <cell r="GD309">
            <v>1</v>
          </cell>
          <cell r="GE309" t="str">
            <v>契約・検査課長　松本　嘉博</v>
          </cell>
          <cell r="GF309">
            <v>11462</v>
          </cell>
          <cell r="GG309" t="str">
            <v>姫路丸二陶材</v>
          </cell>
          <cell r="GH309">
            <v>997700</v>
          </cell>
          <cell r="GI309">
            <v>90700</v>
          </cell>
          <cell r="GJ309" t="str">
            <v/>
          </cell>
          <cell r="GT309" t="str">
            <v/>
          </cell>
          <cell r="GW309" t="str">
            <v/>
          </cell>
          <cell r="HO309" t="str">
            <v/>
          </cell>
          <cell r="HP309">
            <v>1120000</v>
          </cell>
          <cell r="HQ309">
            <v>907000</v>
          </cell>
          <cell r="JD309" t="str">
            <v/>
          </cell>
          <cell r="JE309" t="str">
            <v/>
          </cell>
          <cell r="JF309" t="str">
            <v/>
          </cell>
          <cell r="JG309" t="str">
            <v/>
          </cell>
          <cell r="JH309" t="str">
            <v/>
          </cell>
          <cell r="JI309" t="str">
            <v/>
          </cell>
          <cell r="JJ309" t="str">
            <v/>
          </cell>
          <cell r="JK309" t="str">
            <v/>
          </cell>
          <cell r="JL309" t="str">
            <v/>
          </cell>
          <cell r="JM309" t="str">
            <v/>
          </cell>
          <cell r="JN309" t="str">
            <v/>
          </cell>
          <cell r="JO309" t="str">
            <v/>
          </cell>
          <cell r="JP309">
            <v>70</v>
          </cell>
          <cell r="JQ309">
            <v>69</v>
          </cell>
          <cell r="JR309" t="str">
            <v/>
          </cell>
          <cell r="JS309" t="str">
            <v/>
          </cell>
          <cell r="JT309" t="str">
            <v/>
          </cell>
          <cell r="JU309" t="str">
            <v/>
          </cell>
          <cell r="JV309" t="str">
            <v/>
          </cell>
          <cell r="JW309" t="str">
            <v/>
          </cell>
          <cell r="JX309" t="str">
            <v/>
          </cell>
          <cell r="JY309" t="str">
            <v/>
          </cell>
          <cell r="JZ309">
            <v>0.99966934861677492</v>
          </cell>
        </row>
        <row r="310">
          <cell r="C310" t="str">
            <v/>
          </cell>
          <cell r="D310" t="str">
            <v/>
          </cell>
          <cell r="E310" t="str">
            <v/>
          </cell>
          <cell r="I310">
            <v>302</v>
          </cell>
          <cell r="M310" t="str">
            <v>令和２年度伊丹市立小学校生物多様性副読本印刷製本業務</v>
          </cell>
          <cell r="Q310" t="str">
            <v>生物多様性副読本</v>
          </cell>
          <cell r="Y310">
            <v>1</v>
          </cell>
          <cell r="AC310">
            <v>8</v>
          </cell>
          <cell r="AD310">
            <v>4</v>
          </cell>
          <cell r="AI310" t="str">
            <v>伊丹市</v>
          </cell>
          <cell r="AQ310">
            <v>1</v>
          </cell>
          <cell r="AY310">
            <v>44224</v>
          </cell>
          <cell r="AZ310">
            <v>44225</v>
          </cell>
          <cell r="BA310">
            <v>53</v>
          </cell>
          <cell r="BB310">
            <v>44277</v>
          </cell>
          <cell r="BC310" t="str">
            <v/>
          </cell>
          <cell r="BD310" t="str">
            <v/>
          </cell>
          <cell r="BE310" t="str">
            <v/>
          </cell>
          <cell r="BF310">
            <v>0.41805555555555557</v>
          </cell>
          <cell r="BG310">
            <v>7584</v>
          </cell>
          <cell r="BH310" t="str">
            <v>松岡　利奈</v>
          </cell>
          <cell r="BI310" t="str">
            <v>みどり自然課</v>
          </cell>
          <cell r="BJ310">
            <v>4664</v>
          </cell>
          <cell r="BN310" t="str">
            <v>物</v>
          </cell>
          <cell r="BO310">
            <v>71</v>
          </cell>
          <cell r="BS310">
            <v>1430000</v>
          </cell>
          <cell r="BT310">
            <v>1300000</v>
          </cell>
          <cell r="BU310">
            <v>1</v>
          </cell>
          <cell r="BV310" t="str">
            <v/>
          </cell>
          <cell r="CD310" t="str">
            <v/>
          </cell>
          <cell r="CH310">
            <v>-157</v>
          </cell>
          <cell r="CI310">
            <v>44209</v>
          </cell>
          <cell r="CP310">
            <v>61144</v>
          </cell>
          <cell r="CW310" t="str">
            <v/>
          </cell>
          <cell r="CX310" t="str">
            <v/>
          </cell>
          <cell r="CY310" t="str">
            <v/>
          </cell>
          <cell r="CZ310" t="str">
            <v/>
          </cell>
          <cell r="DA310">
            <v>44216</v>
          </cell>
          <cell r="DB310">
            <v>44221</v>
          </cell>
          <cell r="DD310" t="str">
            <v/>
          </cell>
          <cell r="DL310">
            <v>10996</v>
          </cell>
          <cell r="DM310">
            <v>12735</v>
          </cell>
          <cell r="DN310">
            <v>10594</v>
          </cell>
          <cell r="DO310">
            <v>10606</v>
          </cell>
          <cell r="DP310">
            <v>12917</v>
          </cell>
          <cell r="DQ310">
            <v>12799</v>
          </cell>
          <cell r="DR310">
            <v>10945</v>
          </cell>
          <cell r="DS310">
            <v>10501</v>
          </cell>
          <cell r="DT310">
            <v>10851</v>
          </cell>
          <cell r="DU310">
            <v>11925</v>
          </cell>
          <cell r="EZ310">
            <v>10</v>
          </cell>
          <cell r="FA310">
            <v>6</v>
          </cell>
          <cell r="FI310">
            <v>5</v>
          </cell>
          <cell r="FJ310" t="str">
            <v>指名競争入札（簡易認証）</v>
          </cell>
          <cell r="FN310">
            <v>4</v>
          </cell>
          <cell r="FO310" t="str">
            <v>電子入札</v>
          </cell>
          <cell r="FS310">
            <v>3</v>
          </cell>
          <cell r="FT310" t="str">
            <v/>
          </cell>
          <cell r="FU310" t="str">
            <v/>
          </cell>
          <cell r="FW310" t="str">
            <v/>
          </cell>
          <cell r="FY310" t="str">
            <v/>
          </cell>
          <cell r="GD310">
            <v>1</v>
          </cell>
          <cell r="GE310" t="str">
            <v>契約・検査課長　松本　嘉博</v>
          </cell>
          <cell r="GF310">
            <v>12735</v>
          </cell>
          <cell r="GG310" t="str">
            <v>(株)パトナ</v>
          </cell>
          <cell r="GH310">
            <v>1265000</v>
          </cell>
          <cell r="GI310">
            <v>115000</v>
          </cell>
          <cell r="GJ310" t="str">
            <v/>
          </cell>
          <cell r="GM310" t="str">
            <v>石橋　伯章</v>
          </cell>
          <cell r="GO310" t="str">
            <v>石橋　伯章</v>
          </cell>
          <cell r="GT310" t="str">
            <v/>
          </cell>
          <cell r="GW310" t="str">
            <v/>
          </cell>
          <cell r="HO310" t="str">
            <v/>
          </cell>
          <cell r="HP310" t="str">
            <v>-</v>
          </cell>
          <cell r="HQ310">
            <v>1150000</v>
          </cell>
          <cell r="HR310">
            <v>1750000</v>
          </cell>
          <cell r="HS310">
            <v>1237500</v>
          </cell>
          <cell r="HT310">
            <v>2250000</v>
          </cell>
          <cell r="HU310" t="str">
            <v>-</v>
          </cell>
          <cell r="HV310" t="str">
            <v>-</v>
          </cell>
          <cell r="HW310">
            <v>1847500</v>
          </cell>
          <cell r="HX310" t="str">
            <v>-</v>
          </cell>
          <cell r="HY310" t="str">
            <v>-</v>
          </cell>
          <cell r="JD310" t="str">
            <v/>
          </cell>
          <cell r="JE310" t="str">
            <v/>
          </cell>
          <cell r="JF310" t="str">
            <v/>
          </cell>
          <cell r="JG310" t="str">
            <v/>
          </cell>
          <cell r="JH310" t="str">
            <v/>
          </cell>
          <cell r="JI310" t="str">
            <v/>
          </cell>
          <cell r="JJ310" t="str">
            <v/>
          </cell>
          <cell r="JK310" t="str">
            <v/>
          </cell>
          <cell r="JL310" t="str">
            <v/>
          </cell>
          <cell r="JM310" t="str">
            <v/>
          </cell>
          <cell r="JN310" t="str">
            <v/>
          </cell>
          <cell r="JO310" t="str">
            <v/>
          </cell>
          <cell r="JP310">
            <v>71</v>
          </cell>
          <cell r="JQ310">
            <v>70</v>
          </cell>
          <cell r="JR310" t="str">
            <v/>
          </cell>
          <cell r="JS310" t="str">
            <v/>
          </cell>
          <cell r="JT310" t="str">
            <v/>
          </cell>
          <cell r="JU310" t="str">
            <v/>
          </cell>
          <cell r="JV310" t="str">
            <v/>
          </cell>
          <cell r="JW310" t="str">
            <v/>
          </cell>
          <cell r="JX310" t="str">
            <v/>
          </cell>
          <cell r="JY310" t="str">
            <v/>
          </cell>
          <cell r="JZ310">
            <v>0.88461538461538458</v>
          </cell>
        </row>
        <row r="311">
          <cell r="C311" t="str">
            <v/>
          </cell>
          <cell r="D311" t="str">
            <v/>
          </cell>
          <cell r="E311" t="str">
            <v/>
          </cell>
          <cell r="I311">
            <v>303</v>
          </cell>
          <cell r="M311" t="str">
            <v>令和２年度伊丹市立博物館資料燻蒸処理委託業務</v>
          </cell>
          <cell r="Q311" t="str">
            <v>博物館燻蒸</v>
          </cell>
          <cell r="Y311">
            <v>1</v>
          </cell>
          <cell r="AC311">
            <v>8</v>
          </cell>
          <cell r="AD311">
            <v>8</v>
          </cell>
          <cell r="AI311" t="str">
            <v>伊丹市</v>
          </cell>
          <cell r="AQ311">
            <v>1</v>
          </cell>
          <cell r="AY311">
            <v>44229</v>
          </cell>
          <cell r="AZ311">
            <v>44230</v>
          </cell>
          <cell r="BA311">
            <v>57</v>
          </cell>
          <cell r="BB311">
            <v>44286</v>
          </cell>
          <cell r="BC311" t="str">
            <v/>
          </cell>
          <cell r="BD311" t="str">
            <v/>
          </cell>
          <cell r="BE311" t="str">
            <v/>
          </cell>
          <cell r="BF311">
            <v>0.41944444444444445</v>
          </cell>
          <cell r="BG311">
            <v>7172</v>
          </cell>
          <cell r="BH311" t="str">
            <v>伊藤  忠章</v>
          </cell>
          <cell r="BI311" t="str">
            <v>博物館</v>
          </cell>
          <cell r="BJ311">
            <v>4547</v>
          </cell>
          <cell r="BN311" t="str">
            <v>他</v>
          </cell>
          <cell r="BO311" t="str">
            <v>　</v>
          </cell>
          <cell r="BS311">
            <v>530000</v>
          </cell>
          <cell r="BT311">
            <v>480000</v>
          </cell>
          <cell r="BU311" t="str">
            <v/>
          </cell>
          <cell r="BV311" t="str">
            <v/>
          </cell>
          <cell r="CD311" t="str">
            <v/>
          </cell>
          <cell r="CH311">
            <v>-158</v>
          </cell>
          <cell r="CI311">
            <v>44214</v>
          </cell>
          <cell r="CP311">
            <v>92913</v>
          </cell>
          <cell r="CW311" t="str">
            <v/>
          </cell>
          <cell r="CX311" t="str">
            <v/>
          </cell>
          <cell r="CY311" t="str">
            <v/>
          </cell>
          <cell r="CZ311" t="str">
            <v/>
          </cell>
          <cell r="DA311">
            <v>44221</v>
          </cell>
          <cell r="DB311">
            <v>44224</v>
          </cell>
          <cell r="DD311" t="str">
            <v/>
          </cell>
          <cell r="DL311">
            <v>10525</v>
          </cell>
          <cell r="DM311">
            <v>10165</v>
          </cell>
          <cell r="DN311">
            <v>10307</v>
          </cell>
          <cell r="DO311">
            <v>10363</v>
          </cell>
          <cell r="DP311">
            <v>11613</v>
          </cell>
          <cell r="DQ311">
            <v>10011</v>
          </cell>
          <cell r="DR311">
            <v>11483</v>
          </cell>
          <cell r="DS311">
            <v>10881</v>
          </cell>
          <cell r="DT311">
            <v>12358</v>
          </cell>
          <cell r="EZ311">
            <v>9</v>
          </cell>
          <cell r="FA311">
            <v>6</v>
          </cell>
          <cell r="FI311">
            <v>5</v>
          </cell>
          <cell r="FJ311" t="str">
            <v>指名競争入札（簡易認証）</v>
          </cell>
          <cell r="FN311">
            <v>4</v>
          </cell>
          <cell r="FO311" t="str">
            <v>電子入札</v>
          </cell>
          <cell r="FS311">
            <v>5</v>
          </cell>
          <cell r="FT311" t="str">
            <v/>
          </cell>
          <cell r="FU311" t="str">
            <v/>
          </cell>
          <cell r="FW311" t="str">
            <v/>
          </cell>
          <cell r="FY311" t="str">
            <v/>
          </cell>
          <cell r="GD311">
            <v>1</v>
          </cell>
          <cell r="GE311" t="str">
            <v>契約・検査課長　松本　嘉博</v>
          </cell>
          <cell r="GF311" t="str">
            <v>-</v>
          </cell>
          <cell r="GG311" t="str">
            <v>×</v>
          </cell>
          <cell r="GI311" t="str">
            <v/>
          </cell>
          <cell r="GJ311" t="str">
            <v/>
          </cell>
          <cell r="GT311" t="str">
            <v/>
          </cell>
          <cell r="GW311" t="str">
            <v/>
          </cell>
          <cell r="HO311" t="str">
            <v/>
          </cell>
          <cell r="HP311" t="str">
            <v>-</v>
          </cell>
          <cell r="HQ311" t="str">
            <v>-</v>
          </cell>
          <cell r="HR311" t="str">
            <v>-</v>
          </cell>
          <cell r="HS311" t="str">
            <v>-</v>
          </cell>
          <cell r="HT311" t="str">
            <v>-</v>
          </cell>
          <cell r="HU311" t="str">
            <v>-</v>
          </cell>
          <cell r="HV311" t="str">
            <v>-</v>
          </cell>
          <cell r="HW311" t="str">
            <v>-</v>
          </cell>
          <cell r="HX311" t="str">
            <v>-</v>
          </cell>
          <cell r="JD311" t="str">
            <v/>
          </cell>
          <cell r="JE311" t="str">
            <v/>
          </cell>
          <cell r="JF311" t="str">
            <v/>
          </cell>
          <cell r="JG311" t="str">
            <v/>
          </cell>
          <cell r="JH311" t="str">
            <v/>
          </cell>
          <cell r="JI311" t="str">
            <v/>
          </cell>
          <cell r="JJ311" t="str">
            <v/>
          </cell>
          <cell r="JK311" t="str">
            <v/>
          </cell>
          <cell r="JL311" t="str">
            <v/>
          </cell>
          <cell r="JM311" t="str">
            <v/>
          </cell>
          <cell r="JN311" t="str">
            <v/>
          </cell>
          <cell r="JO311" t="str">
            <v/>
          </cell>
          <cell r="JP311" t="str">
            <v/>
          </cell>
          <cell r="JQ311" t="str">
            <v/>
          </cell>
          <cell r="JR311" t="str">
            <v/>
          </cell>
          <cell r="JS311" t="str">
            <v/>
          </cell>
          <cell r="JT311" t="str">
            <v/>
          </cell>
          <cell r="JU311" t="str">
            <v/>
          </cell>
          <cell r="JV311" t="str">
            <v/>
          </cell>
          <cell r="JW311" t="str">
            <v/>
          </cell>
          <cell r="JX311" t="str">
            <v>　</v>
          </cell>
          <cell r="JY311" t="e">
            <v>#VALUE!</v>
          </cell>
          <cell r="JZ311" t="str">
            <v/>
          </cell>
        </row>
        <row r="312">
          <cell r="C312" t="str">
            <v/>
          </cell>
          <cell r="D312" t="str">
            <v/>
          </cell>
          <cell r="E312" t="str">
            <v/>
          </cell>
          <cell r="I312">
            <v>304</v>
          </cell>
          <cell r="L312">
            <v>1</v>
          </cell>
          <cell r="M312" t="str">
            <v>令和２年度伊丹市立生涯学習センター事務備品等購入</v>
          </cell>
          <cell r="Q312" t="str">
            <v>ﾗｽﾀ事務備品</v>
          </cell>
          <cell r="Y312">
            <v>1</v>
          </cell>
          <cell r="AC312">
            <v>8</v>
          </cell>
          <cell r="AD312">
            <v>1</v>
          </cell>
          <cell r="AI312" t="str">
            <v>伊丹市南野２丁目３番２５号</v>
          </cell>
          <cell r="AQ312">
            <v>1</v>
          </cell>
          <cell r="AY312">
            <v>44236</v>
          </cell>
          <cell r="AZ312">
            <v>44236</v>
          </cell>
          <cell r="BA312">
            <v>35</v>
          </cell>
          <cell r="BB312">
            <v>44270</v>
          </cell>
          <cell r="BC312" t="str">
            <v/>
          </cell>
          <cell r="BD312" t="str">
            <v/>
          </cell>
          <cell r="BE312" t="str">
            <v/>
          </cell>
          <cell r="BF312">
            <v>0.58402777777777781</v>
          </cell>
          <cell r="BG312">
            <v>5742</v>
          </cell>
          <cell r="BH312" t="str">
            <v>吉田  卓</v>
          </cell>
          <cell r="BI312" t="str">
            <v>社会教育課</v>
          </cell>
          <cell r="BJ312">
            <v>2136</v>
          </cell>
          <cell r="BN312" t="str">
            <v>物</v>
          </cell>
          <cell r="BO312">
            <v>72</v>
          </cell>
          <cell r="BS312">
            <v>18847290</v>
          </cell>
          <cell r="BT312">
            <v>17130000</v>
          </cell>
          <cell r="BU312">
            <v>1</v>
          </cell>
          <cell r="BV312" t="str">
            <v/>
          </cell>
          <cell r="CH312">
            <v>-159</v>
          </cell>
          <cell r="CI312">
            <v>44214</v>
          </cell>
          <cell r="CP312">
            <v>56133</v>
          </cell>
          <cell r="CW312" t="str">
            <v/>
          </cell>
          <cell r="CX312" t="str">
            <v/>
          </cell>
          <cell r="CY312" t="str">
            <v/>
          </cell>
          <cell r="CZ312" t="str">
            <v/>
          </cell>
          <cell r="DA312">
            <v>44221</v>
          </cell>
          <cell r="DB312">
            <v>44224</v>
          </cell>
          <cell r="DD312" t="str">
            <v/>
          </cell>
          <cell r="DL312">
            <v>10249</v>
          </cell>
          <cell r="DM312">
            <v>11381</v>
          </cell>
          <cell r="DN312">
            <v>11598</v>
          </cell>
          <cell r="DO312">
            <v>10655</v>
          </cell>
          <cell r="DP312">
            <v>10257</v>
          </cell>
          <cell r="DQ312">
            <v>11844</v>
          </cell>
          <cell r="DR312">
            <v>11134</v>
          </cell>
          <cell r="DS312">
            <v>10556</v>
          </cell>
          <cell r="DT312">
            <v>10712</v>
          </cell>
          <cell r="DU312">
            <v>10424</v>
          </cell>
          <cell r="DV312">
            <v>10793</v>
          </cell>
          <cell r="DW312">
            <v>11108</v>
          </cell>
          <cell r="DX312">
            <v>10193</v>
          </cell>
          <cell r="DY312">
            <v>10167</v>
          </cell>
          <cell r="EZ312">
            <v>14</v>
          </cell>
          <cell r="FA312">
            <v>8</v>
          </cell>
          <cell r="FI312">
            <v>5</v>
          </cell>
          <cell r="FJ312" t="str">
            <v>指名競争入札（簡易認証）</v>
          </cell>
          <cell r="FN312">
            <v>4</v>
          </cell>
          <cell r="FO312" t="str">
            <v>電子入札</v>
          </cell>
          <cell r="FS312">
            <v>3</v>
          </cell>
          <cell r="FT312" t="str">
            <v/>
          </cell>
          <cell r="FU312" t="str">
            <v/>
          </cell>
          <cell r="FW312" t="str">
            <v/>
          </cell>
          <cell r="FY312" t="str">
            <v/>
          </cell>
          <cell r="GD312">
            <v>1</v>
          </cell>
          <cell r="GE312" t="str">
            <v>契約・検査課長　松本　嘉博</v>
          </cell>
          <cell r="GG312" t="str">
            <v/>
          </cell>
          <cell r="GI312" t="str">
            <v/>
          </cell>
          <cell r="GJ312" t="str">
            <v/>
          </cell>
          <cell r="GT312" t="str">
            <v/>
          </cell>
          <cell r="GW312" t="str">
            <v/>
          </cell>
          <cell r="HO312" t="str">
            <v/>
          </cell>
          <cell r="JD312" t="str">
            <v/>
          </cell>
          <cell r="JE312" t="str">
            <v/>
          </cell>
          <cell r="JF312" t="str">
            <v/>
          </cell>
          <cell r="JG312" t="str">
            <v/>
          </cell>
          <cell r="JH312" t="str">
            <v/>
          </cell>
          <cell r="JI312" t="str">
            <v/>
          </cell>
          <cell r="JJ312" t="str">
            <v/>
          </cell>
          <cell r="JK312" t="str">
            <v/>
          </cell>
          <cell r="JL312" t="str">
            <v/>
          </cell>
          <cell r="JM312" t="str">
            <v/>
          </cell>
          <cell r="JN312" t="str">
            <v/>
          </cell>
          <cell r="JO312" t="str">
            <v/>
          </cell>
          <cell r="JP312">
            <v>72</v>
          </cell>
          <cell r="JQ312">
            <v>71</v>
          </cell>
          <cell r="JR312" t="str">
            <v/>
          </cell>
          <cell r="JS312" t="str">
            <v/>
          </cell>
          <cell r="JT312" t="str">
            <v/>
          </cell>
          <cell r="JU312" t="str">
            <v/>
          </cell>
          <cell r="JV312" t="str">
            <v/>
          </cell>
          <cell r="JW312" t="str">
            <v/>
          </cell>
          <cell r="JX312" t="str">
            <v/>
          </cell>
          <cell r="JY312" t="str">
            <v/>
          </cell>
          <cell r="JZ312" t="str">
            <v/>
          </cell>
        </row>
        <row r="313">
          <cell r="C313" t="str">
            <v/>
          </cell>
          <cell r="D313" t="str">
            <v/>
          </cell>
          <cell r="E313" t="str">
            <v/>
          </cell>
          <cell r="I313">
            <v>305</v>
          </cell>
          <cell r="M313" t="str">
            <v>令和２年度全文検索システムの導入業務（その２）</v>
          </cell>
          <cell r="Q313" t="str">
            <v>全文検索ｼｽﾃﾑ2</v>
          </cell>
          <cell r="Y313">
            <v>1</v>
          </cell>
          <cell r="AC313">
            <v>8</v>
          </cell>
          <cell r="AD313">
            <v>1</v>
          </cell>
          <cell r="AF313">
            <v>1</v>
          </cell>
          <cell r="AI313" t="str">
            <v>伊丹市千僧１丁目１番地</v>
          </cell>
          <cell r="AQ313">
            <v>1</v>
          </cell>
          <cell r="AY313">
            <v>44232</v>
          </cell>
          <cell r="AZ313">
            <v>44232</v>
          </cell>
          <cell r="BA313">
            <v>55</v>
          </cell>
          <cell r="BB313">
            <v>44286</v>
          </cell>
          <cell r="BC313" t="str">
            <v/>
          </cell>
          <cell r="BD313" t="str">
            <v/>
          </cell>
          <cell r="BE313" t="str">
            <v/>
          </cell>
          <cell r="BF313">
            <v>0.58402777777777781</v>
          </cell>
          <cell r="BG313">
            <v>6980</v>
          </cell>
          <cell r="BH313" t="str">
            <v>當眞  康嗣</v>
          </cell>
          <cell r="BI313" t="str">
            <v>情報管理課</v>
          </cell>
          <cell r="BJ313">
            <v>4493</v>
          </cell>
          <cell r="BN313" t="str">
            <v>物</v>
          </cell>
          <cell r="BO313">
            <v>83</v>
          </cell>
          <cell r="BS313">
            <v>19540347</v>
          </cell>
          <cell r="BT313">
            <v>17760000</v>
          </cell>
          <cell r="BU313">
            <v>1</v>
          </cell>
          <cell r="BV313" t="str">
            <v/>
          </cell>
          <cell r="CH313">
            <v>-160</v>
          </cell>
          <cell r="CI313">
            <v>44218</v>
          </cell>
          <cell r="CP313">
            <v>24901</v>
          </cell>
          <cell r="CW313" t="str">
            <v/>
          </cell>
          <cell r="CX313" t="str">
            <v/>
          </cell>
          <cell r="CY313" t="str">
            <v/>
          </cell>
          <cell r="CZ313" t="str">
            <v/>
          </cell>
          <cell r="DA313">
            <v>44225</v>
          </cell>
          <cell r="DB313">
            <v>44229</v>
          </cell>
          <cell r="DD313" t="str">
            <v/>
          </cell>
          <cell r="DL313">
            <v>11227</v>
          </cell>
          <cell r="DM313">
            <v>10140</v>
          </cell>
          <cell r="DN313">
            <v>10793</v>
          </cell>
          <cell r="DO313">
            <v>10167</v>
          </cell>
          <cell r="DP313">
            <v>10511</v>
          </cell>
          <cell r="DQ313">
            <v>10556</v>
          </cell>
          <cell r="DR313">
            <v>11022</v>
          </cell>
          <cell r="DS313">
            <v>11478</v>
          </cell>
          <cell r="DT313">
            <v>10117</v>
          </cell>
          <cell r="DU313">
            <v>10882</v>
          </cell>
          <cell r="DV313">
            <v>12532</v>
          </cell>
          <cell r="DW313">
            <v>10158</v>
          </cell>
          <cell r="EZ313">
            <v>12</v>
          </cell>
          <cell r="FA313">
            <v>8</v>
          </cell>
          <cell r="FI313">
            <v>5</v>
          </cell>
          <cell r="FJ313" t="str">
            <v>指名競争入札（簡易認証）</v>
          </cell>
          <cell r="FN313">
            <v>4</v>
          </cell>
          <cell r="FO313" t="str">
            <v>電子入札</v>
          </cell>
          <cell r="FS313">
            <v>5</v>
          </cell>
          <cell r="FT313" t="str">
            <v/>
          </cell>
          <cell r="FU313" t="str">
            <v/>
          </cell>
          <cell r="FW313" t="str">
            <v/>
          </cell>
          <cell r="FY313" t="str">
            <v/>
          </cell>
          <cell r="GD313">
            <v>1</v>
          </cell>
          <cell r="GE313" t="str">
            <v>契約・検査課長　松本　嘉博</v>
          </cell>
          <cell r="GF313">
            <v>10793</v>
          </cell>
          <cell r="GG313" t="str">
            <v>(株)大塚商会</v>
          </cell>
          <cell r="GH313">
            <v>8357140</v>
          </cell>
          <cell r="GI313">
            <v>759740</v>
          </cell>
          <cell r="GJ313">
            <v>836000</v>
          </cell>
          <cell r="GT313" t="str">
            <v/>
          </cell>
          <cell r="GW313" t="str">
            <v/>
          </cell>
          <cell r="HO313" t="str">
            <v/>
          </cell>
          <cell r="HP313">
            <v>12159000</v>
          </cell>
          <cell r="HQ313" t="str">
            <v>-</v>
          </cell>
          <cell r="HR313">
            <v>7597400</v>
          </cell>
          <cell r="HS313" t="str">
            <v>-</v>
          </cell>
          <cell r="HT313" t="str">
            <v>-</v>
          </cell>
          <cell r="HU313" t="str">
            <v>-</v>
          </cell>
          <cell r="HV313" t="str">
            <v>-</v>
          </cell>
          <cell r="HW313">
            <v>8276000</v>
          </cell>
          <cell r="HX313" t="str">
            <v>-</v>
          </cell>
          <cell r="HY313" t="str">
            <v>-</v>
          </cell>
          <cell r="HZ313" t="str">
            <v>-</v>
          </cell>
          <cell r="IA313" t="str">
            <v>-</v>
          </cell>
          <cell r="JD313" t="str">
            <v/>
          </cell>
          <cell r="JE313" t="str">
            <v/>
          </cell>
          <cell r="JF313" t="str">
            <v/>
          </cell>
          <cell r="JG313" t="str">
            <v/>
          </cell>
          <cell r="JH313" t="str">
            <v/>
          </cell>
          <cell r="JI313" t="str">
            <v/>
          </cell>
          <cell r="JJ313" t="str">
            <v/>
          </cell>
          <cell r="JK313" t="str">
            <v/>
          </cell>
          <cell r="JL313" t="str">
            <v/>
          </cell>
          <cell r="JM313" t="str">
            <v/>
          </cell>
          <cell r="JN313" t="str">
            <v/>
          </cell>
          <cell r="JO313" t="str">
            <v/>
          </cell>
          <cell r="JP313">
            <v>83</v>
          </cell>
          <cell r="JQ313">
            <v>72</v>
          </cell>
          <cell r="JR313" t="str">
            <v/>
          </cell>
          <cell r="JS313" t="str">
            <v/>
          </cell>
          <cell r="JT313" t="str">
            <v/>
          </cell>
          <cell r="JU313" t="str">
            <v/>
          </cell>
          <cell r="JV313" t="str">
            <v/>
          </cell>
          <cell r="JW313" t="str">
            <v/>
          </cell>
          <cell r="JX313" t="str">
            <v/>
          </cell>
          <cell r="JY313" t="str">
            <v/>
          </cell>
          <cell r="JZ313">
            <v>0.42778153153153148</v>
          </cell>
        </row>
        <row r="314">
          <cell r="C314" t="str">
            <v/>
          </cell>
          <cell r="D314" t="str">
            <v/>
          </cell>
          <cell r="E314" t="str">
            <v/>
          </cell>
          <cell r="I314">
            <v>306</v>
          </cell>
          <cell r="L314">
            <v>1</v>
          </cell>
          <cell r="M314" t="str">
            <v>令和２年度スタンド一体型非接触体温測定・顔認証システム機器の購入</v>
          </cell>
          <cell r="Q314" t="str">
            <v>非接触体温計</v>
          </cell>
          <cell r="Y314">
            <v>1</v>
          </cell>
          <cell r="AC314">
            <v>8</v>
          </cell>
          <cell r="AD314">
            <v>1</v>
          </cell>
          <cell r="AI314" t="str">
            <v>伊丹市防災センター</v>
          </cell>
          <cell r="AQ314">
            <v>1</v>
          </cell>
          <cell r="AY314">
            <v>44236</v>
          </cell>
          <cell r="AZ314">
            <v>44236</v>
          </cell>
          <cell r="BA314">
            <v>18</v>
          </cell>
          <cell r="BB314">
            <v>44253</v>
          </cell>
          <cell r="BC314" t="str">
            <v/>
          </cell>
          <cell r="BD314" t="str">
            <v/>
          </cell>
          <cell r="BE314" t="str">
            <v/>
          </cell>
          <cell r="BF314">
            <v>0.58472222222222225</v>
          </cell>
          <cell r="BG314">
            <v>5205</v>
          </cell>
          <cell r="BH314" t="str">
            <v>田丸  洋二</v>
          </cell>
          <cell r="BI314" t="str">
            <v>危機管理室</v>
          </cell>
          <cell r="BJ314">
            <v>4163</v>
          </cell>
          <cell r="BN314" t="str">
            <v>物</v>
          </cell>
          <cell r="BO314">
            <v>84</v>
          </cell>
          <cell r="BS314">
            <v>1675000</v>
          </cell>
          <cell r="BT314">
            <v>1520000</v>
          </cell>
          <cell r="BU314">
            <v>1</v>
          </cell>
          <cell r="BV314" t="str">
            <v/>
          </cell>
          <cell r="CD314" t="str">
            <v/>
          </cell>
          <cell r="CH314">
            <v>-161</v>
          </cell>
          <cell r="CI314">
            <v>44218</v>
          </cell>
          <cell r="CP314">
            <v>34541</v>
          </cell>
          <cell r="CW314" t="str">
            <v/>
          </cell>
          <cell r="CX314" t="str">
            <v/>
          </cell>
          <cell r="CY314" t="str">
            <v/>
          </cell>
          <cell r="CZ314" t="str">
            <v/>
          </cell>
          <cell r="DA314">
            <v>44225</v>
          </cell>
          <cell r="DB314">
            <v>44231</v>
          </cell>
          <cell r="DD314" t="str">
            <v/>
          </cell>
          <cell r="DL314">
            <v>11227</v>
          </cell>
          <cell r="DM314">
            <v>10075</v>
          </cell>
          <cell r="DN314">
            <v>11716</v>
          </cell>
          <cell r="DO314">
            <v>11550</v>
          </cell>
          <cell r="DP314">
            <v>10032</v>
          </cell>
          <cell r="DQ314">
            <v>11472</v>
          </cell>
          <cell r="DR314">
            <v>11354</v>
          </cell>
          <cell r="DS314">
            <v>10249</v>
          </cell>
          <cell r="DT314">
            <v>11598</v>
          </cell>
          <cell r="DU314">
            <v>10793</v>
          </cell>
          <cell r="DV314">
            <v>12683</v>
          </cell>
          <cell r="DW314">
            <v>10602</v>
          </cell>
          <cell r="DX314">
            <v>10691</v>
          </cell>
          <cell r="EZ314">
            <v>13</v>
          </cell>
          <cell r="FA314">
            <v>6</v>
          </cell>
          <cell r="FI314">
            <v>5</v>
          </cell>
          <cell r="FJ314" t="str">
            <v>指名競争入札（簡易認証）</v>
          </cell>
          <cell r="FN314">
            <v>4</v>
          </cell>
          <cell r="FO314" t="str">
            <v>電子入札</v>
          </cell>
          <cell r="FS314">
            <v>3</v>
          </cell>
          <cell r="FT314" t="str">
            <v/>
          </cell>
          <cell r="FU314" t="str">
            <v/>
          </cell>
          <cell r="FW314" t="str">
            <v/>
          </cell>
          <cell r="FY314" t="str">
            <v/>
          </cell>
          <cell r="GD314">
            <v>1</v>
          </cell>
          <cell r="GE314" t="str">
            <v>契約・検査課長　松本　嘉博</v>
          </cell>
          <cell r="GG314" t="str">
            <v/>
          </cell>
          <cell r="GI314" t="str">
            <v/>
          </cell>
          <cell r="GJ314" t="str">
            <v/>
          </cell>
          <cell r="GT314" t="str">
            <v/>
          </cell>
          <cell r="GW314" t="str">
            <v/>
          </cell>
          <cell r="HO314" t="str">
            <v/>
          </cell>
          <cell r="JD314" t="str">
            <v/>
          </cell>
          <cell r="JE314" t="str">
            <v/>
          </cell>
          <cell r="JF314" t="str">
            <v/>
          </cell>
          <cell r="JG314" t="str">
            <v/>
          </cell>
          <cell r="JH314" t="str">
            <v/>
          </cell>
          <cell r="JI314" t="str">
            <v/>
          </cell>
          <cell r="JJ314" t="str">
            <v/>
          </cell>
          <cell r="JK314" t="str">
            <v/>
          </cell>
          <cell r="JL314" t="str">
            <v/>
          </cell>
          <cell r="JM314" t="str">
            <v/>
          </cell>
          <cell r="JN314" t="str">
            <v/>
          </cell>
          <cell r="JO314" t="str">
            <v/>
          </cell>
          <cell r="JP314">
            <v>84</v>
          </cell>
          <cell r="JQ314">
            <v>73</v>
          </cell>
          <cell r="JR314" t="str">
            <v/>
          </cell>
          <cell r="JS314" t="str">
            <v/>
          </cell>
          <cell r="JT314" t="str">
            <v/>
          </cell>
          <cell r="JU314" t="str">
            <v/>
          </cell>
          <cell r="JV314" t="str">
            <v/>
          </cell>
          <cell r="JW314" t="str">
            <v/>
          </cell>
          <cell r="JX314" t="str">
            <v/>
          </cell>
          <cell r="JY314" t="str">
            <v/>
          </cell>
          <cell r="JZ314" t="str">
            <v/>
          </cell>
        </row>
        <row r="315">
          <cell r="C315" t="str">
            <v/>
          </cell>
          <cell r="D315" t="str">
            <v/>
          </cell>
          <cell r="E315" t="str">
            <v/>
          </cell>
          <cell r="I315">
            <v>307</v>
          </cell>
          <cell r="M315" t="str">
            <v>令和２年度伊丹市立生涯学習センター事務備品等購入（その２）</v>
          </cell>
          <cell r="Q315" t="str">
            <v>ﾗｽﾀ事務備品2</v>
          </cell>
          <cell r="Y315">
            <v>1</v>
          </cell>
          <cell r="AC315">
            <v>8</v>
          </cell>
          <cell r="AD315">
            <v>1</v>
          </cell>
          <cell r="AI315" t="str">
            <v>伊丹市南野２丁目３番２５号</v>
          </cell>
          <cell r="AQ315">
            <v>1</v>
          </cell>
          <cell r="AY315">
            <v>44243</v>
          </cell>
          <cell r="AZ315">
            <v>44243</v>
          </cell>
          <cell r="BA315">
            <v>33</v>
          </cell>
          <cell r="BB315">
            <v>44275</v>
          </cell>
          <cell r="BC315" t="str">
            <v/>
          </cell>
          <cell r="BD315" t="str">
            <v/>
          </cell>
          <cell r="BE315" t="str">
            <v/>
          </cell>
          <cell r="BF315">
            <v>0.58402777777777781</v>
          </cell>
          <cell r="BG315">
            <v>5742</v>
          </cell>
          <cell r="BH315" t="str">
            <v>吉田  卓</v>
          </cell>
          <cell r="BI315" t="str">
            <v>社会教育課</v>
          </cell>
          <cell r="BJ315">
            <v>2136</v>
          </cell>
          <cell r="BN315" t="str">
            <v>物</v>
          </cell>
          <cell r="BO315">
            <v>85</v>
          </cell>
          <cell r="BS315">
            <v>18847290</v>
          </cell>
          <cell r="BT315">
            <v>17130000</v>
          </cell>
          <cell r="BU315">
            <v>1</v>
          </cell>
          <cell r="BV315" t="str">
            <v/>
          </cell>
          <cell r="CH315">
            <v>-162</v>
          </cell>
          <cell r="CI315">
            <v>44221</v>
          </cell>
          <cell r="CP315">
            <v>69512</v>
          </cell>
          <cell r="CW315" t="str">
            <v/>
          </cell>
          <cell r="CX315" t="str">
            <v/>
          </cell>
          <cell r="CY315" t="str">
            <v/>
          </cell>
          <cell r="CZ315" t="str">
            <v/>
          </cell>
          <cell r="DA315">
            <v>44229</v>
          </cell>
          <cell r="DB315">
            <v>44231</v>
          </cell>
          <cell r="DD315" t="str">
            <v/>
          </cell>
          <cell r="DL315">
            <v>10249</v>
          </cell>
          <cell r="DM315">
            <v>11381</v>
          </cell>
          <cell r="DN315">
            <v>11598</v>
          </cell>
          <cell r="DO315">
            <v>10655</v>
          </cell>
          <cell r="DP315">
            <v>10257</v>
          </cell>
          <cell r="DQ315">
            <v>11844</v>
          </cell>
          <cell r="DR315">
            <v>11134</v>
          </cell>
          <cell r="DS315">
            <v>10556</v>
          </cell>
          <cell r="DT315">
            <v>10712</v>
          </cell>
          <cell r="DU315">
            <v>10424</v>
          </cell>
          <cell r="DV315">
            <v>10793</v>
          </cell>
          <cell r="DW315">
            <v>11108</v>
          </cell>
          <cell r="DX315">
            <v>10193</v>
          </cell>
          <cell r="DY315">
            <v>10167</v>
          </cell>
          <cell r="EZ315">
            <v>14</v>
          </cell>
          <cell r="FA315">
            <v>8</v>
          </cell>
          <cell r="FI315">
            <v>5</v>
          </cell>
          <cell r="FJ315" t="str">
            <v>指名競争入札（簡易認証）</v>
          </cell>
          <cell r="FN315">
            <v>4</v>
          </cell>
          <cell r="FO315" t="str">
            <v>電子入札</v>
          </cell>
          <cell r="FS315">
            <v>3</v>
          </cell>
          <cell r="FT315" t="str">
            <v/>
          </cell>
          <cell r="FU315" t="str">
            <v/>
          </cell>
          <cell r="FW315" t="str">
            <v/>
          </cell>
          <cell r="FY315" t="str">
            <v/>
          </cell>
          <cell r="GC315">
            <v>1</v>
          </cell>
          <cell r="GD315">
            <v>1</v>
          </cell>
          <cell r="GE315" t="str">
            <v>契約・検査課長　松本　嘉博</v>
          </cell>
          <cell r="GF315">
            <v>11598</v>
          </cell>
          <cell r="GG315" t="str">
            <v>(有)ヤマイチ文具</v>
          </cell>
          <cell r="GH315">
            <v>17578000</v>
          </cell>
          <cell r="GI315">
            <v>1598000</v>
          </cell>
          <cell r="GJ315">
            <v>1758000</v>
          </cell>
          <cell r="GT315" t="str">
            <v/>
          </cell>
          <cell r="GW315" t="str">
            <v/>
          </cell>
          <cell r="HO315" t="str">
            <v/>
          </cell>
          <cell r="HP315">
            <v>16800000</v>
          </cell>
          <cell r="HQ315" t="str">
            <v>-</v>
          </cell>
          <cell r="HR315">
            <v>15980000</v>
          </cell>
          <cell r="HS315">
            <v>16650000</v>
          </cell>
          <cell r="HT315" t="str">
            <v>-</v>
          </cell>
          <cell r="HU315" t="str">
            <v>-</v>
          </cell>
          <cell r="HV315">
            <v>17800000</v>
          </cell>
          <cell r="HW315" t="str">
            <v>-</v>
          </cell>
          <cell r="HX315">
            <v>18800000</v>
          </cell>
          <cell r="HY315" t="str">
            <v>-</v>
          </cell>
          <cell r="HZ315" t="str">
            <v>-</v>
          </cell>
          <cell r="IA315">
            <v>17200000</v>
          </cell>
          <cell r="IB315" t="str">
            <v>-</v>
          </cell>
          <cell r="IC315" t="str">
            <v>-</v>
          </cell>
          <cell r="JD315" t="str">
            <v/>
          </cell>
          <cell r="JE315" t="str">
            <v/>
          </cell>
          <cell r="JF315" t="str">
            <v/>
          </cell>
          <cell r="JG315" t="str">
            <v/>
          </cell>
          <cell r="JH315" t="str">
            <v/>
          </cell>
          <cell r="JI315" t="str">
            <v/>
          </cell>
          <cell r="JJ315" t="str">
            <v/>
          </cell>
          <cell r="JK315" t="str">
            <v/>
          </cell>
          <cell r="JL315" t="str">
            <v/>
          </cell>
          <cell r="JM315" t="str">
            <v/>
          </cell>
          <cell r="JN315" t="str">
            <v/>
          </cell>
          <cell r="JO315" t="str">
            <v/>
          </cell>
          <cell r="JP315">
            <v>85</v>
          </cell>
          <cell r="JQ315">
            <v>74</v>
          </cell>
          <cell r="JR315" t="str">
            <v/>
          </cell>
          <cell r="JS315" t="str">
            <v/>
          </cell>
          <cell r="JT315" t="str">
            <v/>
          </cell>
          <cell r="JU315" t="str">
            <v/>
          </cell>
          <cell r="JV315" t="str">
            <v/>
          </cell>
          <cell r="JW315" t="str">
            <v/>
          </cell>
          <cell r="JX315" t="str">
            <v/>
          </cell>
          <cell r="JY315" t="str">
            <v/>
          </cell>
          <cell r="JZ315">
            <v>0.93286631640396955</v>
          </cell>
        </row>
        <row r="316">
          <cell r="C316" t="str">
            <v/>
          </cell>
          <cell r="D316" t="str">
            <v/>
          </cell>
          <cell r="E316" t="str">
            <v/>
          </cell>
          <cell r="I316">
            <v>308</v>
          </cell>
          <cell r="M316" t="str">
            <v>令和２年度伊丹市長選挙ポスター掲示場作成・設置業務</v>
          </cell>
          <cell r="Q316" t="str">
            <v>市長選ﾎﾟｽﾀｰ掲示</v>
          </cell>
          <cell r="Y316">
            <v>1</v>
          </cell>
          <cell r="AC316">
            <v>8</v>
          </cell>
          <cell r="AD316">
            <v>8</v>
          </cell>
          <cell r="AI316" t="str">
            <v>伊丹市</v>
          </cell>
          <cell r="AQ316">
            <v>1</v>
          </cell>
          <cell r="AY316">
            <v>44243</v>
          </cell>
          <cell r="AZ316">
            <v>44244</v>
          </cell>
          <cell r="BA316">
            <v>43</v>
          </cell>
          <cell r="BB316">
            <v>44286</v>
          </cell>
          <cell r="BC316" t="str">
            <v/>
          </cell>
          <cell r="BD316" t="str">
            <v/>
          </cell>
          <cell r="BE316" t="str">
            <v/>
          </cell>
          <cell r="BF316">
            <v>0.41736111111111113</v>
          </cell>
          <cell r="BG316">
            <v>4806</v>
          </cell>
          <cell r="BH316" t="str">
            <v>星野  薫</v>
          </cell>
          <cell r="BI316" t="str">
            <v>選挙管理委員会事務局</v>
          </cell>
          <cell r="BJ316">
            <v>4087</v>
          </cell>
          <cell r="BN316" t="str">
            <v>他</v>
          </cell>
          <cell r="BO316">
            <v>91</v>
          </cell>
          <cell r="BS316">
            <v>2843775</v>
          </cell>
          <cell r="BT316">
            <v>2580000</v>
          </cell>
          <cell r="BU316" t="str">
            <v/>
          </cell>
          <cell r="BV316" t="str">
            <v/>
          </cell>
          <cell r="CD316" t="str">
            <v/>
          </cell>
          <cell r="CH316">
            <v>-163</v>
          </cell>
          <cell r="CI316">
            <v>44225</v>
          </cell>
          <cell r="CP316">
            <v>29659</v>
          </cell>
          <cell r="CW316" t="str">
            <v/>
          </cell>
          <cell r="CX316" t="str">
            <v/>
          </cell>
          <cell r="CY316" t="str">
            <v/>
          </cell>
          <cell r="CZ316" t="str">
            <v/>
          </cell>
          <cell r="DA316">
            <v>44232</v>
          </cell>
          <cell r="DB316">
            <v>44237</v>
          </cell>
          <cell r="DD316" t="str">
            <v/>
          </cell>
          <cell r="DL316">
            <v>11312</v>
          </cell>
          <cell r="DM316">
            <v>10999</v>
          </cell>
          <cell r="DN316">
            <v>10922</v>
          </cell>
          <cell r="DO316">
            <v>11388</v>
          </cell>
          <cell r="DP316">
            <v>12664</v>
          </cell>
          <cell r="DQ316">
            <v>10837</v>
          </cell>
          <cell r="DR316">
            <v>11171</v>
          </cell>
          <cell r="DS316">
            <v>10242</v>
          </cell>
          <cell r="DT316">
            <v>12119</v>
          </cell>
          <cell r="DU316">
            <v>10874</v>
          </cell>
          <cell r="DV316">
            <v>12882</v>
          </cell>
          <cell r="EZ316">
            <v>11</v>
          </cell>
          <cell r="FA316">
            <v>6</v>
          </cell>
          <cell r="FI316">
            <v>5</v>
          </cell>
          <cell r="FJ316" t="str">
            <v>指名競争入札（簡易認証）</v>
          </cell>
          <cell r="FN316">
            <v>4</v>
          </cell>
          <cell r="FO316" t="str">
            <v>電子入札</v>
          </cell>
          <cell r="FS316">
            <v>5</v>
          </cell>
          <cell r="FT316" t="str">
            <v/>
          </cell>
          <cell r="FU316" t="str">
            <v/>
          </cell>
          <cell r="FW316" t="str">
            <v/>
          </cell>
          <cell r="FY316" t="str">
            <v/>
          </cell>
          <cell r="GC316">
            <v>1</v>
          </cell>
          <cell r="GD316">
            <v>1</v>
          </cell>
          <cell r="GE316" t="str">
            <v>契約・検査課長　松本　嘉博</v>
          </cell>
          <cell r="GF316">
            <v>11312</v>
          </cell>
          <cell r="GG316" t="str">
            <v>(株)選挙設備関西</v>
          </cell>
          <cell r="GH316">
            <v>2742663</v>
          </cell>
          <cell r="GI316">
            <v>249333</v>
          </cell>
          <cell r="GJ316">
            <v>275000</v>
          </cell>
          <cell r="GM316" t="str">
            <v>埴田　豊</v>
          </cell>
          <cell r="GO316" t="str">
            <v>山田　純平</v>
          </cell>
          <cell r="GT316" t="str">
            <v/>
          </cell>
          <cell r="GW316" t="str">
            <v/>
          </cell>
          <cell r="HO316" t="str">
            <v/>
          </cell>
          <cell r="HP316">
            <v>2493330</v>
          </cell>
          <cell r="HQ316">
            <v>2580000</v>
          </cell>
          <cell r="HR316" t="str">
            <v>-</v>
          </cell>
          <cell r="HS316">
            <v>2700000</v>
          </cell>
          <cell r="HT316">
            <v>2578000</v>
          </cell>
          <cell r="HU316" t="str">
            <v>-</v>
          </cell>
          <cell r="HV316" t="str">
            <v>-</v>
          </cell>
          <cell r="HW316" t="str">
            <v>-</v>
          </cell>
          <cell r="HX316">
            <v>2550000</v>
          </cell>
          <cell r="HY316" t="str">
            <v>-</v>
          </cell>
          <cell r="HZ316" t="str">
            <v>-</v>
          </cell>
          <cell r="JD316" t="str">
            <v/>
          </cell>
          <cell r="JE316" t="str">
            <v/>
          </cell>
          <cell r="JF316" t="str">
            <v/>
          </cell>
          <cell r="JG316" t="str">
            <v/>
          </cell>
          <cell r="JH316" t="str">
            <v/>
          </cell>
          <cell r="JI316" t="str">
            <v/>
          </cell>
          <cell r="JJ316" t="str">
            <v/>
          </cell>
          <cell r="JK316" t="str">
            <v/>
          </cell>
          <cell r="JL316" t="str">
            <v/>
          </cell>
          <cell r="JM316" t="str">
            <v/>
          </cell>
          <cell r="JN316" t="str">
            <v/>
          </cell>
          <cell r="JO316" t="str">
            <v/>
          </cell>
          <cell r="JP316" t="str">
            <v/>
          </cell>
          <cell r="JQ316" t="str">
            <v/>
          </cell>
          <cell r="JR316" t="str">
            <v/>
          </cell>
          <cell r="JS316" t="str">
            <v/>
          </cell>
          <cell r="JT316" t="str">
            <v/>
          </cell>
          <cell r="JU316" t="str">
            <v/>
          </cell>
          <cell r="JV316" t="str">
            <v/>
          </cell>
          <cell r="JW316" t="str">
            <v/>
          </cell>
          <cell r="JX316">
            <v>91</v>
          </cell>
          <cell r="JY316">
            <v>88</v>
          </cell>
          <cell r="JZ316">
            <v>0.96640697674418607</v>
          </cell>
        </row>
        <row r="317">
          <cell r="C317" t="str">
            <v/>
          </cell>
          <cell r="D317" t="str">
            <v/>
          </cell>
          <cell r="E317" t="str">
            <v/>
          </cell>
          <cell r="I317">
            <v>309</v>
          </cell>
          <cell r="M317" t="str">
            <v>令和２年度市道中央６００３号線外舗装復旧工事</v>
          </cell>
          <cell r="Q317" t="str">
            <v>6003舗装復旧</v>
          </cell>
          <cell r="Y317">
            <v>1</v>
          </cell>
          <cell r="AC317">
            <v>3</v>
          </cell>
          <cell r="AI317" t="str">
            <v>伊丹市中央３丁目外地内</v>
          </cell>
          <cell r="AM317" t="str">
            <v>延長　Ｌ＝１８５ｍ　幅　Ｗ＝２．５ｍ
土工一式
舗装工
　表層（車道・路肩部）　Ａ＝２８８㎡　歩道舗装工Ａ　Ａ＝４７１㎡
　歩道舗装工Ｂ　Ａ＝１００㎡　歩道舗装工Ｄ　Ａ＝１０２㎡
縁石工
　植樹ブロック　Ｌ＝４ｍ
区画線工
　区画線設置　Ｌ＝１０ｍ
道路植栽工
　植樹　Ｎ＝３本</v>
          </cell>
          <cell r="AQ317">
            <v>1</v>
          </cell>
          <cell r="AY317">
            <v>44245</v>
          </cell>
          <cell r="AZ317">
            <v>44251</v>
          </cell>
          <cell r="BA317">
            <v>36</v>
          </cell>
          <cell r="BB317">
            <v>44286</v>
          </cell>
          <cell r="BC317">
            <v>12</v>
          </cell>
          <cell r="BD317" t="str">
            <v>○</v>
          </cell>
          <cell r="BE317" t="str">
            <v>○</v>
          </cell>
          <cell r="BF317">
            <v>0.41736111111111113</v>
          </cell>
          <cell r="BG317">
            <v>6870</v>
          </cell>
          <cell r="BH317" t="str">
            <v>井上  亮</v>
          </cell>
          <cell r="BI317" t="str">
            <v>道路建設課</v>
          </cell>
          <cell r="BJ317">
            <v>3019</v>
          </cell>
          <cell r="BN317" t="str">
            <v>土</v>
          </cell>
          <cell r="BO317">
            <v>19</v>
          </cell>
          <cell r="BS317">
            <v>24600400</v>
          </cell>
          <cell r="BT317">
            <v>22360000</v>
          </cell>
          <cell r="BU317">
            <v>1</v>
          </cell>
          <cell r="BV317">
            <v>19550000</v>
          </cell>
          <cell r="BW317">
            <v>10785000</v>
          </cell>
          <cell r="BX317">
            <v>2240000</v>
          </cell>
          <cell r="BY317">
            <v>5557000</v>
          </cell>
          <cell r="BZ317">
            <v>3782000</v>
          </cell>
          <cell r="CH317">
            <v>133</v>
          </cell>
          <cell r="CI317">
            <v>44225</v>
          </cell>
          <cell r="CJ317" t="str">
            <v>一般</v>
          </cell>
          <cell r="CK317" t="str">
            <v>伊丹市内に本店</v>
          </cell>
          <cell r="CL317" t="str">
            <v>500点以上</v>
          </cell>
          <cell r="CP317">
            <v>26484</v>
          </cell>
          <cell r="CT317" t="str">
            <v>請負金額が600万円以上</v>
          </cell>
          <cell r="CW317">
            <v>44235</v>
          </cell>
          <cell r="CX317" t="str">
            <v/>
          </cell>
          <cell r="CY317" t="str">
            <v/>
          </cell>
          <cell r="CZ317" t="str">
            <v/>
          </cell>
          <cell r="DA317">
            <v>44236</v>
          </cell>
          <cell r="DB317">
            <v>44239</v>
          </cell>
          <cell r="DC317">
            <v>17</v>
          </cell>
          <cell r="DD317" t="str">
            <v>○</v>
          </cell>
          <cell r="DL317">
            <v>95</v>
          </cell>
          <cell r="DM317">
            <v>23</v>
          </cell>
          <cell r="DN317">
            <v>233</v>
          </cell>
          <cell r="DO317">
            <v>16</v>
          </cell>
          <cell r="DP317">
            <v>306</v>
          </cell>
          <cell r="DQ317">
            <v>527</v>
          </cell>
          <cell r="DR317">
            <v>261</v>
          </cell>
          <cell r="DS317">
            <v>176</v>
          </cell>
          <cell r="DT317">
            <v>411</v>
          </cell>
          <cell r="DU317">
            <v>174</v>
          </cell>
          <cell r="EZ317">
            <v>10</v>
          </cell>
          <cell r="FA317">
            <v>8</v>
          </cell>
          <cell r="FI317">
            <v>4</v>
          </cell>
          <cell r="FJ317" t="str">
            <v>事後審査型一般競争入札</v>
          </cell>
          <cell r="FN317">
            <v>4</v>
          </cell>
          <cell r="FO317" t="str">
            <v>電子入札</v>
          </cell>
          <cell r="FS317">
            <v>1</v>
          </cell>
          <cell r="FT317" t="str">
            <v/>
          </cell>
          <cell r="FU317" t="str">
            <v/>
          </cell>
          <cell r="FW317" t="str">
            <v/>
          </cell>
          <cell r="FY317" t="str">
            <v/>
          </cell>
          <cell r="GD317">
            <v>1</v>
          </cell>
          <cell r="GE317" t="str">
            <v>契約・検査課長　松本　嘉博</v>
          </cell>
          <cell r="GF317">
            <v>95</v>
          </cell>
          <cell r="GG317" t="str">
            <v>光建工(株)</v>
          </cell>
          <cell r="GH317">
            <v>21505000</v>
          </cell>
          <cell r="GI317">
            <v>1955000</v>
          </cell>
          <cell r="GJ317">
            <v>2151000</v>
          </cell>
          <cell r="GM317" t="str">
            <v>田端　利久</v>
          </cell>
          <cell r="GO317" t="str">
            <v>田端　利久</v>
          </cell>
          <cell r="GT317" t="str">
            <v/>
          </cell>
          <cell r="GV317">
            <v>71300</v>
          </cell>
          <cell r="GW317">
            <v>3.3155080213903743</v>
          </cell>
          <cell r="GX317">
            <v>44286</v>
          </cell>
          <cell r="HA317">
            <v>44372</v>
          </cell>
          <cell r="HN317" t="str">
            <v>【工期延伸の理由について】
（１）施工予定日数の確保について
特記仕様書に記載の施工予定日数を確保するため。（８６日間の延伸）</v>
          </cell>
          <cell r="HO317">
            <v>1</v>
          </cell>
          <cell r="HP317">
            <v>19550000</v>
          </cell>
          <cell r="HQ317">
            <v>19550000</v>
          </cell>
          <cell r="HR317">
            <v>19550000</v>
          </cell>
          <cell r="HS317">
            <v>19560000</v>
          </cell>
          <cell r="HT317">
            <v>19610000</v>
          </cell>
          <cell r="HU317">
            <v>19610000</v>
          </cell>
          <cell r="HV317">
            <v>22000000</v>
          </cell>
          <cell r="HW317">
            <v>22280000</v>
          </cell>
          <cell r="HX317">
            <v>17030000</v>
          </cell>
          <cell r="HY317" t="str">
            <v>-</v>
          </cell>
          <cell r="JD317">
            <v>19</v>
          </cell>
          <cell r="JE317">
            <v>19</v>
          </cell>
          <cell r="JF317" t="str">
            <v/>
          </cell>
          <cell r="JG317" t="str">
            <v/>
          </cell>
          <cell r="JH317" t="str">
            <v/>
          </cell>
          <cell r="JI317" t="str">
            <v/>
          </cell>
          <cell r="JJ317" t="str">
            <v/>
          </cell>
          <cell r="JK317" t="str">
            <v/>
          </cell>
          <cell r="JL317" t="str">
            <v/>
          </cell>
          <cell r="JM317" t="str">
            <v/>
          </cell>
          <cell r="JN317" t="str">
            <v/>
          </cell>
          <cell r="JO317" t="str">
            <v/>
          </cell>
          <cell r="JP317" t="str">
            <v/>
          </cell>
          <cell r="JQ317" t="str">
            <v/>
          </cell>
          <cell r="JR317" t="str">
            <v/>
          </cell>
          <cell r="JS317" t="str">
            <v/>
          </cell>
          <cell r="JT317" t="str">
            <v/>
          </cell>
          <cell r="JU317" t="str">
            <v/>
          </cell>
          <cell r="JV317" t="str">
            <v/>
          </cell>
          <cell r="JW317" t="str">
            <v/>
          </cell>
          <cell r="JX317" t="str">
            <v/>
          </cell>
          <cell r="JY317" t="str">
            <v/>
          </cell>
          <cell r="JZ317">
            <v>0.87432915921288012</v>
          </cell>
        </row>
        <row r="318">
          <cell r="C318" t="str">
            <v/>
          </cell>
          <cell r="D318" t="str">
            <v/>
          </cell>
          <cell r="E318" t="str">
            <v/>
          </cell>
          <cell r="I318">
            <v>310</v>
          </cell>
          <cell r="M318" t="str">
            <v>令和２年度伊丹市立わかばこども園の備品購入</v>
          </cell>
          <cell r="Q318" t="str">
            <v>わかば備品</v>
          </cell>
          <cell r="Y318">
            <v>1</v>
          </cell>
          <cell r="AC318">
            <v>8</v>
          </cell>
          <cell r="AD318">
            <v>1</v>
          </cell>
          <cell r="AI318" t="str">
            <v>伊丹市立わかばこども園伊丹市御願塚６丁目１番５号</v>
          </cell>
          <cell r="AQ318">
            <v>1</v>
          </cell>
          <cell r="AY318">
            <v>44252</v>
          </cell>
          <cell r="AZ318">
            <v>44252</v>
          </cell>
          <cell r="BA318">
            <v>26</v>
          </cell>
          <cell r="BB318">
            <v>44277</v>
          </cell>
          <cell r="BC318" t="str">
            <v/>
          </cell>
          <cell r="BD318" t="str">
            <v/>
          </cell>
          <cell r="BE318" t="str">
            <v/>
          </cell>
          <cell r="BF318">
            <v>0.58472222222222225</v>
          </cell>
          <cell r="BG318">
            <v>6095</v>
          </cell>
          <cell r="BH318" t="str">
            <v>竹中  やよい</v>
          </cell>
          <cell r="BI318" t="str">
            <v>幼児教育推進課</v>
          </cell>
          <cell r="BJ318">
            <v>4268</v>
          </cell>
          <cell r="BN318" t="str">
            <v>物</v>
          </cell>
          <cell r="BO318">
            <v>86</v>
          </cell>
          <cell r="BS318">
            <v>1983850</v>
          </cell>
          <cell r="BT318">
            <v>1800000</v>
          </cell>
          <cell r="BU318">
            <v>1</v>
          </cell>
          <cell r="BV318" t="str">
            <v/>
          </cell>
          <cell r="CD318" t="str">
            <v/>
          </cell>
          <cell r="CH318">
            <v>-164</v>
          </cell>
          <cell r="CI318">
            <v>44235</v>
          </cell>
          <cell r="CP318">
            <v>34312</v>
          </cell>
          <cell r="CW318" t="str">
            <v/>
          </cell>
          <cell r="CX318" t="str">
            <v/>
          </cell>
          <cell r="CY318" t="str">
            <v/>
          </cell>
          <cell r="CZ318" t="str">
            <v/>
          </cell>
          <cell r="DA318">
            <v>44242</v>
          </cell>
          <cell r="DB318">
            <v>44246</v>
          </cell>
          <cell r="DD318" t="str">
            <v/>
          </cell>
          <cell r="DL318">
            <v>11423</v>
          </cell>
          <cell r="DM318">
            <v>11101</v>
          </cell>
          <cell r="DN318">
            <v>10445</v>
          </cell>
          <cell r="DO318">
            <v>10249</v>
          </cell>
          <cell r="DP318">
            <v>10655</v>
          </cell>
          <cell r="DQ318">
            <v>10712</v>
          </cell>
          <cell r="DR318">
            <v>11108</v>
          </cell>
          <cell r="DS318">
            <v>10793</v>
          </cell>
          <cell r="EZ318">
            <v>8</v>
          </cell>
          <cell r="FA318">
            <v>6</v>
          </cell>
          <cell r="FI318">
            <v>5</v>
          </cell>
          <cell r="FJ318" t="str">
            <v>指名競争入札（簡易認証）</v>
          </cell>
          <cell r="FN318">
            <v>4</v>
          </cell>
          <cell r="FO318" t="str">
            <v>電子入札</v>
          </cell>
          <cell r="FS318">
            <v>3</v>
          </cell>
          <cell r="FT318" t="str">
            <v/>
          </cell>
          <cell r="FU318" t="str">
            <v/>
          </cell>
          <cell r="FW318" t="str">
            <v/>
          </cell>
          <cell r="FY318" t="str">
            <v/>
          </cell>
          <cell r="GD318">
            <v>1</v>
          </cell>
          <cell r="GE318" t="str">
            <v>契約・検査課長　松本　嘉博</v>
          </cell>
          <cell r="GF318">
            <v>11101</v>
          </cell>
          <cell r="GG318" t="str">
            <v>(株)大阪北ワンダー社</v>
          </cell>
          <cell r="GH318">
            <v>1980000</v>
          </cell>
          <cell r="GI318">
            <v>180000</v>
          </cell>
          <cell r="GJ318" t="str">
            <v/>
          </cell>
          <cell r="GT318" t="str">
            <v/>
          </cell>
          <cell r="GW318" t="str">
            <v/>
          </cell>
          <cell r="HO318" t="str">
            <v/>
          </cell>
          <cell r="HP318" t="str">
            <v>-</v>
          </cell>
          <cell r="HQ318">
            <v>1800000</v>
          </cell>
          <cell r="HR318" t="str">
            <v>-</v>
          </cell>
          <cell r="HS318" t="str">
            <v>-</v>
          </cell>
          <cell r="HT318" t="str">
            <v>-</v>
          </cell>
          <cell r="HU318" t="str">
            <v>-</v>
          </cell>
          <cell r="HV318" t="str">
            <v>-</v>
          </cell>
          <cell r="HW318" t="str">
            <v>-</v>
          </cell>
          <cell r="JD318" t="str">
            <v/>
          </cell>
          <cell r="JE318" t="str">
            <v/>
          </cell>
          <cell r="JF318" t="str">
            <v/>
          </cell>
          <cell r="JG318" t="str">
            <v/>
          </cell>
          <cell r="JH318" t="str">
            <v/>
          </cell>
          <cell r="JI318" t="str">
            <v/>
          </cell>
          <cell r="JJ318" t="str">
            <v/>
          </cell>
          <cell r="JK318" t="str">
            <v/>
          </cell>
          <cell r="JL318" t="str">
            <v/>
          </cell>
          <cell r="JM318" t="str">
            <v/>
          </cell>
          <cell r="JN318" t="str">
            <v/>
          </cell>
          <cell r="JO318" t="str">
            <v/>
          </cell>
          <cell r="JP318">
            <v>86</v>
          </cell>
          <cell r="JQ318">
            <v>75</v>
          </cell>
          <cell r="JR318" t="str">
            <v/>
          </cell>
          <cell r="JS318" t="str">
            <v/>
          </cell>
          <cell r="JT318" t="str">
            <v/>
          </cell>
          <cell r="JU318" t="str">
            <v/>
          </cell>
          <cell r="JV318" t="str">
            <v/>
          </cell>
          <cell r="JW318" t="str">
            <v/>
          </cell>
          <cell r="JX318" t="str">
            <v/>
          </cell>
          <cell r="JY318" t="str">
            <v/>
          </cell>
          <cell r="JZ318">
            <v>0.99999999999999989</v>
          </cell>
        </row>
        <row r="319">
          <cell r="C319" t="str">
            <v/>
          </cell>
          <cell r="D319" t="str">
            <v/>
          </cell>
          <cell r="E319" t="str">
            <v/>
          </cell>
          <cell r="I319">
            <v>311</v>
          </cell>
          <cell r="M319" t="str">
            <v>令和２年度業務用大判プリンター（スキャナ機能付）購入</v>
          </cell>
          <cell r="Q319" t="str">
            <v>業務用ﾌﾟﾘﾝﾀ-</v>
          </cell>
          <cell r="Y319">
            <v>1</v>
          </cell>
          <cell r="AC319">
            <v>8</v>
          </cell>
          <cell r="AD319">
            <v>1</v>
          </cell>
          <cell r="AI319" t="str">
            <v>伊丹市役所伊丹市千僧１丁目１番地地下１階文書機械室</v>
          </cell>
          <cell r="AQ319">
            <v>1</v>
          </cell>
          <cell r="AY319">
            <v>44258</v>
          </cell>
          <cell r="AZ319">
            <v>44258</v>
          </cell>
          <cell r="BA319">
            <v>29</v>
          </cell>
          <cell r="BB319">
            <v>44286</v>
          </cell>
          <cell r="BC319" t="str">
            <v/>
          </cell>
          <cell r="BD319" t="str">
            <v/>
          </cell>
          <cell r="BE319" t="str">
            <v/>
          </cell>
          <cell r="BF319">
            <v>0.5854166666666667</v>
          </cell>
          <cell r="BG319">
            <v>6260</v>
          </cell>
          <cell r="BH319" t="str">
            <v>真鍋  宗一郎</v>
          </cell>
          <cell r="BI319" t="str">
            <v>人事課</v>
          </cell>
          <cell r="BJ319">
            <v>4767</v>
          </cell>
          <cell r="BN319" t="str">
            <v>物</v>
          </cell>
          <cell r="BO319">
            <v>87</v>
          </cell>
          <cell r="BS319">
            <v>1571790</v>
          </cell>
          <cell r="BT319">
            <v>1420000</v>
          </cell>
          <cell r="BU319">
            <v>1</v>
          </cell>
          <cell r="BV319" t="str">
            <v/>
          </cell>
          <cell r="CD319" t="str">
            <v/>
          </cell>
          <cell r="CH319">
            <v>-165</v>
          </cell>
          <cell r="CI319">
            <v>44235</v>
          </cell>
          <cell r="CP319">
            <v>75363</v>
          </cell>
          <cell r="CW319" t="str">
            <v/>
          </cell>
          <cell r="CX319" t="str">
            <v/>
          </cell>
          <cell r="CY319" t="str">
            <v/>
          </cell>
          <cell r="CZ319" t="str">
            <v/>
          </cell>
          <cell r="DA319">
            <v>44242</v>
          </cell>
          <cell r="DB319">
            <v>44246</v>
          </cell>
          <cell r="DD319" t="str">
            <v/>
          </cell>
          <cell r="DL319">
            <v>10556</v>
          </cell>
          <cell r="DM319">
            <v>11108</v>
          </cell>
          <cell r="DN319">
            <v>11203</v>
          </cell>
          <cell r="DO319">
            <v>10437</v>
          </cell>
          <cell r="DP319">
            <v>10761</v>
          </cell>
          <cell r="DQ319">
            <v>11598</v>
          </cell>
          <cell r="DR319">
            <v>11074</v>
          </cell>
          <cell r="DS319">
            <v>11424</v>
          </cell>
          <cell r="DT319">
            <v>11525</v>
          </cell>
          <cell r="DU319">
            <v>10793</v>
          </cell>
          <cell r="DV319">
            <v>10075</v>
          </cell>
          <cell r="EZ319">
            <v>11</v>
          </cell>
          <cell r="FA319">
            <v>6</v>
          </cell>
          <cell r="FI319">
            <v>5</v>
          </cell>
          <cell r="FJ319" t="str">
            <v>指名競争入札（簡易認証）</v>
          </cell>
          <cell r="FN319">
            <v>4</v>
          </cell>
          <cell r="FO319" t="str">
            <v>電子入札</v>
          </cell>
          <cell r="FS319">
            <v>3</v>
          </cell>
          <cell r="FT319" t="str">
            <v/>
          </cell>
          <cell r="FU319" t="str">
            <v/>
          </cell>
          <cell r="FW319" t="str">
            <v/>
          </cell>
          <cell r="FY319" t="str">
            <v/>
          </cell>
          <cell r="GD319">
            <v>1</v>
          </cell>
          <cell r="GE319" t="str">
            <v>契約・検査課長　松本　嘉博</v>
          </cell>
          <cell r="GF319">
            <v>10793</v>
          </cell>
          <cell r="GG319" t="str">
            <v>(株)大塚商会</v>
          </cell>
          <cell r="GH319">
            <v>817300</v>
          </cell>
          <cell r="GI319">
            <v>74300</v>
          </cell>
          <cell r="GJ319" t="str">
            <v/>
          </cell>
          <cell r="GT319" t="str">
            <v/>
          </cell>
          <cell r="GW319" t="str">
            <v/>
          </cell>
          <cell r="HO319" t="str">
            <v/>
          </cell>
          <cell r="HP319" t="str">
            <v>-</v>
          </cell>
          <cell r="HQ319">
            <v>875000</v>
          </cell>
          <cell r="HR319" t="str">
            <v>-</v>
          </cell>
          <cell r="HS319" t="str">
            <v>-</v>
          </cell>
          <cell r="HT319" t="str">
            <v>-</v>
          </cell>
          <cell r="HU319" t="str">
            <v>-</v>
          </cell>
          <cell r="HV319" t="str">
            <v>-</v>
          </cell>
          <cell r="HW319" t="str">
            <v>-</v>
          </cell>
          <cell r="HX319" t="str">
            <v>-</v>
          </cell>
          <cell r="HY319">
            <v>743000</v>
          </cell>
          <cell r="HZ319" t="str">
            <v>-</v>
          </cell>
          <cell r="JD319" t="str">
            <v/>
          </cell>
          <cell r="JE319" t="str">
            <v/>
          </cell>
          <cell r="JF319" t="str">
            <v/>
          </cell>
          <cell r="JG319" t="str">
            <v/>
          </cell>
          <cell r="JH319" t="str">
            <v/>
          </cell>
          <cell r="JI319" t="str">
            <v/>
          </cell>
          <cell r="JJ319" t="str">
            <v/>
          </cell>
          <cell r="JK319" t="str">
            <v/>
          </cell>
          <cell r="JL319" t="str">
            <v/>
          </cell>
          <cell r="JM319" t="str">
            <v/>
          </cell>
          <cell r="JN319" t="str">
            <v/>
          </cell>
          <cell r="JO319" t="str">
            <v/>
          </cell>
          <cell r="JP319">
            <v>87</v>
          </cell>
          <cell r="JQ319">
            <v>76</v>
          </cell>
          <cell r="JR319" t="str">
            <v/>
          </cell>
          <cell r="JS319" t="str">
            <v/>
          </cell>
          <cell r="JT319" t="str">
            <v/>
          </cell>
          <cell r="JU319" t="str">
            <v/>
          </cell>
          <cell r="JV319" t="str">
            <v/>
          </cell>
          <cell r="JW319" t="str">
            <v/>
          </cell>
          <cell r="JX319" t="str">
            <v/>
          </cell>
          <cell r="JY319" t="str">
            <v/>
          </cell>
          <cell r="JZ319">
            <v>0.52323943661971828</v>
          </cell>
        </row>
        <row r="320">
          <cell r="C320" t="str">
            <v/>
          </cell>
          <cell r="D320" t="str">
            <v/>
          </cell>
          <cell r="E320" t="str">
            <v/>
          </cell>
          <cell r="I320">
            <v>312</v>
          </cell>
          <cell r="M320" t="str">
            <v>令和２年度伊丹市立生涯学習センタースポーツ施設備品等購入</v>
          </cell>
          <cell r="Q320" t="str">
            <v>ﾗｽﾀｽﾎﾟｰﾂ備品</v>
          </cell>
          <cell r="Y320">
            <v>1</v>
          </cell>
          <cell r="AC320">
            <v>8</v>
          </cell>
          <cell r="AD320">
            <v>1</v>
          </cell>
          <cell r="AI320" t="str">
            <v>伊丹市南野２丁目３番２５号</v>
          </cell>
          <cell r="AQ320">
            <v>1</v>
          </cell>
          <cell r="AY320">
            <v>44252</v>
          </cell>
          <cell r="AZ320">
            <v>44252</v>
          </cell>
          <cell r="BA320">
            <v>29</v>
          </cell>
          <cell r="BB320">
            <v>44280</v>
          </cell>
          <cell r="BC320" t="str">
            <v/>
          </cell>
          <cell r="BD320" t="str">
            <v/>
          </cell>
          <cell r="BE320" t="str">
            <v/>
          </cell>
          <cell r="BF320">
            <v>0.58402777777777781</v>
          </cell>
          <cell r="BG320">
            <v>5742</v>
          </cell>
          <cell r="BH320" t="str">
            <v>吉田  卓</v>
          </cell>
          <cell r="BI320" t="str">
            <v>社会教育課</v>
          </cell>
          <cell r="BJ320">
            <v>2136</v>
          </cell>
          <cell r="BN320" t="str">
            <v>物</v>
          </cell>
          <cell r="BO320">
            <v>88</v>
          </cell>
          <cell r="BS320">
            <v>9571133</v>
          </cell>
          <cell r="BT320">
            <v>8700000</v>
          </cell>
          <cell r="BU320">
            <v>1</v>
          </cell>
          <cell r="BV320" t="str">
            <v/>
          </cell>
          <cell r="CD320" t="str">
            <v/>
          </cell>
          <cell r="CH320">
            <v>-166</v>
          </cell>
          <cell r="CI320">
            <v>44232</v>
          </cell>
          <cell r="CP320">
            <v>64157</v>
          </cell>
          <cell r="CW320" t="str">
            <v/>
          </cell>
          <cell r="CX320" t="str">
            <v/>
          </cell>
          <cell r="CY320" t="str">
            <v/>
          </cell>
          <cell r="CZ320" t="str">
            <v/>
          </cell>
          <cell r="DA320">
            <v>44239</v>
          </cell>
          <cell r="DB320">
            <v>44243</v>
          </cell>
          <cell r="DD320" t="str">
            <v/>
          </cell>
          <cell r="DL320">
            <v>11585</v>
          </cell>
          <cell r="DM320">
            <v>11579</v>
          </cell>
          <cell r="DN320">
            <v>11134</v>
          </cell>
          <cell r="DO320">
            <v>11225</v>
          </cell>
          <cell r="DP320">
            <v>12750</v>
          </cell>
          <cell r="DQ320">
            <v>12345</v>
          </cell>
          <cell r="DR320">
            <v>11800</v>
          </cell>
          <cell r="DS320">
            <v>10930</v>
          </cell>
          <cell r="DT320">
            <v>11337</v>
          </cell>
          <cell r="DU320">
            <v>12729</v>
          </cell>
          <cell r="DV320">
            <v>11486</v>
          </cell>
          <cell r="DW320">
            <v>11654</v>
          </cell>
          <cell r="EZ320">
            <v>12</v>
          </cell>
          <cell r="FA320">
            <v>8</v>
          </cell>
          <cell r="FI320">
            <v>5</v>
          </cell>
          <cell r="FJ320" t="str">
            <v>指名競争入札（簡易認証）</v>
          </cell>
          <cell r="FN320">
            <v>4</v>
          </cell>
          <cell r="FO320" t="str">
            <v>電子入札</v>
          </cell>
          <cell r="FS320">
            <v>3</v>
          </cell>
          <cell r="FT320" t="str">
            <v/>
          </cell>
          <cell r="FU320" t="str">
            <v/>
          </cell>
          <cell r="FW320" t="str">
            <v/>
          </cell>
          <cell r="FY320" t="str">
            <v/>
          </cell>
          <cell r="GC320">
            <v>1</v>
          </cell>
          <cell r="GD320">
            <v>1</v>
          </cell>
          <cell r="GE320" t="str">
            <v>契約・検査課長　松本　嘉博</v>
          </cell>
          <cell r="GF320">
            <v>11579</v>
          </cell>
          <cell r="GG320" t="str">
            <v>阪神スポーツ</v>
          </cell>
          <cell r="GH320">
            <v>9130000</v>
          </cell>
          <cell r="GI320">
            <v>830000</v>
          </cell>
          <cell r="GJ320">
            <v>913000</v>
          </cell>
          <cell r="GT320" t="str">
            <v/>
          </cell>
          <cell r="GW320" t="str">
            <v/>
          </cell>
          <cell r="HO320" t="str">
            <v/>
          </cell>
          <cell r="HP320" t="str">
            <v>-</v>
          </cell>
          <cell r="HQ320">
            <v>8300000</v>
          </cell>
          <cell r="HR320" t="str">
            <v>-</v>
          </cell>
          <cell r="HS320" t="str">
            <v>-</v>
          </cell>
          <cell r="HT320" t="str">
            <v>-</v>
          </cell>
          <cell r="HU320">
            <v>10253000</v>
          </cell>
          <cell r="HV320">
            <v>9900000</v>
          </cell>
          <cell r="HW320">
            <v>8700000</v>
          </cell>
          <cell r="HX320" t="str">
            <v>-</v>
          </cell>
          <cell r="HY320" t="str">
            <v>-</v>
          </cell>
          <cell r="HZ320">
            <v>9600000</v>
          </cell>
          <cell r="IA320" t="str">
            <v>-</v>
          </cell>
          <cell r="JD320" t="str">
            <v/>
          </cell>
          <cell r="JE320" t="str">
            <v/>
          </cell>
          <cell r="JF320" t="str">
            <v/>
          </cell>
          <cell r="JG320" t="str">
            <v/>
          </cell>
          <cell r="JH320" t="str">
            <v/>
          </cell>
          <cell r="JI320" t="str">
            <v/>
          </cell>
          <cell r="JJ320" t="str">
            <v/>
          </cell>
          <cell r="JK320" t="str">
            <v/>
          </cell>
          <cell r="JL320" t="str">
            <v/>
          </cell>
          <cell r="JM320" t="str">
            <v/>
          </cell>
          <cell r="JN320" t="str">
            <v/>
          </cell>
          <cell r="JO320" t="str">
            <v/>
          </cell>
          <cell r="JP320">
            <v>88</v>
          </cell>
          <cell r="JQ320">
            <v>77</v>
          </cell>
          <cell r="JR320" t="str">
            <v/>
          </cell>
          <cell r="JS320" t="str">
            <v/>
          </cell>
          <cell r="JT320" t="str">
            <v/>
          </cell>
          <cell r="JU320" t="str">
            <v/>
          </cell>
          <cell r="JV320" t="str">
            <v/>
          </cell>
          <cell r="JW320" t="str">
            <v/>
          </cell>
          <cell r="JX320" t="str">
            <v/>
          </cell>
          <cell r="JY320" t="str">
            <v/>
          </cell>
          <cell r="JZ320">
            <v>0.95402298850574707</v>
          </cell>
        </row>
        <row r="321">
          <cell r="C321" t="str">
            <v/>
          </cell>
          <cell r="D321" t="str">
            <v/>
          </cell>
          <cell r="E321" t="str">
            <v/>
          </cell>
          <cell r="I321">
            <v>313</v>
          </cell>
          <cell r="M321" t="str">
            <v>令和２年度伊丹市共同利用施設緑ケ丘センター解体工事</v>
          </cell>
          <cell r="Q321" t="str">
            <v>緑丘Ｃ解体</v>
          </cell>
          <cell r="Y321">
            <v>1</v>
          </cell>
          <cell r="AC321">
            <v>1</v>
          </cell>
          <cell r="AI321" t="str">
            <v>伊丹市緑ケ丘１丁目７０番地</v>
          </cell>
          <cell r="AM321" t="str">
            <v>建築解体撤去工事一式
電気設備解体撤去工事一式
機械設備解体撤去工事一式</v>
          </cell>
          <cell r="AQ321">
            <v>2</v>
          </cell>
          <cell r="AY321">
            <v>44265</v>
          </cell>
          <cell r="AZ321">
            <v>44267</v>
          </cell>
          <cell r="BA321">
            <v>123</v>
          </cell>
          <cell r="BB321">
            <v>44389</v>
          </cell>
          <cell r="BC321">
            <v>17</v>
          </cell>
          <cell r="BD321" t="str">
            <v>○</v>
          </cell>
          <cell r="BE321" t="str">
            <v>○</v>
          </cell>
          <cell r="BF321">
            <v>0.41736111111111113</v>
          </cell>
          <cell r="BG321">
            <v>7191</v>
          </cell>
          <cell r="BH321" t="str">
            <v>中島　尊宣</v>
          </cell>
          <cell r="BI321" t="str">
            <v>営繕課</v>
          </cell>
          <cell r="BJ321">
            <v>4556</v>
          </cell>
          <cell r="BN321" t="str">
            <v>建</v>
          </cell>
          <cell r="BO321">
            <v>46</v>
          </cell>
          <cell r="BS321">
            <v>30910000</v>
          </cell>
          <cell r="BT321">
            <v>28100000</v>
          </cell>
          <cell r="BU321">
            <v>1</v>
          </cell>
          <cell r="BV321">
            <v>25440000</v>
          </cell>
          <cell r="BW321">
            <v>20204158</v>
          </cell>
          <cell r="BX321">
            <v>2771540</v>
          </cell>
          <cell r="BY321">
            <v>1519835</v>
          </cell>
          <cell r="BZ321">
            <v>3604467</v>
          </cell>
          <cell r="CH321">
            <v>134</v>
          </cell>
          <cell r="CI321">
            <v>44237</v>
          </cell>
          <cell r="CJ321" t="str">
            <v>一般</v>
          </cell>
          <cell r="CK321" t="str">
            <v>伊丹市内に本店</v>
          </cell>
          <cell r="CL321" t="str">
            <v>580点以上</v>
          </cell>
          <cell r="CP321">
            <v>61768</v>
          </cell>
          <cell r="CT321" t="str">
            <v>請負金額が800万円以上</v>
          </cell>
          <cell r="CU321">
            <v>19</v>
          </cell>
          <cell r="CW321">
            <v>44246</v>
          </cell>
          <cell r="CX321" t="str">
            <v/>
          </cell>
          <cell r="CY321" t="str">
            <v/>
          </cell>
          <cell r="CZ321" t="str">
            <v/>
          </cell>
          <cell r="DA321">
            <v>44249</v>
          </cell>
          <cell r="DB321">
            <v>44256</v>
          </cell>
          <cell r="DC321">
            <v>27</v>
          </cell>
          <cell r="DD321" t="str">
            <v>○</v>
          </cell>
          <cell r="DL321">
            <v>176</v>
          </cell>
          <cell r="DM321">
            <v>17</v>
          </cell>
          <cell r="DN321">
            <v>21</v>
          </cell>
          <cell r="DO321">
            <v>23</v>
          </cell>
          <cell r="DP321">
            <v>53</v>
          </cell>
          <cell r="DQ321">
            <v>211</v>
          </cell>
          <cell r="DR321">
            <v>26</v>
          </cell>
          <cell r="DS321">
            <v>49</v>
          </cell>
          <cell r="DT321">
            <v>314</v>
          </cell>
          <cell r="EZ321">
            <v>9</v>
          </cell>
          <cell r="FA321">
            <v>8</v>
          </cell>
          <cell r="FI321">
            <v>4</v>
          </cell>
          <cell r="FJ321" t="str">
            <v>事後審査型一般競争入札</v>
          </cell>
          <cell r="FN321">
            <v>4</v>
          </cell>
          <cell r="FO321" t="str">
            <v>電子入札</v>
          </cell>
          <cell r="FS321">
            <v>1</v>
          </cell>
          <cell r="FT321" t="str">
            <v/>
          </cell>
          <cell r="FU321" t="str">
            <v/>
          </cell>
          <cell r="FW321" t="str">
            <v/>
          </cell>
          <cell r="FY321" t="str">
            <v/>
          </cell>
          <cell r="GB321">
            <v>1</v>
          </cell>
          <cell r="GD321">
            <v>1</v>
          </cell>
          <cell r="GE321" t="str">
            <v>契約・検査課長　松本　嘉博</v>
          </cell>
          <cell r="GF321">
            <v>176</v>
          </cell>
          <cell r="GG321" t="str">
            <v>(株)金山組</v>
          </cell>
          <cell r="GH321">
            <v>28028000</v>
          </cell>
          <cell r="GI321">
            <v>2548000</v>
          </cell>
          <cell r="GJ321">
            <v>2803000</v>
          </cell>
          <cell r="GM321" t="str">
            <v>寺島　茂行</v>
          </cell>
          <cell r="GO321" t="str">
            <v>荒木　敏和</v>
          </cell>
          <cell r="GT321" t="str">
            <v>要</v>
          </cell>
          <cell r="GV321">
            <v>84320</v>
          </cell>
          <cell r="GW321">
            <v>3.0084201512772939</v>
          </cell>
          <cell r="HO321" t="str">
            <v/>
          </cell>
          <cell r="HP321">
            <v>25480000</v>
          </cell>
          <cell r="HQ321">
            <v>25490000</v>
          </cell>
          <cell r="HR321">
            <v>25490000</v>
          </cell>
          <cell r="HS321">
            <v>25510000</v>
          </cell>
          <cell r="HT321">
            <v>25590000</v>
          </cell>
          <cell r="HU321">
            <v>27500000</v>
          </cell>
          <cell r="HV321" t="str">
            <v>-</v>
          </cell>
          <cell r="HW321" t="str">
            <v>-</v>
          </cell>
          <cell r="HX321" t="str">
            <v>-</v>
          </cell>
          <cell r="JD321" t="str">
            <v/>
          </cell>
          <cell r="JE321" t="str">
            <v/>
          </cell>
          <cell r="JF321" t="str">
            <v/>
          </cell>
          <cell r="JG321" t="str">
            <v/>
          </cell>
          <cell r="JH321">
            <v>46</v>
          </cell>
          <cell r="JI321">
            <v>46</v>
          </cell>
          <cell r="JJ321" t="str">
            <v/>
          </cell>
          <cell r="JK321" t="str">
            <v/>
          </cell>
          <cell r="JL321" t="str">
            <v/>
          </cell>
          <cell r="JM321" t="str">
            <v/>
          </cell>
          <cell r="JN321" t="str">
            <v/>
          </cell>
          <cell r="JO321" t="str">
            <v/>
          </cell>
          <cell r="JP321" t="str">
            <v/>
          </cell>
          <cell r="JQ321" t="str">
            <v/>
          </cell>
          <cell r="JR321" t="str">
            <v/>
          </cell>
          <cell r="JS321" t="str">
            <v/>
          </cell>
          <cell r="JT321" t="str">
            <v/>
          </cell>
          <cell r="JU321" t="str">
            <v/>
          </cell>
          <cell r="JV321" t="str">
            <v/>
          </cell>
          <cell r="JW321" t="str">
            <v/>
          </cell>
          <cell r="JX321" t="str">
            <v/>
          </cell>
          <cell r="JY321" t="str">
            <v/>
          </cell>
          <cell r="JZ321">
            <v>0.90676156583629886</v>
          </cell>
        </row>
        <row r="322">
          <cell r="C322" t="str">
            <v/>
          </cell>
          <cell r="D322" t="str">
            <v/>
          </cell>
          <cell r="E322" t="str">
            <v/>
          </cell>
          <cell r="I322">
            <v>314</v>
          </cell>
          <cell r="M322" t="str">
            <v>令和２年度伊丹市立伊丹高等学校校務用コンピューターリース</v>
          </cell>
          <cell r="Q322" t="str">
            <v>伊丹高PCﾘｰｽ</v>
          </cell>
          <cell r="Y322">
            <v>1</v>
          </cell>
          <cell r="AC322">
            <v>8</v>
          </cell>
          <cell r="AD322">
            <v>6</v>
          </cell>
          <cell r="AI322" t="str">
            <v>伊丹市立伊丹高等学校</v>
          </cell>
          <cell r="AQ322">
            <v>7</v>
          </cell>
          <cell r="AU322">
            <v>60</v>
          </cell>
          <cell r="AY322">
            <v>44253</v>
          </cell>
          <cell r="AZ322">
            <v>44253</v>
          </cell>
          <cell r="BA322">
            <v>1860</v>
          </cell>
          <cell r="BB322">
            <v>46112</v>
          </cell>
          <cell r="BC322" t="str">
            <v/>
          </cell>
          <cell r="BD322" t="str">
            <v/>
          </cell>
          <cell r="BE322" t="str">
            <v/>
          </cell>
          <cell r="BF322">
            <v>0.58402777777777781</v>
          </cell>
          <cell r="BH322" t="str">
            <v>辻田　法彦</v>
          </cell>
          <cell r="BI322" t="str">
            <v>伊丹市立伊丹高等学校</v>
          </cell>
          <cell r="BJ322" t="str">
            <v>772-2040</v>
          </cell>
          <cell r="BN322" t="str">
            <v>リ</v>
          </cell>
          <cell r="BO322">
            <v>18</v>
          </cell>
          <cell r="BS322">
            <v>4191264</v>
          </cell>
          <cell r="BT322">
            <v>63500</v>
          </cell>
          <cell r="BU322">
            <v>1</v>
          </cell>
          <cell r="BV322" t="str">
            <v/>
          </cell>
          <cell r="CD322" t="str">
            <v/>
          </cell>
          <cell r="CH322">
            <v>-167</v>
          </cell>
          <cell r="CI322">
            <v>44237</v>
          </cell>
          <cell r="CP322">
            <v>77669</v>
          </cell>
          <cell r="CW322" t="str">
            <v/>
          </cell>
          <cell r="CX322" t="str">
            <v/>
          </cell>
          <cell r="CY322" t="str">
            <v/>
          </cell>
          <cell r="CZ322" t="str">
            <v/>
          </cell>
          <cell r="DA322">
            <v>44245</v>
          </cell>
          <cell r="DB322">
            <v>44249</v>
          </cell>
          <cell r="DD322" t="str">
            <v/>
          </cell>
          <cell r="DL322">
            <v>10064</v>
          </cell>
          <cell r="DM322">
            <v>10115</v>
          </cell>
          <cell r="DN322">
            <v>10147</v>
          </cell>
          <cell r="DO322">
            <v>10153</v>
          </cell>
          <cell r="DP322">
            <v>10200</v>
          </cell>
          <cell r="DQ322">
            <v>10287</v>
          </cell>
          <cell r="DR322">
            <v>10295</v>
          </cell>
          <cell r="DS322">
            <v>10437</v>
          </cell>
          <cell r="DT322">
            <v>10439</v>
          </cell>
          <cell r="DU322">
            <v>10471</v>
          </cell>
          <cell r="DV322">
            <v>10509</v>
          </cell>
          <cell r="DW322">
            <v>10667</v>
          </cell>
          <cell r="EZ322">
            <v>12</v>
          </cell>
          <cell r="FA322">
            <v>6</v>
          </cell>
          <cell r="FI322">
            <v>5</v>
          </cell>
          <cell r="FJ322" t="str">
            <v>指名競争入札（簡易認証）</v>
          </cell>
          <cell r="FN322">
            <v>4</v>
          </cell>
          <cell r="FO322" t="str">
            <v>電子入札</v>
          </cell>
          <cell r="FS322">
            <v>4</v>
          </cell>
          <cell r="FT322" t="str">
            <v/>
          </cell>
          <cell r="FU322" t="str">
            <v/>
          </cell>
          <cell r="FW322" t="str">
            <v/>
          </cell>
          <cell r="FY322" t="str">
            <v/>
          </cell>
          <cell r="GD322">
            <v>1</v>
          </cell>
          <cell r="GE322" t="str">
            <v>契約・検査課長　松本　嘉博</v>
          </cell>
          <cell r="GF322">
            <v>10115</v>
          </cell>
          <cell r="GG322" t="str">
            <v>ＮＥＣキャピタルソリューション(株)</v>
          </cell>
          <cell r="GH322">
            <v>4012800</v>
          </cell>
          <cell r="GI322">
            <v>364800</v>
          </cell>
          <cell r="GJ322" t="str">
            <v/>
          </cell>
          <cell r="GT322" t="str">
            <v/>
          </cell>
          <cell r="GW322" t="str">
            <v/>
          </cell>
          <cell r="HO322" t="str">
            <v/>
          </cell>
          <cell r="HP322" t="str">
            <v>-</v>
          </cell>
          <cell r="HQ322">
            <v>60800</v>
          </cell>
          <cell r="HR322">
            <v>61000</v>
          </cell>
          <cell r="HS322" t="str">
            <v>-</v>
          </cell>
          <cell r="HT322">
            <v>61380</v>
          </cell>
          <cell r="HU322">
            <v>63500</v>
          </cell>
          <cell r="HV322" t="str">
            <v>-</v>
          </cell>
          <cell r="HW322" t="str">
            <v>-</v>
          </cell>
          <cell r="HX322" t="str">
            <v>-</v>
          </cell>
          <cell r="HY322" t="str">
            <v>-</v>
          </cell>
          <cell r="HZ322" t="str">
            <v>-</v>
          </cell>
          <cell r="IA322" t="str">
            <v>-</v>
          </cell>
          <cell r="JD322" t="str">
            <v/>
          </cell>
          <cell r="JE322" t="str">
            <v/>
          </cell>
          <cell r="JF322" t="str">
            <v/>
          </cell>
          <cell r="JG322" t="str">
            <v/>
          </cell>
          <cell r="JH322" t="str">
            <v/>
          </cell>
          <cell r="JI322" t="str">
            <v/>
          </cell>
          <cell r="JJ322" t="str">
            <v/>
          </cell>
          <cell r="JK322" t="str">
            <v/>
          </cell>
          <cell r="JL322" t="str">
            <v/>
          </cell>
          <cell r="JM322" t="str">
            <v/>
          </cell>
          <cell r="JN322" t="str">
            <v/>
          </cell>
          <cell r="JO322" t="str">
            <v/>
          </cell>
          <cell r="JP322" t="str">
            <v/>
          </cell>
          <cell r="JQ322" t="str">
            <v/>
          </cell>
          <cell r="JR322" t="str">
            <v/>
          </cell>
          <cell r="JS322" t="str">
            <v/>
          </cell>
          <cell r="JT322" t="str">
            <v/>
          </cell>
          <cell r="JU322" t="str">
            <v/>
          </cell>
          <cell r="JV322" t="str">
            <v/>
          </cell>
          <cell r="JW322" t="str">
            <v/>
          </cell>
          <cell r="JX322" t="str">
            <v/>
          </cell>
          <cell r="JY322" t="str">
            <v/>
          </cell>
          <cell r="JZ322">
            <v>0.97521143307086611</v>
          </cell>
        </row>
        <row r="323">
          <cell r="C323" t="str">
            <v/>
          </cell>
          <cell r="D323" t="str">
            <v/>
          </cell>
          <cell r="E323" t="str">
            <v/>
          </cell>
          <cell r="I323">
            <v>315</v>
          </cell>
          <cell r="M323" t="str">
            <v>令和２年度スタンド一体型非接触体温測定・顔認証システム機器の購入（その２）</v>
          </cell>
          <cell r="Q323" t="str">
            <v>非接触体温計2</v>
          </cell>
          <cell r="Y323">
            <v>1</v>
          </cell>
          <cell r="AC323">
            <v>8</v>
          </cell>
          <cell r="AD323">
            <v>1</v>
          </cell>
          <cell r="AI323" t="str">
            <v>伊丹市防災センター</v>
          </cell>
          <cell r="AQ323">
            <v>1</v>
          </cell>
          <cell r="AY323">
            <v>44252</v>
          </cell>
          <cell r="AZ323">
            <v>44253</v>
          </cell>
          <cell r="BA323">
            <v>22</v>
          </cell>
          <cell r="BB323">
            <v>44274</v>
          </cell>
          <cell r="BC323" t="str">
            <v/>
          </cell>
          <cell r="BD323" t="str">
            <v/>
          </cell>
          <cell r="BE323" t="str">
            <v/>
          </cell>
          <cell r="BF323">
            <v>0.41736111111111113</v>
          </cell>
          <cell r="BG323">
            <v>5205</v>
          </cell>
          <cell r="BH323" t="str">
            <v>田丸  洋二</v>
          </cell>
          <cell r="BI323" t="str">
            <v>危機管理室</v>
          </cell>
          <cell r="BJ323">
            <v>4163</v>
          </cell>
          <cell r="BN323" t="str">
            <v>物</v>
          </cell>
          <cell r="BO323">
            <v>89</v>
          </cell>
          <cell r="BS323">
            <v>1675000</v>
          </cell>
          <cell r="BT323">
            <v>1520000</v>
          </cell>
          <cell r="BU323">
            <v>1</v>
          </cell>
          <cell r="BV323" t="str">
            <v/>
          </cell>
          <cell r="CD323" t="str">
            <v/>
          </cell>
          <cell r="CH323">
            <v>-168</v>
          </cell>
          <cell r="CI323">
            <v>44236</v>
          </cell>
          <cell r="CP323">
            <v>97419</v>
          </cell>
          <cell r="CW323" t="str">
            <v/>
          </cell>
          <cell r="CX323" t="str">
            <v/>
          </cell>
          <cell r="CY323" t="str">
            <v/>
          </cell>
          <cell r="CZ323" t="str">
            <v/>
          </cell>
          <cell r="DA323">
            <v>44244</v>
          </cell>
          <cell r="DB323">
            <v>44246</v>
          </cell>
          <cell r="DD323" t="str">
            <v/>
          </cell>
          <cell r="DL323">
            <v>11227</v>
          </cell>
          <cell r="DM323">
            <v>10075</v>
          </cell>
          <cell r="DN323">
            <v>11716</v>
          </cell>
          <cell r="DO323">
            <v>11550</v>
          </cell>
          <cell r="DP323">
            <v>10032</v>
          </cell>
          <cell r="DQ323">
            <v>11472</v>
          </cell>
          <cell r="DR323">
            <v>11354</v>
          </cell>
          <cell r="DS323">
            <v>10249</v>
          </cell>
          <cell r="DT323">
            <v>11598</v>
          </cell>
          <cell r="DU323">
            <v>10793</v>
          </cell>
          <cell r="DV323">
            <v>12683</v>
          </cell>
          <cell r="DW323">
            <v>10602</v>
          </cell>
          <cell r="DX323">
            <v>10691</v>
          </cell>
          <cell r="EZ323">
            <v>13</v>
          </cell>
          <cell r="FA323">
            <v>6</v>
          </cell>
          <cell r="FI323">
            <v>5</v>
          </cell>
          <cell r="FJ323" t="str">
            <v>指名競争入札（簡易認証）</v>
          </cell>
          <cell r="FN323">
            <v>4</v>
          </cell>
          <cell r="FO323" t="str">
            <v>電子入札</v>
          </cell>
          <cell r="FS323">
            <v>3</v>
          </cell>
          <cell r="FT323" t="str">
            <v/>
          </cell>
          <cell r="FU323" t="str">
            <v/>
          </cell>
          <cell r="FW323" t="str">
            <v/>
          </cell>
          <cell r="FY323" t="str">
            <v/>
          </cell>
          <cell r="GD323">
            <v>1</v>
          </cell>
          <cell r="GE323" t="str">
            <v>契約・検査課長　松本　嘉博</v>
          </cell>
          <cell r="GF323">
            <v>11550</v>
          </cell>
          <cell r="GG323" t="str">
            <v>(株)ミヨシ</v>
          </cell>
          <cell r="GH323">
            <v>935000</v>
          </cell>
          <cell r="GI323">
            <v>85000</v>
          </cell>
          <cell r="GJ323" t="str">
            <v/>
          </cell>
          <cell r="GT323" t="str">
            <v/>
          </cell>
          <cell r="GW323" t="str">
            <v/>
          </cell>
          <cell r="HO323" t="str">
            <v/>
          </cell>
          <cell r="HP323">
            <v>1475000</v>
          </cell>
          <cell r="HQ323" t="str">
            <v>-</v>
          </cell>
          <cell r="HR323" t="str">
            <v>-</v>
          </cell>
          <cell r="HS323">
            <v>850000</v>
          </cell>
          <cell r="HT323" t="str">
            <v>-</v>
          </cell>
          <cell r="HU323">
            <v>1000000</v>
          </cell>
          <cell r="HV323" t="str">
            <v>-</v>
          </cell>
          <cell r="HW323" t="str">
            <v>-</v>
          </cell>
          <cell r="HX323" t="str">
            <v>-</v>
          </cell>
          <cell r="HY323" t="str">
            <v>-</v>
          </cell>
          <cell r="HZ323" t="str">
            <v>-</v>
          </cell>
          <cell r="IA323" t="str">
            <v>-</v>
          </cell>
          <cell r="IB323" t="str">
            <v>-</v>
          </cell>
          <cell r="JD323" t="str">
            <v/>
          </cell>
          <cell r="JE323" t="str">
            <v/>
          </cell>
          <cell r="JF323" t="str">
            <v/>
          </cell>
          <cell r="JG323" t="str">
            <v/>
          </cell>
          <cell r="JH323" t="str">
            <v/>
          </cell>
          <cell r="JI323" t="str">
            <v/>
          </cell>
          <cell r="JJ323" t="str">
            <v/>
          </cell>
          <cell r="JK323" t="str">
            <v/>
          </cell>
          <cell r="JL323" t="str">
            <v/>
          </cell>
          <cell r="JM323" t="str">
            <v/>
          </cell>
          <cell r="JN323" t="str">
            <v/>
          </cell>
          <cell r="JO323" t="str">
            <v/>
          </cell>
          <cell r="JP323">
            <v>89</v>
          </cell>
          <cell r="JQ323">
            <v>78</v>
          </cell>
          <cell r="JR323" t="str">
            <v/>
          </cell>
          <cell r="JS323" t="str">
            <v/>
          </cell>
          <cell r="JT323" t="str">
            <v/>
          </cell>
          <cell r="JU323" t="str">
            <v/>
          </cell>
          <cell r="JV323" t="str">
            <v/>
          </cell>
          <cell r="JW323" t="str">
            <v/>
          </cell>
          <cell r="JX323" t="str">
            <v/>
          </cell>
          <cell r="JY323" t="str">
            <v/>
          </cell>
          <cell r="JZ323">
            <v>0.55921052631578938</v>
          </cell>
        </row>
        <row r="324">
          <cell r="C324" t="str">
            <v/>
          </cell>
          <cell r="D324" t="str">
            <v/>
          </cell>
          <cell r="E324" t="str">
            <v/>
          </cell>
          <cell r="I324">
            <v>316</v>
          </cell>
          <cell r="AZ324" t="str">
            <v/>
          </cell>
          <cell r="BA324" t="str">
            <v/>
          </cell>
          <cell r="BD324" t="str">
            <v/>
          </cell>
          <cell r="BE324" t="str">
            <v/>
          </cell>
          <cell r="BF324">
            <v>0.41736111111111113</v>
          </cell>
          <cell r="BG324">
            <v>6336</v>
          </cell>
          <cell r="BH324" t="str">
            <v>福地  弘一</v>
          </cell>
          <cell r="BI324" t="str">
            <v>子育て支援課</v>
          </cell>
          <cell r="BJ324">
            <v>2309</v>
          </cell>
          <cell r="BN324" t="str">
            <v>物</v>
          </cell>
          <cell r="BO324">
            <v>90</v>
          </cell>
          <cell r="BS324">
            <v>1820610</v>
          </cell>
          <cell r="BT324">
            <v>1650000</v>
          </cell>
          <cell r="BU324" t="str">
            <v/>
          </cell>
          <cell r="BV324" t="str">
            <v/>
          </cell>
          <cell r="CD324" t="str">
            <v/>
          </cell>
          <cell r="CH324">
            <v>-169</v>
          </cell>
          <cell r="CI324">
            <v>44242</v>
          </cell>
          <cell r="CP324">
            <v>23563</v>
          </cell>
          <cell r="CW324" t="str">
            <v/>
          </cell>
          <cell r="CX324" t="str">
            <v/>
          </cell>
          <cell r="CY324" t="str">
            <v/>
          </cell>
          <cell r="CZ324" t="str">
            <v/>
          </cell>
          <cell r="DA324" t="str">
            <v/>
          </cell>
          <cell r="DB324">
            <v>44252</v>
          </cell>
          <cell r="DD324" t="str">
            <v/>
          </cell>
          <cell r="EZ324" t="str">
            <v/>
          </cell>
          <cell r="FA324">
            <v>6</v>
          </cell>
          <cell r="FI324" t="str">
            <v/>
          </cell>
          <cell r="FJ324" t="str">
            <v/>
          </cell>
          <cell r="FN324" t="str">
            <v/>
          </cell>
          <cell r="FO324" t="str">
            <v/>
          </cell>
          <cell r="FS324" t="str">
            <v/>
          </cell>
          <cell r="FT324" t="str">
            <v/>
          </cell>
          <cell r="FU324" t="str">
            <v/>
          </cell>
          <cell r="FW324" t="str">
            <v/>
          </cell>
          <cell r="FY324" t="str">
            <v/>
          </cell>
          <cell r="GD324" t="str">
            <v/>
          </cell>
          <cell r="GE324" t="str">
            <v/>
          </cell>
          <cell r="GG324" t="str">
            <v/>
          </cell>
          <cell r="GI324" t="str">
            <v/>
          </cell>
          <cell r="GJ324" t="str">
            <v/>
          </cell>
          <cell r="GT324" t="str">
            <v/>
          </cell>
          <cell r="GW324" t="str">
            <v/>
          </cell>
          <cell r="HO324" t="str">
            <v/>
          </cell>
          <cell r="JD324" t="str">
            <v/>
          </cell>
          <cell r="JE324" t="str">
            <v/>
          </cell>
          <cell r="JF324" t="str">
            <v/>
          </cell>
          <cell r="JG324" t="str">
            <v/>
          </cell>
          <cell r="JH324" t="str">
            <v/>
          </cell>
          <cell r="JI324" t="str">
            <v/>
          </cell>
          <cell r="JJ324" t="str">
            <v/>
          </cell>
          <cell r="JK324" t="str">
            <v/>
          </cell>
          <cell r="JL324" t="str">
            <v/>
          </cell>
          <cell r="JM324" t="str">
            <v/>
          </cell>
          <cell r="JN324" t="str">
            <v/>
          </cell>
          <cell r="JO324" t="str">
            <v/>
          </cell>
          <cell r="JP324">
            <v>90</v>
          </cell>
          <cell r="JQ324">
            <v>79</v>
          </cell>
          <cell r="JR324" t="str">
            <v/>
          </cell>
          <cell r="JS324" t="str">
            <v/>
          </cell>
          <cell r="JT324" t="str">
            <v/>
          </cell>
          <cell r="JU324" t="str">
            <v/>
          </cell>
          <cell r="JV324" t="str">
            <v/>
          </cell>
          <cell r="JW324" t="str">
            <v/>
          </cell>
          <cell r="JX324" t="str">
            <v/>
          </cell>
          <cell r="JY324" t="str">
            <v/>
          </cell>
          <cell r="JZ324" t="str">
            <v/>
          </cell>
        </row>
        <row r="325">
          <cell r="C325" t="str">
            <v/>
          </cell>
          <cell r="D325" t="str">
            <v/>
          </cell>
          <cell r="E325" t="str">
            <v/>
          </cell>
          <cell r="I325">
            <v>317</v>
          </cell>
          <cell r="M325" t="str">
            <v>令和３年度道路維持補修単価契約工事Ｎｏ.１</v>
          </cell>
          <cell r="Q325" t="str">
            <v>(1)１</v>
          </cell>
          <cell r="Y325">
            <v>1</v>
          </cell>
          <cell r="AC325">
            <v>2</v>
          </cell>
          <cell r="AI325" t="str">
            <v>伊丹市Ｎｏ．１地区　地内</v>
          </cell>
          <cell r="AQ325">
            <v>3</v>
          </cell>
          <cell r="AU325">
            <v>4</v>
          </cell>
          <cell r="AY325">
            <v>44272</v>
          </cell>
          <cell r="AZ325">
            <v>44287</v>
          </cell>
          <cell r="BA325">
            <v>365</v>
          </cell>
          <cell r="BB325">
            <v>44651</v>
          </cell>
          <cell r="BC325">
            <v>15</v>
          </cell>
          <cell r="BD325" t="str">
            <v>○</v>
          </cell>
          <cell r="BE325" t="str">
            <v/>
          </cell>
          <cell r="BF325">
            <v>0.58402777777777781</v>
          </cell>
          <cell r="BG325">
            <v>7795</v>
          </cell>
          <cell r="BH325" t="str">
            <v>野口　聖矢</v>
          </cell>
          <cell r="BI325" t="str">
            <v>道路保全課</v>
          </cell>
          <cell r="BJ325">
            <v>4844</v>
          </cell>
          <cell r="BN325" t="str">
            <v>土</v>
          </cell>
          <cell r="BO325">
            <v>20</v>
          </cell>
          <cell r="BS325">
            <v>6028000</v>
          </cell>
          <cell r="BT325">
            <v>5480000</v>
          </cell>
          <cell r="BU325">
            <v>1</v>
          </cell>
          <cell r="BV325">
            <v>4380000</v>
          </cell>
          <cell r="CD325" t="str">
            <v/>
          </cell>
          <cell r="CH325" t="str">
            <v>494-1</v>
          </cell>
          <cell r="CI325">
            <v>44249</v>
          </cell>
          <cell r="CP325">
            <v>31249</v>
          </cell>
          <cell r="CW325">
            <v>44258</v>
          </cell>
          <cell r="CX325">
            <v>44260</v>
          </cell>
          <cell r="CY325" t="str">
            <v/>
          </cell>
          <cell r="CZ325" t="str">
            <v/>
          </cell>
          <cell r="DA325">
            <v>44264</v>
          </cell>
          <cell r="DB325">
            <v>44266</v>
          </cell>
          <cell r="DD325" t="str">
            <v>×</v>
          </cell>
          <cell r="DL325">
            <v>527</v>
          </cell>
          <cell r="DM325">
            <v>541</v>
          </cell>
          <cell r="DN325">
            <v>155</v>
          </cell>
          <cell r="DO325">
            <v>174</v>
          </cell>
          <cell r="DP325">
            <v>508</v>
          </cell>
          <cell r="DQ325">
            <v>544</v>
          </cell>
          <cell r="DR325">
            <v>306</v>
          </cell>
          <cell r="DS325">
            <v>474</v>
          </cell>
          <cell r="DT325">
            <v>387</v>
          </cell>
          <cell r="DU325">
            <v>440</v>
          </cell>
          <cell r="DV325">
            <v>146</v>
          </cell>
          <cell r="DW325">
            <v>161</v>
          </cell>
          <cell r="DX325">
            <v>408</v>
          </cell>
          <cell r="DY325">
            <v>412</v>
          </cell>
          <cell r="DZ325">
            <v>160</v>
          </cell>
          <cell r="EA325">
            <v>261</v>
          </cell>
          <cell r="EB325">
            <v>95</v>
          </cell>
          <cell r="EC325">
            <v>16</v>
          </cell>
          <cell r="ED325">
            <v>233</v>
          </cell>
          <cell r="EE325">
            <v>492</v>
          </cell>
          <cell r="EZ325">
            <v>20</v>
          </cell>
          <cell r="FA325">
            <v>8</v>
          </cell>
          <cell r="FI325">
            <v>3</v>
          </cell>
          <cell r="FJ325" t="str">
            <v>随意契約</v>
          </cell>
          <cell r="FN325">
            <v>4</v>
          </cell>
          <cell r="FO325" t="str">
            <v>電子入札</v>
          </cell>
          <cell r="FS325">
            <v>1</v>
          </cell>
          <cell r="FT325">
            <v>1</v>
          </cell>
          <cell r="FU325" t="str">
            <v/>
          </cell>
          <cell r="FW325" t="str">
            <v/>
          </cell>
          <cell r="FY325" t="str">
            <v/>
          </cell>
          <cell r="GD325">
            <v>1</v>
          </cell>
          <cell r="GE325" t="str">
            <v>契約・検査課長　松本　嘉博</v>
          </cell>
          <cell r="GF325">
            <v>527</v>
          </cell>
          <cell r="GG325" t="str">
            <v>(株)マエダコンストラクション</v>
          </cell>
          <cell r="GH325">
            <v>4530000</v>
          </cell>
          <cell r="GI325" t="str">
            <v/>
          </cell>
          <cell r="GJ325">
            <v>608000</v>
          </cell>
          <cell r="GT325" t="str">
            <v/>
          </cell>
          <cell r="GW325" t="str">
            <v/>
          </cell>
          <cell r="HO325" t="str">
            <v/>
          </cell>
          <cell r="HP325">
            <v>4530000</v>
          </cell>
          <cell r="HQ325">
            <v>4860000</v>
          </cell>
          <cell r="HR325">
            <v>4880000</v>
          </cell>
          <cell r="HS325">
            <v>6900000</v>
          </cell>
          <cell r="HT325">
            <v>2590000</v>
          </cell>
          <cell r="HU325">
            <v>2620000</v>
          </cell>
          <cell r="HV325">
            <v>2700000</v>
          </cell>
          <cell r="HW325">
            <v>3240000</v>
          </cell>
          <cell r="HX325">
            <v>3420000</v>
          </cell>
          <cell r="HY325">
            <v>3450000</v>
          </cell>
          <cell r="HZ325">
            <v>3480000</v>
          </cell>
          <cell r="IA325">
            <v>3490000</v>
          </cell>
          <cell r="IB325">
            <v>3490000</v>
          </cell>
          <cell r="IC325">
            <v>3490000</v>
          </cell>
          <cell r="ID325">
            <v>3940000</v>
          </cell>
          <cell r="IE325">
            <v>40000</v>
          </cell>
          <cell r="IF325">
            <v>413000</v>
          </cell>
          <cell r="IG325">
            <v>4210000</v>
          </cell>
          <cell r="IH325">
            <v>4220000</v>
          </cell>
          <cell r="II325">
            <v>4270000</v>
          </cell>
          <cell r="JD325">
            <v>20</v>
          </cell>
          <cell r="JE325">
            <v>20</v>
          </cell>
          <cell r="JF325" t="str">
            <v/>
          </cell>
          <cell r="JG325" t="str">
            <v/>
          </cell>
          <cell r="JH325" t="str">
            <v/>
          </cell>
          <cell r="JI325" t="str">
            <v/>
          </cell>
          <cell r="JJ325" t="str">
            <v/>
          </cell>
          <cell r="JK325" t="str">
            <v/>
          </cell>
          <cell r="JL325" t="str">
            <v/>
          </cell>
          <cell r="JM325" t="str">
            <v/>
          </cell>
          <cell r="JN325" t="str">
            <v/>
          </cell>
          <cell r="JO325" t="str">
            <v/>
          </cell>
          <cell r="JP325" t="str">
            <v/>
          </cell>
          <cell r="JQ325" t="str">
            <v/>
          </cell>
          <cell r="JR325" t="str">
            <v/>
          </cell>
          <cell r="JS325" t="str">
            <v/>
          </cell>
          <cell r="JT325" t="str">
            <v/>
          </cell>
          <cell r="JU325" t="str">
            <v/>
          </cell>
          <cell r="JV325" t="str">
            <v/>
          </cell>
          <cell r="JW325" t="str">
            <v/>
          </cell>
          <cell r="JX325" t="str">
            <v/>
          </cell>
          <cell r="JY325" t="str">
            <v/>
          </cell>
          <cell r="JZ325" t="str">
            <v/>
          </cell>
        </row>
        <row r="326">
          <cell r="C326" t="str">
            <v/>
          </cell>
          <cell r="D326" t="str">
            <v/>
          </cell>
          <cell r="E326" t="str">
            <v/>
          </cell>
          <cell r="I326">
            <v>318</v>
          </cell>
          <cell r="M326" t="str">
            <v>令和３年度道路維持補修単価契約工事Ｎｏ.２</v>
          </cell>
          <cell r="Q326" t="str">
            <v>(1)２</v>
          </cell>
          <cell r="Y326">
            <v>1</v>
          </cell>
          <cell r="AC326">
            <v>2</v>
          </cell>
          <cell r="AI326" t="str">
            <v>伊丹市Ｎｏ．２地区　地内</v>
          </cell>
          <cell r="AQ326">
            <v>3</v>
          </cell>
          <cell r="AU326">
            <v>4</v>
          </cell>
          <cell r="AY326">
            <v>44272</v>
          </cell>
          <cell r="AZ326">
            <v>44287</v>
          </cell>
          <cell r="BA326">
            <v>365</v>
          </cell>
          <cell r="BB326">
            <v>44651</v>
          </cell>
          <cell r="BC326">
            <v>15</v>
          </cell>
          <cell r="BD326" t="str">
            <v>○</v>
          </cell>
          <cell r="BE326" t="str">
            <v/>
          </cell>
          <cell r="BF326">
            <v>0.58402777777777781</v>
          </cell>
          <cell r="BG326">
            <v>7795</v>
          </cell>
          <cell r="BH326" t="str">
            <v>野口　聖矢</v>
          </cell>
          <cell r="BI326" t="str">
            <v>道路保全課</v>
          </cell>
          <cell r="BJ326">
            <v>4844</v>
          </cell>
          <cell r="BN326" t="str">
            <v>土</v>
          </cell>
          <cell r="BO326">
            <v>21</v>
          </cell>
          <cell r="BS326">
            <v>6028000</v>
          </cell>
          <cell r="BT326">
            <v>5480000</v>
          </cell>
          <cell r="BU326">
            <v>1</v>
          </cell>
          <cell r="BV326">
            <v>4380000</v>
          </cell>
          <cell r="CD326" t="str">
            <v/>
          </cell>
          <cell r="CH326" t="str">
            <v>494-2</v>
          </cell>
          <cell r="CI326">
            <v>44249</v>
          </cell>
          <cell r="CP326">
            <v>40868</v>
          </cell>
          <cell r="CW326">
            <v>44258</v>
          </cell>
          <cell r="CX326">
            <v>44260</v>
          </cell>
          <cell r="CY326" t="str">
            <v/>
          </cell>
          <cell r="CZ326" t="str">
            <v/>
          </cell>
          <cell r="DA326">
            <v>44264</v>
          </cell>
          <cell r="DB326">
            <v>44266</v>
          </cell>
          <cell r="DD326" t="str">
            <v>×</v>
          </cell>
          <cell r="DL326">
            <v>541</v>
          </cell>
          <cell r="DM326">
            <v>155</v>
          </cell>
          <cell r="DN326">
            <v>174</v>
          </cell>
          <cell r="DO326">
            <v>508</v>
          </cell>
          <cell r="DP326">
            <v>544</v>
          </cell>
          <cell r="DQ326">
            <v>306</v>
          </cell>
          <cell r="DR326">
            <v>474</v>
          </cell>
          <cell r="DS326">
            <v>387</v>
          </cell>
          <cell r="DT326">
            <v>146</v>
          </cell>
          <cell r="DU326">
            <v>440</v>
          </cell>
          <cell r="DV326">
            <v>408</v>
          </cell>
          <cell r="DW326">
            <v>161</v>
          </cell>
          <cell r="DX326">
            <v>412</v>
          </cell>
          <cell r="DY326">
            <v>160</v>
          </cell>
          <cell r="DZ326">
            <v>95</v>
          </cell>
          <cell r="EA326">
            <v>261</v>
          </cell>
          <cell r="EB326">
            <v>492</v>
          </cell>
          <cell r="EC326">
            <v>16</v>
          </cell>
          <cell r="ED326">
            <v>233</v>
          </cell>
          <cell r="EE326">
            <v>527</v>
          </cell>
          <cell r="EZ326">
            <v>20</v>
          </cell>
          <cell r="FA326">
            <v>8</v>
          </cell>
          <cell r="FI326">
            <v>3</v>
          </cell>
          <cell r="FJ326" t="str">
            <v>随意契約</v>
          </cell>
          <cell r="FN326">
            <v>4</v>
          </cell>
          <cell r="FO326" t="str">
            <v>電子入札</v>
          </cell>
          <cell r="FS326">
            <v>1</v>
          </cell>
          <cell r="FT326">
            <v>1</v>
          </cell>
          <cell r="FU326" t="str">
            <v/>
          </cell>
          <cell r="FW326" t="str">
            <v/>
          </cell>
          <cell r="FY326" t="str">
            <v/>
          </cell>
          <cell r="GC326">
            <v>1</v>
          </cell>
          <cell r="GD326">
            <v>1</v>
          </cell>
          <cell r="GE326" t="str">
            <v>契約・検査課長　松本　嘉博</v>
          </cell>
          <cell r="GF326">
            <v>541</v>
          </cell>
          <cell r="GG326" t="str">
            <v>(株)禎建</v>
          </cell>
          <cell r="GH326">
            <v>4840000</v>
          </cell>
          <cell r="GI326" t="str">
            <v/>
          </cell>
          <cell r="GJ326">
            <v>608000</v>
          </cell>
          <cell r="GL326" t="str">
            <v>一土施</v>
          </cell>
          <cell r="GM326" t="str">
            <v>山下　禎英</v>
          </cell>
          <cell r="GN326" t="str">
            <v>一土施</v>
          </cell>
          <cell r="GO326" t="str">
            <v>山下　禎英</v>
          </cell>
          <cell r="GT326" t="str">
            <v/>
          </cell>
          <cell r="GW326" t="str">
            <v/>
          </cell>
          <cell r="HO326" t="str">
            <v/>
          </cell>
          <cell r="HP326">
            <v>4840000</v>
          </cell>
          <cell r="HQ326">
            <v>4890000</v>
          </cell>
          <cell r="HR326">
            <v>6800000</v>
          </cell>
          <cell r="HS326">
            <v>2590000</v>
          </cell>
          <cell r="HT326">
            <v>2600000</v>
          </cell>
          <cell r="HU326">
            <v>2740000</v>
          </cell>
          <cell r="HV326">
            <v>3230000</v>
          </cell>
          <cell r="HW326">
            <v>3360000</v>
          </cell>
          <cell r="HX326">
            <v>3460000</v>
          </cell>
          <cell r="HY326">
            <v>3460000</v>
          </cell>
          <cell r="HZ326">
            <v>3470000</v>
          </cell>
          <cell r="IA326">
            <v>3480000</v>
          </cell>
          <cell r="IB326">
            <v>3500000</v>
          </cell>
          <cell r="IC326">
            <v>3790000</v>
          </cell>
          <cell r="ID326">
            <v>4100000</v>
          </cell>
          <cell r="IE326">
            <v>4150000</v>
          </cell>
          <cell r="IF326">
            <v>4210000</v>
          </cell>
          <cell r="IG326">
            <v>4230000</v>
          </cell>
          <cell r="IH326">
            <v>4300000</v>
          </cell>
          <cell r="II326" t="str">
            <v>-</v>
          </cell>
          <cell r="JD326">
            <v>21</v>
          </cell>
          <cell r="JE326">
            <v>21</v>
          </cell>
          <cell r="JF326" t="str">
            <v/>
          </cell>
          <cell r="JG326" t="str">
            <v/>
          </cell>
          <cell r="JH326" t="str">
            <v/>
          </cell>
          <cell r="JI326" t="str">
            <v/>
          </cell>
          <cell r="JJ326" t="str">
            <v/>
          </cell>
          <cell r="JK326" t="str">
            <v/>
          </cell>
          <cell r="JL326" t="str">
            <v/>
          </cell>
          <cell r="JM326" t="str">
            <v/>
          </cell>
          <cell r="JN326" t="str">
            <v/>
          </cell>
          <cell r="JO326" t="str">
            <v/>
          </cell>
          <cell r="JP326" t="str">
            <v/>
          </cell>
          <cell r="JQ326" t="str">
            <v/>
          </cell>
          <cell r="JR326" t="str">
            <v/>
          </cell>
          <cell r="JS326" t="str">
            <v/>
          </cell>
          <cell r="JT326" t="str">
            <v/>
          </cell>
          <cell r="JU326" t="str">
            <v/>
          </cell>
          <cell r="JV326" t="str">
            <v/>
          </cell>
          <cell r="JW326" t="str">
            <v/>
          </cell>
          <cell r="JX326" t="str">
            <v/>
          </cell>
          <cell r="JY326" t="str">
            <v/>
          </cell>
          <cell r="JZ326" t="str">
            <v/>
          </cell>
        </row>
        <row r="327">
          <cell r="C327" t="str">
            <v/>
          </cell>
          <cell r="D327" t="str">
            <v/>
          </cell>
          <cell r="E327" t="str">
            <v/>
          </cell>
          <cell r="I327">
            <v>319</v>
          </cell>
          <cell r="M327" t="str">
            <v>令和３年度道路維持補修単価契約工事Ｎｏ.３</v>
          </cell>
          <cell r="Q327" t="str">
            <v>(1)３</v>
          </cell>
          <cell r="Y327">
            <v>1</v>
          </cell>
          <cell r="AC327">
            <v>2</v>
          </cell>
          <cell r="AI327" t="str">
            <v>伊丹市Ｎｏ．３地区　地内</v>
          </cell>
          <cell r="AQ327">
            <v>3</v>
          </cell>
          <cell r="AU327">
            <v>4</v>
          </cell>
          <cell r="AY327">
            <v>44272</v>
          </cell>
          <cell r="AZ327">
            <v>44287</v>
          </cell>
          <cell r="BA327">
            <v>365</v>
          </cell>
          <cell r="BB327">
            <v>44651</v>
          </cell>
          <cell r="BC327">
            <v>15</v>
          </cell>
          <cell r="BD327" t="str">
            <v>○</v>
          </cell>
          <cell r="BE327" t="str">
            <v/>
          </cell>
          <cell r="BF327">
            <v>0.58402777777777781</v>
          </cell>
          <cell r="BG327">
            <v>7795</v>
          </cell>
          <cell r="BH327" t="str">
            <v>野口　聖矢</v>
          </cell>
          <cell r="BI327" t="str">
            <v>道路保全課</v>
          </cell>
          <cell r="BJ327">
            <v>4844</v>
          </cell>
          <cell r="BN327" t="str">
            <v>土</v>
          </cell>
          <cell r="BO327">
            <v>22</v>
          </cell>
          <cell r="BS327">
            <v>6028000</v>
          </cell>
          <cell r="BT327">
            <v>5480000</v>
          </cell>
          <cell r="BU327">
            <v>1</v>
          </cell>
          <cell r="BV327">
            <v>4380000</v>
          </cell>
          <cell r="CD327" t="str">
            <v/>
          </cell>
          <cell r="CH327" t="str">
            <v>494-3</v>
          </cell>
          <cell r="CI327">
            <v>44249</v>
          </cell>
          <cell r="CP327">
            <v>67464</v>
          </cell>
          <cell r="CW327">
            <v>44258</v>
          </cell>
          <cell r="CX327">
            <v>44260</v>
          </cell>
          <cell r="CY327" t="str">
            <v/>
          </cell>
          <cell r="CZ327" t="str">
            <v/>
          </cell>
          <cell r="DA327">
            <v>44264</v>
          </cell>
          <cell r="DB327">
            <v>44266</v>
          </cell>
          <cell r="DD327" t="str">
            <v>×</v>
          </cell>
          <cell r="DL327">
            <v>155</v>
          </cell>
          <cell r="DM327">
            <v>174</v>
          </cell>
          <cell r="DN327">
            <v>544</v>
          </cell>
          <cell r="DO327">
            <v>508</v>
          </cell>
          <cell r="DP327">
            <v>306</v>
          </cell>
          <cell r="DQ327">
            <v>387</v>
          </cell>
          <cell r="DR327">
            <v>474</v>
          </cell>
          <cell r="DS327">
            <v>146</v>
          </cell>
          <cell r="DT327">
            <v>408</v>
          </cell>
          <cell r="DU327">
            <v>412</v>
          </cell>
          <cell r="DV327">
            <v>161</v>
          </cell>
          <cell r="DW327">
            <v>440</v>
          </cell>
          <cell r="DX327">
            <v>160</v>
          </cell>
          <cell r="DY327">
            <v>261</v>
          </cell>
          <cell r="DZ327">
            <v>95</v>
          </cell>
          <cell r="EA327">
            <v>492</v>
          </cell>
          <cell r="EB327">
            <v>233</v>
          </cell>
          <cell r="EC327">
            <v>16</v>
          </cell>
          <cell r="ED327">
            <v>527</v>
          </cell>
          <cell r="EE327">
            <v>541</v>
          </cell>
          <cell r="EZ327">
            <v>20</v>
          </cell>
          <cell r="FA327">
            <v>8</v>
          </cell>
          <cell r="FI327">
            <v>3</v>
          </cell>
          <cell r="FJ327" t="str">
            <v>随意契約</v>
          </cell>
          <cell r="FN327">
            <v>4</v>
          </cell>
          <cell r="FO327" t="str">
            <v>電子入札</v>
          </cell>
          <cell r="FS327">
            <v>1</v>
          </cell>
          <cell r="FT327">
            <v>1</v>
          </cell>
          <cell r="FU327" t="str">
            <v/>
          </cell>
          <cell r="FW327" t="str">
            <v/>
          </cell>
          <cell r="FY327" t="str">
            <v/>
          </cell>
          <cell r="GC327">
            <v>1</v>
          </cell>
          <cell r="GD327">
            <v>1</v>
          </cell>
          <cell r="GE327" t="str">
            <v>契約・検査課長　松本　嘉博</v>
          </cell>
          <cell r="GF327">
            <v>155</v>
          </cell>
          <cell r="GG327" t="str">
            <v>(株)高木興産</v>
          </cell>
          <cell r="GH327">
            <v>4900000</v>
          </cell>
          <cell r="GI327" t="str">
            <v/>
          </cell>
          <cell r="GJ327">
            <v>608000</v>
          </cell>
          <cell r="GL327" t="str">
            <v>1級土木施工管理技士</v>
          </cell>
          <cell r="GM327" t="str">
            <v>前橋　定志</v>
          </cell>
          <cell r="GN327" t="str">
            <v>1級土木施工管理技士</v>
          </cell>
          <cell r="GO327" t="str">
            <v>前橋　定志</v>
          </cell>
          <cell r="GT327" t="str">
            <v/>
          </cell>
          <cell r="GW327" t="str">
            <v/>
          </cell>
          <cell r="HO327" t="str">
            <v/>
          </cell>
          <cell r="HP327">
            <v>4900000</v>
          </cell>
          <cell r="HQ327">
            <v>7000000</v>
          </cell>
          <cell r="HR327">
            <v>2580000</v>
          </cell>
          <cell r="HS327">
            <v>2590000</v>
          </cell>
          <cell r="HT327">
            <v>2730000</v>
          </cell>
          <cell r="HU327">
            <v>3210000</v>
          </cell>
          <cell r="HV327">
            <v>3240000</v>
          </cell>
          <cell r="HW327">
            <v>3440000</v>
          </cell>
          <cell r="HX327">
            <v>3450000</v>
          </cell>
          <cell r="HY327">
            <v>3450000</v>
          </cell>
          <cell r="HZ327">
            <v>3470000</v>
          </cell>
          <cell r="IA327">
            <v>3480000</v>
          </cell>
          <cell r="IB327">
            <v>3840000</v>
          </cell>
          <cell r="IC327">
            <v>4130000</v>
          </cell>
          <cell r="ID327">
            <v>4150000</v>
          </cell>
          <cell r="IE327">
            <v>4200000</v>
          </cell>
          <cell r="IF327">
            <v>4240000</v>
          </cell>
          <cell r="IG327">
            <v>4250000</v>
          </cell>
          <cell r="IH327" t="str">
            <v>-</v>
          </cell>
          <cell r="II327" t="str">
            <v>-</v>
          </cell>
          <cell r="JD327">
            <v>22</v>
          </cell>
          <cell r="JE327">
            <v>22</v>
          </cell>
          <cell r="JF327" t="str">
            <v/>
          </cell>
          <cell r="JG327" t="str">
            <v/>
          </cell>
          <cell r="JH327" t="str">
            <v/>
          </cell>
          <cell r="JI327" t="str">
            <v/>
          </cell>
          <cell r="JJ327" t="str">
            <v/>
          </cell>
          <cell r="JK327" t="str">
            <v/>
          </cell>
          <cell r="JL327" t="str">
            <v/>
          </cell>
          <cell r="JM327" t="str">
            <v/>
          </cell>
          <cell r="JN327" t="str">
            <v/>
          </cell>
          <cell r="JO327" t="str">
            <v/>
          </cell>
          <cell r="JP327" t="str">
            <v/>
          </cell>
          <cell r="JQ327" t="str">
            <v/>
          </cell>
          <cell r="JR327" t="str">
            <v/>
          </cell>
          <cell r="JS327" t="str">
            <v/>
          </cell>
          <cell r="JT327" t="str">
            <v/>
          </cell>
          <cell r="JU327" t="str">
            <v/>
          </cell>
          <cell r="JV327" t="str">
            <v/>
          </cell>
          <cell r="JW327" t="str">
            <v/>
          </cell>
          <cell r="JX327" t="str">
            <v/>
          </cell>
          <cell r="JY327" t="str">
            <v/>
          </cell>
          <cell r="JZ327" t="str">
            <v/>
          </cell>
        </row>
        <row r="328">
          <cell r="C328" t="str">
            <v/>
          </cell>
          <cell r="D328" t="str">
            <v/>
          </cell>
          <cell r="E328" t="str">
            <v/>
          </cell>
          <cell r="I328">
            <v>320</v>
          </cell>
          <cell r="M328" t="str">
            <v>令和３年度道路維持補修単価契約工事Ｎｏ.４</v>
          </cell>
          <cell r="Q328" t="str">
            <v>(1)４</v>
          </cell>
          <cell r="Y328">
            <v>1</v>
          </cell>
          <cell r="AC328">
            <v>2</v>
          </cell>
          <cell r="AI328" t="str">
            <v>伊丹市Ｎｏ．４地区　地内</v>
          </cell>
          <cell r="AQ328">
            <v>3</v>
          </cell>
          <cell r="AU328">
            <v>4</v>
          </cell>
          <cell r="AY328">
            <v>44272</v>
          </cell>
          <cell r="AZ328">
            <v>44287</v>
          </cell>
          <cell r="BA328">
            <v>365</v>
          </cell>
          <cell r="BB328">
            <v>44651</v>
          </cell>
          <cell r="BC328">
            <v>15</v>
          </cell>
          <cell r="BD328" t="str">
            <v>○</v>
          </cell>
          <cell r="BE328" t="str">
            <v/>
          </cell>
          <cell r="BF328">
            <v>0.58402777777777781</v>
          </cell>
          <cell r="BG328">
            <v>7795</v>
          </cell>
          <cell r="BH328" t="str">
            <v>野口　聖矢</v>
          </cell>
          <cell r="BI328" t="str">
            <v>道路保全課</v>
          </cell>
          <cell r="BJ328">
            <v>4844</v>
          </cell>
          <cell r="BN328" t="str">
            <v>土</v>
          </cell>
          <cell r="BO328">
            <v>23</v>
          </cell>
          <cell r="BS328">
            <v>6028000</v>
          </cell>
          <cell r="BT328">
            <v>5480000</v>
          </cell>
          <cell r="BU328">
            <v>1</v>
          </cell>
          <cell r="BV328">
            <v>4380000</v>
          </cell>
          <cell r="CD328" t="str">
            <v/>
          </cell>
          <cell r="CH328" t="str">
            <v>494-4</v>
          </cell>
          <cell r="CI328">
            <v>44249</v>
          </cell>
          <cell r="CP328">
            <v>17751</v>
          </cell>
          <cell r="CW328">
            <v>44258</v>
          </cell>
          <cell r="CX328">
            <v>44260</v>
          </cell>
          <cell r="CY328" t="str">
            <v/>
          </cell>
          <cell r="CZ328" t="str">
            <v/>
          </cell>
          <cell r="DA328">
            <v>44264</v>
          </cell>
          <cell r="DB328">
            <v>44266</v>
          </cell>
          <cell r="DD328" t="str">
            <v>×</v>
          </cell>
          <cell r="DL328">
            <v>440</v>
          </cell>
          <cell r="DM328">
            <v>233</v>
          </cell>
          <cell r="DN328">
            <v>387</v>
          </cell>
          <cell r="DO328">
            <v>146</v>
          </cell>
          <cell r="DP328">
            <v>160</v>
          </cell>
          <cell r="DQ328">
            <v>95</v>
          </cell>
          <cell r="DR328">
            <v>16</v>
          </cell>
          <cell r="DS328">
            <v>261</v>
          </cell>
          <cell r="DT328">
            <v>492</v>
          </cell>
          <cell r="DU328">
            <v>161</v>
          </cell>
          <cell r="DV328">
            <v>306</v>
          </cell>
          <cell r="DW328">
            <v>412</v>
          </cell>
          <cell r="DX328">
            <v>544</v>
          </cell>
          <cell r="DY328">
            <v>474</v>
          </cell>
          <cell r="DZ328">
            <v>508</v>
          </cell>
          <cell r="EA328">
            <v>174</v>
          </cell>
          <cell r="EZ328">
            <v>16</v>
          </cell>
          <cell r="FA328">
            <v>8</v>
          </cell>
          <cell r="FI328">
            <v>3</v>
          </cell>
          <cell r="FJ328" t="str">
            <v>随意契約</v>
          </cell>
          <cell r="FN328">
            <v>4</v>
          </cell>
          <cell r="FO328" t="str">
            <v>電子入札</v>
          </cell>
          <cell r="FS328">
            <v>1</v>
          </cell>
          <cell r="FT328">
            <v>1</v>
          </cell>
          <cell r="FU328" t="str">
            <v/>
          </cell>
          <cell r="FW328" t="str">
            <v/>
          </cell>
          <cell r="FY328" t="str">
            <v/>
          </cell>
          <cell r="GC328">
            <v>1</v>
          </cell>
          <cell r="GD328">
            <v>1</v>
          </cell>
          <cell r="GE328" t="str">
            <v>契約・検査課長　松本　嘉博</v>
          </cell>
          <cell r="GF328">
            <v>440</v>
          </cell>
          <cell r="GG328" t="str">
            <v>エスエス工業(株)</v>
          </cell>
          <cell r="GH328">
            <v>4400000</v>
          </cell>
          <cell r="GI328" t="str">
            <v/>
          </cell>
          <cell r="GJ328">
            <v>608000</v>
          </cell>
          <cell r="GL328" t="str">
            <v>2級土木施工管理技士</v>
          </cell>
          <cell r="GM328" t="str">
            <v>蝉平　定夫</v>
          </cell>
          <cell r="GN328" t="str">
            <v>2級土木施工管理技士</v>
          </cell>
          <cell r="GO328" t="str">
            <v>蝉平　定夫</v>
          </cell>
          <cell r="GT328" t="str">
            <v/>
          </cell>
          <cell r="GW328" t="str">
            <v/>
          </cell>
          <cell r="HO328" t="str">
            <v/>
          </cell>
          <cell r="HP328">
            <v>4400000</v>
          </cell>
          <cell r="HQ328">
            <v>4450000</v>
          </cell>
          <cell r="HR328">
            <v>4450000</v>
          </cell>
          <cell r="HS328">
            <v>4470000</v>
          </cell>
          <cell r="HT328">
            <v>4480000</v>
          </cell>
          <cell r="HU328">
            <v>4490000</v>
          </cell>
          <cell r="HV328">
            <v>4510000</v>
          </cell>
          <cell r="HW328">
            <v>4510000</v>
          </cell>
          <cell r="HX328">
            <v>4510000</v>
          </cell>
          <cell r="HY328">
            <v>4520000</v>
          </cell>
          <cell r="HZ328">
            <v>4520000</v>
          </cell>
          <cell r="IA328">
            <v>4530000</v>
          </cell>
          <cell r="IB328">
            <v>4740000</v>
          </cell>
          <cell r="IC328">
            <v>5000000</v>
          </cell>
          <cell r="ID328">
            <v>4300000</v>
          </cell>
          <cell r="JD328">
            <v>23</v>
          </cell>
          <cell r="JE328">
            <v>23</v>
          </cell>
          <cell r="JF328" t="str">
            <v/>
          </cell>
          <cell r="JG328" t="str">
            <v/>
          </cell>
          <cell r="JH328" t="str">
            <v/>
          </cell>
          <cell r="JI328" t="str">
            <v/>
          </cell>
          <cell r="JJ328" t="str">
            <v/>
          </cell>
          <cell r="JK328" t="str">
            <v/>
          </cell>
          <cell r="JL328" t="str">
            <v/>
          </cell>
          <cell r="JM328" t="str">
            <v/>
          </cell>
          <cell r="JN328" t="str">
            <v/>
          </cell>
          <cell r="JO328" t="str">
            <v/>
          </cell>
          <cell r="JP328" t="str">
            <v/>
          </cell>
          <cell r="JQ328" t="str">
            <v/>
          </cell>
          <cell r="JR328" t="str">
            <v/>
          </cell>
          <cell r="JS328" t="str">
            <v/>
          </cell>
          <cell r="JT328" t="str">
            <v/>
          </cell>
          <cell r="JU328" t="str">
            <v/>
          </cell>
          <cell r="JV328" t="str">
            <v/>
          </cell>
          <cell r="JW328" t="str">
            <v/>
          </cell>
          <cell r="JX328" t="str">
            <v/>
          </cell>
          <cell r="JY328" t="str">
            <v/>
          </cell>
          <cell r="JZ328" t="str">
            <v/>
          </cell>
        </row>
        <row r="329">
          <cell r="C329" t="str">
            <v/>
          </cell>
          <cell r="D329" t="str">
            <v/>
          </cell>
          <cell r="E329" t="str">
            <v/>
          </cell>
          <cell r="I329">
            <v>321</v>
          </cell>
          <cell r="M329" t="str">
            <v>令和３年度公園施設維持修繕単価契約工事</v>
          </cell>
          <cell r="Q329" t="str">
            <v>(2)</v>
          </cell>
          <cell r="Y329">
            <v>1</v>
          </cell>
          <cell r="AC329">
            <v>2</v>
          </cell>
          <cell r="AI329" t="str">
            <v>伊丹市全域</v>
          </cell>
          <cell r="AQ329">
            <v>3</v>
          </cell>
          <cell r="AU329">
            <v>2</v>
          </cell>
          <cell r="AY329">
            <v>44272</v>
          </cell>
          <cell r="AZ329">
            <v>44287</v>
          </cell>
          <cell r="BA329">
            <v>365</v>
          </cell>
          <cell r="BB329">
            <v>44651</v>
          </cell>
          <cell r="BC329">
            <v>15</v>
          </cell>
          <cell r="BD329" t="str">
            <v>○</v>
          </cell>
          <cell r="BE329" t="str">
            <v/>
          </cell>
          <cell r="BF329">
            <v>0.58402777777777781</v>
          </cell>
          <cell r="BG329">
            <v>7439</v>
          </cell>
          <cell r="BH329" t="str">
            <v>余田　寛樹</v>
          </cell>
          <cell r="BI329" t="str">
            <v>公園課</v>
          </cell>
          <cell r="BJ329">
            <v>4618</v>
          </cell>
          <cell r="BN329" t="str">
            <v>緑</v>
          </cell>
          <cell r="BO329">
            <v>13</v>
          </cell>
          <cell r="BS329">
            <v>2368300</v>
          </cell>
          <cell r="BT329">
            <v>2150000</v>
          </cell>
          <cell r="BU329">
            <v>1</v>
          </cell>
          <cell r="BV329">
            <v>1720000</v>
          </cell>
          <cell r="CD329" t="str">
            <v/>
          </cell>
          <cell r="CH329" t="str">
            <v>494-5</v>
          </cell>
          <cell r="CI329">
            <v>44249</v>
          </cell>
          <cell r="CP329">
            <v>27077</v>
          </cell>
          <cell r="CW329">
            <v>44258</v>
          </cell>
          <cell r="CX329">
            <v>44260</v>
          </cell>
          <cell r="CY329" t="str">
            <v/>
          </cell>
          <cell r="CZ329" t="str">
            <v/>
          </cell>
          <cell r="DA329">
            <v>44264</v>
          </cell>
          <cell r="DB329">
            <v>44266</v>
          </cell>
          <cell r="DD329" t="str">
            <v>×</v>
          </cell>
          <cell r="DL329">
            <v>408</v>
          </cell>
          <cell r="DM329">
            <v>146</v>
          </cell>
          <cell r="DN329">
            <v>474</v>
          </cell>
          <cell r="DO329">
            <v>261</v>
          </cell>
          <cell r="DP329">
            <v>544</v>
          </cell>
          <cell r="DQ329">
            <v>16</v>
          </cell>
          <cell r="DR329">
            <v>95</v>
          </cell>
          <cell r="DS329">
            <v>508</v>
          </cell>
          <cell r="DT329">
            <v>306</v>
          </cell>
          <cell r="DU329">
            <v>287</v>
          </cell>
          <cell r="DV329">
            <v>155</v>
          </cell>
          <cell r="DW329">
            <v>541</v>
          </cell>
          <cell r="EZ329">
            <v>12</v>
          </cell>
          <cell r="FA329">
            <v>6</v>
          </cell>
          <cell r="FI329">
            <v>3</v>
          </cell>
          <cell r="FJ329" t="str">
            <v>随意契約</v>
          </cell>
          <cell r="FN329">
            <v>4</v>
          </cell>
          <cell r="FO329" t="str">
            <v>電子入札</v>
          </cell>
          <cell r="FS329">
            <v>1</v>
          </cell>
          <cell r="FT329">
            <v>1</v>
          </cell>
          <cell r="FU329" t="str">
            <v/>
          </cell>
          <cell r="FW329" t="str">
            <v/>
          </cell>
          <cell r="FY329" t="str">
            <v/>
          </cell>
          <cell r="GC329">
            <v>1</v>
          </cell>
          <cell r="GD329">
            <v>1</v>
          </cell>
          <cell r="GE329" t="str">
            <v>契約・検査課長　松本　嘉博</v>
          </cell>
          <cell r="GF329">
            <v>408</v>
          </cell>
          <cell r="GG329" t="str">
            <v>(有)大内土木興業</v>
          </cell>
          <cell r="GH329">
            <v>1930000</v>
          </cell>
          <cell r="GI329" t="str">
            <v/>
          </cell>
          <cell r="GJ329">
            <v>300000</v>
          </cell>
          <cell r="GM329" t="str">
            <v>森山　鐘泰</v>
          </cell>
          <cell r="GO329" t="str">
            <v>森山　鐘泰</v>
          </cell>
          <cell r="GT329" t="str">
            <v/>
          </cell>
          <cell r="GW329" t="str">
            <v/>
          </cell>
          <cell r="HO329" t="str">
            <v/>
          </cell>
          <cell r="HP329">
            <v>1930000</v>
          </cell>
          <cell r="HQ329">
            <v>1950000</v>
          </cell>
          <cell r="HR329">
            <v>1950000</v>
          </cell>
          <cell r="HS329">
            <v>1980000</v>
          </cell>
          <cell r="HT329">
            <v>1990000</v>
          </cell>
          <cell r="HU329">
            <v>2000000</v>
          </cell>
          <cell r="HV329">
            <v>2000000</v>
          </cell>
          <cell r="HW329">
            <v>2000000</v>
          </cell>
          <cell r="HX329">
            <v>2130000</v>
          </cell>
          <cell r="HY329">
            <v>2250000</v>
          </cell>
          <cell r="HZ329" t="str">
            <v>-</v>
          </cell>
          <cell r="IA329" t="str">
            <v>-</v>
          </cell>
          <cell r="JD329" t="str">
            <v/>
          </cell>
          <cell r="JE329" t="str">
            <v/>
          </cell>
          <cell r="JF329" t="str">
            <v/>
          </cell>
          <cell r="JG329" t="str">
            <v/>
          </cell>
          <cell r="JH329" t="str">
            <v/>
          </cell>
          <cell r="JI329" t="str">
            <v/>
          </cell>
          <cell r="JJ329">
            <v>13</v>
          </cell>
          <cell r="JK329">
            <v>13</v>
          </cell>
          <cell r="JL329" t="str">
            <v/>
          </cell>
          <cell r="JM329" t="str">
            <v/>
          </cell>
          <cell r="JN329" t="str">
            <v/>
          </cell>
          <cell r="JO329" t="str">
            <v/>
          </cell>
          <cell r="JP329" t="str">
            <v/>
          </cell>
          <cell r="JQ329" t="str">
            <v/>
          </cell>
          <cell r="JR329" t="str">
            <v/>
          </cell>
          <cell r="JS329" t="str">
            <v/>
          </cell>
          <cell r="JT329" t="str">
            <v/>
          </cell>
          <cell r="JU329" t="str">
            <v/>
          </cell>
          <cell r="JV329" t="str">
            <v/>
          </cell>
          <cell r="JW329" t="str">
            <v/>
          </cell>
          <cell r="JX329" t="str">
            <v/>
          </cell>
          <cell r="JY329" t="str">
            <v/>
          </cell>
          <cell r="JZ329" t="str">
            <v/>
          </cell>
        </row>
        <row r="330">
          <cell r="C330" t="str">
            <v/>
          </cell>
          <cell r="D330" t="str">
            <v/>
          </cell>
          <cell r="E330" t="str">
            <v/>
          </cell>
          <cell r="I330">
            <v>322</v>
          </cell>
          <cell r="M330" t="str">
            <v>令和３年度街路灯新設修繕単価契約工事</v>
          </cell>
          <cell r="Q330" t="str">
            <v>(3)</v>
          </cell>
          <cell r="Y330">
            <v>1</v>
          </cell>
          <cell r="AC330">
            <v>5</v>
          </cell>
          <cell r="AI330" t="str">
            <v>伊丹市全域地内</v>
          </cell>
          <cell r="AQ330">
            <v>3</v>
          </cell>
          <cell r="AU330">
            <v>2</v>
          </cell>
          <cell r="AY330">
            <v>44272</v>
          </cell>
          <cell r="AZ330">
            <v>44287</v>
          </cell>
          <cell r="BA330">
            <v>365</v>
          </cell>
          <cell r="BB330">
            <v>44651</v>
          </cell>
          <cell r="BC330">
            <v>15</v>
          </cell>
          <cell r="BD330" t="str">
            <v>○</v>
          </cell>
          <cell r="BE330" t="str">
            <v/>
          </cell>
          <cell r="BF330">
            <v>0.58402777777777781</v>
          </cell>
          <cell r="BG330">
            <v>6996</v>
          </cell>
          <cell r="BH330" t="str">
            <v>三宅  貴章</v>
          </cell>
          <cell r="BI330" t="str">
            <v xml:space="preserve">道路保全課 </v>
          </cell>
          <cell r="BJ330">
            <v>4507</v>
          </cell>
          <cell r="BN330" t="str">
            <v>土</v>
          </cell>
          <cell r="BO330">
            <v>24</v>
          </cell>
          <cell r="BS330">
            <v>1065900</v>
          </cell>
          <cell r="BT330">
            <v>960000</v>
          </cell>
          <cell r="BU330">
            <v>1</v>
          </cell>
          <cell r="BV330">
            <v>760000</v>
          </cell>
          <cell r="CD330" t="str">
            <v/>
          </cell>
          <cell r="CH330" t="str">
            <v>494-6</v>
          </cell>
          <cell r="CI330">
            <v>44249</v>
          </cell>
          <cell r="CP330">
            <v>32786</v>
          </cell>
          <cell r="CW330">
            <v>44258</v>
          </cell>
          <cell r="CX330">
            <v>44260</v>
          </cell>
          <cell r="CY330" t="str">
            <v/>
          </cell>
          <cell r="CZ330" t="str">
            <v/>
          </cell>
          <cell r="DA330">
            <v>44264</v>
          </cell>
          <cell r="DB330">
            <v>44266</v>
          </cell>
          <cell r="DD330" t="str">
            <v>×</v>
          </cell>
          <cell r="DL330">
            <v>128</v>
          </cell>
          <cell r="DM330">
            <v>83</v>
          </cell>
          <cell r="EZ330">
            <v>2</v>
          </cell>
          <cell r="FA330">
            <v>6</v>
          </cell>
          <cell r="FI330">
            <v>3</v>
          </cell>
          <cell r="FJ330" t="str">
            <v>随意契約</v>
          </cell>
          <cell r="FN330">
            <v>4</v>
          </cell>
          <cell r="FO330" t="str">
            <v>電子入札</v>
          </cell>
          <cell r="FS330">
            <v>1</v>
          </cell>
          <cell r="FT330">
            <v>1</v>
          </cell>
          <cell r="FU330" t="str">
            <v/>
          </cell>
          <cell r="FW330" t="str">
            <v/>
          </cell>
          <cell r="FY330" t="str">
            <v/>
          </cell>
          <cell r="GD330">
            <v>1</v>
          </cell>
          <cell r="GE330" t="str">
            <v>契約・検査課長　松本　嘉博</v>
          </cell>
          <cell r="GF330">
            <v>128</v>
          </cell>
          <cell r="GG330" t="str">
            <v>庄野電気工事(株)</v>
          </cell>
          <cell r="GH330">
            <v>850000</v>
          </cell>
          <cell r="GI330" t="str">
            <v/>
          </cell>
          <cell r="GJ330">
            <v>275000</v>
          </cell>
          <cell r="GM330" t="str">
            <v>井月　大輔</v>
          </cell>
          <cell r="GN330" t="str">
            <v>1級電気工事施工管理技士</v>
          </cell>
          <cell r="GO330" t="str">
            <v>庄野　隆二</v>
          </cell>
          <cell r="GT330" t="str">
            <v/>
          </cell>
          <cell r="GW330" t="str">
            <v/>
          </cell>
          <cell r="HO330" t="str">
            <v/>
          </cell>
          <cell r="HP330">
            <v>850000</v>
          </cell>
          <cell r="HQ330">
            <v>930000</v>
          </cell>
          <cell r="JD330">
            <v>24</v>
          </cell>
          <cell r="JE330">
            <v>24</v>
          </cell>
          <cell r="JF330" t="str">
            <v/>
          </cell>
          <cell r="JG330" t="str">
            <v/>
          </cell>
          <cell r="JH330" t="str">
            <v/>
          </cell>
          <cell r="JI330" t="str">
            <v/>
          </cell>
          <cell r="JJ330" t="str">
            <v/>
          </cell>
          <cell r="JK330" t="str">
            <v/>
          </cell>
          <cell r="JL330" t="str">
            <v/>
          </cell>
          <cell r="JM330" t="str">
            <v/>
          </cell>
          <cell r="JN330" t="str">
            <v/>
          </cell>
          <cell r="JO330" t="str">
            <v/>
          </cell>
          <cell r="JP330" t="str">
            <v/>
          </cell>
          <cell r="JQ330" t="str">
            <v/>
          </cell>
          <cell r="JR330" t="str">
            <v/>
          </cell>
          <cell r="JS330" t="str">
            <v/>
          </cell>
          <cell r="JT330" t="str">
            <v/>
          </cell>
          <cell r="JU330" t="str">
            <v/>
          </cell>
          <cell r="JV330" t="str">
            <v/>
          </cell>
          <cell r="JW330" t="str">
            <v/>
          </cell>
          <cell r="JX330" t="str">
            <v/>
          </cell>
          <cell r="JY330" t="str">
            <v/>
          </cell>
          <cell r="JZ330" t="str">
            <v/>
          </cell>
        </row>
        <row r="331">
          <cell r="C331" t="str">
            <v/>
          </cell>
          <cell r="D331" t="str">
            <v/>
          </cell>
          <cell r="E331" t="str">
            <v/>
          </cell>
          <cell r="I331">
            <v>323</v>
          </cell>
          <cell r="M331" t="str">
            <v>令和３年度公園電気設備維持修繕単価契約工事</v>
          </cell>
          <cell r="Q331" t="str">
            <v>(4)</v>
          </cell>
          <cell r="Y331">
            <v>1</v>
          </cell>
          <cell r="AC331">
            <v>5</v>
          </cell>
          <cell r="AI331" t="str">
            <v>伊丹市全域</v>
          </cell>
          <cell r="AQ331">
            <v>3</v>
          </cell>
          <cell r="AU331">
            <v>2</v>
          </cell>
          <cell r="AY331">
            <v>44272</v>
          </cell>
          <cell r="AZ331">
            <v>44287</v>
          </cell>
          <cell r="BA331">
            <v>365</v>
          </cell>
          <cell r="BB331">
            <v>44651</v>
          </cell>
          <cell r="BC331">
            <v>15</v>
          </cell>
          <cell r="BD331" t="str">
            <v>○</v>
          </cell>
          <cell r="BE331" t="str">
            <v/>
          </cell>
          <cell r="BF331">
            <v>0.58402777777777781</v>
          </cell>
          <cell r="BG331">
            <v>7680</v>
          </cell>
          <cell r="BH331" t="str">
            <v>田中　駿</v>
          </cell>
          <cell r="BI331" t="str">
            <v>公園課</v>
          </cell>
          <cell r="BJ331">
            <v>4727</v>
          </cell>
          <cell r="BN331" t="str">
            <v>緑</v>
          </cell>
          <cell r="BO331">
            <v>14</v>
          </cell>
          <cell r="BS331">
            <v>1617000</v>
          </cell>
          <cell r="BT331">
            <v>1470000</v>
          </cell>
          <cell r="BU331">
            <v>1</v>
          </cell>
          <cell r="BV331">
            <v>1170000</v>
          </cell>
          <cell r="CD331" t="str">
            <v/>
          </cell>
          <cell r="CH331" t="str">
            <v>494-7</v>
          </cell>
          <cell r="CI331">
            <v>44249</v>
          </cell>
          <cell r="CP331">
            <v>43843</v>
          </cell>
          <cell r="CW331">
            <v>44258</v>
          </cell>
          <cell r="CX331">
            <v>44260</v>
          </cell>
          <cell r="CY331" t="str">
            <v/>
          </cell>
          <cell r="CZ331" t="str">
            <v/>
          </cell>
          <cell r="DA331">
            <v>44264</v>
          </cell>
          <cell r="DB331">
            <v>44266</v>
          </cell>
          <cell r="DD331" t="str">
            <v>×</v>
          </cell>
          <cell r="DL331">
            <v>562</v>
          </cell>
          <cell r="DM331">
            <v>83</v>
          </cell>
          <cell r="DN331">
            <v>128</v>
          </cell>
          <cell r="EZ331">
            <v>3</v>
          </cell>
          <cell r="FA331">
            <v>6</v>
          </cell>
          <cell r="FI331">
            <v>3</v>
          </cell>
          <cell r="FJ331" t="str">
            <v>随意契約</v>
          </cell>
          <cell r="FN331">
            <v>4</v>
          </cell>
          <cell r="FO331" t="str">
            <v>電子入札</v>
          </cell>
          <cell r="FS331">
            <v>1</v>
          </cell>
          <cell r="FT331">
            <v>1</v>
          </cell>
          <cell r="FU331" t="str">
            <v/>
          </cell>
          <cell r="FW331" t="str">
            <v/>
          </cell>
          <cell r="FY331" t="str">
            <v/>
          </cell>
          <cell r="GD331">
            <v>1</v>
          </cell>
          <cell r="GE331" t="str">
            <v>契約・検査課長　松本　嘉博</v>
          </cell>
          <cell r="GF331">
            <v>562</v>
          </cell>
          <cell r="GG331" t="str">
            <v>(株)吉澤</v>
          </cell>
          <cell r="GH331">
            <v>1370000</v>
          </cell>
          <cell r="GI331" t="str">
            <v/>
          </cell>
          <cell r="GJ331" t="str">
            <v/>
          </cell>
          <cell r="GL331" t="str">
            <v>1級電気工事施工管理技士</v>
          </cell>
          <cell r="GM331" t="str">
            <v>吉澤　嘉彦</v>
          </cell>
          <cell r="GN331" t="str">
            <v>1級電気工事施工管理技士</v>
          </cell>
          <cell r="GO331" t="str">
            <v>吉澤　嘉彦</v>
          </cell>
          <cell r="GT331" t="str">
            <v/>
          </cell>
          <cell r="GW331" t="str">
            <v/>
          </cell>
          <cell r="HO331" t="str">
            <v/>
          </cell>
          <cell r="HP331">
            <v>1370000</v>
          </cell>
          <cell r="HQ331">
            <v>1400000</v>
          </cell>
          <cell r="HR331" t="str">
            <v>-</v>
          </cell>
          <cell r="JD331" t="str">
            <v/>
          </cell>
          <cell r="JE331" t="str">
            <v/>
          </cell>
          <cell r="JF331" t="str">
            <v/>
          </cell>
          <cell r="JG331" t="str">
            <v/>
          </cell>
          <cell r="JH331" t="str">
            <v/>
          </cell>
          <cell r="JI331" t="str">
            <v/>
          </cell>
          <cell r="JJ331">
            <v>14</v>
          </cell>
          <cell r="JK331">
            <v>14</v>
          </cell>
          <cell r="JL331" t="str">
            <v/>
          </cell>
          <cell r="JM331" t="str">
            <v/>
          </cell>
          <cell r="JN331" t="str">
            <v/>
          </cell>
          <cell r="JO331" t="str">
            <v/>
          </cell>
          <cell r="JP331" t="str">
            <v/>
          </cell>
          <cell r="JQ331" t="str">
            <v/>
          </cell>
          <cell r="JR331" t="str">
            <v/>
          </cell>
          <cell r="JS331" t="str">
            <v/>
          </cell>
          <cell r="JT331" t="str">
            <v/>
          </cell>
          <cell r="JU331" t="str">
            <v/>
          </cell>
          <cell r="JV331" t="str">
            <v/>
          </cell>
          <cell r="JW331" t="str">
            <v/>
          </cell>
          <cell r="JX331" t="str">
            <v/>
          </cell>
          <cell r="JY331" t="str">
            <v/>
          </cell>
          <cell r="JZ331" t="str">
            <v/>
          </cell>
        </row>
        <row r="332">
          <cell r="C332" t="str">
            <v/>
          </cell>
          <cell r="D332" t="str">
            <v/>
          </cell>
          <cell r="E332" t="str">
            <v/>
          </cell>
          <cell r="I332">
            <v>324</v>
          </cell>
          <cell r="M332" t="str">
            <v>令和３年度公園給排水維持修繕単価契約工事</v>
          </cell>
          <cell r="Q332" t="str">
            <v>(5)</v>
          </cell>
          <cell r="Y332">
            <v>1</v>
          </cell>
          <cell r="AC332">
            <v>4</v>
          </cell>
          <cell r="AI332" t="str">
            <v>伊丹市全域</v>
          </cell>
          <cell r="AQ332">
            <v>3</v>
          </cell>
          <cell r="AU332">
            <v>2</v>
          </cell>
          <cell r="AY332">
            <v>44272</v>
          </cell>
          <cell r="AZ332">
            <v>44287</v>
          </cell>
          <cell r="BA332">
            <v>365</v>
          </cell>
          <cell r="BB332">
            <v>44651</v>
          </cell>
          <cell r="BC332">
            <v>15</v>
          </cell>
          <cell r="BD332" t="str">
            <v>○</v>
          </cell>
          <cell r="BE332" t="str">
            <v/>
          </cell>
          <cell r="BF332">
            <v>0.58402777777777781</v>
          </cell>
          <cell r="BG332">
            <v>7680</v>
          </cell>
          <cell r="BH332" t="str">
            <v>田中　駿</v>
          </cell>
          <cell r="BI332" t="str">
            <v>公園課</v>
          </cell>
          <cell r="BJ332">
            <v>4727</v>
          </cell>
          <cell r="BN332" t="str">
            <v>緑</v>
          </cell>
          <cell r="BO332">
            <v>15</v>
          </cell>
          <cell r="BS332">
            <v>909700</v>
          </cell>
          <cell r="BT332">
            <v>820000</v>
          </cell>
          <cell r="BU332">
            <v>1</v>
          </cell>
          <cell r="BV332">
            <v>650000</v>
          </cell>
          <cell r="CD332" t="str">
            <v/>
          </cell>
          <cell r="CH332" t="str">
            <v>494-8</v>
          </cell>
          <cell r="CI332">
            <v>44249</v>
          </cell>
          <cell r="CP332">
            <v>39288</v>
          </cell>
          <cell r="CW332">
            <v>44258</v>
          </cell>
          <cell r="CX332">
            <v>44260</v>
          </cell>
          <cell r="CY332" t="str">
            <v/>
          </cell>
          <cell r="CZ332" t="str">
            <v/>
          </cell>
          <cell r="DA332">
            <v>44264</v>
          </cell>
          <cell r="DB332">
            <v>44266</v>
          </cell>
          <cell r="DD332" t="str">
            <v>×</v>
          </cell>
          <cell r="DL332">
            <v>10</v>
          </cell>
          <cell r="EZ332">
            <v>1</v>
          </cell>
          <cell r="FA332">
            <v>6</v>
          </cell>
          <cell r="FI332">
            <v>3</v>
          </cell>
          <cell r="FJ332" t="str">
            <v>随意契約</v>
          </cell>
          <cell r="FN332">
            <v>4</v>
          </cell>
          <cell r="FO332" t="str">
            <v>電子入札</v>
          </cell>
          <cell r="FS332">
            <v>1</v>
          </cell>
          <cell r="FT332">
            <v>1</v>
          </cell>
          <cell r="FU332" t="str">
            <v/>
          </cell>
          <cell r="FW332" t="str">
            <v/>
          </cell>
          <cell r="FY332" t="str">
            <v/>
          </cell>
          <cell r="GD332">
            <v>1</v>
          </cell>
          <cell r="GE332" t="str">
            <v>契約・検査課長　松本　嘉博</v>
          </cell>
          <cell r="GF332" t="str">
            <v>-</v>
          </cell>
          <cell r="GG332" t="str">
            <v>×</v>
          </cell>
          <cell r="GI332" t="str">
            <v/>
          </cell>
          <cell r="GJ332" t="str">
            <v/>
          </cell>
          <cell r="GT332" t="str">
            <v/>
          </cell>
          <cell r="GW332" t="str">
            <v/>
          </cell>
          <cell r="HO332" t="str">
            <v/>
          </cell>
          <cell r="JD332" t="str">
            <v/>
          </cell>
          <cell r="JE332" t="str">
            <v/>
          </cell>
          <cell r="JF332" t="str">
            <v/>
          </cell>
          <cell r="JG332" t="str">
            <v/>
          </cell>
          <cell r="JH332" t="str">
            <v/>
          </cell>
          <cell r="JI332" t="str">
            <v/>
          </cell>
          <cell r="JJ332">
            <v>15</v>
          </cell>
          <cell r="JK332">
            <v>15</v>
          </cell>
          <cell r="JL332" t="str">
            <v/>
          </cell>
          <cell r="JM332" t="str">
            <v/>
          </cell>
          <cell r="JN332" t="str">
            <v/>
          </cell>
          <cell r="JO332" t="str">
            <v/>
          </cell>
          <cell r="JP332" t="str">
            <v/>
          </cell>
          <cell r="JQ332" t="str">
            <v/>
          </cell>
          <cell r="JR332" t="str">
            <v/>
          </cell>
          <cell r="JS332" t="str">
            <v/>
          </cell>
          <cell r="JT332" t="str">
            <v/>
          </cell>
          <cell r="JU332" t="str">
            <v/>
          </cell>
          <cell r="JV332" t="str">
            <v/>
          </cell>
          <cell r="JW332" t="str">
            <v/>
          </cell>
          <cell r="JX332" t="str">
            <v/>
          </cell>
          <cell r="JY332" t="str">
            <v/>
          </cell>
          <cell r="JZ332" t="str">
            <v/>
          </cell>
        </row>
        <row r="333">
          <cell r="C333" t="str">
            <v/>
          </cell>
          <cell r="D333" t="str">
            <v/>
          </cell>
          <cell r="E333" t="str">
            <v/>
          </cell>
          <cell r="I333">
            <v>325</v>
          </cell>
          <cell r="M333" t="str">
            <v>令和３年度公園樹木管理等委託業務（単価契約）</v>
          </cell>
          <cell r="Q333" t="str">
            <v>(6)</v>
          </cell>
          <cell r="Y333">
            <v>1</v>
          </cell>
          <cell r="AC333">
            <v>8</v>
          </cell>
          <cell r="AD333">
            <v>9</v>
          </cell>
          <cell r="AI333" t="str">
            <v>伊丹市全域</v>
          </cell>
          <cell r="AQ333">
            <v>7</v>
          </cell>
          <cell r="AY333">
            <v>44272</v>
          </cell>
          <cell r="AZ333">
            <v>44287</v>
          </cell>
          <cell r="BA333">
            <v>365</v>
          </cell>
          <cell r="BB333">
            <v>44651</v>
          </cell>
          <cell r="BC333" t="str">
            <v/>
          </cell>
          <cell r="BD333" t="str">
            <v/>
          </cell>
          <cell r="BE333" t="str">
            <v/>
          </cell>
          <cell r="BF333">
            <v>0.58402777777777781</v>
          </cell>
          <cell r="BG333">
            <v>7796</v>
          </cell>
          <cell r="BH333" t="str">
            <v>山口  貴裕</v>
          </cell>
          <cell r="BI333" t="str">
            <v>公園課</v>
          </cell>
          <cell r="BJ333">
            <v>4827</v>
          </cell>
          <cell r="BN333" t="str">
            <v>緑</v>
          </cell>
          <cell r="BO333">
            <v>16</v>
          </cell>
          <cell r="BS333">
            <v>975700</v>
          </cell>
          <cell r="BT333">
            <v>880000</v>
          </cell>
          <cell r="BU333" t="str">
            <v/>
          </cell>
          <cell r="BV333" t="str">
            <v/>
          </cell>
          <cell r="CD333" t="str">
            <v/>
          </cell>
          <cell r="CH333" t="str">
            <v>494-9</v>
          </cell>
          <cell r="CI333">
            <v>44249</v>
          </cell>
          <cell r="CP333">
            <v>23633</v>
          </cell>
          <cell r="CW333">
            <v>44258</v>
          </cell>
          <cell r="CX333">
            <v>44260</v>
          </cell>
          <cell r="CY333" t="str">
            <v/>
          </cell>
          <cell r="CZ333" t="str">
            <v/>
          </cell>
          <cell r="DA333">
            <v>44264</v>
          </cell>
          <cell r="DB333">
            <v>44266</v>
          </cell>
          <cell r="DD333" t="str">
            <v/>
          </cell>
          <cell r="DL333">
            <v>366</v>
          </cell>
          <cell r="DM333">
            <v>228</v>
          </cell>
          <cell r="DN333">
            <v>38</v>
          </cell>
          <cell r="DO333">
            <v>91</v>
          </cell>
          <cell r="DP333">
            <v>356</v>
          </cell>
          <cell r="DQ333">
            <v>554</v>
          </cell>
          <cell r="DR333">
            <v>459</v>
          </cell>
          <cell r="EZ333">
            <v>7</v>
          </cell>
          <cell r="FA333">
            <v>6</v>
          </cell>
          <cell r="FI333">
            <v>3</v>
          </cell>
          <cell r="FJ333" t="str">
            <v>随意契約</v>
          </cell>
          <cell r="FN333">
            <v>4</v>
          </cell>
          <cell r="FO333" t="str">
            <v>電子入札</v>
          </cell>
          <cell r="FS333">
            <v>5</v>
          </cell>
          <cell r="FT333">
            <v>1</v>
          </cell>
          <cell r="FU333" t="str">
            <v/>
          </cell>
          <cell r="FW333" t="str">
            <v/>
          </cell>
          <cell r="FY333" t="str">
            <v/>
          </cell>
          <cell r="GC333">
            <v>1</v>
          </cell>
          <cell r="GD333">
            <v>1</v>
          </cell>
          <cell r="GE333" t="str">
            <v>契約・検査課長　松本　嘉博</v>
          </cell>
          <cell r="GF333">
            <v>366</v>
          </cell>
          <cell r="GG333" t="str">
            <v>前田造園土木</v>
          </cell>
          <cell r="GH333">
            <v>870000</v>
          </cell>
          <cell r="GI333" t="str">
            <v/>
          </cell>
          <cell r="GJ333">
            <v>236000</v>
          </cell>
          <cell r="GL333" t="str">
            <v>1級造園技能士、1級造園施工管理士、1級土木施工管理士、監理技術者</v>
          </cell>
          <cell r="GM333" t="str">
            <v>前田　和成</v>
          </cell>
          <cell r="GN333" t="str">
            <v>1級造園技能士、1級造園施工管理士、1級土木施工管理士、監理技術者</v>
          </cell>
          <cell r="GO333" t="str">
            <v>前田　和成</v>
          </cell>
          <cell r="GT333" t="str">
            <v/>
          </cell>
          <cell r="GW333" t="str">
            <v/>
          </cell>
          <cell r="HO333" t="str">
            <v/>
          </cell>
          <cell r="HP333">
            <v>870000</v>
          </cell>
          <cell r="HQ333">
            <v>915000</v>
          </cell>
          <cell r="HR333">
            <v>925000</v>
          </cell>
          <cell r="HS333">
            <v>930000</v>
          </cell>
          <cell r="HT333">
            <v>930000</v>
          </cell>
          <cell r="HU333">
            <v>946000</v>
          </cell>
          <cell r="HV333">
            <v>980000</v>
          </cell>
          <cell r="JD333" t="str">
            <v/>
          </cell>
          <cell r="JE333" t="str">
            <v/>
          </cell>
          <cell r="JF333" t="str">
            <v/>
          </cell>
          <cell r="JG333" t="str">
            <v/>
          </cell>
          <cell r="JH333" t="str">
            <v/>
          </cell>
          <cell r="JI333" t="str">
            <v/>
          </cell>
          <cell r="JJ333">
            <v>16</v>
          </cell>
          <cell r="JK333">
            <v>16</v>
          </cell>
          <cell r="JL333" t="str">
            <v/>
          </cell>
          <cell r="JM333" t="str">
            <v/>
          </cell>
          <cell r="JN333" t="str">
            <v/>
          </cell>
          <cell r="JO333" t="str">
            <v/>
          </cell>
          <cell r="JP333" t="str">
            <v/>
          </cell>
          <cell r="JQ333" t="str">
            <v/>
          </cell>
          <cell r="JR333" t="str">
            <v/>
          </cell>
          <cell r="JS333" t="str">
            <v/>
          </cell>
          <cell r="JT333" t="str">
            <v/>
          </cell>
          <cell r="JU333" t="str">
            <v/>
          </cell>
          <cell r="JV333" t="str">
            <v/>
          </cell>
          <cell r="JW333" t="str">
            <v/>
          </cell>
          <cell r="JX333" t="str">
            <v/>
          </cell>
          <cell r="JY333" t="str">
            <v/>
          </cell>
          <cell r="JZ333" t="str">
            <v/>
          </cell>
        </row>
        <row r="334">
          <cell r="C334" t="str">
            <v/>
          </cell>
          <cell r="D334" t="str">
            <v/>
          </cell>
          <cell r="E334" t="str">
            <v/>
          </cell>
          <cell r="I334">
            <v>326</v>
          </cell>
          <cell r="M334" t="str">
            <v>令和３年度街路樹維持管理委託業務単価契約（高木）</v>
          </cell>
          <cell r="Q334" t="str">
            <v>(7)</v>
          </cell>
          <cell r="Y334">
            <v>1</v>
          </cell>
          <cell r="AC334">
            <v>8</v>
          </cell>
          <cell r="AD334">
            <v>9</v>
          </cell>
          <cell r="AI334" t="str">
            <v>伊丹市全域地内</v>
          </cell>
          <cell r="AQ334">
            <v>3</v>
          </cell>
          <cell r="AU334">
            <v>4</v>
          </cell>
          <cell r="AY334">
            <v>44272</v>
          </cell>
          <cell r="AZ334">
            <v>44287</v>
          </cell>
          <cell r="BA334">
            <v>365</v>
          </cell>
          <cell r="BB334">
            <v>44651</v>
          </cell>
          <cell r="BC334" t="str">
            <v/>
          </cell>
          <cell r="BD334" t="str">
            <v/>
          </cell>
          <cell r="BE334" t="str">
            <v/>
          </cell>
          <cell r="BF334">
            <v>0.58402777777777781</v>
          </cell>
          <cell r="BG334">
            <v>6947</v>
          </cell>
          <cell r="BH334" t="str">
            <v>大浦  琢郎</v>
          </cell>
          <cell r="BI334" t="str">
            <v>道路保全課</v>
          </cell>
          <cell r="BJ334">
            <v>4474</v>
          </cell>
          <cell r="BN334" t="str">
            <v>土</v>
          </cell>
          <cell r="BO334">
            <v>25</v>
          </cell>
          <cell r="BS334">
            <v>467500</v>
          </cell>
          <cell r="BT334">
            <v>420000</v>
          </cell>
          <cell r="BU334" t="str">
            <v/>
          </cell>
          <cell r="BV334" t="str">
            <v/>
          </cell>
          <cell r="CD334" t="str">
            <v/>
          </cell>
          <cell r="CH334" t="str">
            <v>494-10</v>
          </cell>
          <cell r="CI334">
            <v>44249</v>
          </cell>
          <cell r="CP334">
            <v>81044</v>
          </cell>
          <cell r="CW334">
            <v>44258</v>
          </cell>
          <cell r="CX334">
            <v>44260</v>
          </cell>
          <cell r="CY334" t="str">
            <v/>
          </cell>
          <cell r="CZ334" t="str">
            <v/>
          </cell>
          <cell r="DA334">
            <v>44264</v>
          </cell>
          <cell r="DB334">
            <v>44266</v>
          </cell>
          <cell r="DD334" t="str">
            <v/>
          </cell>
          <cell r="DL334">
            <v>228</v>
          </cell>
          <cell r="DM334">
            <v>38</v>
          </cell>
          <cell r="DN334">
            <v>366</v>
          </cell>
          <cell r="DO334">
            <v>459</v>
          </cell>
          <cell r="DP334">
            <v>91</v>
          </cell>
          <cell r="DQ334">
            <v>356</v>
          </cell>
          <cell r="DR334">
            <v>554</v>
          </cell>
          <cell r="EZ334">
            <v>7</v>
          </cell>
          <cell r="FA334">
            <v>6</v>
          </cell>
          <cell r="FI334">
            <v>3</v>
          </cell>
          <cell r="FJ334" t="str">
            <v>随意契約</v>
          </cell>
          <cell r="FN334">
            <v>4</v>
          </cell>
          <cell r="FO334" t="str">
            <v>電子入札</v>
          </cell>
          <cell r="FS334">
            <v>5</v>
          </cell>
          <cell r="FT334">
            <v>1</v>
          </cell>
          <cell r="FU334" t="str">
            <v/>
          </cell>
          <cell r="FW334" t="str">
            <v/>
          </cell>
          <cell r="FY334" t="str">
            <v/>
          </cell>
          <cell r="GC334">
            <v>1</v>
          </cell>
          <cell r="GD334">
            <v>1</v>
          </cell>
          <cell r="GE334" t="str">
            <v>契約・検査課長　松本　嘉博</v>
          </cell>
          <cell r="GF334">
            <v>228</v>
          </cell>
          <cell r="GG334" t="str">
            <v>(有)池尻造園</v>
          </cell>
          <cell r="GH334">
            <v>398000</v>
          </cell>
          <cell r="GI334" t="str">
            <v/>
          </cell>
          <cell r="GJ334">
            <v>738000</v>
          </cell>
          <cell r="GL334" t="str">
            <v>1級造園施工管理技士</v>
          </cell>
          <cell r="GM334" t="str">
            <v>古結　靖彦</v>
          </cell>
          <cell r="GN334" t="str">
            <v>1級造園施工管理技士</v>
          </cell>
          <cell r="GO334" t="str">
            <v>古結　靖彦</v>
          </cell>
          <cell r="GT334" t="str">
            <v/>
          </cell>
          <cell r="GW334" t="str">
            <v/>
          </cell>
          <cell r="HO334" t="str">
            <v/>
          </cell>
          <cell r="HP334">
            <v>398000</v>
          </cell>
          <cell r="HQ334">
            <v>408500</v>
          </cell>
          <cell r="HR334">
            <v>410000</v>
          </cell>
          <cell r="HS334">
            <v>410000</v>
          </cell>
          <cell r="HT334">
            <v>430000</v>
          </cell>
          <cell r="HU334">
            <v>435000</v>
          </cell>
          <cell r="HV334">
            <v>443000</v>
          </cell>
          <cell r="JD334">
            <v>25</v>
          </cell>
          <cell r="JE334">
            <v>25</v>
          </cell>
          <cell r="JF334" t="str">
            <v/>
          </cell>
          <cell r="JG334" t="str">
            <v/>
          </cell>
          <cell r="JH334" t="str">
            <v/>
          </cell>
          <cell r="JI334" t="str">
            <v/>
          </cell>
          <cell r="JJ334" t="str">
            <v/>
          </cell>
          <cell r="JK334" t="str">
            <v/>
          </cell>
          <cell r="JL334" t="str">
            <v/>
          </cell>
          <cell r="JM334" t="str">
            <v/>
          </cell>
          <cell r="JN334" t="str">
            <v/>
          </cell>
          <cell r="JO334" t="str">
            <v/>
          </cell>
          <cell r="JP334" t="str">
            <v/>
          </cell>
          <cell r="JQ334" t="str">
            <v/>
          </cell>
          <cell r="JR334" t="str">
            <v/>
          </cell>
          <cell r="JS334" t="str">
            <v/>
          </cell>
          <cell r="JT334" t="str">
            <v/>
          </cell>
          <cell r="JU334" t="str">
            <v/>
          </cell>
          <cell r="JV334" t="str">
            <v/>
          </cell>
          <cell r="JW334" t="str">
            <v/>
          </cell>
          <cell r="JX334" t="str">
            <v/>
          </cell>
          <cell r="JY334" t="str">
            <v/>
          </cell>
          <cell r="JZ334" t="str">
            <v/>
          </cell>
        </row>
        <row r="335">
          <cell r="C335" t="str">
            <v/>
          </cell>
          <cell r="D335" t="str">
            <v/>
          </cell>
          <cell r="E335" t="str">
            <v/>
          </cell>
          <cell r="I335">
            <v>327</v>
          </cell>
          <cell r="M335" t="str">
            <v>令和３年度街路樹維持管理委託業務単価契約（中低木・東部）</v>
          </cell>
          <cell r="Q335" t="str">
            <v>(8)</v>
          </cell>
          <cell r="Y335">
            <v>1</v>
          </cell>
          <cell r="AC335">
            <v>8</v>
          </cell>
          <cell r="AD335">
            <v>9</v>
          </cell>
          <cell r="AI335" t="str">
            <v>伊丹市東部地内</v>
          </cell>
          <cell r="AQ335">
            <v>3</v>
          </cell>
          <cell r="AU335">
            <v>4</v>
          </cell>
          <cell r="AY335">
            <v>44272</v>
          </cell>
          <cell r="AZ335">
            <v>44287</v>
          </cell>
          <cell r="BA335">
            <v>365</v>
          </cell>
          <cell r="BB335">
            <v>44651</v>
          </cell>
          <cell r="BC335" t="str">
            <v/>
          </cell>
          <cell r="BD335" t="str">
            <v/>
          </cell>
          <cell r="BE335" t="str">
            <v/>
          </cell>
          <cell r="BF335">
            <v>0.58402777777777781</v>
          </cell>
          <cell r="BG335">
            <v>6947</v>
          </cell>
          <cell r="BH335" t="str">
            <v>大浦  琢郎</v>
          </cell>
          <cell r="BI335" t="str">
            <v>道路保全課</v>
          </cell>
          <cell r="BJ335">
            <v>4474</v>
          </cell>
          <cell r="BN335" t="str">
            <v>土</v>
          </cell>
          <cell r="BO335">
            <v>26</v>
          </cell>
          <cell r="BS335">
            <v>1892000</v>
          </cell>
          <cell r="BT335">
            <v>1720000</v>
          </cell>
          <cell r="BU335" t="str">
            <v/>
          </cell>
          <cell r="BV335" t="str">
            <v/>
          </cell>
          <cell r="CD335" t="str">
            <v/>
          </cell>
          <cell r="CH335" t="str">
            <v>494-11</v>
          </cell>
          <cell r="CI335">
            <v>44249</v>
          </cell>
          <cell r="CP335">
            <v>36510</v>
          </cell>
          <cell r="CW335">
            <v>44258</v>
          </cell>
          <cell r="CX335">
            <v>44260</v>
          </cell>
          <cell r="CY335" t="str">
            <v/>
          </cell>
          <cell r="CZ335" t="str">
            <v/>
          </cell>
          <cell r="DA335">
            <v>44264</v>
          </cell>
          <cell r="DB335">
            <v>44266</v>
          </cell>
          <cell r="DD335" t="str">
            <v/>
          </cell>
          <cell r="DL335">
            <v>356</v>
          </cell>
          <cell r="DM335">
            <v>459</v>
          </cell>
          <cell r="DN335">
            <v>38</v>
          </cell>
          <cell r="DO335">
            <v>366</v>
          </cell>
          <cell r="DP335">
            <v>228</v>
          </cell>
          <cell r="DQ335">
            <v>91</v>
          </cell>
          <cell r="DR335">
            <v>554</v>
          </cell>
          <cell r="EZ335">
            <v>7</v>
          </cell>
          <cell r="FA335">
            <v>6</v>
          </cell>
          <cell r="FI335">
            <v>3</v>
          </cell>
          <cell r="FJ335" t="str">
            <v>随意契約</v>
          </cell>
          <cell r="FN335">
            <v>4</v>
          </cell>
          <cell r="FO335" t="str">
            <v>電子入札</v>
          </cell>
          <cell r="FS335">
            <v>5</v>
          </cell>
          <cell r="FT335">
            <v>1</v>
          </cell>
          <cell r="FU335" t="str">
            <v/>
          </cell>
          <cell r="FW335" t="str">
            <v/>
          </cell>
          <cell r="FY335" t="str">
            <v/>
          </cell>
          <cell r="GC335">
            <v>1</v>
          </cell>
          <cell r="GD335">
            <v>1</v>
          </cell>
          <cell r="GE335" t="str">
            <v>契約・検査課長　松本　嘉博</v>
          </cell>
          <cell r="GF335">
            <v>356</v>
          </cell>
          <cell r="GG335" t="str">
            <v>(株)旭興産</v>
          </cell>
          <cell r="GH335">
            <v>1550000</v>
          </cell>
          <cell r="GI335" t="str">
            <v/>
          </cell>
          <cell r="GJ335">
            <v>350000</v>
          </cell>
          <cell r="GL335" t="str">
            <v>2級造園施工管理技士、2級土木施工管理技士</v>
          </cell>
          <cell r="GM335" t="str">
            <v>氏田　一朗</v>
          </cell>
          <cell r="GN335" t="str">
            <v>2級造園施工管理技士、2級土木施工管理技士</v>
          </cell>
          <cell r="GO335" t="str">
            <v>氏田　一朗</v>
          </cell>
          <cell r="GT335" t="str">
            <v/>
          </cell>
          <cell r="GW335" t="str">
            <v/>
          </cell>
          <cell r="HO335" t="str">
            <v/>
          </cell>
          <cell r="HP335">
            <v>1550000</v>
          </cell>
          <cell r="HQ335">
            <v>1600000</v>
          </cell>
          <cell r="HR335">
            <v>1603500</v>
          </cell>
          <cell r="HS335">
            <v>1610000</v>
          </cell>
          <cell r="HT335">
            <v>1625000</v>
          </cell>
          <cell r="HU335">
            <v>1630000</v>
          </cell>
          <cell r="HV335">
            <v>1633000</v>
          </cell>
          <cell r="JD335">
            <v>26</v>
          </cell>
          <cell r="JE335">
            <v>26</v>
          </cell>
          <cell r="JF335" t="str">
            <v/>
          </cell>
          <cell r="JG335" t="str">
            <v/>
          </cell>
          <cell r="JH335" t="str">
            <v/>
          </cell>
          <cell r="JI335" t="str">
            <v/>
          </cell>
          <cell r="JJ335" t="str">
            <v/>
          </cell>
          <cell r="JK335" t="str">
            <v/>
          </cell>
          <cell r="JL335" t="str">
            <v/>
          </cell>
          <cell r="JM335" t="str">
            <v/>
          </cell>
          <cell r="JN335" t="str">
            <v/>
          </cell>
          <cell r="JO335" t="str">
            <v/>
          </cell>
          <cell r="JP335" t="str">
            <v/>
          </cell>
          <cell r="JQ335" t="str">
            <v/>
          </cell>
          <cell r="JR335" t="str">
            <v/>
          </cell>
          <cell r="JS335" t="str">
            <v/>
          </cell>
          <cell r="JT335" t="str">
            <v/>
          </cell>
          <cell r="JU335" t="str">
            <v/>
          </cell>
          <cell r="JV335" t="str">
            <v/>
          </cell>
          <cell r="JW335" t="str">
            <v/>
          </cell>
          <cell r="JX335" t="str">
            <v/>
          </cell>
          <cell r="JY335" t="str">
            <v/>
          </cell>
          <cell r="JZ335" t="str">
            <v/>
          </cell>
        </row>
        <row r="336">
          <cell r="C336" t="str">
            <v/>
          </cell>
          <cell r="D336" t="str">
            <v/>
          </cell>
          <cell r="E336" t="str">
            <v/>
          </cell>
          <cell r="I336">
            <v>328</v>
          </cell>
          <cell r="M336" t="str">
            <v>令和３年度街路樹維持管理委託業務単価契約（中低木・西部）</v>
          </cell>
          <cell r="Q336" t="str">
            <v>(9)</v>
          </cell>
          <cell r="Y336">
            <v>1</v>
          </cell>
          <cell r="AC336">
            <v>8</v>
          </cell>
          <cell r="AD336">
            <v>9</v>
          </cell>
          <cell r="AI336" t="str">
            <v>伊丹市西部地内</v>
          </cell>
          <cell r="AQ336">
            <v>3</v>
          </cell>
          <cell r="AU336">
            <v>4</v>
          </cell>
          <cell r="AY336">
            <v>44272</v>
          </cell>
          <cell r="AZ336">
            <v>44287</v>
          </cell>
          <cell r="BA336">
            <v>365</v>
          </cell>
          <cell r="BB336">
            <v>44651</v>
          </cell>
          <cell r="BC336" t="str">
            <v/>
          </cell>
          <cell r="BD336" t="str">
            <v/>
          </cell>
          <cell r="BE336" t="str">
            <v/>
          </cell>
          <cell r="BF336">
            <v>0.58402777777777781</v>
          </cell>
          <cell r="BG336">
            <v>6947</v>
          </cell>
          <cell r="BH336" t="str">
            <v>大浦  琢郎</v>
          </cell>
          <cell r="BI336" t="str">
            <v>道路保全課</v>
          </cell>
          <cell r="BJ336">
            <v>4474</v>
          </cell>
          <cell r="BN336" t="str">
            <v>土</v>
          </cell>
          <cell r="BO336">
            <v>27</v>
          </cell>
          <cell r="BS336">
            <v>1892000</v>
          </cell>
          <cell r="BT336">
            <v>1720000</v>
          </cell>
          <cell r="BU336" t="str">
            <v/>
          </cell>
          <cell r="BV336" t="str">
            <v/>
          </cell>
          <cell r="CD336" t="str">
            <v/>
          </cell>
          <cell r="CH336" t="str">
            <v>494-12</v>
          </cell>
          <cell r="CI336">
            <v>44249</v>
          </cell>
          <cell r="CP336">
            <v>35210</v>
          </cell>
          <cell r="CW336">
            <v>44258</v>
          </cell>
          <cell r="CX336">
            <v>44260</v>
          </cell>
          <cell r="CY336" t="str">
            <v/>
          </cell>
          <cell r="CZ336" t="str">
            <v/>
          </cell>
          <cell r="DA336">
            <v>44264</v>
          </cell>
          <cell r="DB336">
            <v>44266</v>
          </cell>
          <cell r="DD336" t="str">
            <v/>
          </cell>
          <cell r="DL336">
            <v>91</v>
          </cell>
          <cell r="DM336">
            <v>459</v>
          </cell>
          <cell r="DN336">
            <v>228</v>
          </cell>
          <cell r="DO336">
            <v>38</v>
          </cell>
          <cell r="DP336">
            <v>366</v>
          </cell>
          <cell r="DQ336">
            <v>554</v>
          </cell>
          <cell r="DR336">
            <v>356</v>
          </cell>
          <cell r="EZ336">
            <v>7</v>
          </cell>
          <cell r="FA336">
            <v>6</v>
          </cell>
          <cell r="FI336">
            <v>3</v>
          </cell>
          <cell r="FJ336" t="str">
            <v>随意契約</v>
          </cell>
          <cell r="FN336">
            <v>4</v>
          </cell>
          <cell r="FO336" t="str">
            <v>電子入札</v>
          </cell>
          <cell r="FS336">
            <v>5</v>
          </cell>
          <cell r="FT336">
            <v>1</v>
          </cell>
          <cell r="FU336" t="str">
            <v/>
          </cell>
          <cell r="FW336" t="str">
            <v/>
          </cell>
          <cell r="GD336">
            <v>1</v>
          </cell>
          <cell r="GE336" t="str">
            <v>契約・検査課長　松本　嘉博</v>
          </cell>
          <cell r="GF336">
            <v>91</v>
          </cell>
          <cell r="GG336" t="str">
            <v>(株)明治園</v>
          </cell>
          <cell r="GH336">
            <v>1580000</v>
          </cell>
          <cell r="GI336" t="str">
            <v/>
          </cell>
          <cell r="GJ336">
            <v>350000</v>
          </cell>
          <cell r="GL336" t="str">
            <v>1級造園管理技士</v>
          </cell>
          <cell r="GM336" t="str">
            <v>口丸　昌孝</v>
          </cell>
          <cell r="GN336" t="str">
            <v>1級造園管理技士</v>
          </cell>
          <cell r="GO336" t="str">
            <v>口丸　昌孝</v>
          </cell>
          <cell r="GT336" t="str">
            <v/>
          </cell>
          <cell r="GW336" t="str">
            <v/>
          </cell>
          <cell r="HO336" t="str">
            <v/>
          </cell>
          <cell r="HP336">
            <v>1580000</v>
          </cell>
          <cell r="HQ336">
            <v>1600000</v>
          </cell>
          <cell r="HR336">
            <v>1610000</v>
          </cell>
          <cell r="HS336">
            <v>1620000</v>
          </cell>
          <cell r="HT336">
            <v>1620000</v>
          </cell>
          <cell r="HU336">
            <v>1635000</v>
          </cell>
          <cell r="HV336">
            <v>1650000</v>
          </cell>
          <cell r="JD336">
            <v>27</v>
          </cell>
          <cell r="JE336">
            <v>27</v>
          </cell>
          <cell r="JF336" t="str">
            <v/>
          </cell>
          <cell r="JG336" t="str">
            <v/>
          </cell>
          <cell r="JH336" t="str">
            <v/>
          </cell>
          <cell r="JI336" t="str">
            <v/>
          </cell>
          <cell r="JJ336" t="str">
            <v/>
          </cell>
          <cell r="JK336" t="str">
            <v/>
          </cell>
          <cell r="JL336" t="str">
            <v/>
          </cell>
          <cell r="JM336" t="str">
            <v/>
          </cell>
          <cell r="JN336" t="str">
            <v/>
          </cell>
          <cell r="JO336" t="str">
            <v/>
          </cell>
          <cell r="JP336" t="str">
            <v/>
          </cell>
          <cell r="JQ336" t="str">
            <v/>
          </cell>
          <cell r="JR336" t="str">
            <v/>
          </cell>
          <cell r="JS336" t="str">
            <v/>
          </cell>
          <cell r="JT336" t="str">
            <v/>
          </cell>
          <cell r="JU336" t="str">
            <v/>
          </cell>
          <cell r="JV336" t="str">
            <v/>
          </cell>
          <cell r="JW336" t="str">
            <v/>
          </cell>
          <cell r="JX336" t="str">
            <v/>
          </cell>
          <cell r="JY336" t="str">
            <v/>
          </cell>
          <cell r="JZ336" t="str">
            <v/>
          </cell>
        </row>
        <row r="337">
          <cell r="C337" t="str">
            <v/>
          </cell>
          <cell r="D337" t="str">
            <v/>
          </cell>
          <cell r="E337" t="str">
            <v/>
          </cell>
          <cell r="I337">
            <v>329</v>
          </cell>
          <cell r="M337" t="str">
            <v>令和３年度道路除草（単価契約）委託業務</v>
          </cell>
          <cell r="Q337" t="str">
            <v>(10)</v>
          </cell>
          <cell r="Y337">
            <v>1</v>
          </cell>
          <cell r="AC337">
            <v>8</v>
          </cell>
          <cell r="AD337">
            <v>9</v>
          </cell>
          <cell r="AI337" t="str">
            <v>伊丹市全域地内</v>
          </cell>
          <cell r="AQ337">
            <v>3</v>
          </cell>
          <cell r="AU337">
            <v>2</v>
          </cell>
          <cell r="AY337">
            <v>44272</v>
          </cell>
          <cell r="AZ337">
            <v>44287</v>
          </cell>
          <cell r="BA337">
            <v>365</v>
          </cell>
          <cell r="BB337">
            <v>44651</v>
          </cell>
          <cell r="BC337" t="str">
            <v/>
          </cell>
          <cell r="BD337" t="str">
            <v/>
          </cell>
          <cell r="BE337" t="str">
            <v/>
          </cell>
          <cell r="BF337">
            <v>0.58402777777777781</v>
          </cell>
          <cell r="BG337">
            <v>7438</v>
          </cell>
          <cell r="BH337" t="str">
            <v>安井　真紀</v>
          </cell>
          <cell r="BI337" t="str">
            <v xml:space="preserve">道路保全課 </v>
          </cell>
          <cell r="BJ337">
            <v>4617</v>
          </cell>
          <cell r="BN337" t="str">
            <v>土</v>
          </cell>
          <cell r="BO337">
            <v>28</v>
          </cell>
          <cell r="BS337">
            <v>96800</v>
          </cell>
          <cell r="BT337">
            <v>88000</v>
          </cell>
          <cell r="BU337" t="str">
            <v/>
          </cell>
          <cell r="BV337" t="str">
            <v/>
          </cell>
          <cell r="CD337" t="str">
            <v/>
          </cell>
          <cell r="CH337" t="str">
            <v>494-13</v>
          </cell>
          <cell r="CI337">
            <v>44249</v>
          </cell>
          <cell r="CP337">
            <v>89890</v>
          </cell>
          <cell r="CW337">
            <v>44258</v>
          </cell>
          <cell r="CX337">
            <v>44260</v>
          </cell>
          <cell r="CY337" t="str">
            <v/>
          </cell>
          <cell r="CZ337" t="str">
            <v/>
          </cell>
          <cell r="DA337">
            <v>44264</v>
          </cell>
          <cell r="DB337">
            <v>44266</v>
          </cell>
          <cell r="DD337" t="str">
            <v/>
          </cell>
          <cell r="DL337">
            <v>459</v>
          </cell>
          <cell r="DM337">
            <v>38</v>
          </cell>
          <cell r="DN337">
            <v>91</v>
          </cell>
          <cell r="DO337">
            <v>228</v>
          </cell>
          <cell r="DP337">
            <v>366</v>
          </cell>
          <cell r="DQ337">
            <v>554</v>
          </cell>
          <cell r="DR337">
            <v>356</v>
          </cell>
          <cell r="EZ337">
            <v>7</v>
          </cell>
          <cell r="FA337">
            <v>6</v>
          </cell>
          <cell r="FI337">
            <v>3</v>
          </cell>
          <cell r="FJ337" t="str">
            <v>随意契約</v>
          </cell>
          <cell r="FN337">
            <v>4</v>
          </cell>
          <cell r="FO337" t="str">
            <v>電子入札</v>
          </cell>
          <cell r="FS337">
            <v>5</v>
          </cell>
          <cell r="FT337">
            <v>1</v>
          </cell>
          <cell r="FU337" t="str">
            <v/>
          </cell>
          <cell r="FW337" t="str">
            <v/>
          </cell>
          <cell r="FY337" t="str">
            <v/>
          </cell>
          <cell r="GC337">
            <v>1</v>
          </cell>
          <cell r="GD337">
            <v>1</v>
          </cell>
          <cell r="GE337" t="str">
            <v>契約・検査課長　松本　嘉博</v>
          </cell>
          <cell r="GF337">
            <v>459</v>
          </cell>
          <cell r="GG337" t="str">
            <v>(有)松盛園</v>
          </cell>
          <cell r="GH337">
            <v>46900</v>
          </cell>
          <cell r="GI337" t="str">
            <v/>
          </cell>
          <cell r="GJ337">
            <v>222000</v>
          </cell>
          <cell r="GL337" t="str">
            <v>1級造園施工管理技術士　09160988</v>
          </cell>
          <cell r="GM337" t="str">
            <v>勝山　博文</v>
          </cell>
          <cell r="GN337" t="str">
            <v>1級造園施工管理技術士　09160988</v>
          </cell>
          <cell r="GO337" t="str">
            <v>勝山　博文</v>
          </cell>
          <cell r="GT337" t="str">
            <v/>
          </cell>
          <cell r="GW337" t="str">
            <v/>
          </cell>
          <cell r="HO337" t="str">
            <v/>
          </cell>
          <cell r="HP337">
            <v>46900</v>
          </cell>
          <cell r="HQ337">
            <v>47500</v>
          </cell>
          <cell r="HR337">
            <v>48000</v>
          </cell>
          <cell r="HS337">
            <v>48500</v>
          </cell>
          <cell r="HT337">
            <v>48500</v>
          </cell>
          <cell r="HU337">
            <v>48800</v>
          </cell>
          <cell r="HV337">
            <v>50000</v>
          </cell>
          <cell r="JD337">
            <v>28</v>
          </cell>
          <cell r="JE337">
            <v>28</v>
          </cell>
          <cell r="JF337" t="str">
            <v/>
          </cell>
          <cell r="JG337" t="str">
            <v/>
          </cell>
          <cell r="JH337" t="str">
            <v/>
          </cell>
          <cell r="JI337" t="str">
            <v/>
          </cell>
          <cell r="JJ337" t="str">
            <v/>
          </cell>
          <cell r="JK337" t="str">
            <v/>
          </cell>
          <cell r="JL337" t="str">
            <v/>
          </cell>
          <cell r="JM337" t="str">
            <v/>
          </cell>
          <cell r="JN337" t="str">
            <v/>
          </cell>
          <cell r="JO337" t="str">
            <v/>
          </cell>
          <cell r="JP337" t="str">
            <v/>
          </cell>
          <cell r="JQ337" t="str">
            <v/>
          </cell>
          <cell r="JR337" t="str">
            <v/>
          </cell>
          <cell r="JS337" t="str">
            <v/>
          </cell>
          <cell r="JT337" t="str">
            <v/>
          </cell>
          <cell r="JU337" t="str">
            <v/>
          </cell>
          <cell r="JV337" t="str">
            <v/>
          </cell>
          <cell r="JW337" t="str">
            <v/>
          </cell>
          <cell r="JX337" t="str">
            <v/>
          </cell>
          <cell r="JY337" t="str">
            <v/>
          </cell>
          <cell r="JZ337" t="str">
            <v/>
          </cell>
        </row>
        <row r="338">
          <cell r="C338" t="str">
            <v/>
          </cell>
          <cell r="D338" t="str">
            <v/>
          </cell>
          <cell r="E338" t="str">
            <v/>
          </cell>
          <cell r="I338">
            <v>330</v>
          </cell>
          <cell r="M338" t="str">
            <v>令和３年度公園遊具維持修繕単価契約工事</v>
          </cell>
          <cell r="Q338" t="str">
            <v>(11)</v>
          </cell>
          <cell r="Y338">
            <v>1</v>
          </cell>
          <cell r="AC338">
            <v>8</v>
          </cell>
          <cell r="AD338" t="str">
            <v>-</v>
          </cell>
          <cell r="AI338" t="str">
            <v>伊丹市全域</v>
          </cell>
          <cell r="AQ338">
            <v>3</v>
          </cell>
          <cell r="AU338">
            <v>4</v>
          </cell>
          <cell r="AY338">
            <v>44272</v>
          </cell>
          <cell r="AZ338">
            <v>44287</v>
          </cell>
          <cell r="BA338">
            <v>365</v>
          </cell>
          <cell r="BB338">
            <v>44651</v>
          </cell>
          <cell r="BC338">
            <v>13</v>
          </cell>
          <cell r="BD338" t="str">
            <v>○</v>
          </cell>
          <cell r="BE338" t="str">
            <v/>
          </cell>
          <cell r="BF338">
            <v>0.58402777777777781</v>
          </cell>
          <cell r="BG338">
            <v>7796</v>
          </cell>
          <cell r="BH338" t="str">
            <v>山口  貴裕</v>
          </cell>
          <cell r="BI338" t="str">
            <v>公園課</v>
          </cell>
          <cell r="BJ338">
            <v>4827</v>
          </cell>
          <cell r="BN338" t="str">
            <v>緑</v>
          </cell>
          <cell r="BO338">
            <v>17</v>
          </cell>
          <cell r="BS338">
            <v>2664200</v>
          </cell>
          <cell r="BT338">
            <v>2420000</v>
          </cell>
          <cell r="BU338">
            <v>1</v>
          </cell>
          <cell r="BV338">
            <v>1930000</v>
          </cell>
          <cell r="CD338" t="str">
            <v/>
          </cell>
          <cell r="CH338">
            <v>-170</v>
          </cell>
          <cell r="CI338">
            <v>44252</v>
          </cell>
          <cell r="CP338">
            <v>47915</v>
          </cell>
          <cell r="CW338" t="str">
            <v/>
          </cell>
          <cell r="CX338" t="str">
            <v/>
          </cell>
          <cell r="CY338" t="str">
            <v/>
          </cell>
          <cell r="CZ338" t="str">
            <v/>
          </cell>
          <cell r="DA338">
            <v>44259</v>
          </cell>
          <cell r="DB338">
            <v>44264</v>
          </cell>
          <cell r="DD338" t="str">
            <v>×</v>
          </cell>
          <cell r="DL338">
            <v>2031</v>
          </cell>
          <cell r="DM338">
            <v>2038</v>
          </cell>
          <cell r="DN338">
            <v>2198</v>
          </cell>
          <cell r="DO338">
            <v>2753</v>
          </cell>
          <cell r="DP338">
            <v>3104</v>
          </cell>
          <cell r="DQ338">
            <v>3552</v>
          </cell>
          <cell r="DR338">
            <v>3684</v>
          </cell>
          <cell r="DS338">
            <v>3828</v>
          </cell>
          <cell r="EZ338">
            <v>8</v>
          </cell>
          <cell r="FA338">
            <v>6</v>
          </cell>
          <cell r="FI338">
            <v>3</v>
          </cell>
          <cell r="FJ338" t="str">
            <v>随意契約</v>
          </cell>
          <cell r="FN338">
            <v>4</v>
          </cell>
          <cell r="FO338" t="str">
            <v>電子入札</v>
          </cell>
          <cell r="FS338">
            <v>1</v>
          </cell>
          <cell r="FT338">
            <v>1</v>
          </cell>
          <cell r="FU338" t="str">
            <v/>
          </cell>
          <cell r="FW338" t="str">
            <v/>
          </cell>
          <cell r="FY338" t="str">
            <v/>
          </cell>
          <cell r="GD338">
            <v>1</v>
          </cell>
          <cell r="GE338" t="str">
            <v>契約・検査課長　松本　嘉博</v>
          </cell>
          <cell r="GF338">
            <v>3552</v>
          </cell>
          <cell r="GG338" t="str">
            <v>(株)西日本体器製作所</v>
          </cell>
          <cell r="GH338">
            <v>2315000</v>
          </cell>
          <cell r="GI338" t="str">
            <v/>
          </cell>
          <cell r="GJ338" t="str">
            <v/>
          </cell>
          <cell r="GM338" t="str">
            <v>竹田　隆蔵</v>
          </cell>
          <cell r="GO338" t="str">
            <v>竹田　隆蔵</v>
          </cell>
          <cell r="GT338" t="str">
            <v/>
          </cell>
          <cell r="GW338" t="str">
            <v/>
          </cell>
          <cell r="HO338" t="str">
            <v/>
          </cell>
          <cell r="HP338">
            <v>2660000</v>
          </cell>
          <cell r="HQ338" t="str">
            <v>-</v>
          </cell>
          <cell r="HR338" t="str">
            <v>-</v>
          </cell>
          <cell r="HS338" t="str">
            <v>-</v>
          </cell>
          <cell r="HT338" t="str">
            <v>-</v>
          </cell>
          <cell r="HU338">
            <v>2315000</v>
          </cell>
          <cell r="HV338" t="str">
            <v>-</v>
          </cell>
          <cell r="HW338">
            <v>2660000</v>
          </cell>
          <cell r="JD338" t="str">
            <v/>
          </cell>
          <cell r="JE338" t="str">
            <v/>
          </cell>
          <cell r="JF338" t="str">
            <v/>
          </cell>
          <cell r="JG338" t="str">
            <v/>
          </cell>
          <cell r="JH338" t="str">
            <v/>
          </cell>
          <cell r="JI338" t="str">
            <v/>
          </cell>
          <cell r="JJ338">
            <v>17</v>
          </cell>
          <cell r="JK338">
            <v>17</v>
          </cell>
          <cell r="JL338" t="str">
            <v/>
          </cell>
          <cell r="JM338" t="str">
            <v/>
          </cell>
          <cell r="JN338" t="str">
            <v/>
          </cell>
          <cell r="JO338" t="str">
            <v/>
          </cell>
          <cell r="JP338" t="str">
            <v/>
          </cell>
          <cell r="JQ338" t="str">
            <v/>
          </cell>
          <cell r="JR338" t="str">
            <v/>
          </cell>
          <cell r="JS338" t="str">
            <v/>
          </cell>
          <cell r="JT338" t="str">
            <v/>
          </cell>
          <cell r="JU338" t="str">
            <v/>
          </cell>
          <cell r="JV338" t="str">
            <v/>
          </cell>
          <cell r="JW338" t="str">
            <v/>
          </cell>
          <cell r="JX338" t="str">
            <v/>
          </cell>
          <cell r="JY338" t="str">
            <v/>
          </cell>
          <cell r="JZ338" t="str">
            <v/>
          </cell>
        </row>
        <row r="339">
          <cell r="C339" t="str">
            <v/>
          </cell>
          <cell r="D339" t="str">
            <v/>
          </cell>
          <cell r="E339" t="str">
            <v/>
          </cell>
          <cell r="I339">
            <v>331</v>
          </cell>
          <cell r="M339" t="str">
            <v>令和３年度瑞ケ池公園他都市公園等維持管理委託業務</v>
          </cell>
          <cell r="Q339" t="str">
            <v>(12)</v>
          </cell>
          <cell r="Y339">
            <v>1</v>
          </cell>
          <cell r="AC339">
            <v>8</v>
          </cell>
          <cell r="AD339">
            <v>9</v>
          </cell>
          <cell r="AI339" t="str">
            <v>伊丹市瑞ケ丘５丁目他地内</v>
          </cell>
          <cell r="AQ339">
            <v>7</v>
          </cell>
          <cell r="AY339">
            <v>44272</v>
          </cell>
          <cell r="AZ339">
            <v>44287</v>
          </cell>
          <cell r="BA339">
            <v>365</v>
          </cell>
          <cell r="BB339">
            <v>44651</v>
          </cell>
          <cell r="BC339" t="str">
            <v/>
          </cell>
          <cell r="BD339" t="str">
            <v/>
          </cell>
          <cell r="BE339" t="str">
            <v/>
          </cell>
          <cell r="BF339">
            <v>0.58402777777777781</v>
          </cell>
          <cell r="BG339">
            <v>7439</v>
          </cell>
          <cell r="BH339" t="str">
            <v>余田　寛樹</v>
          </cell>
          <cell r="BI339" t="str">
            <v>公園課</v>
          </cell>
          <cell r="BJ339">
            <v>4618</v>
          </cell>
          <cell r="BN339" t="str">
            <v>緑</v>
          </cell>
          <cell r="BO339">
            <v>18</v>
          </cell>
          <cell r="BS339">
            <v>49086400</v>
          </cell>
          <cell r="BT339">
            <v>44620000</v>
          </cell>
          <cell r="BU339" t="str">
            <v/>
          </cell>
          <cell r="BV339" t="str">
            <v/>
          </cell>
          <cell r="CD339" t="str">
            <v>●</v>
          </cell>
          <cell r="CH339">
            <v>-171</v>
          </cell>
          <cell r="CI339">
            <v>44252</v>
          </cell>
          <cell r="CP339">
            <v>89703</v>
          </cell>
          <cell r="CW339" t="str">
            <v/>
          </cell>
          <cell r="CX339" t="str">
            <v/>
          </cell>
          <cell r="CY339" t="str">
            <v/>
          </cell>
          <cell r="CZ339" t="str">
            <v/>
          </cell>
          <cell r="DA339">
            <v>44259</v>
          </cell>
          <cell r="DB339">
            <v>44264</v>
          </cell>
          <cell r="DD339" t="str">
            <v/>
          </cell>
          <cell r="DL339">
            <v>38</v>
          </cell>
          <cell r="DM339">
            <v>74</v>
          </cell>
          <cell r="DN339">
            <v>91</v>
          </cell>
          <cell r="DO339">
            <v>228</v>
          </cell>
          <cell r="DP339">
            <v>356</v>
          </cell>
          <cell r="DQ339">
            <v>366</v>
          </cell>
          <cell r="EZ339">
            <v>6</v>
          </cell>
          <cell r="FA339">
            <v>8</v>
          </cell>
          <cell r="FI339">
            <v>3</v>
          </cell>
          <cell r="FJ339" t="str">
            <v>随意契約</v>
          </cell>
          <cell r="FN339">
            <v>4</v>
          </cell>
          <cell r="FO339" t="str">
            <v>電子入札</v>
          </cell>
          <cell r="FS339">
            <v>5</v>
          </cell>
          <cell r="FT339" t="str">
            <v/>
          </cell>
          <cell r="FU339" t="str">
            <v/>
          </cell>
          <cell r="FW339" t="str">
            <v/>
          </cell>
          <cell r="GD339">
            <v>1</v>
          </cell>
          <cell r="GE339" t="str">
            <v>契約・検査課長　松本　嘉博</v>
          </cell>
          <cell r="GF339">
            <v>38</v>
          </cell>
          <cell r="GG339" t="str">
            <v>阪神地域開発事業(協)</v>
          </cell>
          <cell r="GH339">
            <v>36300000</v>
          </cell>
          <cell r="GI339">
            <v>3300000</v>
          </cell>
          <cell r="GJ339">
            <v>3630000</v>
          </cell>
          <cell r="GL339" t="str">
            <v>2級造園施工管理技士 平成16年12月取得</v>
          </cell>
          <cell r="GM339" t="str">
            <v>宮腰　泰行</v>
          </cell>
          <cell r="GN339" t="str">
            <v>2級造園施工管理技士 平成12年12月取得</v>
          </cell>
          <cell r="GO339" t="str">
            <v>髙木　哲次</v>
          </cell>
          <cell r="GT339" t="str">
            <v>要</v>
          </cell>
          <cell r="GW339" t="str">
            <v/>
          </cell>
          <cell r="HO339" t="str">
            <v/>
          </cell>
          <cell r="HP339">
            <v>33000000</v>
          </cell>
          <cell r="HQ339" t="str">
            <v>-</v>
          </cell>
          <cell r="HR339">
            <v>41500000</v>
          </cell>
          <cell r="HS339">
            <v>42300000</v>
          </cell>
          <cell r="HT339">
            <v>44400000</v>
          </cell>
          <cell r="HU339" t="str">
            <v>-</v>
          </cell>
          <cell r="JD339" t="str">
            <v/>
          </cell>
          <cell r="JE339" t="str">
            <v/>
          </cell>
          <cell r="JF339" t="str">
            <v/>
          </cell>
          <cell r="JG339" t="str">
            <v/>
          </cell>
          <cell r="JH339" t="str">
            <v/>
          </cell>
          <cell r="JI339" t="str">
            <v/>
          </cell>
          <cell r="JJ339">
            <v>18</v>
          </cell>
          <cell r="JK339">
            <v>18</v>
          </cell>
          <cell r="JL339" t="str">
            <v/>
          </cell>
          <cell r="JM339" t="str">
            <v/>
          </cell>
          <cell r="JN339" t="str">
            <v/>
          </cell>
          <cell r="JO339" t="str">
            <v/>
          </cell>
          <cell r="JP339" t="str">
            <v/>
          </cell>
          <cell r="JQ339" t="str">
            <v/>
          </cell>
          <cell r="JR339" t="str">
            <v/>
          </cell>
          <cell r="JS339" t="str">
            <v/>
          </cell>
          <cell r="JT339" t="str">
            <v/>
          </cell>
          <cell r="JU339" t="str">
            <v/>
          </cell>
          <cell r="JV339" t="str">
            <v/>
          </cell>
          <cell r="JW339" t="str">
            <v/>
          </cell>
          <cell r="JX339" t="str">
            <v/>
          </cell>
          <cell r="JY339" t="str">
            <v/>
          </cell>
          <cell r="JZ339">
            <v>0.7395786642761093</v>
          </cell>
        </row>
        <row r="340">
          <cell r="C340" t="str">
            <v/>
          </cell>
          <cell r="D340" t="str">
            <v/>
          </cell>
          <cell r="E340" t="str">
            <v/>
          </cell>
          <cell r="I340">
            <v>332</v>
          </cell>
          <cell r="M340" t="str">
            <v>令和３年度道路清掃委託（単価契約）</v>
          </cell>
          <cell r="Q340" t="str">
            <v>(13)</v>
          </cell>
          <cell r="Y340">
            <v>1</v>
          </cell>
          <cell r="AC340">
            <v>8</v>
          </cell>
          <cell r="AD340">
            <v>9</v>
          </cell>
          <cell r="AI340" t="str">
            <v>伊丹市全域地内</v>
          </cell>
          <cell r="AQ340">
            <v>3</v>
          </cell>
          <cell r="AU340">
            <v>4</v>
          </cell>
          <cell r="AY340">
            <v>44272</v>
          </cell>
          <cell r="AZ340">
            <v>44287</v>
          </cell>
          <cell r="BA340">
            <v>365</v>
          </cell>
          <cell r="BB340">
            <v>44651</v>
          </cell>
          <cell r="BC340" t="str">
            <v/>
          </cell>
          <cell r="BD340" t="str">
            <v/>
          </cell>
          <cell r="BE340" t="str">
            <v/>
          </cell>
          <cell r="BF340">
            <v>0.58402777777777781</v>
          </cell>
          <cell r="BG340">
            <v>7438</v>
          </cell>
          <cell r="BH340" t="str">
            <v>安井　真紀</v>
          </cell>
          <cell r="BI340" t="str">
            <v xml:space="preserve">道路保全課 </v>
          </cell>
          <cell r="BJ340">
            <v>4617</v>
          </cell>
          <cell r="BN340" t="str">
            <v>土</v>
          </cell>
          <cell r="BO340">
            <v>29</v>
          </cell>
          <cell r="BS340">
            <v>57200</v>
          </cell>
          <cell r="BT340">
            <v>52000</v>
          </cell>
          <cell r="BU340" t="str">
            <v/>
          </cell>
          <cell r="BV340" t="str">
            <v/>
          </cell>
          <cell r="CD340" t="str">
            <v/>
          </cell>
          <cell r="CH340">
            <v>-172</v>
          </cell>
          <cell r="CI340">
            <v>44252</v>
          </cell>
          <cell r="CP340">
            <v>86361</v>
          </cell>
          <cell r="CW340" t="str">
            <v/>
          </cell>
          <cell r="CX340" t="str">
            <v/>
          </cell>
          <cell r="CY340" t="str">
            <v/>
          </cell>
          <cell r="CZ340" t="str">
            <v/>
          </cell>
          <cell r="DA340">
            <v>44259</v>
          </cell>
          <cell r="DB340">
            <v>44264</v>
          </cell>
          <cell r="DD340" t="str">
            <v/>
          </cell>
          <cell r="DL340">
            <v>2220</v>
          </cell>
          <cell r="DM340">
            <v>2525</v>
          </cell>
          <cell r="DN340">
            <v>2656</v>
          </cell>
          <cell r="DO340">
            <v>2742</v>
          </cell>
          <cell r="DP340">
            <v>2799</v>
          </cell>
          <cell r="DQ340">
            <v>3048</v>
          </cell>
          <cell r="DR340">
            <v>3116</v>
          </cell>
          <cell r="DS340">
            <v>3129</v>
          </cell>
          <cell r="DT340">
            <v>3212</v>
          </cell>
          <cell r="DU340">
            <v>3418</v>
          </cell>
          <cell r="DV340">
            <v>3650</v>
          </cell>
          <cell r="DW340">
            <v>3656</v>
          </cell>
          <cell r="DX340">
            <v>3824</v>
          </cell>
          <cell r="EZ340">
            <v>13</v>
          </cell>
          <cell r="FA340">
            <v>6</v>
          </cell>
          <cell r="FI340">
            <v>3</v>
          </cell>
          <cell r="FJ340" t="str">
            <v>随意契約</v>
          </cell>
          <cell r="FN340">
            <v>4</v>
          </cell>
          <cell r="FO340" t="str">
            <v>電子入札</v>
          </cell>
          <cell r="FS340">
            <v>5</v>
          </cell>
          <cell r="FT340">
            <v>1</v>
          </cell>
          <cell r="FU340" t="str">
            <v/>
          </cell>
          <cell r="FW340" t="str">
            <v/>
          </cell>
          <cell r="FY340" t="str">
            <v/>
          </cell>
          <cell r="GD340">
            <v>1</v>
          </cell>
          <cell r="GE340" t="str">
            <v>契約・検査課長　松本　嘉博</v>
          </cell>
          <cell r="GF340">
            <v>3048</v>
          </cell>
          <cell r="GG340" t="str">
            <v>(株)ジンテック</v>
          </cell>
          <cell r="GH340">
            <v>43000</v>
          </cell>
          <cell r="GI340" t="str">
            <v/>
          </cell>
          <cell r="GJ340">
            <v>375000</v>
          </cell>
          <cell r="GL340" t="str">
            <v>二級土木施工管理技士</v>
          </cell>
          <cell r="GM340" t="str">
            <v>仁禮　建斗</v>
          </cell>
          <cell r="GN340" t="str">
            <v>二級土木施工管理技士</v>
          </cell>
          <cell r="GO340" t="str">
            <v>仁禮　建斗</v>
          </cell>
          <cell r="GT340" t="str">
            <v/>
          </cell>
          <cell r="GW340" t="str">
            <v/>
          </cell>
          <cell r="HO340" t="str">
            <v/>
          </cell>
          <cell r="HP340">
            <v>46000</v>
          </cell>
          <cell r="HQ340">
            <v>47000</v>
          </cell>
          <cell r="HR340">
            <v>45200</v>
          </cell>
          <cell r="HS340">
            <v>45500</v>
          </cell>
          <cell r="HT340">
            <v>45300</v>
          </cell>
          <cell r="HU340">
            <v>43000</v>
          </cell>
          <cell r="HV340">
            <v>44400</v>
          </cell>
          <cell r="HW340">
            <v>45200</v>
          </cell>
          <cell r="HX340">
            <v>45800</v>
          </cell>
          <cell r="HY340">
            <v>48000</v>
          </cell>
          <cell r="HZ340">
            <v>50000</v>
          </cell>
          <cell r="IA340">
            <v>47000</v>
          </cell>
          <cell r="IB340" t="str">
            <v>-</v>
          </cell>
          <cell r="JD340">
            <v>29</v>
          </cell>
          <cell r="JE340">
            <v>29</v>
          </cell>
          <cell r="JF340" t="str">
            <v/>
          </cell>
          <cell r="JG340" t="str">
            <v/>
          </cell>
          <cell r="JH340" t="str">
            <v/>
          </cell>
          <cell r="JI340" t="str">
            <v/>
          </cell>
          <cell r="JJ340" t="str">
            <v/>
          </cell>
          <cell r="JK340" t="str">
            <v/>
          </cell>
          <cell r="JL340" t="str">
            <v/>
          </cell>
          <cell r="JM340" t="str">
            <v/>
          </cell>
          <cell r="JN340" t="str">
            <v/>
          </cell>
          <cell r="JO340" t="str">
            <v/>
          </cell>
          <cell r="JP340" t="str">
            <v/>
          </cell>
          <cell r="JQ340" t="str">
            <v/>
          </cell>
          <cell r="JR340" t="str">
            <v/>
          </cell>
          <cell r="JS340" t="str">
            <v/>
          </cell>
          <cell r="JT340" t="str">
            <v/>
          </cell>
          <cell r="JU340" t="str">
            <v/>
          </cell>
          <cell r="JV340" t="str">
            <v/>
          </cell>
          <cell r="JW340" t="str">
            <v/>
          </cell>
          <cell r="JX340" t="str">
            <v/>
          </cell>
          <cell r="JY340" t="str">
            <v/>
          </cell>
          <cell r="JZ340" t="str">
            <v/>
          </cell>
        </row>
        <row r="341">
          <cell r="C341" t="str">
            <v/>
          </cell>
          <cell r="D341" t="str">
            <v/>
          </cell>
          <cell r="E341" t="str">
            <v/>
          </cell>
          <cell r="I341">
            <v>333</v>
          </cell>
          <cell r="M341" t="str">
            <v>令和２年度自動血球計数ＣＲＰ測定装置リース</v>
          </cell>
          <cell r="Q341" t="str">
            <v>CRP計測ﾘｰｽ</v>
          </cell>
          <cell r="Y341">
            <v>1</v>
          </cell>
          <cell r="AC341">
            <v>8</v>
          </cell>
          <cell r="AD341">
            <v>6</v>
          </cell>
          <cell r="AI341" t="str">
            <v>伊丹市千僧１の１伊丹市休日応急診療所</v>
          </cell>
          <cell r="AQ341">
            <v>7</v>
          </cell>
          <cell r="AU341">
            <v>60</v>
          </cell>
          <cell r="AY341">
            <v>44267</v>
          </cell>
          <cell r="AZ341">
            <v>44270</v>
          </cell>
          <cell r="BA341">
            <v>1843</v>
          </cell>
          <cell r="BB341">
            <v>46112</v>
          </cell>
          <cell r="BC341" t="str">
            <v/>
          </cell>
          <cell r="BD341" t="str">
            <v/>
          </cell>
          <cell r="BE341" t="str">
            <v/>
          </cell>
          <cell r="BF341">
            <v>0.41736111111111113</v>
          </cell>
          <cell r="BH341" t="str">
            <v>稲垣　好子</v>
          </cell>
          <cell r="BI341" t="str">
            <v>健康政策課</v>
          </cell>
          <cell r="BJ341">
            <v>4135</v>
          </cell>
          <cell r="BN341" t="str">
            <v>リ</v>
          </cell>
          <cell r="BO341">
            <v>19</v>
          </cell>
          <cell r="BS341">
            <v>3663000</v>
          </cell>
          <cell r="BT341">
            <v>55500</v>
          </cell>
          <cell r="BU341">
            <v>1</v>
          </cell>
          <cell r="BV341" t="str">
            <v/>
          </cell>
          <cell r="CD341" t="str">
            <v/>
          </cell>
          <cell r="CH341">
            <v>-173</v>
          </cell>
          <cell r="CI341">
            <v>44251</v>
          </cell>
          <cell r="CP341">
            <v>13678</v>
          </cell>
          <cell r="CW341" t="str">
            <v/>
          </cell>
          <cell r="CX341" t="str">
            <v/>
          </cell>
          <cell r="CY341" t="str">
            <v/>
          </cell>
          <cell r="CZ341" t="str">
            <v/>
          </cell>
          <cell r="DA341">
            <v>44258</v>
          </cell>
          <cell r="DB341">
            <v>44263</v>
          </cell>
          <cell r="DD341" t="str">
            <v/>
          </cell>
          <cell r="DL341">
            <v>10006</v>
          </cell>
          <cell r="DM341">
            <v>10064</v>
          </cell>
          <cell r="DN341">
            <v>10070</v>
          </cell>
          <cell r="DO341">
            <v>10115</v>
          </cell>
          <cell r="DP341">
            <v>10147</v>
          </cell>
          <cell r="DQ341">
            <v>10153</v>
          </cell>
          <cell r="DR341">
            <v>10200</v>
          </cell>
          <cell r="DS341">
            <v>10287</v>
          </cell>
          <cell r="DT341">
            <v>10439</v>
          </cell>
          <cell r="DU341">
            <v>10471</v>
          </cell>
          <cell r="DV341">
            <v>10509</v>
          </cell>
          <cell r="DW341">
            <v>10667</v>
          </cell>
          <cell r="EZ341">
            <v>12</v>
          </cell>
          <cell r="FA341">
            <v>6</v>
          </cell>
          <cell r="FI341">
            <v>5</v>
          </cell>
          <cell r="FJ341" t="str">
            <v>指名競争入札（簡易認証）</v>
          </cell>
          <cell r="FN341">
            <v>4</v>
          </cell>
          <cell r="FO341" t="str">
            <v>電子入札</v>
          </cell>
          <cell r="FS341">
            <v>4</v>
          </cell>
          <cell r="FT341" t="str">
            <v/>
          </cell>
          <cell r="FU341" t="str">
            <v/>
          </cell>
          <cell r="FW341" t="str">
            <v/>
          </cell>
          <cell r="FY341" t="str">
            <v/>
          </cell>
          <cell r="GD341">
            <v>1</v>
          </cell>
          <cell r="GE341" t="str">
            <v>契約・検査課長　松本　嘉博</v>
          </cell>
          <cell r="GF341" t="str">
            <v>-</v>
          </cell>
          <cell r="GG341" t="str">
            <v>×</v>
          </cell>
          <cell r="GI341" t="str">
            <v/>
          </cell>
          <cell r="GJ341" t="str">
            <v/>
          </cell>
          <cell r="GT341" t="str">
            <v/>
          </cell>
          <cell r="GW341" t="str">
            <v/>
          </cell>
          <cell r="HO341" t="str">
            <v/>
          </cell>
          <cell r="HP341" t="str">
            <v>-</v>
          </cell>
          <cell r="HQ341" t="str">
            <v>-</v>
          </cell>
          <cell r="HR341" t="str">
            <v>-</v>
          </cell>
          <cell r="HS341" t="str">
            <v>-</v>
          </cell>
          <cell r="HT341" t="str">
            <v>-</v>
          </cell>
          <cell r="HU341" t="str">
            <v>-</v>
          </cell>
          <cell r="HV341" t="str">
            <v>-</v>
          </cell>
          <cell r="HW341" t="str">
            <v>-</v>
          </cell>
          <cell r="HX341" t="str">
            <v>-</v>
          </cell>
          <cell r="HY341" t="str">
            <v>-</v>
          </cell>
          <cell r="HZ341" t="str">
            <v>-</v>
          </cell>
          <cell r="IA341" t="str">
            <v>-</v>
          </cell>
          <cell r="JD341" t="str">
            <v/>
          </cell>
          <cell r="JE341" t="str">
            <v/>
          </cell>
          <cell r="JF341" t="str">
            <v/>
          </cell>
          <cell r="JG341" t="str">
            <v/>
          </cell>
          <cell r="JH341" t="str">
            <v/>
          </cell>
          <cell r="JI341" t="str">
            <v/>
          </cell>
          <cell r="JJ341" t="str">
            <v/>
          </cell>
          <cell r="JK341" t="str">
            <v/>
          </cell>
          <cell r="JL341" t="str">
            <v/>
          </cell>
          <cell r="JM341" t="str">
            <v/>
          </cell>
          <cell r="JN341" t="str">
            <v/>
          </cell>
          <cell r="JO341" t="str">
            <v/>
          </cell>
          <cell r="JP341" t="str">
            <v/>
          </cell>
          <cell r="JQ341" t="str">
            <v/>
          </cell>
          <cell r="JR341" t="str">
            <v/>
          </cell>
          <cell r="JS341" t="str">
            <v/>
          </cell>
          <cell r="JT341" t="str">
            <v/>
          </cell>
          <cell r="JU341" t="str">
            <v/>
          </cell>
          <cell r="JV341" t="str">
            <v/>
          </cell>
          <cell r="JW341" t="str">
            <v/>
          </cell>
          <cell r="JX341" t="str">
            <v/>
          </cell>
          <cell r="JY341" t="str">
            <v/>
          </cell>
          <cell r="JZ341" t="str">
            <v/>
          </cell>
        </row>
        <row r="342">
          <cell r="C342" t="str">
            <v/>
          </cell>
          <cell r="D342" t="str">
            <v/>
          </cell>
          <cell r="E342" t="str">
            <v/>
          </cell>
          <cell r="I342">
            <v>334</v>
          </cell>
          <cell r="AY342" t="str">
            <v/>
          </cell>
          <cell r="AZ342" t="str">
            <v/>
          </cell>
          <cell r="BA342" t="str">
            <v/>
          </cell>
          <cell r="BC342" t="str">
            <v/>
          </cell>
          <cell r="BD342" t="str">
            <v/>
          </cell>
          <cell r="BE342" t="str">
            <v/>
          </cell>
          <cell r="BH342" t="str">
            <v/>
          </cell>
          <cell r="BI342" t="str">
            <v/>
          </cell>
          <cell r="BJ342" t="str">
            <v/>
          </cell>
          <cell r="BT342" t="str">
            <v/>
          </cell>
          <cell r="BU342" t="str">
            <v/>
          </cell>
          <cell r="BV342" t="str">
            <v/>
          </cell>
          <cell r="CD342" t="str">
            <v/>
          </cell>
          <cell r="CP342">
            <v>90155</v>
          </cell>
          <cell r="CW342" t="str">
            <v/>
          </cell>
          <cell r="CX342" t="str">
            <v/>
          </cell>
          <cell r="CY342" t="str">
            <v/>
          </cell>
          <cell r="CZ342" t="str">
            <v/>
          </cell>
          <cell r="DA342" t="str">
            <v/>
          </cell>
          <cell r="DB342" t="str">
            <v/>
          </cell>
          <cell r="DD342" t="str">
            <v/>
          </cell>
          <cell r="EZ342" t="str">
            <v/>
          </cell>
          <cell r="FA342" t="str">
            <v/>
          </cell>
          <cell r="FI342" t="str">
            <v/>
          </cell>
          <cell r="FJ342" t="str">
            <v/>
          </cell>
          <cell r="FN342" t="str">
            <v/>
          </cell>
          <cell r="FO342" t="str">
            <v/>
          </cell>
          <cell r="FS342" t="str">
            <v/>
          </cell>
          <cell r="FT342" t="str">
            <v/>
          </cell>
          <cell r="FU342" t="str">
            <v/>
          </cell>
          <cell r="FW342" t="str">
            <v/>
          </cell>
          <cell r="FY342" t="str">
            <v/>
          </cell>
          <cell r="GD342" t="str">
            <v/>
          </cell>
          <cell r="GE342" t="str">
            <v/>
          </cell>
          <cell r="GG342" t="str">
            <v/>
          </cell>
          <cell r="GI342" t="str">
            <v/>
          </cell>
          <cell r="GJ342" t="str">
            <v/>
          </cell>
          <cell r="GT342" t="str">
            <v/>
          </cell>
          <cell r="GW342" t="str">
            <v/>
          </cell>
          <cell r="HO342" t="str">
            <v/>
          </cell>
          <cell r="JD342" t="str">
            <v/>
          </cell>
          <cell r="JE342" t="str">
            <v/>
          </cell>
          <cell r="JF342" t="str">
            <v/>
          </cell>
          <cell r="JG342" t="str">
            <v/>
          </cell>
          <cell r="JH342" t="str">
            <v/>
          </cell>
          <cell r="JI342" t="str">
            <v/>
          </cell>
          <cell r="JJ342" t="str">
            <v/>
          </cell>
          <cell r="JK342" t="str">
            <v/>
          </cell>
          <cell r="JL342" t="str">
            <v/>
          </cell>
          <cell r="JM342" t="str">
            <v/>
          </cell>
          <cell r="JN342" t="str">
            <v/>
          </cell>
          <cell r="JO342" t="str">
            <v/>
          </cell>
          <cell r="JP342" t="str">
            <v/>
          </cell>
          <cell r="JQ342" t="str">
            <v/>
          </cell>
          <cell r="JR342" t="str">
            <v/>
          </cell>
          <cell r="JS342" t="str">
            <v/>
          </cell>
          <cell r="JT342" t="str">
            <v/>
          </cell>
          <cell r="JU342" t="str">
            <v/>
          </cell>
          <cell r="JV342" t="str">
            <v/>
          </cell>
          <cell r="JW342" t="str">
            <v/>
          </cell>
          <cell r="JX342" t="str">
            <v/>
          </cell>
          <cell r="JY342" t="str">
            <v/>
          </cell>
          <cell r="JZ342" t="str">
            <v/>
          </cell>
        </row>
        <row r="343">
          <cell r="C343" t="str">
            <v/>
          </cell>
          <cell r="D343" t="str">
            <v/>
          </cell>
          <cell r="E343" t="str">
            <v/>
          </cell>
          <cell r="I343">
            <v>335</v>
          </cell>
          <cell r="AY343" t="str">
            <v/>
          </cell>
          <cell r="AZ343" t="str">
            <v/>
          </cell>
          <cell r="BA343" t="str">
            <v/>
          </cell>
          <cell r="BC343" t="str">
            <v/>
          </cell>
          <cell r="BD343" t="str">
            <v/>
          </cell>
          <cell r="BE343" t="str">
            <v/>
          </cell>
          <cell r="BH343" t="str">
            <v/>
          </cell>
          <cell r="BI343" t="str">
            <v/>
          </cell>
          <cell r="BJ343" t="str">
            <v/>
          </cell>
          <cell r="BT343" t="str">
            <v/>
          </cell>
          <cell r="BU343" t="str">
            <v/>
          </cell>
          <cell r="BV343" t="str">
            <v/>
          </cell>
          <cell r="CD343" t="str">
            <v/>
          </cell>
          <cell r="CP343">
            <v>52835</v>
          </cell>
          <cell r="CW343" t="str">
            <v/>
          </cell>
          <cell r="CX343" t="str">
            <v/>
          </cell>
          <cell r="CY343" t="str">
            <v/>
          </cell>
          <cell r="CZ343" t="str">
            <v/>
          </cell>
          <cell r="DA343" t="str">
            <v/>
          </cell>
          <cell r="DB343" t="str">
            <v/>
          </cell>
          <cell r="DD343" t="str">
            <v/>
          </cell>
          <cell r="EZ343" t="str">
            <v/>
          </cell>
          <cell r="FA343" t="str">
            <v/>
          </cell>
          <cell r="FI343" t="str">
            <v/>
          </cell>
          <cell r="FJ343" t="str">
            <v/>
          </cell>
          <cell r="FN343" t="str">
            <v/>
          </cell>
          <cell r="FO343" t="str">
            <v/>
          </cell>
          <cell r="FS343" t="str">
            <v/>
          </cell>
          <cell r="FT343" t="str">
            <v/>
          </cell>
          <cell r="FU343" t="str">
            <v/>
          </cell>
          <cell r="FW343" t="str">
            <v/>
          </cell>
          <cell r="FY343" t="str">
            <v/>
          </cell>
          <cell r="GD343" t="str">
            <v/>
          </cell>
          <cell r="GE343" t="str">
            <v/>
          </cell>
          <cell r="GG343" t="str">
            <v/>
          </cell>
          <cell r="GI343" t="str">
            <v/>
          </cell>
          <cell r="GJ343" t="str">
            <v/>
          </cell>
          <cell r="GT343" t="str">
            <v/>
          </cell>
          <cell r="GW343" t="str">
            <v/>
          </cell>
          <cell r="HO343" t="str">
            <v/>
          </cell>
          <cell r="JD343" t="str">
            <v/>
          </cell>
          <cell r="JE343" t="str">
            <v/>
          </cell>
          <cell r="JF343" t="str">
            <v/>
          </cell>
          <cell r="JG343" t="str">
            <v/>
          </cell>
          <cell r="JH343" t="str">
            <v/>
          </cell>
          <cell r="JI343" t="str">
            <v/>
          </cell>
          <cell r="JJ343" t="str">
            <v/>
          </cell>
          <cell r="JK343" t="str">
            <v/>
          </cell>
          <cell r="JL343" t="str">
            <v/>
          </cell>
          <cell r="JM343" t="str">
            <v/>
          </cell>
          <cell r="JN343" t="str">
            <v/>
          </cell>
          <cell r="JO343" t="str">
            <v/>
          </cell>
          <cell r="JP343" t="str">
            <v/>
          </cell>
          <cell r="JQ343" t="str">
            <v/>
          </cell>
          <cell r="JR343" t="str">
            <v/>
          </cell>
          <cell r="JS343" t="str">
            <v/>
          </cell>
          <cell r="JT343" t="str">
            <v/>
          </cell>
          <cell r="JU343" t="str">
            <v/>
          </cell>
          <cell r="JV343" t="str">
            <v/>
          </cell>
          <cell r="JW343" t="str">
            <v/>
          </cell>
          <cell r="JX343" t="str">
            <v/>
          </cell>
          <cell r="JY343" t="str">
            <v/>
          </cell>
          <cell r="JZ343" t="str">
            <v/>
          </cell>
        </row>
        <row r="344">
          <cell r="C344" t="str">
            <v/>
          </cell>
          <cell r="D344" t="str">
            <v/>
          </cell>
          <cell r="E344" t="str">
            <v/>
          </cell>
          <cell r="I344">
            <v>336</v>
          </cell>
          <cell r="AY344" t="str">
            <v/>
          </cell>
          <cell r="AZ344" t="str">
            <v/>
          </cell>
          <cell r="BA344" t="str">
            <v/>
          </cell>
          <cell r="BC344" t="str">
            <v/>
          </cell>
          <cell r="BD344" t="str">
            <v/>
          </cell>
          <cell r="BE344" t="str">
            <v/>
          </cell>
          <cell r="BH344" t="str">
            <v/>
          </cell>
          <cell r="BI344" t="str">
            <v/>
          </cell>
          <cell r="BJ344" t="str">
            <v/>
          </cell>
          <cell r="BT344" t="str">
            <v/>
          </cell>
          <cell r="BU344" t="str">
            <v/>
          </cell>
          <cell r="BV344" t="str">
            <v/>
          </cell>
          <cell r="CD344" t="str">
            <v/>
          </cell>
          <cell r="CP344">
            <v>20990</v>
          </cell>
          <cell r="CW344" t="str">
            <v/>
          </cell>
          <cell r="CX344" t="str">
            <v/>
          </cell>
          <cell r="CY344" t="str">
            <v/>
          </cell>
          <cell r="CZ344" t="str">
            <v/>
          </cell>
          <cell r="DA344" t="str">
            <v/>
          </cell>
          <cell r="DB344" t="str">
            <v/>
          </cell>
          <cell r="DD344" t="str">
            <v/>
          </cell>
          <cell r="EZ344" t="str">
            <v/>
          </cell>
          <cell r="FA344" t="str">
            <v/>
          </cell>
          <cell r="FI344" t="str">
            <v/>
          </cell>
          <cell r="FJ344" t="str">
            <v/>
          </cell>
          <cell r="FN344" t="str">
            <v/>
          </cell>
          <cell r="FO344" t="str">
            <v/>
          </cell>
          <cell r="FS344" t="str">
            <v/>
          </cell>
          <cell r="FT344" t="str">
            <v/>
          </cell>
          <cell r="FU344" t="str">
            <v/>
          </cell>
          <cell r="FW344" t="str">
            <v/>
          </cell>
          <cell r="FY344" t="str">
            <v/>
          </cell>
          <cell r="GD344" t="str">
            <v/>
          </cell>
          <cell r="GE344" t="str">
            <v/>
          </cell>
          <cell r="GG344" t="str">
            <v/>
          </cell>
          <cell r="GI344" t="str">
            <v/>
          </cell>
          <cell r="GJ344" t="str">
            <v/>
          </cell>
          <cell r="GT344" t="str">
            <v/>
          </cell>
          <cell r="GW344" t="str">
            <v/>
          </cell>
          <cell r="HO344" t="str">
            <v/>
          </cell>
          <cell r="JD344" t="str">
            <v/>
          </cell>
          <cell r="JE344" t="str">
            <v/>
          </cell>
          <cell r="JF344" t="str">
            <v/>
          </cell>
          <cell r="JG344" t="str">
            <v/>
          </cell>
          <cell r="JH344" t="str">
            <v/>
          </cell>
          <cell r="JI344" t="str">
            <v/>
          </cell>
          <cell r="JJ344" t="str">
            <v/>
          </cell>
          <cell r="JK344" t="str">
            <v/>
          </cell>
          <cell r="JL344" t="str">
            <v/>
          </cell>
          <cell r="JM344" t="str">
            <v/>
          </cell>
          <cell r="JN344" t="str">
            <v/>
          </cell>
          <cell r="JO344" t="str">
            <v/>
          </cell>
          <cell r="JP344" t="str">
            <v/>
          </cell>
          <cell r="JQ344" t="str">
            <v/>
          </cell>
          <cell r="JR344" t="str">
            <v/>
          </cell>
          <cell r="JS344" t="str">
            <v/>
          </cell>
          <cell r="JT344" t="str">
            <v/>
          </cell>
          <cell r="JU344" t="str">
            <v/>
          </cell>
          <cell r="JV344" t="str">
            <v/>
          </cell>
          <cell r="JW344" t="str">
            <v/>
          </cell>
          <cell r="JX344" t="str">
            <v/>
          </cell>
          <cell r="JY344" t="str">
            <v/>
          </cell>
          <cell r="JZ344" t="str">
            <v/>
          </cell>
        </row>
        <row r="345">
          <cell r="C345" t="str">
            <v/>
          </cell>
          <cell r="D345" t="str">
            <v/>
          </cell>
          <cell r="E345" t="str">
            <v/>
          </cell>
          <cell r="I345">
            <v>337</v>
          </cell>
          <cell r="AY345" t="str">
            <v/>
          </cell>
          <cell r="AZ345" t="str">
            <v/>
          </cell>
          <cell r="BA345" t="str">
            <v/>
          </cell>
          <cell r="BC345" t="str">
            <v/>
          </cell>
          <cell r="BD345" t="str">
            <v/>
          </cell>
          <cell r="BE345" t="str">
            <v/>
          </cell>
          <cell r="BH345" t="str">
            <v/>
          </cell>
          <cell r="BI345" t="str">
            <v/>
          </cell>
          <cell r="BJ345" t="str">
            <v/>
          </cell>
          <cell r="BT345" t="str">
            <v/>
          </cell>
          <cell r="BU345" t="str">
            <v/>
          </cell>
          <cell r="BV345" t="str">
            <v/>
          </cell>
          <cell r="CD345" t="str">
            <v/>
          </cell>
          <cell r="CP345">
            <v>85698</v>
          </cell>
          <cell r="CW345" t="str">
            <v/>
          </cell>
          <cell r="CX345" t="str">
            <v/>
          </cell>
          <cell r="CY345" t="str">
            <v/>
          </cell>
          <cell r="CZ345" t="str">
            <v/>
          </cell>
          <cell r="DA345" t="str">
            <v/>
          </cell>
          <cell r="DB345" t="str">
            <v/>
          </cell>
          <cell r="DD345" t="str">
            <v/>
          </cell>
          <cell r="EZ345" t="str">
            <v/>
          </cell>
          <cell r="FA345" t="str">
            <v/>
          </cell>
          <cell r="FI345" t="str">
            <v/>
          </cell>
          <cell r="FJ345" t="str">
            <v/>
          </cell>
          <cell r="FN345" t="str">
            <v/>
          </cell>
          <cell r="FO345" t="str">
            <v/>
          </cell>
          <cell r="FS345" t="str">
            <v/>
          </cell>
          <cell r="FT345" t="str">
            <v/>
          </cell>
          <cell r="FU345" t="str">
            <v/>
          </cell>
          <cell r="FW345" t="str">
            <v/>
          </cell>
          <cell r="FY345" t="str">
            <v/>
          </cell>
          <cell r="GD345" t="str">
            <v/>
          </cell>
          <cell r="GE345" t="str">
            <v/>
          </cell>
          <cell r="GG345" t="str">
            <v/>
          </cell>
          <cell r="GI345" t="str">
            <v/>
          </cell>
          <cell r="GJ345" t="str">
            <v/>
          </cell>
          <cell r="GT345" t="str">
            <v/>
          </cell>
          <cell r="GW345" t="str">
            <v/>
          </cell>
          <cell r="HO345" t="str">
            <v/>
          </cell>
          <cell r="JD345" t="str">
            <v/>
          </cell>
          <cell r="JE345" t="str">
            <v/>
          </cell>
          <cell r="JF345" t="str">
            <v/>
          </cell>
          <cell r="JG345" t="str">
            <v/>
          </cell>
          <cell r="JH345" t="str">
            <v/>
          </cell>
          <cell r="JI345" t="str">
            <v/>
          </cell>
          <cell r="JJ345" t="str">
            <v/>
          </cell>
          <cell r="JK345" t="str">
            <v/>
          </cell>
          <cell r="JL345" t="str">
            <v/>
          </cell>
          <cell r="JM345" t="str">
            <v/>
          </cell>
          <cell r="JN345" t="str">
            <v/>
          </cell>
          <cell r="JO345" t="str">
            <v/>
          </cell>
          <cell r="JP345" t="str">
            <v/>
          </cell>
          <cell r="JQ345" t="str">
            <v/>
          </cell>
          <cell r="JR345" t="str">
            <v/>
          </cell>
          <cell r="JS345" t="str">
            <v/>
          </cell>
          <cell r="JT345" t="str">
            <v/>
          </cell>
          <cell r="JU345" t="str">
            <v/>
          </cell>
          <cell r="JV345" t="str">
            <v/>
          </cell>
          <cell r="JW345" t="str">
            <v/>
          </cell>
          <cell r="JX345" t="str">
            <v/>
          </cell>
          <cell r="JY345" t="str">
            <v/>
          </cell>
          <cell r="JZ345" t="str">
            <v/>
          </cell>
        </row>
        <row r="346">
          <cell r="C346" t="str">
            <v/>
          </cell>
          <cell r="D346" t="str">
            <v/>
          </cell>
          <cell r="E346" t="str">
            <v/>
          </cell>
          <cell r="I346">
            <v>338</v>
          </cell>
          <cell r="AY346" t="str">
            <v/>
          </cell>
          <cell r="AZ346" t="str">
            <v/>
          </cell>
          <cell r="BA346" t="str">
            <v/>
          </cell>
          <cell r="BC346" t="str">
            <v/>
          </cell>
          <cell r="BD346" t="str">
            <v/>
          </cell>
          <cell r="BE346" t="str">
            <v/>
          </cell>
          <cell r="BH346" t="str">
            <v/>
          </cell>
          <cell r="BI346" t="str">
            <v/>
          </cell>
          <cell r="BJ346" t="str">
            <v/>
          </cell>
          <cell r="BT346" t="str">
            <v/>
          </cell>
          <cell r="BU346" t="str">
            <v/>
          </cell>
          <cell r="BV346" t="str">
            <v/>
          </cell>
          <cell r="CD346" t="str">
            <v/>
          </cell>
          <cell r="CP346">
            <v>70133</v>
          </cell>
          <cell r="CW346" t="str">
            <v/>
          </cell>
          <cell r="CX346" t="str">
            <v/>
          </cell>
          <cell r="CY346" t="str">
            <v/>
          </cell>
          <cell r="CZ346" t="str">
            <v/>
          </cell>
          <cell r="DA346" t="str">
            <v/>
          </cell>
          <cell r="DB346" t="str">
            <v/>
          </cell>
          <cell r="DD346" t="str">
            <v/>
          </cell>
          <cell r="EZ346" t="str">
            <v/>
          </cell>
          <cell r="FA346" t="str">
            <v/>
          </cell>
          <cell r="FI346" t="str">
            <v/>
          </cell>
          <cell r="FJ346" t="str">
            <v/>
          </cell>
          <cell r="FN346" t="str">
            <v/>
          </cell>
          <cell r="FO346" t="str">
            <v/>
          </cell>
          <cell r="FS346" t="str">
            <v/>
          </cell>
          <cell r="FT346" t="str">
            <v/>
          </cell>
          <cell r="FU346" t="str">
            <v/>
          </cell>
          <cell r="FW346" t="str">
            <v/>
          </cell>
          <cell r="FY346" t="str">
            <v/>
          </cell>
          <cell r="GD346" t="str">
            <v/>
          </cell>
          <cell r="GE346" t="str">
            <v/>
          </cell>
          <cell r="GG346" t="str">
            <v/>
          </cell>
          <cell r="GI346" t="str">
            <v/>
          </cell>
          <cell r="GJ346" t="str">
            <v/>
          </cell>
          <cell r="GT346" t="str">
            <v/>
          </cell>
          <cell r="GW346" t="str">
            <v/>
          </cell>
          <cell r="HO346" t="str">
            <v/>
          </cell>
          <cell r="JD346" t="str">
            <v/>
          </cell>
          <cell r="JE346" t="str">
            <v/>
          </cell>
          <cell r="JF346" t="str">
            <v/>
          </cell>
          <cell r="JG346" t="str">
            <v/>
          </cell>
          <cell r="JH346" t="str">
            <v/>
          </cell>
          <cell r="JI346" t="str">
            <v/>
          </cell>
          <cell r="JJ346" t="str">
            <v/>
          </cell>
          <cell r="JK346" t="str">
            <v/>
          </cell>
          <cell r="JL346" t="str">
            <v/>
          </cell>
          <cell r="JM346" t="str">
            <v/>
          </cell>
          <cell r="JN346" t="str">
            <v/>
          </cell>
          <cell r="JO346" t="str">
            <v/>
          </cell>
          <cell r="JP346" t="str">
            <v/>
          </cell>
          <cell r="JQ346" t="str">
            <v/>
          </cell>
          <cell r="JR346" t="str">
            <v/>
          </cell>
          <cell r="JS346" t="str">
            <v/>
          </cell>
          <cell r="JT346" t="str">
            <v/>
          </cell>
          <cell r="JU346" t="str">
            <v/>
          </cell>
          <cell r="JV346" t="str">
            <v/>
          </cell>
          <cell r="JW346" t="str">
            <v/>
          </cell>
          <cell r="JX346" t="str">
            <v/>
          </cell>
          <cell r="JY346" t="str">
            <v/>
          </cell>
          <cell r="JZ346" t="str">
            <v/>
          </cell>
        </row>
        <row r="347">
          <cell r="C347" t="str">
            <v/>
          </cell>
          <cell r="D347" t="str">
            <v/>
          </cell>
          <cell r="E347" t="str">
            <v/>
          </cell>
          <cell r="I347">
            <v>339</v>
          </cell>
          <cell r="AY347" t="str">
            <v/>
          </cell>
          <cell r="AZ347" t="str">
            <v/>
          </cell>
          <cell r="BA347" t="str">
            <v/>
          </cell>
          <cell r="BC347" t="str">
            <v/>
          </cell>
          <cell r="BD347" t="str">
            <v/>
          </cell>
          <cell r="BE347" t="str">
            <v/>
          </cell>
          <cell r="BH347" t="str">
            <v/>
          </cell>
          <cell r="BI347" t="str">
            <v/>
          </cell>
          <cell r="BJ347" t="str">
            <v/>
          </cell>
          <cell r="BT347" t="str">
            <v/>
          </cell>
          <cell r="BU347" t="str">
            <v/>
          </cell>
          <cell r="BV347" t="str">
            <v/>
          </cell>
          <cell r="CD347" t="str">
            <v/>
          </cell>
          <cell r="CP347">
            <v>33491</v>
          </cell>
          <cell r="CW347" t="str">
            <v/>
          </cell>
          <cell r="CX347" t="str">
            <v/>
          </cell>
          <cell r="CY347" t="str">
            <v/>
          </cell>
          <cell r="CZ347" t="str">
            <v/>
          </cell>
          <cell r="DA347" t="str">
            <v/>
          </cell>
          <cell r="DB347" t="str">
            <v/>
          </cell>
          <cell r="DD347" t="str">
            <v/>
          </cell>
          <cell r="EZ347" t="str">
            <v/>
          </cell>
          <cell r="FA347" t="str">
            <v/>
          </cell>
          <cell r="FI347" t="str">
            <v/>
          </cell>
          <cell r="FJ347" t="str">
            <v/>
          </cell>
          <cell r="FN347" t="str">
            <v/>
          </cell>
          <cell r="FO347" t="str">
            <v/>
          </cell>
          <cell r="FS347" t="str">
            <v/>
          </cell>
          <cell r="FT347" t="str">
            <v/>
          </cell>
          <cell r="FU347" t="str">
            <v/>
          </cell>
          <cell r="FW347" t="str">
            <v/>
          </cell>
          <cell r="FY347" t="str">
            <v/>
          </cell>
          <cell r="GD347" t="str">
            <v/>
          </cell>
          <cell r="GE347" t="str">
            <v/>
          </cell>
          <cell r="GG347" t="str">
            <v/>
          </cell>
          <cell r="GI347" t="str">
            <v/>
          </cell>
          <cell r="GJ347" t="str">
            <v/>
          </cell>
          <cell r="GT347" t="str">
            <v/>
          </cell>
          <cell r="GW347" t="str">
            <v/>
          </cell>
          <cell r="HO347" t="str">
            <v/>
          </cell>
          <cell r="JD347" t="str">
            <v/>
          </cell>
          <cell r="JE347" t="str">
            <v/>
          </cell>
          <cell r="JF347" t="str">
            <v/>
          </cell>
          <cell r="JG347" t="str">
            <v/>
          </cell>
          <cell r="JH347" t="str">
            <v/>
          </cell>
          <cell r="JI347" t="str">
            <v/>
          </cell>
          <cell r="JJ347" t="str">
            <v/>
          </cell>
          <cell r="JK347" t="str">
            <v/>
          </cell>
          <cell r="JL347" t="str">
            <v/>
          </cell>
          <cell r="JM347" t="str">
            <v/>
          </cell>
          <cell r="JN347" t="str">
            <v/>
          </cell>
          <cell r="JO347" t="str">
            <v/>
          </cell>
          <cell r="JP347" t="str">
            <v/>
          </cell>
          <cell r="JQ347" t="str">
            <v/>
          </cell>
          <cell r="JR347" t="str">
            <v/>
          </cell>
          <cell r="JS347" t="str">
            <v/>
          </cell>
          <cell r="JT347" t="str">
            <v/>
          </cell>
          <cell r="JU347" t="str">
            <v/>
          </cell>
          <cell r="JV347" t="str">
            <v/>
          </cell>
          <cell r="JW347" t="str">
            <v/>
          </cell>
          <cell r="JX347" t="str">
            <v/>
          </cell>
          <cell r="JY347" t="str">
            <v/>
          </cell>
          <cell r="JZ347" t="str">
            <v/>
          </cell>
        </row>
        <row r="348">
          <cell r="C348" t="str">
            <v/>
          </cell>
          <cell r="D348" t="str">
            <v/>
          </cell>
          <cell r="E348" t="str">
            <v/>
          </cell>
          <cell r="I348">
            <v>340</v>
          </cell>
          <cell r="AY348" t="str">
            <v/>
          </cell>
          <cell r="AZ348" t="str">
            <v/>
          </cell>
          <cell r="BA348" t="str">
            <v/>
          </cell>
          <cell r="BC348" t="str">
            <v/>
          </cell>
          <cell r="BD348" t="str">
            <v/>
          </cell>
          <cell r="BE348" t="str">
            <v/>
          </cell>
          <cell r="BH348" t="str">
            <v/>
          </cell>
          <cell r="BI348" t="str">
            <v/>
          </cell>
          <cell r="BJ348" t="str">
            <v/>
          </cell>
          <cell r="BT348" t="str">
            <v/>
          </cell>
          <cell r="BU348" t="str">
            <v/>
          </cell>
          <cell r="BV348" t="str">
            <v/>
          </cell>
          <cell r="CD348" t="str">
            <v/>
          </cell>
          <cell r="CP348">
            <v>32697</v>
          </cell>
          <cell r="CW348" t="str">
            <v/>
          </cell>
          <cell r="CX348" t="str">
            <v/>
          </cell>
          <cell r="CY348" t="str">
            <v/>
          </cell>
          <cell r="CZ348" t="str">
            <v/>
          </cell>
          <cell r="DA348" t="str">
            <v/>
          </cell>
          <cell r="DB348" t="str">
            <v/>
          </cell>
          <cell r="DD348" t="str">
            <v/>
          </cell>
          <cell r="EZ348" t="str">
            <v/>
          </cell>
          <cell r="FA348" t="str">
            <v/>
          </cell>
          <cell r="FI348" t="str">
            <v/>
          </cell>
          <cell r="FJ348" t="str">
            <v/>
          </cell>
          <cell r="FN348" t="str">
            <v/>
          </cell>
          <cell r="FO348" t="str">
            <v/>
          </cell>
          <cell r="FS348" t="str">
            <v/>
          </cell>
          <cell r="FT348" t="str">
            <v/>
          </cell>
          <cell r="FU348" t="str">
            <v/>
          </cell>
          <cell r="FW348" t="str">
            <v/>
          </cell>
          <cell r="FY348" t="str">
            <v/>
          </cell>
          <cell r="GD348" t="str">
            <v/>
          </cell>
          <cell r="GE348" t="str">
            <v/>
          </cell>
          <cell r="GG348" t="str">
            <v/>
          </cell>
          <cell r="GI348" t="str">
            <v/>
          </cell>
          <cell r="GJ348" t="str">
            <v/>
          </cell>
          <cell r="GT348" t="str">
            <v/>
          </cell>
          <cell r="GW348" t="str">
            <v/>
          </cell>
          <cell r="HO348" t="str">
            <v/>
          </cell>
          <cell r="JD348" t="str">
            <v/>
          </cell>
          <cell r="JE348" t="str">
            <v/>
          </cell>
          <cell r="JF348" t="str">
            <v/>
          </cell>
          <cell r="JG348" t="str">
            <v/>
          </cell>
          <cell r="JH348" t="str">
            <v/>
          </cell>
          <cell r="JI348" t="str">
            <v/>
          </cell>
          <cell r="JJ348" t="str">
            <v/>
          </cell>
          <cell r="JK348" t="str">
            <v/>
          </cell>
          <cell r="JL348" t="str">
            <v/>
          </cell>
          <cell r="JM348" t="str">
            <v/>
          </cell>
          <cell r="JN348" t="str">
            <v/>
          </cell>
          <cell r="JO348" t="str">
            <v/>
          </cell>
          <cell r="JP348" t="str">
            <v/>
          </cell>
          <cell r="JQ348" t="str">
            <v/>
          </cell>
          <cell r="JR348" t="str">
            <v/>
          </cell>
          <cell r="JS348" t="str">
            <v/>
          </cell>
          <cell r="JT348" t="str">
            <v/>
          </cell>
          <cell r="JU348" t="str">
            <v/>
          </cell>
          <cell r="JV348" t="str">
            <v/>
          </cell>
          <cell r="JW348" t="str">
            <v/>
          </cell>
          <cell r="JX348" t="str">
            <v/>
          </cell>
          <cell r="JY348" t="str">
            <v/>
          </cell>
          <cell r="JZ348" t="str">
            <v/>
          </cell>
        </row>
        <row r="349">
          <cell r="C349" t="str">
            <v/>
          </cell>
          <cell r="D349" t="str">
            <v/>
          </cell>
          <cell r="E349" t="str">
            <v/>
          </cell>
          <cell r="I349">
            <v>341</v>
          </cell>
          <cell r="AY349" t="str">
            <v/>
          </cell>
          <cell r="AZ349" t="str">
            <v/>
          </cell>
          <cell r="BA349" t="str">
            <v/>
          </cell>
          <cell r="BC349" t="str">
            <v/>
          </cell>
          <cell r="BD349" t="str">
            <v/>
          </cell>
          <cell r="BE349" t="str">
            <v/>
          </cell>
          <cell r="BH349" t="str">
            <v/>
          </cell>
          <cell r="BI349" t="str">
            <v/>
          </cell>
          <cell r="BJ349" t="str">
            <v/>
          </cell>
          <cell r="BT349" t="str">
            <v/>
          </cell>
          <cell r="BU349" t="str">
            <v/>
          </cell>
          <cell r="BV349" t="str">
            <v/>
          </cell>
          <cell r="CD349" t="str">
            <v/>
          </cell>
          <cell r="CP349">
            <v>71772</v>
          </cell>
          <cell r="CW349" t="str">
            <v/>
          </cell>
          <cell r="CX349" t="str">
            <v/>
          </cell>
          <cell r="CY349" t="str">
            <v/>
          </cell>
          <cell r="CZ349" t="str">
            <v/>
          </cell>
          <cell r="DA349" t="str">
            <v/>
          </cell>
          <cell r="DB349" t="str">
            <v/>
          </cell>
          <cell r="DD349" t="str">
            <v/>
          </cell>
          <cell r="EZ349" t="str">
            <v/>
          </cell>
          <cell r="FA349" t="str">
            <v/>
          </cell>
          <cell r="FI349" t="str">
            <v/>
          </cell>
          <cell r="FJ349" t="str">
            <v/>
          </cell>
          <cell r="FN349" t="str">
            <v/>
          </cell>
          <cell r="FO349" t="str">
            <v/>
          </cell>
          <cell r="FS349" t="str">
            <v/>
          </cell>
          <cell r="FT349" t="str">
            <v/>
          </cell>
          <cell r="FU349" t="str">
            <v/>
          </cell>
          <cell r="FW349" t="str">
            <v/>
          </cell>
          <cell r="FY349" t="str">
            <v/>
          </cell>
          <cell r="GD349" t="str">
            <v/>
          </cell>
          <cell r="GE349" t="str">
            <v/>
          </cell>
          <cell r="GG349" t="str">
            <v/>
          </cell>
          <cell r="GI349" t="str">
            <v/>
          </cell>
          <cell r="GJ349" t="str">
            <v/>
          </cell>
          <cell r="GT349" t="str">
            <v/>
          </cell>
          <cell r="GW349" t="str">
            <v/>
          </cell>
          <cell r="HO349" t="str">
            <v/>
          </cell>
          <cell r="JD349" t="str">
            <v/>
          </cell>
          <cell r="JE349" t="str">
            <v/>
          </cell>
          <cell r="JF349" t="str">
            <v/>
          </cell>
          <cell r="JG349" t="str">
            <v/>
          </cell>
          <cell r="JH349" t="str">
            <v/>
          </cell>
          <cell r="JI349" t="str">
            <v/>
          </cell>
          <cell r="JJ349" t="str">
            <v/>
          </cell>
          <cell r="JK349" t="str">
            <v/>
          </cell>
          <cell r="JL349" t="str">
            <v/>
          </cell>
          <cell r="JM349" t="str">
            <v/>
          </cell>
          <cell r="JN349" t="str">
            <v/>
          </cell>
          <cell r="JO349" t="str">
            <v/>
          </cell>
          <cell r="JP349" t="str">
            <v/>
          </cell>
          <cell r="JQ349" t="str">
            <v/>
          </cell>
          <cell r="JR349" t="str">
            <v/>
          </cell>
          <cell r="JS349" t="str">
            <v/>
          </cell>
          <cell r="JT349" t="str">
            <v/>
          </cell>
          <cell r="JU349" t="str">
            <v/>
          </cell>
          <cell r="JV349" t="str">
            <v/>
          </cell>
          <cell r="JW349" t="str">
            <v/>
          </cell>
          <cell r="JX349" t="str">
            <v/>
          </cell>
          <cell r="JY349" t="str">
            <v/>
          </cell>
          <cell r="JZ349" t="str">
            <v/>
          </cell>
        </row>
        <row r="350">
          <cell r="C350" t="str">
            <v/>
          </cell>
          <cell r="D350" t="str">
            <v/>
          </cell>
          <cell r="E350" t="str">
            <v/>
          </cell>
          <cell r="I350">
            <v>342</v>
          </cell>
          <cell r="AY350" t="str">
            <v/>
          </cell>
          <cell r="AZ350" t="str">
            <v/>
          </cell>
          <cell r="BA350" t="str">
            <v/>
          </cell>
          <cell r="BC350" t="str">
            <v/>
          </cell>
          <cell r="BD350" t="str">
            <v/>
          </cell>
          <cell r="BE350" t="str">
            <v/>
          </cell>
          <cell r="BH350" t="str">
            <v/>
          </cell>
          <cell r="BI350" t="str">
            <v/>
          </cell>
          <cell r="BJ350" t="str">
            <v/>
          </cell>
          <cell r="BT350" t="str">
            <v/>
          </cell>
          <cell r="BU350" t="str">
            <v/>
          </cell>
          <cell r="BV350" t="str">
            <v/>
          </cell>
          <cell r="CD350" t="str">
            <v/>
          </cell>
          <cell r="CP350">
            <v>71767</v>
          </cell>
          <cell r="CW350" t="str">
            <v/>
          </cell>
          <cell r="CX350" t="str">
            <v/>
          </cell>
          <cell r="CY350" t="str">
            <v/>
          </cell>
          <cell r="CZ350" t="str">
            <v/>
          </cell>
          <cell r="DA350" t="str">
            <v/>
          </cell>
          <cell r="DB350" t="str">
            <v/>
          </cell>
          <cell r="DD350" t="str">
            <v/>
          </cell>
          <cell r="EZ350" t="str">
            <v/>
          </cell>
          <cell r="FA350" t="str">
            <v/>
          </cell>
          <cell r="FI350" t="str">
            <v/>
          </cell>
          <cell r="FJ350" t="str">
            <v/>
          </cell>
          <cell r="FN350" t="str">
            <v/>
          </cell>
          <cell r="FO350" t="str">
            <v/>
          </cell>
          <cell r="FS350" t="str">
            <v/>
          </cell>
          <cell r="FT350" t="str">
            <v/>
          </cell>
          <cell r="FU350" t="str">
            <v/>
          </cell>
          <cell r="FW350" t="str">
            <v/>
          </cell>
          <cell r="FY350" t="str">
            <v/>
          </cell>
          <cell r="GD350" t="str">
            <v/>
          </cell>
          <cell r="GE350" t="str">
            <v/>
          </cell>
          <cell r="GG350" t="str">
            <v/>
          </cell>
          <cell r="GI350" t="str">
            <v/>
          </cell>
          <cell r="GJ350" t="str">
            <v/>
          </cell>
          <cell r="GT350" t="str">
            <v/>
          </cell>
          <cell r="GW350" t="str">
            <v/>
          </cell>
          <cell r="HO350" t="str">
            <v/>
          </cell>
          <cell r="JD350" t="str">
            <v/>
          </cell>
          <cell r="JE350" t="str">
            <v/>
          </cell>
          <cell r="JF350" t="str">
            <v/>
          </cell>
          <cell r="JG350" t="str">
            <v/>
          </cell>
          <cell r="JH350" t="str">
            <v/>
          </cell>
          <cell r="JI350" t="str">
            <v/>
          </cell>
          <cell r="JJ350" t="str">
            <v/>
          </cell>
          <cell r="JK350" t="str">
            <v/>
          </cell>
          <cell r="JL350" t="str">
            <v/>
          </cell>
          <cell r="JM350" t="str">
            <v/>
          </cell>
          <cell r="JN350" t="str">
            <v/>
          </cell>
          <cell r="JO350" t="str">
            <v/>
          </cell>
          <cell r="JP350" t="str">
            <v/>
          </cell>
          <cell r="JQ350" t="str">
            <v/>
          </cell>
          <cell r="JR350" t="str">
            <v/>
          </cell>
          <cell r="JS350" t="str">
            <v/>
          </cell>
          <cell r="JT350" t="str">
            <v/>
          </cell>
          <cell r="JU350" t="str">
            <v/>
          </cell>
          <cell r="JV350" t="str">
            <v/>
          </cell>
          <cell r="JW350" t="str">
            <v/>
          </cell>
          <cell r="JX350" t="str">
            <v/>
          </cell>
          <cell r="JY350" t="str">
            <v/>
          </cell>
          <cell r="JZ350" t="str">
            <v/>
          </cell>
        </row>
        <row r="351">
          <cell r="C351" t="str">
            <v/>
          </cell>
          <cell r="D351" t="str">
            <v/>
          </cell>
          <cell r="E351" t="str">
            <v/>
          </cell>
          <cell r="I351">
            <v>343</v>
          </cell>
          <cell r="AY351" t="str">
            <v/>
          </cell>
          <cell r="AZ351" t="str">
            <v/>
          </cell>
          <cell r="BA351" t="str">
            <v/>
          </cell>
          <cell r="BC351" t="str">
            <v/>
          </cell>
          <cell r="BD351" t="str">
            <v/>
          </cell>
          <cell r="BE351" t="str">
            <v/>
          </cell>
          <cell r="BH351" t="str">
            <v/>
          </cell>
          <cell r="BI351" t="str">
            <v/>
          </cell>
          <cell r="BJ351" t="str">
            <v/>
          </cell>
          <cell r="BT351" t="str">
            <v/>
          </cell>
          <cell r="BU351" t="str">
            <v/>
          </cell>
          <cell r="BV351" t="str">
            <v/>
          </cell>
          <cell r="CD351" t="str">
            <v/>
          </cell>
          <cell r="CP351">
            <v>77571</v>
          </cell>
          <cell r="CW351" t="str">
            <v/>
          </cell>
          <cell r="CX351" t="str">
            <v/>
          </cell>
          <cell r="CY351" t="str">
            <v/>
          </cell>
          <cell r="CZ351" t="str">
            <v/>
          </cell>
          <cell r="DA351" t="str">
            <v/>
          </cell>
          <cell r="DB351" t="str">
            <v/>
          </cell>
          <cell r="DD351" t="str">
            <v/>
          </cell>
          <cell r="EZ351" t="str">
            <v/>
          </cell>
          <cell r="FA351" t="str">
            <v/>
          </cell>
          <cell r="FI351" t="str">
            <v/>
          </cell>
          <cell r="FJ351" t="str">
            <v/>
          </cell>
          <cell r="FN351" t="str">
            <v/>
          </cell>
          <cell r="FO351" t="str">
            <v/>
          </cell>
          <cell r="FS351" t="str">
            <v/>
          </cell>
          <cell r="FT351" t="str">
            <v/>
          </cell>
          <cell r="FU351" t="str">
            <v/>
          </cell>
          <cell r="FW351" t="str">
            <v/>
          </cell>
          <cell r="FY351" t="str">
            <v/>
          </cell>
          <cell r="GD351" t="str">
            <v/>
          </cell>
          <cell r="GE351" t="str">
            <v/>
          </cell>
          <cell r="GG351" t="str">
            <v/>
          </cell>
          <cell r="GI351" t="str">
            <v/>
          </cell>
          <cell r="GJ351" t="str">
            <v/>
          </cell>
          <cell r="GT351" t="str">
            <v/>
          </cell>
          <cell r="GW351" t="str">
            <v/>
          </cell>
          <cell r="HO351" t="str">
            <v/>
          </cell>
          <cell r="JD351" t="str">
            <v/>
          </cell>
          <cell r="JE351" t="str">
            <v/>
          </cell>
          <cell r="JF351" t="str">
            <v/>
          </cell>
          <cell r="JG351" t="str">
            <v/>
          </cell>
          <cell r="JH351" t="str">
            <v/>
          </cell>
          <cell r="JI351" t="str">
            <v/>
          </cell>
          <cell r="JJ351" t="str">
            <v/>
          </cell>
          <cell r="JK351" t="str">
            <v/>
          </cell>
          <cell r="JL351" t="str">
            <v/>
          </cell>
          <cell r="JM351" t="str">
            <v/>
          </cell>
          <cell r="JN351" t="str">
            <v/>
          </cell>
          <cell r="JO351" t="str">
            <v/>
          </cell>
          <cell r="JP351" t="str">
            <v/>
          </cell>
          <cell r="JQ351" t="str">
            <v/>
          </cell>
          <cell r="JR351" t="str">
            <v/>
          </cell>
          <cell r="JS351" t="str">
            <v/>
          </cell>
          <cell r="JT351" t="str">
            <v/>
          </cell>
          <cell r="JU351" t="str">
            <v/>
          </cell>
          <cell r="JV351" t="str">
            <v/>
          </cell>
          <cell r="JW351" t="str">
            <v/>
          </cell>
          <cell r="JX351" t="str">
            <v/>
          </cell>
          <cell r="JY351" t="str">
            <v/>
          </cell>
          <cell r="JZ351" t="str">
            <v/>
          </cell>
        </row>
        <row r="352">
          <cell r="C352" t="str">
            <v/>
          </cell>
          <cell r="D352" t="str">
            <v/>
          </cell>
          <cell r="E352" t="str">
            <v/>
          </cell>
          <cell r="I352">
            <v>344</v>
          </cell>
          <cell r="AY352" t="str">
            <v/>
          </cell>
          <cell r="AZ352" t="str">
            <v/>
          </cell>
          <cell r="BA352" t="str">
            <v/>
          </cell>
          <cell r="BC352" t="str">
            <v/>
          </cell>
          <cell r="BD352" t="str">
            <v/>
          </cell>
          <cell r="BE352" t="str">
            <v/>
          </cell>
          <cell r="BH352" t="str">
            <v/>
          </cell>
          <cell r="BI352" t="str">
            <v/>
          </cell>
          <cell r="BJ352" t="str">
            <v/>
          </cell>
          <cell r="BT352" t="str">
            <v/>
          </cell>
          <cell r="BU352" t="str">
            <v/>
          </cell>
          <cell r="BV352" t="str">
            <v/>
          </cell>
          <cell r="CD352" t="str">
            <v/>
          </cell>
          <cell r="CP352">
            <v>44713</v>
          </cell>
          <cell r="CW352" t="str">
            <v/>
          </cell>
          <cell r="CX352" t="str">
            <v/>
          </cell>
          <cell r="CY352" t="str">
            <v/>
          </cell>
          <cell r="CZ352" t="str">
            <v/>
          </cell>
          <cell r="DA352" t="str">
            <v/>
          </cell>
          <cell r="DB352" t="str">
            <v/>
          </cell>
          <cell r="DD352" t="str">
            <v/>
          </cell>
          <cell r="EZ352" t="str">
            <v/>
          </cell>
          <cell r="FA352" t="str">
            <v/>
          </cell>
          <cell r="FI352" t="str">
            <v/>
          </cell>
          <cell r="FJ352" t="str">
            <v/>
          </cell>
          <cell r="FN352" t="str">
            <v/>
          </cell>
          <cell r="FO352" t="str">
            <v/>
          </cell>
          <cell r="FS352" t="str">
            <v/>
          </cell>
          <cell r="FT352" t="str">
            <v/>
          </cell>
          <cell r="FU352" t="str">
            <v/>
          </cell>
          <cell r="FW352" t="str">
            <v/>
          </cell>
          <cell r="FY352" t="str">
            <v/>
          </cell>
          <cell r="GD352" t="str">
            <v/>
          </cell>
          <cell r="GE352" t="str">
            <v/>
          </cell>
          <cell r="GG352" t="str">
            <v/>
          </cell>
          <cell r="GI352" t="str">
            <v/>
          </cell>
          <cell r="GJ352" t="str">
            <v/>
          </cell>
          <cell r="GT352" t="str">
            <v/>
          </cell>
          <cell r="GW352" t="str">
            <v/>
          </cell>
          <cell r="HO352" t="str">
            <v/>
          </cell>
          <cell r="JD352" t="str">
            <v/>
          </cell>
          <cell r="JE352" t="str">
            <v/>
          </cell>
          <cell r="JF352" t="str">
            <v/>
          </cell>
          <cell r="JG352" t="str">
            <v/>
          </cell>
          <cell r="JH352" t="str">
            <v/>
          </cell>
          <cell r="JI352" t="str">
            <v/>
          </cell>
          <cell r="JJ352" t="str">
            <v/>
          </cell>
          <cell r="JK352" t="str">
            <v/>
          </cell>
          <cell r="JL352" t="str">
            <v/>
          </cell>
          <cell r="JM352" t="str">
            <v/>
          </cell>
          <cell r="JN352" t="str">
            <v/>
          </cell>
          <cell r="JO352" t="str">
            <v/>
          </cell>
          <cell r="JP352" t="str">
            <v/>
          </cell>
          <cell r="JQ352" t="str">
            <v/>
          </cell>
          <cell r="JR352" t="str">
            <v/>
          </cell>
          <cell r="JS352" t="str">
            <v/>
          </cell>
          <cell r="JT352" t="str">
            <v/>
          </cell>
          <cell r="JU352" t="str">
            <v/>
          </cell>
          <cell r="JV352" t="str">
            <v/>
          </cell>
          <cell r="JW352" t="str">
            <v/>
          </cell>
          <cell r="JX352" t="str">
            <v/>
          </cell>
          <cell r="JY352" t="str">
            <v/>
          </cell>
          <cell r="JZ352" t="str">
            <v/>
          </cell>
        </row>
        <row r="353">
          <cell r="C353" t="str">
            <v/>
          </cell>
          <cell r="D353" t="str">
            <v/>
          </cell>
          <cell r="E353" t="str">
            <v/>
          </cell>
          <cell r="I353">
            <v>345</v>
          </cell>
          <cell r="AY353" t="str">
            <v/>
          </cell>
          <cell r="AZ353" t="str">
            <v/>
          </cell>
          <cell r="BA353" t="str">
            <v/>
          </cell>
          <cell r="BC353" t="str">
            <v/>
          </cell>
          <cell r="BD353" t="str">
            <v/>
          </cell>
          <cell r="BE353" t="str">
            <v/>
          </cell>
          <cell r="BH353" t="str">
            <v/>
          </cell>
          <cell r="BI353" t="str">
            <v/>
          </cell>
          <cell r="BJ353" t="str">
            <v/>
          </cell>
          <cell r="BT353" t="str">
            <v/>
          </cell>
          <cell r="BU353" t="str">
            <v/>
          </cell>
          <cell r="BV353" t="str">
            <v/>
          </cell>
          <cell r="CD353" t="str">
            <v/>
          </cell>
          <cell r="CP353">
            <v>12281</v>
          </cell>
          <cell r="CW353" t="str">
            <v/>
          </cell>
          <cell r="CX353" t="str">
            <v/>
          </cell>
          <cell r="CY353" t="str">
            <v/>
          </cell>
          <cell r="CZ353" t="str">
            <v/>
          </cell>
          <cell r="DA353" t="str">
            <v/>
          </cell>
          <cell r="DB353" t="str">
            <v/>
          </cell>
          <cell r="DD353" t="str">
            <v/>
          </cell>
          <cell r="EZ353" t="str">
            <v/>
          </cell>
          <cell r="FA353" t="str">
            <v/>
          </cell>
          <cell r="FI353" t="str">
            <v/>
          </cell>
          <cell r="FJ353" t="str">
            <v/>
          </cell>
          <cell r="FN353" t="str">
            <v/>
          </cell>
          <cell r="FO353" t="str">
            <v/>
          </cell>
          <cell r="FS353" t="str">
            <v/>
          </cell>
          <cell r="FT353" t="str">
            <v/>
          </cell>
          <cell r="FU353" t="str">
            <v/>
          </cell>
          <cell r="FW353" t="str">
            <v/>
          </cell>
          <cell r="FY353" t="str">
            <v/>
          </cell>
          <cell r="GD353" t="str">
            <v/>
          </cell>
          <cell r="GE353" t="str">
            <v/>
          </cell>
          <cell r="GG353" t="str">
            <v/>
          </cell>
          <cell r="GI353" t="str">
            <v/>
          </cell>
          <cell r="GJ353" t="str">
            <v/>
          </cell>
          <cell r="GT353" t="str">
            <v/>
          </cell>
          <cell r="GW353" t="str">
            <v/>
          </cell>
          <cell r="HO353" t="str">
            <v/>
          </cell>
          <cell r="JD353" t="str">
            <v/>
          </cell>
          <cell r="JE353" t="str">
            <v/>
          </cell>
          <cell r="JF353" t="str">
            <v/>
          </cell>
          <cell r="JG353" t="str">
            <v/>
          </cell>
          <cell r="JH353" t="str">
            <v/>
          </cell>
          <cell r="JI353" t="str">
            <v/>
          </cell>
          <cell r="JJ353" t="str">
            <v/>
          </cell>
          <cell r="JK353" t="str">
            <v/>
          </cell>
          <cell r="JL353" t="str">
            <v/>
          </cell>
          <cell r="JM353" t="str">
            <v/>
          </cell>
          <cell r="JN353" t="str">
            <v/>
          </cell>
          <cell r="JO353" t="str">
            <v/>
          </cell>
          <cell r="JP353" t="str">
            <v/>
          </cell>
          <cell r="JQ353" t="str">
            <v/>
          </cell>
          <cell r="JR353" t="str">
            <v/>
          </cell>
          <cell r="JS353" t="str">
            <v/>
          </cell>
          <cell r="JT353" t="str">
            <v/>
          </cell>
          <cell r="JU353" t="str">
            <v/>
          </cell>
          <cell r="JV353" t="str">
            <v/>
          </cell>
          <cell r="JW353" t="str">
            <v/>
          </cell>
          <cell r="JX353" t="str">
            <v/>
          </cell>
          <cell r="JY353" t="str">
            <v/>
          </cell>
          <cell r="JZ353" t="str">
            <v/>
          </cell>
        </row>
        <row r="354">
          <cell r="C354" t="str">
            <v/>
          </cell>
          <cell r="D354" t="str">
            <v/>
          </cell>
          <cell r="E354" t="str">
            <v/>
          </cell>
          <cell r="I354">
            <v>346</v>
          </cell>
          <cell r="AY354" t="str">
            <v/>
          </cell>
          <cell r="AZ354" t="str">
            <v/>
          </cell>
          <cell r="BA354" t="str">
            <v/>
          </cell>
          <cell r="BC354" t="str">
            <v/>
          </cell>
          <cell r="BD354" t="str">
            <v/>
          </cell>
          <cell r="BE354" t="str">
            <v/>
          </cell>
          <cell r="BH354" t="str">
            <v/>
          </cell>
          <cell r="BI354" t="str">
            <v/>
          </cell>
          <cell r="BJ354" t="str">
            <v/>
          </cell>
          <cell r="BT354" t="str">
            <v/>
          </cell>
          <cell r="BU354" t="str">
            <v/>
          </cell>
          <cell r="BV354" t="str">
            <v/>
          </cell>
          <cell r="CD354" t="str">
            <v/>
          </cell>
          <cell r="CP354">
            <v>86404</v>
          </cell>
          <cell r="CW354" t="str">
            <v/>
          </cell>
          <cell r="CX354" t="str">
            <v/>
          </cell>
          <cell r="CY354" t="str">
            <v/>
          </cell>
          <cell r="CZ354" t="str">
            <v/>
          </cell>
          <cell r="DA354" t="str">
            <v/>
          </cell>
          <cell r="DB354" t="str">
            <v/>
          </cell>
          <cell r="DD354" t="str">
            <v/>
          </cell>
          <cell r="EZ354" t="str">
            <v/>
          </cell>
          <cell r="FA354" t="str">
            <v/>
          </cell>
          <cell r="FI354" t="str">
            <v/>
          </cell>
          <cell r="FJ354" t="str">
            <v/>
          </cell>
          <cell r="FN354" t="str">
            <v/>
          </cell>
          <cell r="FO354" t="str">
            <v/>
          </cell>
          <cell r="FS354" t="str">
            <v/>
          </cell>
          <cell r="FT354" t="str">
            <v/>
          </cell>
          <cell r="FU354" t="str">
            <v/>
          </cell>
          <cell r="FW354" t="str">
            <v/>
          </cell>
          <cell r="FY354" t="str">
            <v/>
          </cell>
          <cell r="GD354" t="str">
            <v/>
          </cell>
          <cell r="GE354" t="str">
            <v/>
          </cell>
          <cell r="GG354" t="str">
            <v/>
          </cell>
          <cell r="GI354" t="str">
            <v/>
          </cell>
          <cell r="GJ354" t="str">
            <v/>
          </cell>
          <cell r="GT354" t="str">
            <v/>
          </cell>
          <cell r="GW354" t="str">
            <v/>
          </cell>
          <cell r="HO354" t="str">
            <v/>
          </cell>
          <cell r="JD354" t="str">
            <v/>
          </cell>
          <cell r="JE354" t="str">
            <v/>
          </cell>
          <cell r="JF354" t="str">
            <v/>
          </cell>
          <cell r="JG354" t="str">
            <v/>
          </cell>
          <cell r="JH354" t="str">
            <v/>
          </cell>
          <cell r="JI354" t="str">
            <v/>
          </cell>
          <cell r="JJ354" t="str">
            <v/>
          </cell>
          <cell r="JK354" t="str">
            <v/>
          </cell>
          <cell r="JL354" t="str">
            <v/>
          </cell>
          <cell r="JM354" t="str">
            <v/>
          </cell>
          <cell r="JN354" t="str">
            <v/>
          </cell>
          <cell r="JO354" t="str">
            <v/>
          </cell>
          <cell r="JP354" t="str">
            <v/>
          </cell>
          <cell r="JQ354" t="str">
            <v/>
          </cell>
          <cell r="JR354" t="str">
            <v/>
          </cell>
          <cell r="JS354" t="str">
            <v/>
          </cell>
          <cell r="JT354" t="str">
            <v/>
          </cell>
          <cell r="JU354" t="str">
            <v/>
          </cell>
          <cell r="JV354" t="str">
            <v/>
          </cell>
          <cell r="JW354" t="str">
            <v/>
          </cell>
          <cell r="JX354" t="str">
            <v/>
          </cell>
          <cell r="JY354" t="str">
            <v/>
          </cell>
          <cell r="JZ354" t="str">
            <v/>
          </cell>
        </row>
        <row r="355">
          <cell r="C355" t="str">
            <v/>
          </cell>
          <cell r="D355" t="str">
            <v/>
          </cell>
          <cell r="E355" t="str">
            <v/>
          </cell>
          <cell r="I355">
            <v>347</v>
          </cell>
          <cell r="AY355" t="str">
            <v/>
          </cell>
          <cell r="AZ355" t="str">
            <v/>
          </cell>
          <cell r="BA355" t="str">
            <v/>
          </cell>
          <cell r="BC355" t="str">
            <v/>
          </cell>
          <cell r="BD355" t="str">
            <v/>
          </cell>
          <cell r="BE355" t="str">
            <v/>
          </cell>
          <cell r="BH355" t="str">
            <v/>
          </cell>
          <cell r="BI355" t="str">
            <v/>
          </cell>
          <cell r="BJ355" t="str">
            <v/>
          </cell>
          <cell r="BT355" t="str">
            <v/>
          </cell>
          <cell r="BU355" t="str">
            <v/>
          </cell>
          <cell r="BV355" t="str">
            <v/>
          </cell>
          <cell r="CD355" t="str">
            <v/>
          </cell>
          <cell r="CP355">
            <v>94944</v>
          </cell>
          <cell r="CW355" t="str">
            <v/>
          </cell>
          <cell r="CX355" t="str">
            <v/>
          </cell>
          <cell r="CY355" t="str">
            <v/>
          </cell>
          <cell r="CZ355" t="str">
            <v/>
          </cell>
          <cell r="DA355" t="str">
            <v/>
          </cell>
          <cell r="DB355" t="str">
            <v/>
          </cell>
          <cell r="DD355" t="str">
            <v/>
          </cell>
          <cell r="EZ355" t="str">
            <v/>
          </cell>
          <cell r="FA355" t="str">
            <v/>
          </cell>
          <cell r="FI355" t="str">
            <v/>
          </cell>
          <cell r="FJ355" t="str">
            <v/>
          </cell>
          <cell r="FN355" t="str">
            <v/>
          </cell>
          <cell r="FO355" t="str">
            <v/>
          </cell>
          <cell r="FS355" t="str">
            <v/>
          </cell>
          <cell r="FT355" t="str">
            <v/>
          </cell>
          <cell r="FU355" t="str">
            <v/>
          </cell>
          <cell r="FW355" t="str">
            <v/>
          </cell>
          <cell r="FY355" t="str">
            <v/>
          </cell>
          <cell r="GD355" t="str">
            <v/>
          </cell>
          <cell r="GE355" t="str">
            <v/>
          </cell>
          <cell r="GG355" t="str">
            <v/>
          </cell>
          <cell r="GI355" t="str">
            <v/>
          </cell>
          <cell r="GJ355" t="str">
            <v/>
          </cell>
          <cell r="GT355" t="str">
            <v/>
          </cell>
          <cell r="GW355" t="str">
            <v/>
          </cell>
          <cell r="HO355" t="str">
            <v/>
          </cell>
          <cell r="JD355" t="str">
            <v/>
          </cell>
          <cell r="JE355" t="str">
            <v/>
          </cell>
          <cell r="JF355" t="str">
            <v/>
          </cell>
          <cell r="JG355" t="str">
            <v/>
          </cell>
          <cell r="JH355" t="str">
            <v/>
          </cell>
          <cell r="JI355" t="str">
            <v/>
          </cell>
          <cell r="JJ355" t="str">
            <v/>
          </cell>
          <cell r="JK355" t="str">
            <v/>
          </cell>
          <cell r="JL355" t="str">
            <v/>
          </cell>
          <cell r="JM355" t="str">
            <v/>
          </cell>
          <cell r="JN355" t="str">
            <v/>
          </cell>
          <cell r="JO355" t="str">
            <v/>
          </cell>
          <cell r="JP355" t="str">
            <v/>
          </cell>
          <cell r="JQ355" t="str">
            <v/>
          </cell>
          <cell r="JR355" t="str">
            <v/>
          </cell>
          <cell r="JS355" t="str">
            <v/>
          </cell>
          <cell r="JT355" t="str">
            <v/>
          </cell>
          <cell r="JU355" t="str">
            <v/>
          </cell>
          <cell r="JV355" t="str">
            <v/>
          </cell>
          <cell r="JW355" t="str">
            <v/>
          </cell>
          <cell r="JX355" t="str">
            <v/>
          </cell>
          <cell r="JY355" t="str">
            <v/>
          </cell>
          <cell r="JZ355" t="str">
            <v/>
          </cell>
        </row>
        <row r="356">
          <cell r="C356" t="str">
            <v/>
          </cell>
          <cell r="D356" t="str">
            <v/>
          </cell>
          <cell r="E356" t="str">
            <v/>
          </cell>
          <cell r="I356">
            <v>348</v>
          </cell>
          <cell r="AY356" t="str">
            <v/>
          </cell>
          <cell r="AZ356" t="str">
            <v/>
          </cell>
          <cell r="BA356" t="str">
            <v/>
          </cell>
          <cell r="BC356" t="str">
            <v/>
          </cell>
          <cell r="BD356" t="str">
            <v/>
          </cell>
          <cell r="BE356" t="str">
            <v/>
          </cell>
          <cell r="BH356" t="str">
            <v/>
          </cell>
          <cell r="BI356" t="str">
            <v/>
          </cell>
          <cell r="BJ356" t="str">
            <v/>
          </cell>
          <cell r="BT356" t="str">
            <v/>
          </cell>
          <cell r="BU356" t="str">
            <v/>
          </cell>
          <cell r="BV356" t="str">
            <v/>
          </cell>
          <cell r="CD356" t="str">
            <v/>
          </cell>
          <cell r="CP356">
            <v>98522</v>
          </cell>
          <cell r="CW356" t="str">
            <v/>
          </cell>
          <cell r="CX356" t="str">
            <v/>
          </cell>
          <cell r="CY356" t="str">
            <v/>
          </cell>
          <cell r="CZ356" t="str">
            <v/>
          </cell>
          <cell r="DA356" t="str">
            <v/>
          </cell>
          <cell r="DB356" t="str">
            <v/>
          </cell>
          <cell r="DD356" t="str">
            <v/>
          </cell>
          <cell r="EZ356" t="str">
            <v/>
          </cell>
          <cell r="FA356" t="str">
            <v/>
          </cell>
          <cell r="FI356" t="str">
            <v/>
          </cell>
          <cell r="FJ356" t="str">
            <v/>
          </cell>
          <cell r="FN356" t="str">
            <v/>
          </cell>
          <cell r="FO356" t="str">
            <v/>
          </cell>
          <cell r="FS356" t="str">
            <v/>
          </cell>
          <cell r="FT356" t="str">
            <v/>
          </cell>
          <cell r="FU356" t="str">
            <v/>
          </cell>
          <cell r="FW356" t="str">
            <v/>
          </cell>
          <cell r="FY356" t="str">
            <v/>
          </cell>
          <cell r="GD356" t="str">
            <v/>
          </cell>
          <cell r="GE356" t="str">
            <v/>
          </cell>
          <cell r="GG356" t="str">
            <v/>
          </cell>
          <cell r="GI356" t="str">
            <v/>
          </cell>
          <cell r="GJ356" t="str">
            <v/>
          </cell>
          <cell r="GT356" t="str">
            <v/>
          </cell>
          <cell r="GW356" t="str">
            <v/>
          </cell>
          <cell r="HO356" t="str">
            <v/>
          </cell>
          <cell r="JD356" t="str">
            <v/>
          </cell>
          <cell r="JE356" t="str">
            <v/>
          </cell>
          <cell r="JF356" t="str">
            <v/>
          </cell>
          <cell r="JG356" t="str">
            <v/>
          </cell>
          <cell r="JH356" t="str">
            <v/>
          </cell>
          <cell r="JI356" t="str">
            <v/>
          </cell>
          <cell r="JJ356" t="str">
            <v/>
          </cell>
          <cell r="JK356" t="str">
            <v/>
          </cell>
          <cell r="JL356" t="str">
            <v/>
          </cell>
          <cell r="JM356" t="str">
            <v/>
          </cell>
          <cell r="JN356" t="str">
            <v/>
          </cell>
          <cell r="JO356" t="str">
            <v/>
          </cell>
          <cell r="JP356" t="str">
            <v/>
          </cell>
          <cell r="JQ356" t="str">
            <v/>
          </cell>
          <cell r="JR356" t="str">
            <v/>
          </cell>
          <cell r="JS356" t="str">
            <v/>
          </cell>
          <cell r="JT356" t="str">
            <v/>
          </cell>
          <cell r="JU356" t="str">
            <v/>
          </cell>
          <cell r="JV356" t="str">
            <v/>
          </cell>
          <cell r="JW356" t="str">
            <v/>
          </cell>
          <cell r="JX356" t="str">
            <v/>
          </cell>
          <cell r="JY356" t="str">
            <v/>
          </cell>
          <cell r="JZ356" t="str">
            <v/>
          </cell>
        </row>
        <row r="357">
          <cell r="C357" t="str">
            <v/>
          </cell>
          <cell r="D357" t="str">
            <v/>
          </cell>
          <cell r="E357" t="str">
            <v/>
          </cell>
          <cell r="I357">
            <v>349</v>
          </cell>
          <cell r="AY357" t="str">
            <v/>
          </cell>
          <cell r="AZ357" t="str">
            <v/>
          </cell>
          <cell r="BA357" t="str">
            <v/>
          </cell>
          <cell r="BC357" t="str">
            <v/>
          </cell>
          <cell r="BD357" t="str">
            <v/>
          </cell>
          <cell r="BE357" t="str">
            <v/>
          </cell>
          <cell r="BH357" t="str">
            <v/>
          </cell>
          <cell r="BI357" t="str">
            <v/>
          </cell>
          <cell r="BJ357" t="str">
            <v/>
          </cell>
          <cell r="BT357" t="str">
            <v/>
          </cell>
          <cell r="BU357" t="str">
            <v/>
          </cell>
          <cell r="BV357" t="str">
            <v/>
          </cell>
          <cell r="CD357" t="str">
            <v/>
          </cell>
          <cell r="CP357">
            <v>15056</v>
          </cell>
          <cell r="CW357" t="str">
            <v/>
          </cell>
          <cell r="CX357" t="str">
            <v/>
          </cell>
          <cell r="CY357" t="str">
            <v/>
          </cell>
          <cell r="CZ357" t="str">
            <v/>
          </cell>
          <cell r="DA357" t="str">
            <v/>
          </cell>
          <cell r="DB357" t="str">
            <v/>
          </cell>
          <cell r="DD357" t="str">
            <v/>
          </cell>
          <cell r="EZ357" t="str">
            <v/>
          </cell>
          <cell r="FA357" t="str">
            <v/>
          </cell>
          <cell r="FI357" t="str">
            <v/>
          </cell>
          <cell r="FJ357" t="str">
            <v/>
          </cell>
          <cell r="FN357" t="str">
            <v/>
          </cell>
          <cell r="FO357" t="str">
            <v/>
          </cell>
          <cell r="FS357" t="str">
            <v/>
          </cell>
          <cell r="FT357" t="str">
            <v/>
          </cell>
          <cell r="FU357" t="str">
            <v/>
          </cell>
          <cell r="FW357" t="str">
            <v/>
          </cell>
          <cell r="FY357" t="str">
            <v/>
          </cell>
          <cell r="GD357" t="str">
            <v/>
          </cell>
          <cell r="GE357" t="str">
            <v/>
          </cell>
          <cell r="GG357" t="str">
            <v/>
          </cell>
          <cell r="GI357" t="str">
            <v/>
          </cell>
          <cell r="GJ357" t="str">
            <v/>
          </cell>
          <cell r="GT357" t="str">
            <v/>
          </cell>
          <cell r="GW357" t="str">
            <v/>
          </cell>
          <cell r="HO357" t="str">
            <v/>
          </cell>
          <cell r="JD357" t="str">
            <v/>
          </cell>
          <cell r="JE357" t="str">
            <v/>
          </cell>
          <cell r="JF357" t="str">
            <v/>
          </cell>
          <cell r="JG357" t="str">
            <v/>
          </cell>
          <cell r="JH357" t="str">
            <v/>
          </cell>
          <cell r="JI357" t="str">
            <v/>
          </cell>
          <cell r="JJ357" t="str">
            <v/>
          </cell>
          <cell r="JK357" t="str">
            <v/>
          </cell>
          <cell r="JL357" t="str">
            <v/>
          </cell>
          <cell r="JM357" t="str">
            <v/>
          </cell>
          <cell r="JN357" t="str">
            <v/>
          </cell>
          <cell r="JO357" t="str">
            <v/>
          </cell>
          <cell r="JP357" t="str">
            <v/>
          </cell>
          <cell r="JQ357" t="str">
            <v/>
          </cell>
          <cell r="JR357" t="str">
            <v/>
          </cell>
          <cell r="JS357" t="str">
            <v/>
          </cell>
          <cell r="JT357" t="str">
            <v/>
          </cell>
          <cell r="JU357" t="str">
            <v/>
          </cell>
          <cell r="JV357" t="str">
            <v/>
          </cell>
          <cell r="JW357" t="str">
            <v/>
          </cell>
          <cell r="JX357" t="str">
            <v/>
          </cell>
          <cell r="JY357" t="str">
            <v/>
          </cell>
          <cell r="JZ357" t="str">
            <v/>
          </cell>
        </row>
        <row r="358">
          <cell r="C358" t="str">
            <v/>
          </cell>
          <cell r="D358" t="str">
            <v/>
          </cell>
          <cell r="E358" t="str">
            <v/>
          </cell>
          <cell r="I358">
            <v>350</v>
          </cell>
          <cell r="AY358" t="str">
            <v/>
          </cell>
          <cell r="AZ358" t="str">
            <v/>
          </cell>
          <cell r="BA358" t="str">
            <v/>
          </cell>
          <cell r="BC358" t="str">
            <v/>
          </cell>
          <cell r="BD358" t="str">
            <v/>
          </cell>
          <cell r="BE358" t="str">
            <v/>
          </cell>
          <cell r="BH358" t="str">
            <v/>
          </cell>
          <cell r="BI358" t="str">
            <v/>
          </cell>
          <cell r="BJ358" t="str">
            <v/>
          </cell>
          <cell r="BT358" t="str">
            <v/>
          </cell>
          <cell r="BU358" t="str">
            <v/>
          </cell>
          <cell r="BV358" t="str">
            <v/>
          </cell>
          <cell r="CD358" t="str">
            <v/>
          </cell>
          <cell r="CP358">
            <v>45123</v>
          </cell>
          <cell r="CW358" t="str">
            <v/>
          </cell>
          <cell r="CX358" t="str">
            <v/>
          </cell>
          <cell r="CY358" t="str">
            <v/>
          </cell>
          <cell r="CZ358" t="str">
            <v/>
          </cell>
          <cell r="DA358" t="str">
            <v/>
          </cell>
          <cell r="DB358" t="str">
            <v/>
          </cell>
          <cell r="DD358" t="str">
            <v/>
          </cell>
          <cell r="EZ358" t="str">
            <v/>
          </cell>
          <cell r="FA358" t="str">
            <v/>
          </cell>
          <cell r="FI358" t="str">
            <v/>
          </cell>
          <cell r="FJ358" t="str">
            <v/>
          </cell>
          <cell r="FN358" t="str">
            <v/>
          </cell>
          <cell r="FO358" t="str">
            <v/>
          </cell>
          <cell r="FS358" t="str">
            <v/>
          </cell>
          <cell r="FT358" t="str">
            <v/>
          </cell>
          <cell r="FU358" t="str">
            <v/>
          </cell>
          <cell r="FW358" t="str">
            <v/>
          </cell>
          <cell r="FY358" t="str">
            <v/>
          </cell>
          <cell r="GD358" t="str">
            <v/>
          </cell>
          <cell r="GE358" t="str">
            <v/>
          </cell>
          <cell r="GG358" t="str">
            <v/>
          </cell>
          <cell r="GI358" t="str">
            <v/>
          </cell>
          <cell r="GJ358" t="str">
            <v/>
          </cell>
          <cell r="GT358" t="str">
            <v/>
          </cell>
          <cell r="GW358" t="str">
            <v/>
          </cell>
          <cell r="HO358" t="str">
            <v/>
          </cell>
          <cell r="JD358" t="str">
            <v/>
          </cell>
          <cell r="JE358" t="str">
            <v/>
          </cell>
          <cell r="JF358" t="str">
            <v/>
          </cell>
          <cell r="JG358" t="str">
            <v/>
          </cell>
          <cell r="JH358" t="str">
            <v/>
          </cell>
          <cell r="JI358" t="str">
            <v/>
          </cell>
          <cell r="JJ358" t="str">
            <v/>
          </cell>
          <cell r="JK358" t="str">
            <v/>
          </cell>
          <cell r="JL358" t="str">
            <v/>
          </cell>
          <cell r="JM358" t="str">
            <v/>
          </cell>
          <cell r="JN358" t="str">
            <v/>
          </cell>
          <cell r="JO358" t="str">
            <v/>
          </cell>
          <cell r="JP358" t="str">
            <v/>
          </cell>
          <cell r="JQ358" t="str">
            <v/>
          </cell>
          <cell r="JR358" t="str">
            <v/>
          </cell>
          <cell r="JS358" t="str">
            <v/>
          </cell>
          <cell r="JT358" t="str">
            <v/>
          </cell>
          <cell r="JU358" t="str">
            <v/>
          </cell>
          <cell r="JV358" t="str">
            <v/>
          </cell>
          <cell r="JW358" t="str">
            <v/>
          </cell>
          <cell r="JX358" t="str">
            <v/>
          </cell>
          <cell r="JY358" t="str">
            <v/>
          </cell>
          <cell r="JZ358" t="str">
            <v/>
          </cell>
        </row>
        <row r="359">
          <cell r="C359" t="str">
            <v/>
          </cell>
          <cell r="D359" t="str">
            <v/>
          </cell>
          <cell r="E359" t="str">
            <v/>
          </cell>
          <cell r="I359">
            <v>351</v>
          </cell>
          <cell r="AY359" t="str">
            <v/>
          </cell>
          <cell r="AZ359" t="str">
            <v/>
          </cell>
          <cell r="BA359" t="str">
            <v/>
          </cell>
          <cell r="BC359" t="str">
            <v/>
          </cell>
          <cell r="BD359" t="str">
            <v/>
          </cell>
          <cell r="BE359" t="str">
            <v/>
          </cell>
          <cell r="BH359" t="str">
            <v/>
          </cell>
          <cell r="BI359" t="str">
            <v/>
          </cell>
          <cell r="BJ359" t="str">
            <v/>
          </cell>
          <cell r="BT359" t="str">
            <v/>
          </cell>
          <cell r="BU359" t="str">
            <v/>
          </cell>
          <cell r="BV359" t="str">
            <v/>
          </cell>
          <cell r="CD359" t="str">
            <v/>
          </cell>
          <cell r="CP359">
            <v>33387</v>
          </cell>
          <cell r="CW359" t="str">
            <v/>
          </cell>
          <cell r="CX359" t="str">
            <v/>
          </cell>
          <cell r="CY359" t="str">
            <v/>
          </cell>
          <cell r="CZ359" t="str">
            <v/>
          </cell>
          <cell r="DA359" t="str">
            <v/>
          </cell>
          <cell r="DB359" t="str">
            <v/>
          </cell>
          <cell r="DD359" t="str">
            <v/>
          </cell>
          <cell r="EZ359" t="str">
            <v/>
          </cell>
          <cell r="FA359" t="str">
            <v/>
          </cell>
          <cell r="FI359" t="str">
            <v/>
          </cell>
          <cell r="FJ359" t="str">
            <v/>
          </cell>
          <cell r="FN359" t="str">
            <v/>
          </cell>
          <cell r="FO359" t="str">
            <v/>
          </cell>
          <cell r="FS359" t="str">
            <v/>
          </cell>
          <cell r="FT359" t="str">
            <v/>
          </cell>
          <cell r="FU359" t="str">
            <v/>
          </cell>
          <cell r="FW359" t="str">
            <v/>
          </cell>
          <cell r="FY359" t="str">
            <v/>
          </cell>
          <cell r="GD359" t="str">
            <v/>
          </cell>
          <cell r="GE359" t="str">
            <v/>
          </cell>
          <cell r="GG359" t="str">
            <v/>
          </cell>
          <cell r="GI359" t="str">
            <v/>
          </cell>
          <cell r="GJ359" t="str">
            <v/>
          </cell>
          <cell r="GT359" t="str">
            <v/>
          </cell>
          <cell r="GW359" t="str">
            <v/>
          </cell>
          <cell r="HO359" t="str">
            <v/>
          </cell>
          <cell r="JD359" t="str">
            <v/>
          </cell>
          <cell r="JE359" t="str">
            <v/>
          </cell>
          <cell r="JF359" t="str">
            <v/>
          </cell>
          <cell r="JG359" t="str">
            <v/>
          </cell>
          <cell r="JH359" t="str">
            <v/>
          </cell>
          <cell r="JI359" t="str">
            <v/>
          </cell>
          <cell r="JJ359" t="str">
            <v/>
          </cell>
          <cell r="JK359" t="str">
            <v/>
          </cell>
          <cell r="JL359" t="str">
            <v/>
          </cell>
          <cell r="JM359" t="str">
            <v/>
          </cell>
          <cell r="JN359" t="str">
            <v/>
          </cell>
          <cell r="JO359" t="str">
            <v/>
          </cell>
          <cell r="JP359" t="str">
            <v/>
          </cell>
          <cell r="JQ359" t="str">
            <v/>
          </cell>
          <cell r="JR359" t="str">
            <v/>
          </cell>
          <cell r="JS359" t="str">
            <v/>
          </cell>
          <cell r="JT359" t="str">
            <v/>
          </cell>
          <cell r="JU359" t="str">
            <v/>
          </cell>
          <cell r="JV359" t="str">
            <v/>
          </cell>
          <cell r="JW359" t="str">
            <v/>
          </cell>
          <cell r="JX359" t="str">
            <v/>
          </cell>
          <cell r="JY359" t="str">
            <v/>
          </cell>
          <cell r="JZ359" t="str">
            <v/>
          </cell>
        </row>
        <row r="360">
          <cell r="C360" t="str">
            <v/>
          </cell>
          <cell r="D360" t="str">
            <v/>
          </cell>
          <cell r="E360" t="str">
            <v/>
          </cell>
          <cell r="I360">
            <v>352</v>
          </cell>
          <cell r="AY360" t="str">
            <v/>
          </cell>
          <cell r="AZ360" t="str">
            <v/>
          </cell>
          <cell r="BA360" t="str">
            <v/>
          </cell>
          <cell r="BC360" t="str">
            <v/>
          </cell>
          <cell r="BD360" t="str">
            <v/>
          </cell>
          <cell r="BE360" t="str">
            <v/>
          </cell>
          <cell r="BH360" t="str">
            <v/>
          </cell>
          <cell r="BI360" t="str">
            <v/>
          </cell>
          <cell r="BJ360" t="str">
            <v/>
          </cell>
          <cell r="BT360" t="str">
            <v/>
          </cell>
          <cell r="BU360" t="str">
            <v/>
          </cell>
          <cell r="BV360" t="str">
            <v/>
          </cell>
          <cell r="CD360" t="str">
            <v/>
          </cell>
          <cell r="CP360">
            <v>29576</v>
          </cell>
          <cell r="CW360" t="str">
            <v/>
          </cell>
          <cell r="CX360" t="str">
            <v/>
          </cell>
          <cell r="CY360" t="str">
            <v/>
          </cell>
          <cell r="CZ360" t="str">
            <v/>
          </cell>
          <cell r="DA360" t="str">
            <v/>
          </cell>
          <cell r="DB360" t="str">
            <v/>
          </cell>
          <cell r="DD360" t="str">
            <v/>
          </cell>
          <cell r="EZ360" t="str">
            <v/>
          </cell>
          <cell r="FA360" t="str">
            <v/>
          </cell>
          <cell r="FI360" t="str">
            <v/>
          </cell>
          <cell r="FJ360" t="str">
            <v/>
          </cell>
          <cell r="FN360" t="str">
            <v/>
          </cell>
          <cell r="FO360" t="str">
            <v/>
          </cell>
          <cell r="FS360" t="str">
            <v/>
          </cell>
          <cell r="FT360" t="str">
            <v/>
          </cell>
          <cell r="FU360" t="str">
            <v/>
          </cell>
          <cell r="FW360" t="str">
            <v/>
          </cell>
          <cell r="FY360" t="str">
            <v/>
          </cell>
          <cell r="GD360" t="str">
            <v/>
          </cell>
          <cell r="GE360" t="str">
            <v/>
          </cell>
          <cell r="GG360" t="str">
            <v/>
          </cell>
          <cell r="GI360" t="str">
            <v/>
          </cell>
          <cell r="GJ360" t="str">
            <v/>
          </cell>
          <cell r="GT360" t="str">
            <v/>
          </cell>
          <cell r="GW360" t="str">
            <v/>
          </cell>
          <cell r="HO360" t="str">
            <v/>
          </cell>
          <cell r="JD360" t="str">
            <v/>
          </cell>
          <cell r="JE360" t="str">
            <v/>
          </cell>
          <cell r="JF360" t="str">
            <v/>
          </cell>
          <cell r="JG360" t="str">
            <v/>
          </cell>
          <cell r="JH360" t="str">
            <v/>
          </cell>
          <cell r="JI360" t="str">
            <v/>
          </cell>
          <cell r="JJ360" t="str">
            <v/>
          </cell>
          <cell r="JK360" t="str">
            <v/>
          </cell>
          <cell r="JL360" t="str">
            <v/>
          </cell>
          <cell r="JM360" t="str">
            <v/>
          </cell>
          <cell r="JN360" t="str">
            <v/>
          </cell>
          <cell r="JO360" t="str">
            <v/>
          </cell>
          <cell r="JP360" t="str">
            <v/>
          </cell>
          <cell r="JQ360" t="str">
            <v/>
          </cell>
          <cell r="JR360" t="str">
            <v/>
          </cell>
          <cell r="JS360" t="str">
            <v/>
          </cell>
          <cell r="JT360" t="str">
            <v/>
          </cell>
          <cell r="JU360" t="str">
            <v/>
          </cell>
          <cell r="JV360" t="str">
            <v/>
          </cell>
          <cell r="JW360" t="str">
            <v/>
          </cell>
          <cell r="JX360" t="str">
            <v/>
          </cell>
          <cell r="JY360" t="str">
            <v/>
          </cell>
          <cell r="JZ360" t="str">
            <v/>
          </cell>
        </row>
        <row r="361">
          <cell r="C361" t="str">
            <v/>
          </cell>
          <cell r="D361" t="str">
            <v/>
          </cell>
          <cell r="E361" t="str">
            <v/>
          </cell>
          <cell r="I361">
            <v>353</v>
          </cell>
          <cell r="AY361" t="str">
            <v/>
          </cell>
          <cell r="AZ361" t="str">
            <v/>
          </cell>
          <cell r="BA361" t="str">
            <v/>
          </cell>
          <cell r="BC361" t="str">
            <v/>
          </cell>
          <cell r="BD361" t="str">
            <v/>
          </cell>
          <cell r="BE361" t="str">
            <v/>
          </cell>
          <cell r="BH361" t="str">
            <v/>
          </cell>
          <cell r="BI361" t="str">
            <v/>
          </cell>
          <cell r="BJ361" t="str">
            <v/>
          </cell>
          <cell r="BT361" t="str">
            <v/>
          </cell>
          <cell r="BU361" t="str">
            <v/>
          </cell>
          <cell r="BV361" t="str">
            <v/>
          </cell>
          <cell r="CD361" t="str">
            <v/>
          </cell>
          <cell r="CP361">
            <v>19561</v>
          </cell>
          <cell r="CW361" t="str">
            <v/>
          </cell>
          <cell r="CX361" t="str">
            <v/>
          </cell>
          <cell r="CY361" t="str">
            <v/>
          </cell>
          <cell r="CZ361" t="str">
            <v/>
          </cell>
          <cell r="DA361" t="str">
            <v/>
          </cell>
          <cell r="DB361" t="str">
            <v/>
          </cell>
          <cell r="DD361" t="str">
            <v/>
          </cell>
          <cell r="EZ361" t="str">
            <v/>
          </cell>
          <cell r="FA361" t="str">
            <v/>
          </cell>
          <cell r="FI361" t="str">
            <v/>
          </cell>
          <cell r="FJ361" t="str">
            <v/>
          </cell>
          <cell r="FN361" t="str">
            <v/>
          </cell>
          <cell r="FO361" t="str">
            <v/>
          </cell>
          <cell r="FS361" t="str">
            <v/>
          </cell>
          <cell r="FT361" t="str">
            <v/>
          </cell>
          <cell r="FU361" t="str">
            <v/>
          </cell>
          <cell r="FW361" t="str">
            <v/>
          </cell>
          <cell r="FY361" t="str">
            <v/>
          </cell>
          <cell r="GD361" t="str">
            <v/>
          </cell>
          <cell r="GE361" t="str">
            <v/>
          </cell>
          <cell r="GG361" t="str">
            <v/>
          </cell>
          <cell r="GI361" t="str">
            <v/>
          </cell>
          <cell r="GJ361" t="str">
            <v/>
          </cell>
          <cell r="GT361" t="str">
            <v/>
          </cell>
          <cell r="GW361" t="str">
            <v/>
          </cell>
          <cell r="HO361" t="str">
            <v/>
          </cell>
          <cell r="JD361" t="str">
            <v/>
          </cell>
          <cell r="JE361" t="str">
            <v/>
          </cell>
          <cell r="JF361" t="str">
            <v/>
          </cell>
          <cell r="JG361" t="str">
            <v/>
          </cell>
          <cell r="JH361" t="str">
            <v/>
          </cell>
          <cell r="JI361" t="str">
            <v/>
          </cell>
          <cell r="JJ361" t="str">
            <v/>
          </cell>
          <cell r="JK361" t="str">
            <v/>
          </cell>
          <cell r="JL361" t="str">
            <v/>
          </cell>
          <cell r="JM361" t="str">
            <v/>
          </cell>
          <cell r="JN361" t="str">
            <v/>
          </cell>
          <cell r="JO361" t="str">
            <v/>
          </cell>
          <cell r="JP361" t="str">
            <v/>
          </cell>
          <cell r="JQ361" t="str">
            <v/>
          </cell>
          <cell r="JR361" t="str">
            <v/>
          </cell>
          <cell r="JS361" t="str">
            <v/>
          </cell>
          <cell r="JT361" t="str">
            <v/>
          </cell>
          <cell r="JU361" t="str">
            <v/>
          </cell>
          <cell r="JV361" t="str">
            <v/>
          </cell>
          <cell r="JW361" t="str">
            <v/>
          </cell>
          <cell r="JX361" t="str">
            <v/>
          </cell>
          <cell r="JY361" t="str">
            <v/>
          </cell>
          <cell r="JZ361" t="str">
            <v/>
          </cell>
        </row>
        <row r="362">
          <cell r="C362" t="str">
            <v/>
          </cell>
          <cell r="D362" t="str">
            <v/>
          </cell>
          <cell r="E362" t="str">
            <v/>
          </cell>
          <cell r="I362">
            <v>354</v>
          </cell>
          <cell r="AY362" t="str">
            <v/>
          </cell>
          <cell r="AZ362" t="str">
            <v/>
          </cell>
          <cell r="BA362" t="str">
            <v/>
          </cell>
          <cell r="BC362" t="str">
            <v/>
          </cell>
          <cell r="BD362" t="str">
            <v/>
          </cell>
          <cell r="BE362" t="str">
            <v/>
          </cell>
          <cell r="BH362" t="str">
            <v/>
          </cell>
          <cell r="BI362" t="str">
            <v/>
          </cell>
          <cell r="BJ362" t="str">
            <v/>
          </cell>
          <cell r="BT362" t="str">
            <v/>
          </cell>
          <cell r="BU362" t="str">
            <v/>
          </cell>
          <cell r="BV362" t="str">
            <v/>
          </cell>
          <cell r="CD362" t="str">
            <v/>
          </cell>
          <cell r="CP362">
            <v>68615</v>
          </cell>
          <cell r="CW362" t="str">
            <v/>
          </cell>
          <cell r="CX362" t="str">
            <v/>
          </cell>
          <cell r="CY362" t="str">
            <v/>
          </cell>
          <cell r="CZ362" t="str">
            <v/>
          </cell>
          <cell r="DA362" t="str">
            <v/>
          </cell>
          <cell r="DB362" t="str">
            <v/>
          </cell>
          <cell r="DD362" t="str">
            <v/>
          </cell>
          <cell r="EZ362" t="str">
            <v/>
          </cell>
          <cell r="FA362" t="str">
            <v/>
          </cell>
          <cell r="FI362" t="str">
            <v/>
          </cell>
          <cell r="FJ362" t="str">
            <v/>
          </cell>
          <cell r="FN362" t="str">
            <v/>
          </cell>
          <cell r="FO362" t="str">
            <v/>
          </cell>
          <cell r="FS362" t="str">
            <v/>
          </cell>
          <cell r="FT362" t="str">
            <v/>
          </cell>
          <cell r="FU362" t="str">
            <v/>
          </cell>
          <cell r="FW362" t="str">
            <v/>
          </cell>
          <cell r="FY362" t="str">
            <v/>
          </cell>
          <cell r="GD362" t="str">
            <v/>
          </cell>
          <cell r="GE362" t="str">
            <v/>
          </cell>
          <cell r="GG362" t="str">
            <v/>
          </cell>
          <cell r="GI362" t="str">
            <v/>
          </cell>
          <cell r="GJ362" t="str">
            <v/>
          </cell>
          <cell r="GT362" t="str">
            <v/>
          </cell>
          <cell r="GW362" t="str">
            <v/>
          </cell>
          <cell r="HO362" t="str">
            <v/>
          </cell>
          <cell r="JD362" t="str">
            <v/>
          </cell>
          <cell r="JE362" t="str">
            <v/>
          </cell>
          <cell r="JF362" t="str">
            <v/>
          </cell>
          <cell r="JG362" t="str">
            <v/>
          </cell>
          <cell r="JH362" t="str">
            <v/>
          </cell>
          <cell r="JI362" t="str">
            <v/>
          </cell>
          <cell r="JJ362" t="str">
            <v/>
          </cell>
          <cell r="JK362" t="str">
            <v/>
          </cell>
          <cell r="JL362" t="str">
            <v/>
          </cell>
          <cell r="JM362" t="str">
            <v/>
          </cell>
          <cell r="JN362" t="str">
            <v/>
          </cell>
          <cell r="JO362" t="str">
            <v/>
          </cell>
          <cell r="JP362" t="str">
            <v/>
          </cell>
          <cell r="JQ362" t="str">
            <v/>
          </cell>
          <cell r="JR362" t="str">
            <v/>
          </cell>
          <cell r="JS362" t="str">
            <v/>
          </cell>
          <cell r="JT362" t="str">
            <v/>
          </cell>
          <cell r="JU362" t="str">
            <v/>
          </cell>
          <cell r="JV362" t="str">
            <v/>
          </cell>
          <cell r="JW362" t="str">
            <v/>
          </cell>
          <cell r="JX362" t="str">
            <v/>
          </cell>
          <cell r="JY362" t="str">
            <v/>
          </cell>
          <cell r="JZ362" t="str">
            <v/>
          </cell>
        </row>
        <row r="363">
          <cell r="C363" t="str">
            <v/>
          </cell>
          <cell r="D363" t="str">
            <v/>
          </cell>
          <cell r="E363" t="str">
            <v/>
          </cell>
          <cell r="I363">
            <v>355</v>
          </cell>
          <cell r="AY363" t="str">
            <v/>
          </cell>
          <cell r="AZ363" t="str">
            <v/>
          </cell>
          <cell r="BA363" t="str">
            <v/>
          </cell>
          <cell r="BC363" t="str">
            <v/>
          </cell>
          <cell r="BD363" t="str">
            <v/>
          </cell>
          <cell r="BE363" t="str">
            <v/>
          </cell>
          <cell r="BH363" t="str">
            <v/>
          </cell>
          <cell r="BI363" t="str">
            <v/>
          </cell>
          <cell r="BJ363" t="str">
            <v/>
          </cell>
          <cell r="BT363" t="str">
            <v/>
          </cell>
          <cell r="BU363" t="str">
            <v/>
          </cell>
          <cell r="BV363" t="str">
            <v/>
          </cell>
          <cell r="CD363" t="str">
            <v/>
          </cell>
          <cell r="CP363">
            <v>65223</v>
          </cell>
          <cell r="CW363" t="str">
            <v/>
          </cell>
          <cell r="CX363" t="str">
            <v/>
          </cell>
          <cell r="CY363" t="str">
            <v/>
          </cell>
          <cell r="CZ363" t="str">
            <v/>
          </cell>
          <cell r="DA363" t="str">
            <v/>
          </cell>
          <cell r="DB363" t="str">
            <v/>
          </cell>
          <cell r="DD363" t="str">
            <v/>
          </cell>
          <cell r="EZ363" t="str">
            <v/>
          </cell>
          <cell r="FA363" t="str">
            <v/>
          </cell>
          <cell r="FI363" t="str">
            <v/>
          </cell>
          <cell r="FJ363" t="str">
            <v/>
          </cell>
          <cell r="FN363" t="str">
            <v/>
          </cell>
          <cell r="FO363" t="str">
            <v/>
          </cell>
          <cell r="FS363" t="str">
            <v/>
          </cell>
          <cell r="FT363" t="str">
            <v/>
          </cell>
          <cell r="FU363" t="str">
            <v/>
          </cell>
          <cell r="FW363" t="str">
            <v/>
          </cell>
          <cell r="FY363" t="str">
            <v/>
          </cell>
          <cell r="GD363" t="str">
            <v/>
          </cell>
          <cell r="GE363" t="str">
            <v/>
          </cell>
          <cell r="GG363" t="str">
            <v/>
          </cell>
          <cell r="GI363" t="str">
            <v/>
          </cell>
          <cell r="GJ363" t="str">
            <v/>
          </cell>
          <cell r="GT363" t="str">
            <v/>
          </cell>
          <cell r="GW363" t="str">
            <v/>
          </cell>
          <cell r="HO363" t="str">
            <v/>
          </cell>
          <cell r="JD363" t="str">
            <v/>
          </cell>
          <cell r="JE363" t="str">
            <v/>
          </cell>
          <cell r="JF363" t="str">
            <v/>
          </cell>
          <cell r="JG363" t="str">
            <v/>
          </cell>
          <cell r="JH363" t="str">
            <v/>
          </cell>
          <cell r="JI363" t="str">
            <v/>
          </cell>
          <cell r="JJ363" t="str">
            <v/>
          </cell>
          <cell r="JK363" t="str">
            <v/>
          </cell>
          <cell r="JL363" t="str">
            <v/>
          </cell>
          <cell r="JM363" t="str">
            <v/>
          </cell>
          <cell r="JN363" t="str">
            <v/>
          </cell>
          <cell r="JO363" t="str">
            <v/>
          </cell>
          <cell r="JP363" t="str">
            <v/>
          </cell>
          <cell r="JQ363" t="str">
            <v/>
          </cell>
          <cell r="JR363" t="str">
            <v/>
          </cell>
          <cell r="JS363" t="str">
            <v/>
          </cell>
          <cell r="JT363" t="str">
            <v/>
          </cell>
          <cell r="JU363" t="str">
            <v/>
          </cell>
          <cell r="JV363" t="str">
            <v/>
          </cell>
          <cell r="JW363" t="str">
            <v/>
          </cell>
          <cell r="JX363" t="str">
            <v/>
          </cell>
          <cell r="JY363" t="str">
            <v/>
          </cell>
          <cell r="JZ363" t="str">
            <v/>
          </cell>
        </row>
        <row r="364">
          <cell r="C364" t="str">
            <v/>
          </cell>
          <cell r="D364" t="str">
            <v/>
          </cell>
          <cell r="E364" t="str">
            <v/>
          </cell>
          <cell r="I364">
            <v>356</v>
          </cell>
          <cell r="AY364" t="str">
            <v/>
          </cell>
          <cell r="AZ364" t="str">
            <v/>
          </cell>
          <cell r="BA364" t="str">
            <v/>
          </cell>
          <cell r="BC364" t="str">
            <v/>
          </cell>
          <cell r="BD364" t="str">
            <v/>
          </cell>
          <cell r="BE364" t="str">
            <v/>
          </cell>
          <cell r="BH364" t="str">
            <v/>
          </cell>
          <cell r="BI364" t="str">
            <v/>
          </cell>
          <cell r="BJ364" t="str">
            <v/>
          </cell>
          <cell r="BT364" t="str">
            <v/>
          </cell>
          <cell r="BU364" t="str">
            <v/>
          </cell>
          <cell r="BV364" t="str">
            <v/>
          </cell>
          <cell r="CD364" t="str">
            <v/>
          </cell>
          <cell r="CP364">
            <v>86518</v>
          </cell>
          <cell r="CW364" t="str">
            <v/>
          </cell>
          <cell r="CX364" t="str">
            <v/>
          </cell>
          <cell r="CY364" t="str">
            <v/>
          </cell>
          <cell r="CZ364" t="str">
            <v/>
          </cell>
          <cell r="DA364" t="str">
            <v/>
          </cell>
          <cell r="DB364" t="str">
            <v/>
          </cell>
          <cell r="DD364" t="str">
            <v/>
          </cell>
          <cell r="EZ364" t="str">
            <v/>
          </cell>
          <cell r="FA364" t="str">
            <v/>
          </cell>
          <cell r="FI364" t="str">
            <v/>
          </cell>
          <cell r="FJ364" t="str">
            <v/>
          </cell>
          <cell r="FN364" t="str">
            <v/>
          </cell>
          <cell r="FO364" t="str">
            <v/>
          </cell>
          <cell r="FS364" t="str">
            <v/>
          </cell>
          <cell r="FT364" t="str">
            <v/>
          </cell>
          <cell r="FU364" t="str">
            <v/>
          </cell>
          <cell r="FW364" t="str">
            <v/>
          </cell>
          <cell r="FY364" t="str">
            <v/>
          </cell>
          <cell r="GD364" t="str">
            <v/>
          </cell>
          <cell r="GE364" t="str">
            <v/>
          </cell>
          <cell r="GG364" t="str">
            <v/>
          </cell>
          <cell r="GI364" t="str">
            <v/>
          </cell>
          <cell r="GJ364" t="str">
            <v/>
          </cell>
          <cell r="GT364" t="str">
            <v/>
          </cell>
          <cell r="GW364" t="str">
            <v/>
          </cell>
          <cell r="HO364" t="str">
            <v/>
          </cell>
          <cell r="JD364" t="str">
            <v/>
          </cell>
          <cell r="JE364" t="str">
            <v/>
          </cell>
          <cell r="JF364" t="str">
            <v/>
          </cell>
          <cell r="JG364" t="str">
            <v/>
          </cell>
          <cell r="JH364" t="str">
            <v/>
          </cell>
          <cell r="JI364" t="str">
            <v/>
          </cell>
          <cell r="JJ364" t="str">
            <v/>
          </cell>
          <cell r="JK364" t="str">
            <v/>
          </cell>
          <cell r="JL364" t="str">
            <v/>
          </cell>
          <cell r="JM364" t="str">
            <v/>
          </cell>
          <cell r="JN364" t="str">
            <v/>
          </cell>
          <cell r="JO364" t="str">
            <v/>
          </cell>
          <cell r="JP364" t="str">
            <v/>
          </cell>
          <cell r="JQ364" t="str">
            <v/>
          </cell>
          <cell r="JR364" t="str">
            <v/>
          </cell>
          <cell r="JS364" t="str">
            <v/>
          </cell>
          <cell r="JT364" t="str">
            <v/>
          </cell>
          <cell r="JU364" t="str">
            <v/>
          </cell>
          <cell r="JV364" t="str">
            <v/>
          </cell>
          <cell r="JW364" t="str">
            <v/>
          </cell>
          <cell r="JX364" t="str">
            <v/>
          </cell>
          <cell r="JY364" t="str">
            <v/>
          </cell>
          <cell r="JZ364" t="str">
            <v/>
          </cell>
        </row>
        <row r="365">
          <cell r="C365" t="str">
            <v/>
          </cell>
          <cell r="D365" t="str">
            <v/>
          </cell>
          <cell r="E365" t="str">
            <v/>
          </cell>
          <cell r="I365">
            <v>357</v>
          </cell>
          <cell r="AY365" t="str">
            <v/>
          </cell>
          <cell r="AZ365" t="str">
            <v/>
          </cell>
          <cell r="BA365" t="str">
            <v/>
          </cell>
          <cell r="BC365" t="str">
            <v/>
          </cell>
          <cell r="BD365" t="str">
            <v/>
          </cell>
          <cell r="BE365" t="str">
            <v/>
          </cell>
          <cell r="BH365" t="str">
            <v/>
          </cell>
          <cell r="BI365" t="str">
            <v/>
          </cell>
          <cell r="BJ365" t="str">
            <v/>
          </cell>
          <cell r="BT365" t="str">
            <v/>
          </cell>
          <cell r="BU365" t="str">
            <v/>
          </cell>
          <cell r="BV365" t="str">
            <v/>
          </cell>
          <cell r="CD365" t="str">
            <v/>
          </cell>
          <cell r="CP365">
            <v>33070</v>
          </cell>
          <cell r="CW365" t="str">
            <v/>
          </cell>
          <cell r="CX365" t="str">
            <v/>
          </cell>
          <cell r="CY365" t="str">
            <v/>
          </cell>
          <cell r="CZ365" t="str">
            <v/>
          </cell>
          <cell r="DA365" t="str">
            <v/>
          </cell>
          <cell r="DB365" t="str">
            <v/>
          </cell>
          <cell r="DD365" t="str">
            <v/>
          </cell>
          <cell r="EZ365" t="str">
            <v/>
          </cell>
          <cell r="FA365" t="str">
            <v/>
          </cell>
          <cell r="FI365" t="str">
            <v/>
          </cell>
          <cell r="FJ365" t="str">
            <v/>
          </cell>
          <cell r="FN365" t="str">
            <v/>
          </cell>
          <cell r="FO365" t="str">
            <v/>
          </cell>
          <cell r="FS365" t="str">
            <v/>
          </cell>
          <cell r="FT365" t="str">
            <v/>
          </cell>
          <cell r="FU365" t="str">
            <v/>
          </cell>
          <cell r="FW365" t="str">
            <v/>
          </cell>
          <cell r="FY365" t="str">
            <v/>
          </cell>
          <cell r="GD365" t="str">
            <v/>
          </cell>
          <cell r="GE365" t="str">
            <v/>
          </cell>
          <cell r="GG365" t="str">
            <v/>
          </cell>
          <cell r="GI365" t="str">
            <v/>
          </cell>
          <cell r="GJ365" t="str">
            <v/>
          </cell>
          <cell r="GT365" t="str">
            <v/>
          </cell>
          <cell r="GW365" t="str">
            <v/>
          </cell>
          <cell r="HO365" t="str">
            <v/>
          </cell>
          <cell r="JD365" t="str">
            <v/>
          </cell>
          <cell r="JE365" t="str">
            <v/>
          </cell>
          <cell r="JF365" t="str">
            <v/>
          </cell>
          <cell r="JG365" t="str">
            <v/>
          </cell>
          <cell r="JH365" t="str">
            <v/>
          </cell>
          <cell r="JI365" t="str">
            <v/>
          </cell>
          <cell r="JJ365" t="str">
            <v/>
          </cell>
          <cell r="JK365" t="str">
            <v/>
          </cell>
          <cell r="JL365" t="str">
            <v/>
          </cell>
          <cell r="JM365" t="str">
            <v/>
          </cell>
          <cell r="JN365" t="str">
            <v/>
          </cell>
          <cell r="JO365" t="str">
            <v/>
          </cell>
          <cell r="JP365" t="str">
            <v/>
          </cell>
          <cell r="JQ365" t="str">
            <v/>
          </cell>
          <cell r="JR365" t="str">
            <v/>
          </cell>
          <cell r="JS365" t="str">
            <v/>
          </cell>
          <cell r="JT365" t="str">
            <v/>
          </cell>
          <cell r="JU365" t="str">
            <v/>
          </cell>
          <cell r="JV365" t="str">
            <v/>
          </cell>
          <cell r="JW365" t="str">
            <v/>
          </cell>
          <cell r="JX365" t="str">
            <v/>
          </cell>
          <cell r="JY365" t="str">
            <v/>
          </cell>
          <cell r="JZ365" t="str">
            <v/>
          </cell>
        </row>
        <row r="366">
          <cell r="C366" t="str">
            <v/>
          </cell>
          <cell r="D366" t="str">
            <v/>
          </cell>
          <cell r="E366" t="str">
            <v/>
          </cell>
          <cell r="I366">
            <v>358</v>
          </cell>
          <cell r="AY366" t="str">
            <v/>
          </cell>
          <cell r="AZ366" t="str">
            <v/>
          </cell>
          <cell r="BA366" t="str">
            <v/>
          </cell>
          <cell r="BC366" t="str">
            <v/>
          </cell>
          <cell r="BD366" t="str">
            <v/>
          </cell>
          <cell r="BE366" t="str">
            <v/>
          </cell>
          <cell r="BH366" t="str">
            <v/>
          </cell>
          <cell r="BI366" t="str">
            <v/>
          </cell>
          <cell r="BJ366" t="str">
            <v/>
          </cell>
          <cell r="BT366" t="str">
            <v/>
          </cell>
          <cell r="BU366" t="str">
            <v/>
          </cell>
          <cell r="BV366" t="str">
            <v/>
          </cell>
          <cell r="CD366" t="str">
            <v/>
          </cell>
          <cell r="CP366">
            <v>24627</v>
          </cell>
          <cell r="CW366" t="str">
            <v/>
          </cell>
          <cell r="CX366" t="str">
            <v/>
          </cell>
          <cell r="CY366" t="str">
            <v/>
          </cell>
          <cell r="CZ366" t="str">
            <v/>
          </cell>
          <cell r="DA366" t="str">
            <v/>
          </cell>
          <cell r="DB366" t="str">
            <v/>
          </cell>
          <cell r="DD366" t="str">
            <v/>
          </cell>
          <cell r="EZ366" t="str">
            <v/>
          </cell>
          <cell r="FA366" t="str">
            <v/>
          </cell>
          <cell r="FI366" t="str">
            <v/>
          </cell>
          <cell r="FJ366" t="str">
            <v/>
          </cell>
          <cell r="FN366" t="str">
            <v/>
          </cell>
          <cell r="FO366" t="str">
            <v/>
          </cell>
          <cell r="FS366" t="str">
            <v/>
          </cell>
          <cell r="FT366" t="str">
            <v/>
          </cell>
          <cell r="FU366" t="str">
            <v/>
          </cell>
          <cell r="FW366" t="str">
            <v/>
          </cell>
          <cell r="FY366" t="str">
            <v/>
          </cell>
          <cell r="GD366" t="str">
            <v/>
          </cell>
          <cell r="GE366" t="str">
            <v/>
          </cell>
          <cell r="GG366" t="str">
            <v/>
          </cell>
          <cell r="GI366" t="str">
            <v/>
          </cell>
          <cell r="GJ366" t="str">
            <v/>
          </cell>
          <cell r="GT366" t="str">
            <v/>
          </cell>
          <cell r="GW366" t="str">
            <v/>
          </cell>
          <cell r="HO366" t="str">
            <v/>
          </cell>
          <cell r="JD366" t="str">
            <v/>
          </cell>
          <cell r="JE366" t="str">
            <v/>
          </cell>
          <cell r="JF366" t="str">
            <v/>
          </cell>
          <cell r="JG366" t="str">
            <v/>
          </cell>
          <cell r="JH366" t="str">
            <v/>
          </cell>
          <cell r="JI366" t="str">
            <v/>
          </cell>
          <cell r="JJ366" t="str">
            <v/>
          </cell>
          <cell r="JK366" t="str">
            <v/>
          </cell>
          <cell r="JL366" t="str">
            <v/>
          </cell>
          <cell r="JM366" t="str">
            <v/>
          </cell>
          <cell r="JN366" t="str">
            <v/>
          </cell>
          <cell r="JO366" t="str">
            <v/>
          </cell>
          <cell r="JP366" t="str">
            <v/>
          </cell>
          <cell r="JQ366" t="str">
            <v/>
          </cell>
          <cell r="JR366" t="str">
            <v/>
          </cell>
          <cell r="JS366" t="str">
            <v/>
          </cell>
          <cell r="JT366" t="str">
            <v/>
          </cell>
          <cell r="JU366" t="str">
            <v/>
          </cell>
          <cell r="JV366" t="str">
            <v/>
          </cell>
          <cell r="JW366" t="str">
            <v/>
          </cell>
          <cell r="JX366" t="str">
            <v/>
          </cell>
          <cell r="JY366" t="str">
            <v/>
          </cell>
          <cell r="JZ366" t="str">
            <v/>
          </cell>
        </row>
        <row r="367">
          <cell r="C367" t="str">
            <v/>
          </cell>
          <cell r="D367" t="str">
            <v/>
          </cell>
          <cell r="E367" t="str">
            <v/>
          </cell>
          <cell r="I367">
            <v>359</v>
          </cell>
          <cell r="AY367" t="str">
            <v/>
          </cell>
          <cell r="AZ367" t="str">
            <v/>
          </cell>
          <cell r="BA367" t="str">
            <v/>
          </cell>
          <cell r="BC367" t="str">
            <v/>
          </cell>
          <cell r="BD367" t="str">
            <v/>
          </cell>
          <cell r="BE367" t="str">
            <v/>
          </cell>
          <cell r="BH367" t="str">
            <v/>
          </cell>
          <cell r="BI367" t="str">
            <v/>
          </cell>
          <cell r="BJ367" t="str">
            <v/>
          </cell>
          <cell r="BT367" t="str">
            <v/>
          </cell>
          <cell r="BU367" t="str">
            <v/>
          </cell>
          <cell r="BV367" t="str">
            <v/>
          </cell>
          <cell r="CD367" t="str">
            <v/>
          </cell>
          <cell r="CP367">
            <v>95477</v>
          </cell>
          <cell r="CW367" t="str">
            <v/>
          </cell>
          <cell r="CX367" t="str">
            <v/>
          </cell>
          <cell r="CY367" t="str">
            <v/>
          </cell>
          <cell r="CZ367" t="str">
            <v/>
          </cell>
          <cell r="DA367" t="str">
            <v/>
          </cell>
          <cell r="DB367" t="str">
            <v/>
          </cell>
          <cell r="DD367" t="str">
            <v/>
          </cell>
          <cell r="EZ367" t="str">
            <v/>
          </cell>
          <cell r="FA367" t="str">
            <v/>
          </cell>
          <cell r="FI367" t="str">
            <v/>
          </cell>
          <cell r="FJ367" t="str">
            <v/>
          </cell>
          <cell r="FN367" t="str">
            <v/>
          </cell>
          <cell r="FO367" t="str">
            <v/>
          </cell>
          <cell r="FS367" t="str">
            <v/>
          </cell>
          <cell r="FT367" t="str">
            <v/>
          </cell>
          <cell r="FU367" t="str">
            <v/>
          </cell>
          <cell r="FW367" t="str">
            <v/>
          </cell>
          <cell r="FY367" t="str">
            <v/>
          </cell>
          <cell r="GD367" t="str">
            <v/>
          </cell>
          <cell r="GE367" t="str">
            <v/>
          </cell>
          <cell r="GG367" t="str">
            <v/>
          </cell>
          <cell r="GI367" t="str">
            <v/>
          </cell>
          <cell r="GJ367" t="str">
            <v/>
          </cell>
          <cell r="GT367" t="str">
            <v/>
          </cell>
          <cell r="GW367" t="str">
            <v/>
          </cell>
          <cell r="HO367" t="str">
            <v/>
          </cell>
          <cell r="JD367" t="str">
            <v/>
          </cell>
          <cell r="JE367" t="str">
            <v/>
          </cell>
          <cell r="JF367" t="str">
            <v/>
          </cell>
          <cell r="JG367" t="str">
            <v/>
          </cell>
          <cell r="JH367" t="str">
            <v/>
          </cell>
          <cell r="JI367" t="str">
            <v/>
          </cell>
          <cell r="JJ367" t="str">
            <v/>
          </cell>
          <cell r="JK367" t="str">
            <v/>
          </cell>
          <cell r="JL367" t="str">
            <v/>
          </cell>
          <cell r="JM367" t="str">
            <v/>
          </cell>
          <cell r="JN367" t="str">
            <v/>
          </cell>
          <cell r="JO367" t="str">
            <v/>
          </cell>
          <cell r="JP367" t="str">
            <v/>
          </cell>
          <cell r="JQ367" t="str">
            <v/>
          </cell>
          <cell r="JR367" t="str">
            <v/>
          </cell>
          <cell r="JS367" t="str">
            <v/>
          </cell>
          <cell r="JT367" t="str">
            <v/>
          </cell>
          <cell r="JU367" t="str">
            <v/>
          </cell>
          <cell r="JV367" t="str">
            <v/>
          </cell>
          <cell r="JW367" t="str">
            <v/>
          </cell>
          <cell r="JX367" t="str">
            <v/>
          </cell>
          <cell r="JY367" t="str">
            <v/>
          </cell>
          <cell r="JZ367" t="str">
            <v/>
          </cell>
        </row>
        <row r="368">
          <cell r="C368" t="str">
            <v/>
          </cell>
          <cell r="D368" t="str">
            <v/>
          </cell>
          <cell r="E368" t="str">
            <v/>
          </cell>
          <cell r="I368">
            <v>360</v>
          </cell>
          <cell r="AY368" t="str">
            <v/>
          </cell>
          <cell r="AZ368" t="str">
            <v/>
          </cell>
          <cell r="BA368" t="str">
            <v/>
          </cell>
          <cell r="BC368" t="str">
            <v/>
          </cell>
          <cell r="BD368" t="str">
            <v/>
          </cell>
          <cell r="BE368" t="str">
            <v/>
          </cell>
          <cell r="BH368" t="str">
            <v/>
          </cell>
          <cell r="BI368" t="str">
            <v/>
          </cell>
          <cell r="BJ368" t="str">
            <v/>
          </cell>
          <cell r="BT368" t="str">
            <v/>
          </cell>
          <cell r="BU368" t="str">
            <v/>
          </cell>
          <cell r="BV368" t="str">
            <v/>
          </cell>
          <cell r="CD368" t="str">
            <v/>
          </cell>
          <cell r="CP368">
            <v>16482</v>
          </cell>
          <cell r="CW368" t="str">
            <v/>
          </cell>
          <cell r="CX368" t="str">
            <v/>
          </cell>
          <cell r="CY368" t="str">
            <v/>
          </cell>
          <cell r="CZ368" t="str">
            <v/>
          </cell>
          <cell r="DA368" t="str">
            <v/>
          </cell>
          <cell r="DB368" t="str">
            <v/>
          </cell>
          <cell r="DD368" t="str">
            <v/>
          </cell>
          <cell r="EZ368" t="str">
            <v/>
          </cell>
          <cell r="FA368" t="str">
            <v/>
          </cell>
          <cell r="FI368" t="str">
            <v/>
          </cell>
          <cell r="FJ368" t="str">
            <v/>
          </cell>
          <cell r="FN368" t="str">
            <v/>
          </cell>
          <cell r="FO368" t="str">
            <v/>
          </cell>
          <cell r="FS368" t="str">
            <v/>
          </cell>
          <cell r="FT368" t="str">
            <v/>
          </cell>
          <cell r="FU368" t="str">
            <v/>
          </cell>
          <cell r="FW368" t="str">
            <v/>
          </cell>
          <cell r="FY368" t="str">
            <v/>
          </cell>
          <cell r="GD368" t="str">
            <v/>
          </cell>
          <cell r="GE368" t="str">
            <v/>
          </cell>
          <cell r="GG368" t="str">
            <v/>
          </cell>
          <cell r="GI368" t="str">
            <v/>
          </cell>
          <cell r="GJ368" t="str">
            <v/>
          </cell>
          <cell r="GT368" t="str">
            <v/>
          </cell>
          <cell r="GW368" t="str">
            <v/>
          </cell>
          <cell r="HO368" t="str">
            <v/>
          </cell>
          <cell r="JD368" t="str">
            <v/>
          </cell>
          <cell r="JE368" t="str">
            <v/>
          </cell>
          <cell r="JF368" t="str">
            <v/>
          </cell>
          <cell r="JG368" t="str">
            <v/>
          </cell>
          <cell r="JH368" t="str">
            <v/>
          </cell>
          <cell r="JI368" t="str">
            <v/>
          </cell>
          <cell r="JJ368" t="str">
            <v/>
          </cell>
          <cell r="JK368" t="str">
            <v/>
          </cell>
          <cell r="JL368" t="str">
            <v/>
          </cell>
          <cell r="JM368" t="str">
            <v/>
          </cell>
          <cell r="JN368" t="str">
            <v/>
          </cell>
          <cell r="JO368" t="str">
            <v/>
          </cell>
          <cell r="JP368" t="str">
            <v/>
          </cell>
          <cell r="JQ368" t="str">
            <v/>
          </cell>
          <cell r="JR368" t="str">
            <v/>
          </cell>
          <cell r="JS368" t="str">
            <v/>
          </cell>
          <cell r="JT368" t="str">
            <v/>
          </cell>
          <cell r="JU368" t="str">
            <v/>
          </cell>
          <cell r="JV368" t="str">
            <v/>
          </cell>
          <cell r="JW368" t="str">
            <v/>
          </cell>
          <cell r="JX368" t="str">
            <v/>
          </cell>
          <cell r="JY368" t="str">
            <v/>
          </cell>
          <cell r="JZ368" t="str">
            <v/>
          </cell>
        </row>
        <row r="369">
          <cell r="C369" t="str">
            <v/>
          </cell>
          <cell r="D369" t="str">
            <v/>
          </cell>
          <cell r="E369" t="str">
            <v/>
          </cell>
          <cell r="I369">
            <v>361</v>
          </cell>
          <cell r="AY369" t="str">
            <v/>
          </cell>
          <cell r="AZ369" t="str">
            <v/>
          </cell>
          <cell r="BA369" t="str">
            <v/>
          </cell>
          <cell r="BC369" t="str">
            <v/>
          </cell>
          <cell r="BD369" t="str">
            <v/>
          </cell>
          <cell r="BE369" t="str">
            <v/>
          </cell>
          <cell r="BH369" t="str">
            <v/>
          </cell>
          <cell r="BI369" t="str">
            <v/>
          </cell>
          <cell r="BJ369" t="str">
            <v/>
          </cell>
          <cell r="BT369" t="str">
            <v/>
          </cell>
          <cell r="BU369" t="str">
            <v/>
          </cell>
          <cell r="BV369" t="str">
            <v/>
          </cell>
          <cell r="CD369" t="str">
            <v/>
          </cell>
          <cell r="CP369">
            <v>78499</v>
          </cell>
          <cell r="CW369" t="str">
            <v/>
          </cell>
          <cell r="CX369" t="str">
            <v/>
          </cell>
          <cell r="CY369" t="str">
            <v/>
          </cell>
          <cell r="CZ369" t="str">
            <v/>
          </cell>
          <cell r="DA369" t="str">
            <v/>
          </cell>
          <cell r="DB369" t="str">
            <v/>
          </cell>
          <cell r="DD369" t="str">
            <v/>
          </cell>
          <cell r="EZ369" t="str">
            <v/>
          </cell>
          <cell r="FA369" t="str">
            <v/>
          </cell>
          <cell r="FI369" t="str">
            <v/>
          </cell>
          <cell r="FJ369" t="str">
            <v/>
          </cell>
          <cell r="FN369" t="str">
            <v/>
          </cell>
          <cell r="FO369" t="str">
            <v/>
          </cell>
          <cell r="FS369" t="str">
            <v/>
          </cell>
          <cell r="FT369" t="str">
            <v/>
          </cell>
          <cell r="FU369" t="str">
            <v/>
          </cell>
          <cell r="FW369" t="str">
            <v/>
          </cell>
          <cell r="FY369" t="str">
            <v/>
          </cell>
          <cell r="GD369" t="str">
            <v/>
          </cell>
          <cell r="GE369" t="str">
            <v/>
          </cell>
          <cell r="GG369" t="str">
            <v/>
          </cell>
          <cell r="GI369" t="str">
            <v/>
          </cell>
          <cell r="GJ369" t="str">
            <v/>
          </cell>
          <cell r="GT369" t="str">
            <v/>
          </cell>
          <cell r="GW369" t="str">
            <v/>
          </cell>
          <cell r="HO369" t="str">
            <v/>
          </cell>
          <cell r="JD369" t="str">
            <v/>
          </cell>
          <cell r="JE369" t="str">
            <v/>
          </cell>
          <cell r="JF369" t="str">
            <v/>
          </cell>
          <cell r="JG369" t="str">
            <v/>
          </cell>
          <cell r="JH369" t="str">
            <v/>
          </cell>
          <cell r="JI369" t="str">
            <v/>
          </cell>
          <cell r="JJ369" t="str">
            <v/>
          </cell>
          <cell r="JK369" t="str">
            <v/>
          </cell>
          <cell r="JL369" t="str">
            <v/>
          </cell>
          <cell r="JM369" t="str">
            <v/>
          </cell>
          <cell r="JN369" t="str">
            <v/>
          </cell>
          <cell r="JO369" t="str">
            <v/>
          </cell>
          <cell r="JP369" t="str">
            <v/>
          </cell>
          <cell r="JQ369" t="str">
            <v/>
          </cell>
          <cell r="JR369" t="str">
            <v/>
          </cell>
          <cell r="JS369" t="str">
            <v/>
          </cell>
          <cell r="JT369" t="str">
            <v/>
          </cell>
          <cell r="JU369" t="str">
            <v/>
          </cell>
          <cell r="JV369" t="str">
            <v/>
          </cell>
          <cell r="JW369" t="str">
            <v/>
          </cell>
          <cell r="JX369" t="str">
            <v/>
          </cell>
          <cell r="JY369" t="str">
            <v/>
          </cell>
          <cell r="JZ369" t="str">
            <v/>
          </cell>
        </row>
        <row r="370">
          <cell r="C370" t="str">
            <v/>
          </cell>
          <cell r="D370" t="str">
            <v/>
          </cell>
          <cell r="E370" t="str">
            <v/>
          </cell>
          <cell r="I370">
            <v>362</v>
          </cell>
          <cell r="AY370" t="str">
            <v/>
          </cell>
          <cell r="AZ370" t="str">
            <v/>
          </cell>
          <cell r="BA370" t="str">
            <v/>
          </cell>
          <cell r="BC370" t="str">
            <v/>
          </cell>
          <cell r="BD370" t="str">
            <v/>
          </cell>
          <cell r="BE370" t="str">
            <v/>
          </cell>
          <cell r="BH370" t="str">
            <v/>
          </cell>
          <cell r="BI370" t="str">
            <v/>
          </cell>
          <cell r="BJ370" t="str">
            <v/>
          </cell>
          <cell r="BT370" t="str">
            <v/>
          </cell>
          <cell r="BU370" t="str">
            <v/>
          </cell>
          <cell r="BV370" t="str">
            <v/>
          </cell>
          <cell r="CD370" t="str">
            <v/>
          </cell>
          <cell r="CP370">
            <v>50546</v>
          </cell>
          <cell r="CW370" t="str">
            <v/>
          </cell>
          <cell r="CX370" t="str">
            <v/>
          </cell>
          <cell r="CY370" t="str">
            <v/>
          </cell>
          <cell r="CZ370" t="str">
            <v/>
          </cell>
          <cell r="DA370" t="str">
            <v/>
          </cell>
          <cell r="DB370" t="str">
            <v/>
          </cell>
          <cell r="DD370" t="str">
            <v/>
          </cell>
          <cell r="EZ370" t="str">
            <v/>
          </cell>
          <cell r="FA370" t="str">
            <v/>
          </cell>
          <cell r="FI370" t="str">
            <v/>
          </cell>
          <cell r="FJ370" t="str">
            <v/>
          </cell>
          <cell r="FN370" t="str">
            <v/>
          </cell>
          <cell r="FO370" t="str">
            <v/>
          </cell>
          <cell r="FS370" t="str">
            <v/>
          </cell>
          <cell r="FT370" t="str">
            <v/>
          </cell>
          <cell r="FU370" t="str">
            <v/>
          </cell>
          <cell r="FW370" t="str">
            <v/>
          </cell>
          <cell r="FY370" t="str">
            <v/>
          </cell>
          <cell r="GD370" t="str">
            <v/>
          </cell>
          <cell r="GE370" t="str">
            <v/>
          </cell>
          <cell r="GG370" t="str">
            <v/>
          </cell>
          <cell r="GI370" t="str">
            <v/>
          </cell>
          <cell r="GJ370" t="str">
            <v/>
          </cell>
          <cell r="GT370" t="str">
            <v/>
          </cell>
          <cell r="GW370" t="str">
            <v/>
          </cell>
          <cell r="HO370" t="str">
            <v/>
          </cell>
          <cell r="JD370" t="str">
            <v/>
          </cell>
          <cell r="JE370" t="str">
            <v/>
          </cell>
          <cell r="JF370" t="str">
            <v/>
          </cell>
          <cell r="JG370" t="str">
            <v/>
          </cell>
          <cell r="JH370" t="str">
            <v/>
          </cell>
          <cell r="JI370" t="str">
            <v/>
          </cell>
          <cell r="JJ370" t="str">
            <v/>
          </cell>
          <cell r="JK370" t="str">
            <v/>
          </cell>
          <cell r="JL370" t="str">
            <v/>
          </cell>
          <cell r="JM370" t="str">
            <v/>
          </cell>
          <cell r="JN370" t="str">
            <v/>
          </cell>
          <cell r="JO370" t="str">
            <v/>
          </cell>
          <cell r="JP370" t="str">
            <v/>
          </cell>
          <cell r="JQ370" t="str">
            <v/>
          </cell>
          <cell r="JR370" t="str">
            <v/>
          </cell>
          <cell r="JS370" t="str">
            <v/>
          </cell>
          <cell r="JT370" t="str">
            <v/>
          </cell>
          <cell r="JU370" t="str">
            <v/>
          </cell>
          <cell r="JV370" t="str">
            <v/>
          </cell>
          <cell r="JW370" t="str">
            <v/>
          </cell>
          <cell r="JX370" t="str">
            <v/>
          </cell>
          <cell r="JY370" t="str">
            <v/>
          </cell>
          <cell r="JZ370" t="str">
            <v/>
          </cell>
        </row>
        <row r="371">
          <cell r="C371" t="str">
            <v/>
          </cell>
          <cell r="D371" t="str">
            <v/>
          </cell>
          <cell r="E371" t="str">
            <v/>
          </cell>
          <cell r="I371">
            <v>363</v>
          </cell>
          <cell r="AY371" t="str">
            <v/>
          </cell>
          <cell r="AZ371" t="str">
            <v/>
          </cell>
          <cell r="BA371" t="str">
            <v/>
          </cell>
          <cell r="BC371" t="str">
            <v/>
          </cell>
          <cell r="BD371" t="str">
            <v/>
          </cell>
          <cell r="BE371" t="str">
            <v/>
          </cell>
          <cell r="BH371" t="str">
            <v/>
          </cell>
          <cell r="BI371" t="str">
            <v/>
          </cell>
          <cell r="BJ371" t="str">
            <v/>
          </cell>
          <cell r="BT371" t="str">
            <v/>
          </cell>
          <cell r="BU371" t="str">
            <v/>
          </cell>
          <cell r="BV371" t="str">
            <v/>
          </cell>
          <cell r="CD371" t="str">
            <v/>
          </cell>
          <cell r="CP371">
            <v>27337</v>
          </cell>
          <cell r="CW371" t="str">
            <v/>
          </cell>
          <cell r="CX371" t="str">
            <v/>
          </cell>
          <cell r="CY371" t="str">
            <v/>
          </cell>
          <cell r="CZ371" t="str">
            <v/>
          </cell>
          <cell r="DA371" t="str">
            <v/>
          </cell>
          <cell r="DB371" t="str">
            <v/>
          </cell>
          <cell r="DD371" t="str">
            <v/>
          </cell>
          <cell r="EZ371" t="str">
            <v/>
          </cell>
          <cell r="FA371" t="str">
            <v/>
          </cell>
          <cell r="FI371" t="str">
            <v/>
          </cell>
          <cell r="FJ371" t="str">
            <v/>
          </cell>
          <cell r="FN371" t="str">
            <v/>
          </cell>
          <cell r="FO371" t="str">
            <v/>
          </cell>
          <cell r="FS371" t="str">
            <v/>
          </cell>
          <cell r="FT371" t="str">
            <v/>
          </cell>
          <cell r="FU371" t="str">
            <v/>
          </cell>
          <cell r="FW371" t="str">
            <v/>
          </cell>
          <cell r="FY371" t="str">
            <v/>
          </cell>
          <cell r="GD371" t="str">
            <v/>
          </cell>
          <cell r="GE371" t="str">
            <v/>
          </cell>
          <cell r="GG371" t="str">
            <v/>
          </cell>
          <cell r="GI371" t="str">
            <v/>
          </cell>
          <cell r="GJ371" t="str">
            <v/>
          </cell>
          <cell r="GT371" t="str">
            <v/>
          </cell>
          <cell r="GW371" t="str">
            <v/>
          </cell>
          <cell r="HO371" t="str">
            <v/>
          </cell>
          <cell r="JD371" t="str">
            <v/>
          </cell>
          <cell r="JE371" t="str">
            <v/>
          </cell>
          <cell r="JF371" t="str">
            <v/>
          </cell>
          <cell r="JG371" t="str">
            <v/>
          </cell>
          <cell r="JH371" t="str">
            <v/>
          </cell>
          <cell r="JI371" t="str">
            <v/>
          </cell>
          <cell r="JJ371" t="str">
            <v/>
          </cell>
          <cell r="JK371" t="str">
            <v/>
          </cell>
          <cell r="JL371" t="str">
            <v/>
          </cell>
          <cell r="JM371" t="str">
            <v/>
          </cell>
          <cell r="JN371" t="str">
            <v/>
          </cell>
          <cell r="JO371" t="str">
            <v/>
          </cell>
          <cell r="JP371" t="str">
            <v/>
          </cell>
          <cell r="JQ371" t="str">
            <v/>
          </cell>
          <cell r="JR371" t="str">
            <v/>
          </cell>
          <cell r="JS371" t="str">
            <v/>
          </cell>
          <cell r="JT371" t="str">
            <v/>
          </cell>
          <cell r="JU371" t="str">
            <v/>
          </cell>
          <cell r="JV371" t="str">
            <v/>
          </cell>
          <cell r="JW371" t="str">
            <v/>
          </cell>
          <cell r="JX371" t="str">
            <v/>
          </cell>
          <cell r="JY371" t="str">
            <v/>
          </cell>
          <cell r="JZ371" t="str">
            <v/>
          </cell>
        </row>
        <row r="372">
          <cell r="C372" t="str">
            <v/>
          </cell>
          <cell r="D372" t="str">
            <v/>
          </cell>
          <cell r="E372" t="str">
            <v/>
          </cell>
          <cell r="I372">
            <v>364</v>
          </cell>
          <cell r="AY372" t="str">
            <v/>
          </cell>
          <cell r="AZ372" t="str">
            <v/>
          </cell>
          <cell r="BA372" t="str">
            <v/>
          </cell>
          <cell r="BC372" t="str">
            <v/>
          </cell>
          <cell r="BD372" t="str">
            <v/>
          </cell>
          <cell r="BE372" t="str">
            <v/>
          </cell>
          <cell r="BH372" t="str">
            <v/>
          </cell>
          <cell r="BI372" t="str">
            <v/>
          </cell>
          <cell r="BJ372" t="str">
            <v/>
          </cell>
          <cell r="BT372" t="str">
            <v/>
          </cell>
          <cell r="BU372" t="str">
            <v/>
          </cell>
          <cell r="BV372" t="str">
            <v/>
          </cell>
          <cell r="CD372" t="str">
            <v/>
          </cell>
          <cell r="CP372">
            <v>55464</v>
          </cell>
          <cell r="CW372" t="str">
            <v/>
          </cell>
          <cell r="CX372" t="str">
            <v/>
          </cell>
          <cell r="CY372" t="str">
            <v/>
          </cell>
          <cell r="CZ372" t="str">
            <v/>
          </cell>
          <cell r="DA372" t="str">
            <v/>
          </cell>
          <cell r="DB372" t="str">
            <v/>
          </cell>
          <cell r="DD372" t="str">
            <v/>
          </cell>
          <cell r="EZ372" t="str">
            <v/>
          </cell>
          <cell r="FA372" t="str">
            <v/>
          </cell>
          <cell r="FI372" t="str">
            <v/>
          </cell>
          <cell r="FJ372" t="str">
            <v/>
          </cell>
          <cell r="FN372" t="str">
            <v/>
          </cell>
          <cell r="FO372" t="str">
            <v/>
          </cell>
          <cell r="FS372" t="str">
            <v/>
          </cell>
          <cell r="FT372" t="str">
            <v/>
          </cell>
          <cell r="FU372" t="str">
            <v/>
          </cell>
          <cell r="FW372" t="str">
            <v/>
          </cell>
          <cell r="FY372" t="str">
            <v/>
          </cell>
          <cell r="GD372" t="str">
            <v/>
          </cell>
          <cell r="GE372" t="str">
            <v/>
          </cell>
          <cell r="GG372" t="str">
            <v/>
          </cell>
          <cell r="GI372" t="str">
            <v/>
          </cell>
          <cell r="GJ372" t="str">
            <v/>
          </cell>
          <cell r="GT372" t="str">
            <v/>
          </cell>
          <cell r="GW372" t="str">
            <v/>
          </cell>
          <cell r="HO372" t="str">
            <v/>
          </cell>
          <cell r="JD372" t="str">
            <v/>
          </cell>
          <cell r="JE372" t="str">
            <v/>
          </cell>
          <cell r="JF372" t="str">
            <v/>
          </cell>
          <cell r="JG372" t="str">
            <v/>
          </cell>
          <cell r="JH372" t="str">
            <v/>
          </cell>
          <cell r="JI372" t="str">
            <v/>
          </cell>
          <cell r="JJ372" t="str">
            <v/>
          </cell>
          <cell r="JK372" t="str">
            <v/>
          </cell>
          <cell r="JL372" t="str">
            <v/>
          </cell>
          <cell r="JM372" t="str">
            <v/>
          </cell>
          <cell r="JN372" t="str">
            <v/>
          </cell>
          <cell r="JO372" t="str">
            <v/>
          </cell>
          <cell r="JP372" t="str">
            <v/>
          </cell>
          <cell r="JQ372" t="str">
            <v/>
          </cell>
          <cell r="JR372" t="str">
            <v/>
          </cell>
          <cell r="JS372" t="str">
            <v/>
          </cell>
          <cell r="JT372" t="str">
            <v/>
          </cell>
          <cell r="JU372" t="str">
            <v/>
          </cell>
          <cell r="JV372" t="str">
            <v/>
          </cell>
          <cell r="JW372" t="str">
            <v/>
          </cell>
          <cell r="JX372" t="str">
            <v/>
          </cell>
          <cell r="JY372" t="str">
            <v/>
          </cell>
          <cell r="JZ372" t="str">
            <v/>
          </cell>
        </row>
        <row r="373">
          <cell r="C373" t="str">
            <v/>
          </cell>
          <cell r="D373" t="str">
            <v/>
          </cell>
          <cell r="E373" t="str">
            <v/>
          </cell>
          <cell r="I373">
            <v>365</v>
          </cell>
          <cell r="AY373" t="str">
            <v/>
          </cell>
          <cell r="AZ373" t="str">
            <v/>
          </cell>
          <cell r="BA373" t="str">
            <v/>
          </cell>
          <cell r="BC373" t="str">
            <v/>
          </cell>
          <cell r="BD373" t="str">
            <v/>
          </cell>
          <cell r="BE373" t="str">
            <v/>
          </cell>
          <cell r="BH373" t="str">
            <v/>
          </cell>
          <cell r="BI373" t="str">
            <v/>
          </cell>
          <cell r="BJ373" t="str">
            <v/>
          </cell>
          <cell r="BT373" t="str">
            <v/>
          </cell>
          <cell r="BU373" t="str">
            <v/>
          </cell>
          <cell r="BV373" t="str">
            <v/>
          </cell>
          <cell r="CD373" t="str">
            <v/>
          </cell>
          <cell r="CP373">
            <v>10429</v>
          </cell>
          <cell r="CW373" t="str">
            <v/>
          </cell>
          <cell r="CX373" t="str">
            <v/>
          </cell>
          <cell r="CY373" t="str">
            <v/>
          </cell>
          <cell r="CZ373" t="str">
            <v/>
          </cell>
          <cell r="DA373" t="str">
            <v/>
          </cell>
          <cell r="DB373" t="str">
            <v/>
          </cell>
          <cell r="DD373" t="str">
            <v/>
          </cell>
          <cell r="EZ373" t="str">
            <v/>
          </cell>
          <cell r="FA373" t="str">
            <v/>
          </cell>
          <cell r="FI373" t="str">
            <v/>
          </cell>
          <cell r="FJ373" t="str">
            <v/>
          </cell>
          <cell r="FN373" t="str">
            <v/>
          </cell>
          <cell r="FO373" t="str">
            <v/>
          </cell>
          <cell r="FS373" t="str">
            <v/>
          </cell>
          <cell r="FT373" t="str">
            <v/>
          </cell>
          <cell r="FU373" t="str">
            <v/>
          </cell>
          <cell r="FW373" t="str">
            <v/>
          </cell>
          <cell r="FY373" t="str">
            <v/>
          </cell>
          <cell r="GD373" t="str">
            <v/>
          </cell>
          <cell r="GE373" t="str">
            <v/>
          </cell>
          <cell r="GG373" t="str">
            <v/>
          </cell>
          <cell r="GI373" t="str">
            <v/>
          </cell>
          <cell r="GJ373" t="str">
            <v/>
          </cell>
          <cell r="GT373" t="str">
            <v/>
          </cell>
          <cell r="GW373" t="str">
            <v/>
          </cell>
          <cell r="HO373" t="str">
            <v/>
          </cell>
          <cell r="JD373" t="str">
            <v/>
          </cell>
          <cell r="JE373" t="str">
            <v/>
          </cell>
          <cell r="JF373" t="str">
            <v/>
          </cell>
          <cell r="JG373" t="str">
            <v/>
          </cell>
          <cell r="JH373" t="str">
            <v/>
          </cell>
          <cell r="JI373" t="str">
            <v/>
          </cell>
          <cell r="JJ373" t="str">
            <v/>
          </cell>
          <cell r="JK373" t="str">
            <v/>
          </cell>
          <cell r="JL373" t="str">
            <v/>
          </cell>
          <cell r="JM373" t="str">
            <v/>
          </cell>
          <cell r="JN373" t="str">
            <v/>
          </cell>
          <cell r="JO373" t="str">
            <v/>
          </cell>
          <cell r="JP373" t="str">
            <v/>
          </cell>
          <cell r="JQ373" t="str">
            <v/>
          </cell>
          <cell r="JR373" t="str">
            <v/>
          </cell>
          <cell r="JS373" t="str">
            <v/>
          </cell>
          <cell r="JT373" t="str">
            <v/>
          </cell>
          <cell r="JU373" t="str">
            <v/>
          </cell>
          <cell r="JV373" t="str">
            <v/>
          </cell>
          <cell r="JW373" t="str">
            <v/>
          </cell>
          <cell r="JX373" t="str">
            <v/>
          </cell>
          <cell r="JY373" t="str">
            <v/>
          </cell>
          <cell r="JZ373" t="str">
            <v/>
          </cell>
        </row>
        <row r="374">
          <cell r="C374" t="str">
            <v/>
          </cell>
          <cell r="D374" t="str">
            <v/>
          </cell>
          <cell r="E374" t="str">
            <v/>
          </cell>
          <cell r="I374">
            <v>366</v>
          </cell>
          <cell r="AY374" t="str">
            <v/>
          </cell>
          <cell r="AZ374" t="str">
            <v/>
          </cell>
          <cell r="BA374" t="str">
            <v/>
          </cell>
          <cell r="BC374" t="str">
            <v/>
          </cell>
          <cell r="BD374" t="str">
            <v/>
          </cell>
          <cell r="BE374" t="str">
            <v/>
          </cell>
          <cell r="BH374" t="str">
            <v/>
          </cell>
          <cell r="BI374" t="str">
            <v/>
          </cell>
          <cell r="BJ374" t="str">
            <v/>
          </cell>
          <cell r="BT374" t="str">
            <v/>
          </cell>
          <cell r="BU374" t="str">
            <v/>
          </cell>
          <cell r="BV374" t="str">
            <v/>
          </cell>
          <cell r="CD374" t="str">
            <v/>
          </cell>
          <cell r="CP374">
            <v>30106</v>
          </cell>
          <cell r="CW374" t="str">
            <v/>
          </cell>
          <cell r="CX374" t="str">
            <v/>
          </cell>
          <cell r="CY374" t="str">
            <v/>
          </cell>
          <cell r="CZ374" t="str">
            <v/>
          </cell>
          <cell r="DA374" t="str">
            <v/>
          </cell>
          <cell r="DB374" t="str">
            <v/>
          </cell>
          <cell r="DD374" t="str">
            <v/>
          </cell>
          <cell r="EZ374" t="str">
            <v/>
          </cell>
          <cell r="FA374" t="str">
            <v/>
          </cell>
          <cell r="FI374" t="str">
            <v/>
          </cell>
          <cell r="FJ374" t="str">
            <v/>
          </cell>
          <cell r="FN374" t="str">
            <v/>
          </cell>
          <cell r="FO374" t="str">
            <v/>
          </cell>
          <cell r="FS374" t="str">
            <v/>
          </cell>
          <cell r="FT374" t="str">
            <v/>
          </cell>
          <cell r="FU374" t="str">
            <v/>
          </cell>
          <cell r="FW374" t="str">
            <v/>
          </cell>
          <cell r="FY374" t="str">
            <v/>
          </cell>
          <cell r="GD374" t="str">
            <v/>
          </cell>
          <cell r="GE374" t="str">
            <v/>
          </cell>
          <cell r="GG374" t="str">
            <v/>
          </cell>
          <cell r="GI374" t="str">
            <v/>
          </cell>
          <cell r="GJ374" t="str">
            <v/>
          </cell>
          <cell r="GT374" t="str">
            <v/>
          </cell>
          <cell r="GW374" t="str">
            <v/>
          </cell>
          <cell r="HO374" t="str">
            <v/>
          </cell>
          <cell r="JD374" t="str">
            <v/>
          </cell>
          <cell r="JE374" t="str">
            <v/>
          </cell>
          <cell r="JF374" t="str">
            <v/>
          </cell>
          <cell r="JG374" t="str">
            <v/>
          </cell>
          <cell r="JH374" t="str">
            <v/>
          </cell>
          <cell r="JI374" t="str">
            <v/>
          </cell>
          <cell r="JJ374" t="str">
            <v/>
          </cell>
          <cell r="JK374" t="str">
            <v/>
          </cell>
          <cell r="JL374" t="str">
            <v/>
          </cell>
          <cell r="JM374" t="str">
            <v/>
          </cell>
          <cell r="JN374" t="str">
            <v/>
          </cell>
          <cell r="JO374" t="str">
            <v/>
          </cell>
          <cell r="JP374" t="str">
            <v/>
          </cell>
          <cell r="JQ374" t="str">
            <v/>
          </cell>
          <cell r="JR374" t="str">
            <v/>
          </cell>
          <cell r="JS374" t="str">
            <v/>
          </cell>
          <cell r="JT374" t="str">
            <v/>
          </cell>
          <cell r="JU374" t="str">
            <v/>
          </cell>
          <cell r="JV374" t="str">
            <v/>
          </cell>
          <cell r="JW374" t="str">
            <v/>
          </cell>
          <cell r="JX374" t="str">
            <v/>
          </cell>
          <cell r="JY374" t="str">
            <v/>
          </cell>
          <cell r="JZ374" t="str">
            <v/>
          </cell>
        </row>
        <row r="375">
          <cell r="C375" t="str">
            <v/>
          </cell>
          <cell r="D375" t="str">
            <v/>
          </cell>
          <cell r="E375" t="str">
            <v/>
          </cell>
          <cell r="I375">
            <v>367</v>
          </cell>
          <cell r="AY375" t="str">
            <v/>
          </cell>
          <cell r="AZ375" t="str">
            <v/>
          </cell>
          <cell r="BA375" t="str">
            <v/>
          </cell>
          <cell r="BC375" t="str">
            <v/>
          </cell>
          <cell r="BD375" t="str">
            <v/>
          </cell>
          <cell r="BE375" t="str">
            <v/>
          </cell>
          <cell r="BH375" t="str">
            <v/>
          </cell>
          <cell r="BI375" t="str">
            <v/>
          </cell>
          <cell r="BJ375" t="str">
            <v/>
          </cell>
          <cell r="BT375" t="str">
            <v/>
          </cell>
          <cell r="BU375" t="str">
            <v/>
          </cell>
          <cell r="BV375" t="str">
            <v/>
          </cell>
          <cell r="CD375" t="str">
            <v/>
          </cell>
          <cell r="CP375">
            <v>31416</v>
          </cell>
          <cell r="CW375" t="str">
            <v/>
          </cell>
          <cell r="CX375" t="str">
            <v/>
          </cell>
          <cell r="CY375" t="str">
            <v/>
          </cell>
          <cell r="CZ375" t="str">
            <v/>
          </cell>
          <cell r="DA375" t="str">
            <v/>
          </cell>
          <cell r="DB375" t="str">
            <v/>
          </cell>
          <cell r="DD375" t="str">
            <v/>
          </cell>
          <cell r="EZ375" t="str">
            <v/>
          </cell>
          <cell r="FA375" t="str">
            <v/>
          </cell>
          <cell r="FI375" t="str">
            <v/>
          </cell>
          <cell r="FJ375" t="str">
            <v/>
          </cell>
          <cell r="FN375" t="str">
            <v/>
          </cell>
          <cell r="FO375" t="str">
            <v/>
          </cell>
          <cell r="FS375" t="str">
            <v/>
          </cell>
          <cell r="FT375" t="str">
            <v/>
          </cell>
          <cell r="FU375" t="str">
            <v/>
          </cell>
          <cell r="FW375" t="str">
            <v/>
          </cell>
          <cell r="FY375" t="str">
            <v/>
          </cell>
          <cell r="GD375" t="str">
            <v/>
          </cell>
          <cell r="GE375" t="str">
            <v/>
          </cell>
          <cell r="GG375" t="str">
            <v/>
          </cell>
          <cell r="GI375" t="str">
            <v/>
          </cell>
          <cell r="GJ375" t="str">
            <v/>
          </cell>
          <cell r="GT375" t="str">
            <v/>
          </cell>
          <cell r="GW375" t="str">
            <v/>
          </cell>
          <cell r="HO375" t="str">
            <v/>
          </cell>
          <cell r="JD375" t="str">
            <v/>
          </cell>
          <cell r="JE375" t="str">
            <v/>
          </cell>
          <cell r="JF375" t="str">
            <v/>
          </cell>
          <cell r="JG375" t="str">
            <v/>
          </cell>
          <cell r="JH375" t="str">
            <v/>
          </cell>
          <cell r="JI375" t="str">
            <v/>
          </cell>
          <cell r="JJ375" t="str">
            <v/>
          </cell>
          <cell r="JK375" t="str">
            <v/>
          </cell>
          <cell r="JL375" t="str">
            <v/>
          </cell>
          <cell r="JM375" t="str">
            <v/>
          </cell>
          <cell r="JN375" t="str">
            <v/>
          </cell>
          <cell r="JO375" t="str">
            <v/>
          </cell>
          <cell r="JP375" t="str">
            <v/>
          </cell>
          <cell r="JQ375" t="str">
            <v/>
          </cell>
          <cell r="JR375" t="str">
            <v/>
          </cell>
          <cell r="JS375" t="str">
            <v/>
          </cell>
          <cell r="JT375" t="str">
            <v/>
          </cell>
          <cell r="JU375" t="str">
            <v/>
          </cell>
          <cell r="JV375" t="str">
            <v/>
          </cell>
          <cell r="JW375" t="str">
            <v/>
          </cell>
          <cell r="JX375" t="str">
            <v/>
          </cell>
          <cell r="JY375" t="str">
            <v/>
          </cell>
          <cell r="JZ375" t="str">
            <v/>
          </cell>
        </row>
        <row r="376">
          <cell r="C376" t="str">
            <v/>
          </cell>
          <cell r="D376" t="str">
            <v/>
          </cell>
          <cell r="E376" t="str">
            <v/>
          </cell>
          <cell r="I376">
            <v>368</v>
          </cell>
          <cell r="AY376" t="str">
            <v/>
          </cell>
          <cell r="AZ376" t="str">
            <v/>
          </cell>
          <cell r="BA376" t="str">
            <v/>
          </cell>
          <cell r="BC376" t="str">
            <v/>
          </cell>
          <cell r="BD376" t="str">
            <v/>
          </cell>
          <cell r="BE376" t="str">
            <v/>
          </cell>
          <cell r="BH376" t="str">
            <v/>
          </cell>
          <cell r="BI376" t="str">
            <v/>
          </cell>
          <cell r="BJ376" t="str">
            <v/>
          </cell>
          <cell r="BT376" t="str">
            <v/>
          </cell>
          <cell r="BU376" t="str">
            <v/>
          </cell>
          <cell r="BV376" t="str">
            <v/>
          </cell>
          <cell r="CD376" t="str">
            <v/>
          </cell>
          <cell r="CP376">
            <v>47130</v>
          </cell>
          <cell r="CW376" t="str">
            <v/>
          </cell>
          <cell r="CX376" t="str">
            <v/>
          </cell>
          <cell r="CY376" t="str">
            <v/>
          </cell>
          <cell r="CZ376" t="str">
            <v/>
          </cell>
          <cell r="DA376" t="str">
            <v/>
          </cell>
          <cell r="DB376" t="str">
            <v/>
          </cell>
          <cell r="DD376" t="str">
            <v/>
          </cell>
          <cell r="EZ376" t="str">
            <v/>
          </cell>
          <cell r="FA376" t="str">
            <v/>
          </cell>
          <cell r="FI376" t="str">
            <v/>
          </cell>
          <cell r="FJ376" t="str">
            <v/>
          </cell>
          <cell r="FN376" t="str">
            <v/>
          </cell>
          <cell r="FO376" t="str">
            <v/>
          </cell>
          <cell r="FS376" t="str">
            <v/>
          </cell>
          <cell r="FT376" t="str">
            <v/>
          </cell>
          <cell r="FU376" t="str">
            <v/>
          </cell>
          <cell r="FW376" t="str">
            <v/>
          </cell>
          <cell r="FY376" t="str">
            <v/>
          </cell>
          <cell r="GD376" t="str">
            <v/>
          </cell>
          <cell r="GE376" t="str">
            <v/>
          </cell>
          <cell r="GG376" t="str">
            <v/>
          </cell>
          <cell r="GI376" t="str">
            <v/>
          </cell>
          <cell r="GJ376" t="str">
            <v/>
          </cell>
          <cell r="GT376" t="str">
            <v/>
          </cell>
          <cell r="GW376" t="str">
            <v/>
          </cell>
          <cell r="HO376" t="str">
            <v/>
          </cell>
          <cell r="JD376" t="str">
            <v/>
          </cell>
          <cell r="JE376" t="str">
            <v/>
          </cell>
          <cell r="JF376" t="str">
            <v/>
          </cell>
          <cell r="JG376" t="str">
            <v/>
          </cell>
          <cell r="JH376" t="str">
            <v/>
          </cell>
          <cell r="JI376" t="str">
            <v/>
          </cell>
          <cell r="JJ376" t="str">
            <v/>
          </cell>
          <cell r="JK376" t="str">
            <v/>
          </cell>
          <cell r="JL376" t="str">
            <v/>
          </cell>
          <cell r="JM376" t="str">
            <v/>
          </cell>
          <cell r="JN376" t="str">
            <v/>
          </cell>
          <cell r="JO376" t="str">
            <v/>
          </cell>
          <cell r="JP376" t="str">
            <v/>
          </cell>
          <cell r="JQ376" t="str">
            <v/>
          </cell>
          <cell r="JR376" t="str">
            <v/>
          </cell>
          <cell r="JS376" t="str">
            <v/>
          </cell>
          <cell r="JT376" t="str">
            <v/>
          </cell>
          <cell r="JU376" t="str">
            <v/>
          </cell>
          <cell r="JV376" t="str">
            <v/>
          </cell>
          <cell r="JW376" t="str">
            <v/>
          </cell>
          <cell r="JX376" t="str">
            <v/>
          </cell>
          <cell r="JY376" t="str">
            <v/>
          </cell>
          <cell r="JZ376" t="str">
            <v/>
          </cell>
        </row>
        <row r="377">
          <cell r="C377" t="str">
            <v/>
          </cell>
          <cell r="D377" t="str">
            <v/>
          </cell>
          <cell r="E377" t="str">
            <v/>
          </cell>
          <cell r="I377">
            <v>369</v>
          </cell>
          <cell r="AY377" t="str">
            <v/>
          </cell>
          <cell r="AZ377" t="str">
            <v/>
          </cell>
          <cell r="BA377" t="str">
            <v/>
          </cell>
          <cell r="BC377" t="str">
            <v/>
          </cell>
          <cell r="BD377" t="str">
            <v/>
          </cell>
          <cell r="BE377" t="str">
            <v/>
          </cell>
          <cell r="BH377" t="str">
            <v/>
          </cell>
          <cell r="BI377" t="str">
            <v/>
          </cell>
          <cell r="BJ377" t="str">
            <v/>
          </cell>
          <cell r="BT377" t="str">
            <v/>
          </cell>
          <cell r="BU377" t="str">
            <v/>
          </cell>
          <cell r="BV377" t="str">
            <v/>
          </cell>
          <cell r="CD377" t="str">
            <v/>
          </cell>
          <cell r="CP377">
            <v>81911</v>
          </cell>
          <cell r="CW377" t="str">
            <v/>
          </cell>
          <cell r="CX377" t="str">
            <v/>
          </cell>
          <cell r="CY377" t="str">
            <v/>
          </cell>
          <cell r="CZ377" t="str">
            <v/>
          </cell>
          <cell r="DA377" t="str">
            <v/>
          </cell>
          <cell r="DB377" t="str">
            <v/>
          </cell>
          <cell r="DD377" t="str">
            <v/>
          </cell>
          <cell r="EZ377" t="str">
            <v/>
          </cell>
          <cell r="FA377" t="str">
            <v/>
          </cell>
          <cell r="FI377" t="str">
            <v/>
          </cell>
          <cell r="FJ377" t="str">
            <v/>
          </cell>
          <cell r="FN377" t="str">
            <v/>
          </cell>
          <cell r="FO377" t="str">
            <v/>
          </cell>
          <cell r="FS377" t="str">
            <v/>
          </cell>
          <cell r="FT377" t="str">
            <v/>
          </cell>
          <cell r="FU377" t="str">
            <v/>
          </cell>
          <cell r="FW377" t="str">
            <v/>
          </cell>
          <cell r="FY377" t="str">
            <v/>
          </cell>
          <cell r="GD377" t="str">
            <v/>
          </cell>
          <cell r="GE377" t="str">
            <v/>
          </cell>
          <cell r="GG377" t="str">
            <v/>
          </cell>
          <cell r="GI377" t="str">
            <v/>
          </cell>
          <cell r="GJ377" t="str">
            <v/>
          </cell>
          <cell r="GT377" t="str">
            <v/>
          </cell>
          <cell r="GW377" t="str">
            <v/>
          </cell>
          <cell r="HO377" t="str">
            <v/>
          </cell>
          <cell r="JD377" t="str">
            <v/>
          </cell>
          <cell r="JE377" t="str">
            <v/>
          </cell>
          <cell r="JF377" t="str">
            <v/>
          </cell>
          <cell r="JG377" t="str">
            <v/>
          </cell>
          <cell r="JH377" t="str">
            <v/>
          </cell>
          <cell r="JI377" t="str">
            <v/>
          </cell>
          <cell r="JJ377" t="str">
            <v/>
          </cell>
          <cell r="JK377" t="str">
            <v/>
          </cell>
          <cell r="JL377" t="str">
            <v/>
          </cell>
          <cell r="JM377" t="str">
            <v/>
          </cell>
          <cell r="JN377" t="str">
            <v/>
          </cell>
          <cell r="JO377" t="str">
            <v/>
          </cell>
          <cell r="JP377" t="str">
            <v/>
          </cell>
          <cell r="JQ377" t="str">
            <v/>
          </cell>
          <cell r="JR377" t="str">
            <v/>
          </cell>
          <cell r="JS377" t="str">
            <v/>
          </cell>
          <cell r="JT377" t="str">
            <v/>
          </cell>
          <cell r="JU377" t="str">
            <v/>
          </cell>
          <cell r="JV377" t="str">
            <v/>
          </cell>
          <cell r="JW377" t="str">
            <v/>
          </cell>
          <cell r="JX377" t="str">
            <v/>
          </cell>
          <cell r="JY377" t="str">
            <v/>
          </cell>
          <cell r="JZ377" t="str">
            <v/>
          </cell>
        </row>
        <row r="378">
          <cell r="C378" t="str">
            <v/>
          </cell>
          <cell r="D378" t="str">
            <v/>
          </cell>
          <cell r="E378" t="str">
            <v/>
          </cell>
          <cell r="I378">
            <v>370</v>
          </cell>
          <cell r="AY378" t="str">
            <v/>
          </cell>
          <cell r="AZ378" t="str">
            <v/>
          </cell>
          <cell r="BA378" t="str">
            <v/>
          </cell>
          <cell r="BC378" t="str">
            <v/>
          </cell>
          <cell r="BD378" t="str">
            <v/>
          </cell>
          <cell r="BE378" t="str">
            <v/>
          </cell>
          <cell r="BH378" t="str">
            <v/>
          </cell>
          <cell r="BI378" t="str">
            <v/>
          </cell>
          <cell r="BJ378" t="str">
            <v/>
          </cell>
          <cell r="BT378" t="str">
            <v/>
          </cell>
          <cell r="BU378" t="str">
            <v/>
          </cell>
          <cell r="BV378" t="str">
            <v/>
          </cell>
          <cell r="CD378" t="str">
            <v/>
          </cell>
          <cell r="CP378">
            <v>59726</v>
          </cell>
          <cell r="CW378" t="str">
            <v/>
          </cell>
          <cell r="CX378" t="str">
            <v/>
          </cell>
          <cell r="CY378" t="str">
            <v/>
          </cell>
          <cell r="CZ378" t="str">
            <v/>
          </cell>
          <cell r="DA378" t="str">
            <v/>
          </cell>
          <cell r="DB378" t="str">
            <v/>
          </cell>
          <cell r="DD378" t="str">
            <v/>
          </cell>
          <cell r="EZ378" t="str">
            <v/>
          </cell>
          <cell r="FA378" t="str">
            <v/>
          </cell>
          <cell r="FI378" t="str">
            <v/>
          </cell>
          <cell r="FJ378" t="str">
            <v/>
          </cell>
          <cell r="FN378" t="str">
            <v/>
          </cell>
          <cell r="FO378" t="str">
            <v/>
          </cell>
          <cell r="FS378" t="str">
            <v/>
          </cell>
          <cell r="FT378" t="str">
            <v/>
          </cell>
          <cell r="FU378" t="str">
            <v/>
          </cell>
          <cell r="FW378" t="str">
            <v/>
          </cell>
          <cell r="FY378" t="str">
            <v/>
          </cell>
          <cell r="GD378" t="str">
            <v/>
          </cell>
          <cell r="GE378" t="str">
            <v/>
          </cell>
          <cell r="GG378" t="str">
            <v/>
          </cell>
          <cell r="GI378" t="str">
            <v/>
          </cell>
          <cell r="GJ378" t="str">
            <v/>
          </cell>
          <cell r="GT378" t="str">
            <v/>
          </cell>
          <cell r="GW378" t="str">
            <v/>
          </cell>
          <cell r="HO378" t="str">
            <v/>
          </cell>
          <cell r="JD378" t="str">
            <v/>
          </cell>
          <cell r="JE378" t="str">
            <v/>
          </cell>
          <cell r="JF378" t="str">
            <v/>
          </cell>
          <cell r="JG378" t="str">
            <v/>
          </cell>
          <cell r="JH378" t="str">
            <v/>
          </cell>
          <cell r="JI378" t="str">
            <v/>
          </cell>
          <cell r="JJ378" t="str">
            <v/>
          </cell>
          <cell r="JK378" t="str">
            <v/>
          </cell>
          <cell r="JL378" t="str">
            <v/>
          </cell>
          <cell r="JM378" t="str">
            <v/>
          </cell>
          <cell r="JN378" t="str">
            <v/>
          </cell>
          <cell r="JO378" t="str">
            <v/>
          </cell>
          <cell r="JP378" t="str">
            <v/>
          </cell>
          <cell r="JQ378" t="str">
            <v/>
          </cell>
          <cell r="JR378" t="str">
            <v/>
          </cell>
          <cell r="JS378" t="str">
            <v/>
          </cell>
          <cell r="JT378" t="str">
            <v/>
          </cell>
          <cell r="JU378" t="str">
            <v/>
          </cell>
          <cell r="JV378" t="str">
            <v/>
          </cell>
          <cell r="JW378" t="str">
            <v/>
          </cell>
          <cell r="JX378" t="str">
            <v/>
          </cell>
          <cell r="JY378" t="str">
            <v/>
          </cell>
          <cell r="JZ378" t="str">
            <v/>
          </cell>
        </row>
        <row r="379">
          <cell r="C379" t="str">
            <v/>
          </cell>
          <cell r="D379" t="str">
            <v/>
          </cell>
          <cell r="E379" t="str">
            <v/>
          </cell>
          <cell r="I379">
            <v>371</v>
          </cell>
          <cell r="AY379" t="str">
            <v/>
          </cell>
          <cell r="AZ379" t="str">
            <v/>
          </cell>
          <cell r="BA379" t="str">
            <v/>
          </cell>
          <cell r="BC379" t="str">
            <v/>
          </cell>
          <cell r="BD379" t="str">
            <v/>
          </cell>
          <cell r="BE379" t="str">
            <v/>
          </cell>
          <cell r="BH379" t="str">
            <v/>
          </cell>
          <cell r="BI379" t="str">
            <v/>
          </cell>
          <cell r="BJ379" t="str">
            <v/>
          </cell>
          <cell r="BT379" t="str">
            <v/>
          </cell>
          <cell r="BU379" t="str">
            <v/>
          </cell>
          <cell r="BV379" t="str">
            <v/>
          </cell>
          <cell r="CD379" t="str">
            <v/>
          </cell>
          <cell r="CP379">
            <v>92654</v>
          </cell>
          <cell r="CW379" t="str">
            <v/>
          </cell>
          <cell r="CX379" t="str">
            <v/>
          </cell>
          <cell r="CY379" t="str">
            <v/>
          </cell>
          <cell r="CZ379" t="str">
            <v/>
          </cell>
          <cell r="DA379" t="str">
            <v/>
          </cell>
          <cell r="DB379" t="str">
            <v/>
          </cell>
          <cell r="DD379" t="str">
            <v/>
          </cell>
          <cell r="EZ379" t="str">
            <v/>
          </cell>
          <cell r="FA379" t="str">
            <v/>
          </cell>
          <cell r="FI379" t="str">
            <v/>
          </cell>
          <cell r="FJ379" t="str">
            <v/>
          </cell>
          <cell r="FN379" t="str">
            <v/>
          </cell>
          <cell r="FO379" t="str">
            <v/>
          </cell>
          <cell r="FS379" t="str">
            <v/>
          </cell>
          <cell r="FT379" t="str">
            <v/>
          </cell>
          <cell r="FU379" t="str">
            <v/>
          </cell>
          <cell r="FW379" t="str">
            <v/>
          </cell>
          <cell r="FY379" t="str">
            <v/>
          </cell>
          <cell r="GD379" t="str">
            <v/>
          </cell>
          <cell r="GE379" t="str">
            <v/>
          </cell>
          <cell r="GG379" t="str">
            <v/>
          </cell>
          <cell r="GI379" t="str">
            <v/>
          </cell>
          <cell r="GJ379" t="str">
            <v/>
          </cell>
          <cell r="GT379" t="str">
            <v/>
          </cell>
          <cell r="GW379" t="str">
            <v/>
          </cell>
          <cell r="HO379" t="str">
            <v/>
          </cell>
          <cell r="JD379" t="str">
            <v/>
          </cell>
          <cell r="JE379" t="str">
            <v/>
          </cell>
          <cell r="JF379" t="str">
            <v/>
          </cell>
          <cell r="JG379" t="str">
            <v/>
          </cell>
          <cell r="JH379" t="str">
            <v/>
          </cell>
          <cell r="JI379" t="str">
            <v/>
          </cell>
          <cell r="JJ379" t="str">
            <v/>
          </cell>
          <cell r="JK379" t="str">
            <v/>
          </cell>
          <cell r="JL379" t="str">
            <v/>
          </cell>
          <cell r="JM379" t="str">
            <v/>
          </cell>
          <cell r="JN379" t="str">
            <v/>
          </cell>
          <cell r="JO379" t="str">
            <v/>
          </cell>
          <cell r="JP379" t="str">
            <v/>
          </cell>
          <cell r="JQ379" t="str">
            <v/>
          </cell>
          <cell r="JR379" t="str">
            <v/>
          </cell>
          <cell r="JS379" t="str">
            <v/>
          </cell>
          <cell r="JT379" t="str">
            <v/>
          </cell>
          <cell r="JU379" t="str">
            <v/>
          </cell>
          <cell r="JV379" t="str">
            <v/>
          </cell>
          <cell r="JW379" t="str">
            <v/>
          </cell>
          <cell r="JX379" t="str">
            <v/>
          </cell>
          <cell r="JY379" t="str">
            <v/>
          </cell>
          <cell r="JZ379" t="str">
            <v/>
          </cell>
        </row>
        <row r="380">
          <cell r="C380" t="str">
            <v/>
          </cell>
          <cell r="D380" t="str">
            <v/>
          </cell>
          <cell r="E380" t="str">
            <v/>
          </cell>
          <cell r="I380">
            <v>372</v>
          </cell>
          <cell r="AY380" t="str">
            <v/>
          </cell>
          <cell r="AZ380" t="str">
            <v/>
          </cell>
          <cell r="BA380" t="str">
            <v/>
          </cell>
          <cell r="BC380" t="str">
            <v/>
          </cell>
          <cell r="BD380" t="str">
            <v/>
          </cell>
          <cell r="BE380" t="str">
            <v/>
          </cell>
          <cell r="BH380" t="str">
            <v/>
          </cell>
          <cell r="BI380" t="str">
            <v/>
          </cell>
          <cell r="BJ380" t="str">
            <v/>
          </cell>
          <cell r="BT380" t="str">
            <v/>
          </cell>
          <cell r="BU380" t="str">
            <v/>
          </cell>
          <cell r="BV380" t="str">
            <v/>
          </cell>
          <cell r="CD380" t="str">
            <v/>
          </cell>
          <cell r="CP380">
            <v>67474</v>
          </cell>
          <cell r="CW380" t="str">
            <v/>
          </cell>
          <cell r="CX380" t="str">
            <v/>
          </cell>
          <cell r="CY380" t="str">
            <v/>
          </cell>
          <cell r="CZ380" t="str">
            <v/>
          </cell>
          <cell r="DA380" t="str">
            <v/>
          </cell>
          <cell r="DB380" t="str">
            <v/>
          </cell>
          <cell r="DD380" t="str">
            <v/>
          </cell>
          <cell r="EZ380" t="str">
            <v/>
          </cell>
          <cell r="FA380" t="str">
            <v/>
          </cell>
          <cell r="FI380" t="str">
            <v/>
          </cell>
          <cell r="FJ380" t="str">
            <v/>
          </cell>
          <cell r="FN380" t="str">
            <v/>
          </cell>
          <cell r="FO380" t="str">
            <v/>
          </cell>
          <cell r="FS380" t="str">
            <v/>
          </cell>
          <cell r="FT380" t="str">
            <v/>
          </cell>
          <cell r="FU380" t="str">
            <v/>
          </cell>
          <cell r="FW380" t="str">
            <v/>
          </cell>
          <cell r="FY380" t="str">
            <v/>
          </cell>
          <cell r="GD380" t="str">
            <v/>
          </cell>
          <cell r="GE380" t="str">
            <v/>
          </cell>
          <cell r="GG380" t="str">
            <v/>
          </cell>
          <cell r="GI380" t="str">
            <v/>
          </cell>
          <cell r="GJ380" t="str">
            <v/>
          </cell>
          <cell r="GT380" t="str">
            <v/>
          </cell>
          <cell r="GW380" t="str">
            <v/>
          </cell>
          <cell r="HO380" t="str">
            <v/>
          </cell>
          <cell r="JD380" t="str">
            <v/>
          </cell>
          <cell r="JE380" t="str">
            <v/>
          </cell>
          <cell r="JF380" t="str">
            <v/>
          </cell>
          <cell r="JG380" t="str">
            <v/>
          </cell>
          <cell r="JH380" t="str">
            <v/>
          </cell>
          <cell r="JI380" t="str">
            <v/>
          </cell>
          <cell r="JJ380" t="str">
            <v/>
          </cell>
          <cell r="JK380" t="str">
            <v/>
          </cell>
          <cell r="JL380" t="str">
            <v/>
          </cell>
          <cell r="JM380" t="str">
            <v/>
          </cell>
          <cell r="JN380" t="str">
            <v/>
          </cell>
          <cell r="JO380" t="str">
            <v/>
          </cell>
          <cell r="JP380" t="str">
            <v/>
          </cell>
          <cell r="JQ380" t="str">
            <v/>
          </cell>
          <cell r="JR380" t="str">
            <v/>
          </cell>
          <cell r="JS380" t="str">
            <v/>
          </cell>
          <cell r="JT380" t="str">
            <v/>
          </cell>
          <cell r="JU380" t="str">
            <v/>
          </cell>
          <cell r="JV380" t="str">
            <v/>
          </cell>
          <cell r="JW380" t="str">
            <v/>
          </cell>
          <cell r="JX380" t="str">
            <v/>
          </cell>
          <cell r="JY380" t="str">
            <v/>
          </cell>
          <cell r="JZ380" t="str">
            <v/>
          </cell>
        </row>
        <row r="381">
          <cell r="C381" t="str">
            <v/>
          </cell>
          <cell r="D381" t="str">
            <v/>
          </cell>
          <cell r="E381" t="str">
            <v/>
          </cell>
          <cell r="I381">
            <v>373</v>
          </cell>
          <cell r="AY381" t="str">
            <v/>
          </cell>
          <cell r="AZ381" t="str">
            <v/>
          </cell>
          <cell r="BA381" t="str">
            <v/>
          </cell>
          <cell r="BC381" t="str">
            <v/>
          </cell>
          <cell r="BD381" t="str">
            <v/>
          </cell>
          <cell r="BE381" t="str">
            <v/>
          </cell>
          <cell r="BH381" t="str">
            <v/>
          </cell>
          <cell r="BI381" t="str">
            <v/>
          </cell>
          <cell r="BJ381" t="str">
            <v/>
          </cell>
          <cell r="BT381" t="str">
            <v/>
          </cell>
          <cell r="BU381" t="str">
            <v/>
          </cell>
          <cell r="BV381" t="str">
            <v/>
          </cell>
          <cell r="CD381" t="str">
            <v/>
          </cell>
          <cell r="CP381">
            <v>51669</v>
          </cell>
          <cell r="CW381" t="str">
            <v/>
          </cell>
          <cell r="CX381" t="str">
            <v/>
          </cell>
          <cell r="CY381" t="str">
            <v/>
          </cell>
          <cell r="CZ381" t="str">
            <v/>
          </cell>
          <cell r="DA381" t="str">
            <v/>
          </cell>
          <cell r="DB381" t="str">
            <v/>
          </cell>
          <cell r="DD381" t="str">
            <v/>
          </cell>
          <cell r="EZ381" t="str">
            <v/>
          </cell>
          <cell r="FA381" t="str">
            <v/>
          </cell>
          <cell r="FI381" t="str">
            <v/>
          </cell>
          <cell r="FJ381" t="str">
            <v/>
          </cell>
          <cell r="FN381" t="str">
            <v/>
          </cell>
          <cell r="FO381" t="str">
            <v/>
          </cell>
          <cell r="FS381" t="str">
            <v/>
          </cell>
          <cell r="FT381" t="str">
            <v/>
          </cell>
          <cell r="FU381" t="str">
            <v/>
          </cell>
          <cell r="FW381" t="str">
            <v/>
          </cell>
          <cell r="FY381" t="str">
            <v/>
          </cell>
          <cell r="GD381" t="str">
            <v/>
          </cell>
          <cell r="GE381" t="str">
            <v/>
          </cell>
          <cell r="GG381" t="str">
            <v/>
          </cell>
          <cell r="GI381" t="str">
            <v/>
          </cell>
          <cell r="GJ381" t="str">
            <v/>
          </cell>
          <cell r="GT381" t="str">
            <v/>
          </cell>
          <cell r="GW381" t="str">
            <v/>
          </cell>
          <cell r="HO381" t="str">
            <v/>
          </cell>
          <cell r="JD381" t="str">
            <v/>
          </cell>
          <cell r="JE381" t="str">
            <v/>
          </cell>
          <cell r="JF381" t="str">
            <v/>
          </cell>
          <cell r="JG381" t="str">
            <v/>
          </cell>
          <cell r="JH381" t="str">
            <v/>
          </cell>
          <cell r="JI381" t="str">
            <v/>
          </cell>
          <cell r="JJ381" t="str">
            <v/>
          </cell>
          <cell r="JK381" t="str">
            <v/>
          </cell>
          <cell r="JL381" t="str">
            <v/>
          </cell>
          <cell r="JM381" t="str">
            <v/>
          </cell>
          <cell r="JN381" t="str">
            <v/>
          </cell>
          <cell r="JO381" t="str">
            <v/>
          </cell>
          <cell r="JP381" t="str">
            <v/>
          </cell>
          <cell r="JQ381" t="str">
            <v/>
          </cell>
          <cell r="JR381" t="str">
            <v/>
          </cell>
          <cell r="JS381" t="str">
            <v/>
          </cell>
          <cell r="JT381" t="str">
            <v/>
          </cell>
          <cell r="JU381" t="str">
            <v/>
          </cell>
          <cell r="JV381" t="str">
            <v/>
          </cell>
          <cell r="JW381" t="str">
            <v/>
          </cell>
          <cell r="JX381" t="str">
            <v/>
          </cell>
          <cell r="JY381" t="str">
            <v/>
          </cell>
          <cell r="JZ381" t="str">
            <v/>
          </cell>
        </row>
        <row r="382">
          <cell r="C382" t="str">
            <v/>
          </cell>
          <cell r="D382" t="str">
            <v/>
          </cell>
          <cell r="E382" t="str">
            <v/>
          </cell>
          <cell r="I382">
            <v>374</v>
          </cell>
          <cell r="AY382" t="str">
            <v/>
          </cell>
          <cell r="AZ382" t="str">
            <v/>
          </cell>
          <cell r="BA382" t="str">
            <v/>
          </cell>
          <cell r="BC382" t="str">
            <v/>
          </cell>
          <cell r="BD382" t="str">
            <v/>
          </cell>
          <cell r="BE382" t="str">
            <v/>
          </cell>
          <cell r="BH382" t="str">
            <v/>
          </cell>
          <cell r="BI382" t="str">
            <v/>
          </cell>
          <cell r="BJ382" t="str">
            <v/>
          </cell>
          <cell r="BT382" t="str">
            <v/>
          </cell>
          <cell r="BU382" t="str">
            <v/>
          </cell>
          <cell r="BV382" t="str">
            <v/>
          </cell>
          <cell r="CD382" t="str">
            <v/>
          </cell>
          <cell r="CP382">
            <v>59719</v>
          </cell>
          <cell r="CW382" t="str">
            <v/>
          </cell>
          <cell r="CX382" t="str">
            <v/>
          </cell>
          <cell r="CY382" t="str">
            <v/>
          </cell>
          <cell r="CZ382" t="str">
            <v/>
          </cell>
          <cell r="DA382" t="str">
            <v/>
          </cell>
          <cell r="DB382" t="str">
            <v/>
          </cell>
          <cell r="DD382" t="str">
            <v/>
          </cell>
          <cell r="EZ382" t="str">
            <v/>
          </cell>
          <cell r="FA382" t="str">
            <v/>
          </cell>
          <cell r="FI382" t="str">
            <v/>
          </cell>
          <cell r="FJ382" t="str">
            <v/>
          </cell>
          <cell r="FN382" t="str">
            <v/>
          </cell>
          <cell r="FO382" t="str">
            <v/>
          </cell>
          <cell r="FS382" t="str">
            <v/>
          </cell>
          <cell r="FT382" t="str">
            <v/>
          </cell>
          <cell r="FU382" t="str">
            <v/>
          </cell>
          <cell r="FW382" t="str">
            <v/>
          </cell>
          <cell r="FY382" t="str">
            <v/>
          </cell>
          <cell r="GD382" t="str">
            <v/>
          </cell>
          <cell r="GE382" t="str">
            <v/>
          </cell>
          <cell r="GG382" t="str">
            <v/>
          </cell>
          <cell r="GI382" t="str">
            <v/>
          </cell>
          <cell r="GJ382" t="str">
            <v/>
          </cell>
          <cell r="GT382" t="str">
            <v/>
          </cell>
          <cell r="GW382" t="str">
            <v/>
          </cell>
          <cell r="HO382" t="str">
            <v/>
          </cell>
          <cell r="JD382" t="str">
            <v/>
          </cell>
          <cell r="JE382" t="str">
            <v/>
          </cell>
          <cell r="JF382" t="str">
            <v/>
          </cell>
          <cell r="JG382" t="str">
            <v/>
          </cell>
          <cell r="JH382" t="str">
            <v/>
          </cell>
          <cell r="JI382" t="str">
            <v/>
          </cell>
          <cell r="JJ382" t="str">
            <v/>
          </cell>
          <cell r="JK382" t="str">
            <v/>
          </cell>
          <cell r="JL382" t="str">
            <v/>
          </cell>
          <cell r="JM382" t="str">
            <v/>
          </cell>
          <cell r="JN382" t="str">
            <v/>
          </cell>
          <cell r="JO382" t="str">
            <v/>
          </cell>
          <cell r="JP382" t="str">
            <v/>
          </cell>
          <cell r="JQ382" t="str">
            <v/>
          </cell>
          <cell r="JR382" t="str">
            <v/>
          </cell>
          <cell r="JS382" t="str">
            <v/>
          </cell>
          <cell r="JT382" t="str">
            <v/>
          </cell>
          <cell r="JU382" t="str">
            <v/>
          </cell>
          <cell r="JV382" t="str">
            <v/>
          </cell>
          <cell r="JW382" t="str">
            <v/>
          </cell>
          <cell r="JX382" t="str">
            <v/>
          </cell>
          <cell r="JY382" t="str">
            <v/>
          </cell>
          <cell r="JZ382" t="str">
            <v/>
          </cell>
        </row>
        <row r="383">
          <cell r="C383" t="str">
            <v/>
          </cell>
          <cell r="D383" t="str">
            <v/>
          </cell>
          <cell r="E383" t="str">
            <v/>
          </cell>
          <cell r="I383">
            <v>375</v>
          </cell>
          <cell r="AY383" t="str">
            <v/>
          </cell>
          <cell r="AZ383" t="str">
            <v/>
          </cell>
          <cell r="BA383" t="str">
            <v/>
          </cell>
          <cell r="BC383" t="str">
            <v/>
          </cell>
          <cell r="BD383" t="str">
            <v/>
          </cell>
          <cell r="BE383" t="str">
            <v/>
          </cell>
          <cell r="BH383" t="str">
            <v/>
          </cell>
          <cell r="BI383" t="str">
            <v/>
          </cell>
          <cell r="BJ383" t="str">
            <v/>
          </cell>
          <cell r="BT383" t="str">
            <v/>
          </cell>
          <cell r="BU383" t="str">
            <v/>
          </cell>
          <cell r="BV383" t="str">
            <v/>
          </cell>
          <cell r="CD383" t="str">
            <v/>
          </cell>
          <cell r="CP383">
            <v>15980</v>
          </cell>
          <cell r="CW383" t="str">
            <v/>
          </cell>
          <cell r="CX383" t="str">
            <v/>
          </cell>
          <cell r="CY383" t="str">
            <v/>
          </cell>
          <cell r="CZ383" t="str">
            <v/>
          </cell>
          <cell r="DA383" t="str">
            <v/>
          </cell>
          <cell r="DB383" t="str">
            <v/>
          </cell>
          <cell r="DD383" t="str">
            <v/>
          </cell>
          <cell r="EZ383" t="str">
            <v/>
          </cell>
          <cell r="FA383" t="str">
            <v/>
          </cell>
          <cell r="FI383" t="str">
            <v/>
          </cell>
          <cell r="FJ383" t="str">
            <v/>
          </cell>
          <cell r="FN383" t="str">
            <v/>
          </cell>
          <cell r="FO383" t="str">
            <v/>
          </cell>
          <cell r="FS383" t="str">
            <v/>
          </cell>
          <cell r="FT383" t="str">
            <v/>
          </cell>
          <cell r="FU383" t="str">
            <v/>
          </cell>
          <cell r="FW383" t="str">
            <v/>
          </cell>
          <cell r="FY383" t="str">
            <v/>
          </cell>
          <cell r="GD383" t="str">
            <v/>
          </cell>
          <cell r="GE383" t="str">
            <v/>
          </cell>
          <cell r="GG383" t="str">
            <v/>
          </cell>
          <cell r="GI383" t="str">
            <v/>
          </cell>
          <cell r="GJ383" t="str">
            <v/>
          </cell>
          <cell r="GT383" t="str">
            <v/>
          </cell>
          <cell r="GW383" t="str">
            <v/>
          </cell>
          <cell r="HO383" t="str">
            <v/>
          </cell>
          <cell r="JD383" t="str">
            <v/>
          </cell>
          <cell r="JE383" t="str">
            <v/>
          </cell>
          <cell r="JF383" t="str">
            <v/>
          </cell>
          <cell r="JG383" t="str">
            <v/>
          </cell>
          <cell r="JH383" t="str">
            <v/>
          </cell>
          <cell r="JI383" t="str">
            <v/>
          </cell>
          <cell r="JJ383" t="str">
            <v/>
          </cell>
          <cell r="JK383" t="str">
            <v/>
          </cell>
          <cell r="JL383" t="str">
            <v/>
          </cell>
          <cell r="JM383" t="str">
            <v/>
          </cell>
          <cell r="JN383" t="str">
            <v/>
          </cell>
          <cell r="JO383" t="str">
            <v/>
          </cell>
          <cell r="JP383" t="str">
            <v/>
          </cell>
          <cell r="JQ383" t="str">
            <v/>
          </cell>
          <cell r="JR383" t="str">
            <v/>
          </cell>
          <cell r="JS383" t="str">
            <v/>
          </cell>
          <cell r="JT383" t="str">
            <v/>
          </cell>
          <cell r="JU383" t="str">
            <v/>
          </cell>
          <cell r="JV383" t="str">
            <v/>
          </cell>
          <cell r="JW383" t="str">
            <v/>
          </cell>
          <cell r="JX383" t="str">
            <v/>
          </cell>
          <cell r="JY383" t="str">
            <v/>
          </cell>
          <cell r="JZ383" t="str">
            <v/>
          </cell>
        </row>
        <row r="384">
          <cell r="C384" t="str">
            <v/>
          </cell>
          <cell r="D384" t="str">
            <v/>
          </cell>
          <cell r="E384" t="str">
            <v/>
          </cell>
          <cell r="I384">
            <v>376</v>
          </cell>
          <cell r="AY384" t="str">
            <v/>
          </cell>
          <cell r="AZ384" t="str">
            <v/>
          </cell>
          <cell r="BA384" t="str">
            <v/>
          </cell>
          <cell r="BC384" t="str">
            <v/>
          </cell>
          <cell r="BD384" t="str">
            <v/>
          </cell>
          <cell r="BE384" t="str">
            <v/>
          </cell>
          <cell r="BH384" t="str">
            <v/>
          </cell>
          <cell r="BI384" t="str">
            <v/>
          </cell>
          <cell r="BJ384" t="str">
            <v/>
          </cell>
          <cell r="BT384" t="str">
            <v/>
          </cell>
          <cell r="BU384" t="str">
            <v/>
          </cell>
          <cell r="BV384" t="str">
            <v/>
          </cell>
          <cell r="CD384" t="str">
            <v/>
          </cell>
          <cell r="CP384">
            <v>61827</v>
          </cell>
          <cell r="CW384" t="str">
            <v/>
          </cell>
          <cell r="CX384" t="str">
            <v/>
          </cell>
          <cell r="CY384" t="str">
            <v/>
          </cell>
          <cell r="CZ384" t="str">
            <v/>
          </cell>
          <cell r="DA384" t="str">
            <v/>
          </cell>
          <cell r="DB384" t="str">
            <v/>
          </cell>
          <cell r="DD384" t="str">
            <v/>
          </cell>
          <cell r="EZ384" t="str">
            <v/>
          </cell>
          <cell r="FA384" t="str">
            <v/>
          </cell>
          <cell r="FI384" t="str">
            <v/>
          </cell>
          <cell r="FJ384" t="str">
            <v/>
          </cell>
          <cell r="FN384" t="str">
            <v/>
          </cell>
          <cell r="FO384" t="str">
            <v/>
          </cell>
          <cell r="FS384" t="str">
            <v/>
          </cell>
          <cell r="FT384" t="str">
            <v/>
          </cell>
          <cell r="FU384" t="str">
            <v/>
          </cell>
          <cell r="FW384" t="str">
            <v/>
          </cell>
          <cell r="FY384" t="str">
            <v/>
          </cell>
          <cell r="GD384" t="str">
            <v/>
          </cell>
          <cell r="GE384" t="str">
            <v/>
          </cell>
          <cell r="GG384" t="str">
            <v/>
          </cell>
          <cell r="GI384" t="str">
            <v/>
          </cell>
          <cell r="GJ384" t="str">
            <v/>
          </cell>
          <cell r="GT384" t="str">
            <v/>
          </cell>
          <cell r="GW384" t="str">
            <v/>
          </cell>
          <cell r="HO384" t="str">
            <v/>
          </cell>
          <cell r="JD384" t="str">
            <v/>
          </cell>
          <cell r="JE384" t="str">
            <v/>
          </cell>
          <cell r="JF384" t="str">
            <v/>
          </cell>
          <cell r="JG384" t="str">
            <v/>
          </cell>
          <cell r="JH384" t="str">
            <v/>
          </cell>
          <cell r="JI384" t="str">
            <v/>
          </cell>
          <cell r="JJ384" t="str">
            <v/>
          </cell>
          <cell r="JK384" t="str">
            <v/>
          </cell>
          <cell r="JL384" t="str">
            <v/>
          </cell>
          <cell r="JM384" t="str">
            <v/>
          </cell>
          <cell r="JN384" t="str">
            <v/>
          </cell>
          <cell r="JO384" t="str">
            <v/>
          </cell>
          <cell r="JP384" t="str">
            <v/>
          </cell>
          <cell r="JQ384" t="str">
            <v/>
          </cell>
          <cell r="JR384" t="str">
            <v/>
          </cell>
          <cell r="JS384" t="str">
            <v/>
          </cell>
          <cell r="JT384" t="str">
            <v/>
          </cell>
          <cell r="JU384" t="str">
            <v/>
          </cell>
          <cell r="JV384" t="str">
            <v/>
          </cell>
          <cell r="JW384" t="str">
            <v/>
          </cell>
          <cell r="JX384" t="str">
            <v/>
          </cell>
          <cell r="JY384" t="str">
            <v/>
          </cell>
          <cell r="JZ384" t="str">
            <v/>
          </cell>
        </row>
        <row r="385">
          <cell r="C385" t="str">
            <v/>
          </cell>
          <cell r="D385" t="str">
            <v/>
          </cell>
          <cell r="E385" t="str">
            <v/>
          </cell>
          <cell r="I385">
            <v>377</v>
          </cell>
          <cell r="AY385" t="str">
            <v/>
          </cell>
          <cell r="AZ385" t="str">
            <v/>
          </cell>
          <cell r="BA385" t="str">
            <v/>
          </cell>
          <cell r="BC385" t="str">
            <v/>
          </cell>
          <cell r="BD385" t="str">
            <v/>
          </cell>
          <cell r="BE385" t="str">
            <v/>
          </cell>
          <cell r="BH385" t="str">
            <v/>
          </cell>
          <cell r="BI385" t="str">
            <v/>
          </cell>
          <cell r="BJ385" t="str">
            <v/>
          </cell>
          <cell r="BT385" t="str">
            <v/>
          </cell>
          <cell r="BU385" t="str">
            <v/>
          </cell>
          <cell r="BV385" t="str">
            <v/>
          </cell>
          <cell r="CD385" t="str">
            <v/>
          </cell>
          <cell r="CP385">
            <v>97827</v>
          </cell>
          <cell r="CW385" t="str">
            <v/>
          </cell>
          <cell r="CX385" t="str">
            <v/>
          </cell>
          <cell r="CY385" t="str">
            <v/>
          </cell>
          <cell r="CZ385" t="str">
            <v/>
          </cell>
          <cell r="DA385" t="str">
            <v/>
          </cell>
          <cell r="DB385" t="str">
            <v/>
          </cell>
          <cell r="DD385" t="str">
            <v/>
          </cell>
          <cell r="EZ385" t="str">
            <v/>
          </cell>
          <cell r="FA385" t="str">
            <v/>
          </cell>
          <cell r="FI385" t="str">
            <v/>
          </cell>
          <cell r="FJ385" t="str">
            <v/>
          </cell>
          <cell r="FN385" t="str">
            <v/>
          </cell>
          <cell r="FO385" t="str">
            <v/>
          </cell>
          <cell r="FS385" t="str">
            <v/>
          </cell>
          <cell r="FT385" t="str">
            <v/>
          </cell>
          <cell r="FU385" t="str">
            <v/>
          </cell>
          <cell r="FW385" t="str">
            <v/>
          </cell>
          <cell r="FY385" t="str">
            <v/>
          </cell>
          <cell r="GD385" t="str">
            <v/>
          </cell>
          <cell r="GE385" t="str">
            <v/>
          </cell>
          <cell r="GG385" t="str">
            <v/>
          </cell>
          <cell r="GI385" t="str">
            <v/>
          </cell>
          <cell r="GJ385" t="str">
            <v/>
          </cell>
          <cell r="GT385" t="str">
            <v/>
          </cell>
          <cell r="GW385" t="str">
            <v/>
          </cell>
          <cell r="HO385" t="str">
            <v/>
          </cell>
          <cell r="JD385" t="str">
            <v/>
          </cell>
          <cell r="JE385" t="str">
            <v/>
          </cell>
          <cell r="JF385" t="str">
            <v/>
          </cell>
          <cell r="JG385" t="str">
            <v/>
          </cell>
          <cell r="JH385" t="str">
            <v/>
          </cell>
          <cell r="JI385" t="str">
            <v/>
          </cell>
          <cell r="JJ385" t="str">
            <v/>
          </cell>
          <cell r="JK385" t="str">
            <v/>
          </cell>
          <cell r="JL385" t="str">
            <v/>
          </cell>
          <cell r="JM385" t="str">
            <v/>
          </cell>
          <cell r="JN385" t="str">
            <v/>
          </cell>
          <cell r="JO385" t="str">
            <v/>
          </cell>
          <cell r="JP385" t="str">
            <v/>
          </cell>
          <cell r="JQ385" t="str">
            <v/>
          </cell>
          <cell r="JR385" t="str">
            <v/>
          </cell>
          <cell r="JS385" t="str">
            <v/>
          </cell>
          <cell r="JT385" t="str">
            <v/>
          </cell>
          <cell r="JU385" t="str">
            <v/>
          </cell>
          <cell r="JV385" t="str">
            <v/>
          </cell>
          <cell r="JW385" t="str">
            <v/>
          </cell>
          <cell r="JX385" t="str">
            <v/>
          </cell>
          <cell r="JY385" t="str">
            <v/>
          </cell>
          <cell r="JZ385" t="str">
            <v/>
          </cell>
        </row>
        <row r="386">
          <cell r="C386" t="str">
            <v/>
          </cell>
          <cell r="D386" t="str">
            <v/>
          </cell>
          <cell r="E386" t="str">
            <v/>
          </cell>
          <cell r="I386">
            <v>378</v>
          </cell>
          <cell r="AY386" t="str">
            <v/>
          </cell>
          <cell r="AZ386" t="str">
            <v/>
          </cell>
          <cell r="BA386" t="str">
            <v/>
          </cell>
          <cell r="BC386" t="str">
            <v/>
          </cell>
          <cell r="BD386" t="str">
            <v/>
          </cell>
          <cell r="BE386" t="str">
            <v/>
          </cell>
          <cell r="BH386" t="str">
            <v/>
          </cell>
          <cell r="BI386" t="str">
            <v/>
          </cell>
          <cell r="BJ386" t="str">
            <v/>
          </cell>
          <cell r="BT386" t="str">
            <v/>
          </cell>
          <cell r="BU386" t="str">
            <v/>
          </cell>
          <cell r="BV386" t="str">
            <v/>
          </cell>
          <cell r="CD386" t="str">
            <v/>
          </cell>
          <cell r="CP386">
            <v>66545</v>
          </cell>
          <cell r="CW386" t="str">
            <v/>
          </cell>
          <cell r="CX386" t="str">
            <v/>
          </cell>
          <cell r="CY386" t="str">
            <v/>
          </cell>
          <cell r="CZ386" t="str">
            <v/>
          </cell>
          <cell r="DA386" t="str">
            <v/>
          </cell>
          <cell r="DB386" t="str">
            <v/>
          </cell>
          <cell r="DD386" t="str">
            <v/>
          </cell>
          <cell r="EZ386" t="str">
            <v/>
          </cell>
          <cell r="FA386" t="str">
            <v/>
          </cell>
          <cell r="FI386" t="str">
            <v/>
          </cell>
          <cell r="FJ386" t="str">
            <v/>
          </cell>
          <cell r="FN386" t="str">
            <v/>
          </cell>
          <cell r="FO386" t="str">
            <v/>
          </cell>
          <cell r="FS386" t="str">
            <v/>
          </cell>
          <cell r="FT386" t="str">
            <v/>
          </cell>
          <cell r="FU386" t="str">
            <v/>
          </cell>
          <cell r="FW386" t="str">
            <v/>
          </cell>
          <cell r="FY386" t="str">
            <v/>
          </cell>
          <cell r="GD386" t="str">
            <v/>
          </cell>
          <cell r="GE386" t="str">
            <v/>
          </cell>
          <cell r="GG386" t="str">
            <v/>
          </cell>
          <cell r="GI386" t="str">
            <v/>
          </cell>
          <cell r="GJ386" t="str">
            <v/>
          </cell>
          <cell r="GT386" t="str">
            <v/>
          </cell>
          <cell r="GW386" t="str">
            <v/>
          </cell>
          <cell r="HO386" t="str">
            <v/>
          </cell>
          <cell r="JD386" t="str">
            <v/>
          </cell>
          <cell r="JE386" t="str">
            <v/>
          </cell>
          <cell r="JF386" t="str">
            <v/>
          </cell>
          <cell r="JG386" t="str">
            <v/>
          </cell>
          <cell r="JH386" t="str">
            <v/>
          </cell>
          <cell r="JI386" t="str">
            <v/>
          </cell>
          <cell r="JJ386" t="str">
            <v/>
          </cell>
          <cell r="JK386" t="str">
            <v/>
          </cell>
          <cell r="JL386" t="str">
            <v/>
          </cell>
          <cell r="JM386" t="str">
            <v/>
          </cell>
          <cell r="JN386" t="str">
            <v/>
          </cell>
          <cell r="JO386" t="str">
            <v/>
          </cell>
          <cell r="JP386" t="str">
            <v/>
          </cell>
          <cell r="JQ386" t="str">
            <v/>
          </cell>
          <cell r="JR386" t="str">
            <v/>
          </cell>
          <cell r="JS386" t="str">
            <v/>
          </cell>
          <cell r="JT386" t="str">
            <v/>
          </cell>
          <cell r="JU386" t="str">
            <v/>
          </cell>
          <cell r="JV386" t="str">
            <v/>
          </cell>
          <cell r="JW386" t="str">
            <v/>
          </cell>
          <cell r="JX386" t="str">
            <v/>
          </cell>
          <cell r="JY386" t="str">
            <v/>
          </cell>
          <cell r="JZ386" t="str">
            <v/>
          </cell>
        </row>
        <row r="387">
          <cell r="C387" t="str">
            <v/>
          </cell>
          <cell r="D387" t="str">
            <v/>
          </cell>
          <cell r="E387" t="str">
            <v/>
          </cell>
          <cell r="I387">
            <v>379</v>
          </cell>
          <cell r="AY387" t="str">
            <v/>
          </cell>
          <cell r="AZ387" t="str">
            <v/>
          </cell>
          <cell r="BA387" t="str">
            <v/>
          </cell>
          <cell r="BC387" t="str">
            <v/>
          </cell>
          <cell r="BD387" t="str">
            <v/>
          </cell>
          <cell r="BE387" t="str">
            <v/>
          </cell>
          <cell r="BH387" t="str">
            <v/>
          </cell>
          <cell r="BI387" t="str">
            <v/>
          </cell>
          <cell r="BJ387" t="str">
            <v/>
          </cell>
          <cell r="BT387" t="str">
            <v/>
          </cell>
          <cell r="BU387" t="str">
            <v/>
          </cell>
          <cell r="BV387" t="str">
            <v/>
          </cell>
          <cell r="CD387" t="str">
            <v/>
          </cell>
          <cell r="CP387">
            <v>88849</v>
          </cell>
          <cell r="CW387" t="str">
            <v/>
          </cell>
          <cell r="CX387" t="str">
            <v/>
          </cell>
          <cell r="CY387" t="str">
            <v/>
          </cell>
          <cell r="CZ387" t="str">
            <v/>
          </cell>
          <cell r="DA387" t="str">
            <v/>
          </cell>
          <cell r="DB387" t="str">
            <v/>
          </cell>
          <cell r="DD387" t="str">
            <v/>
          </cell>
          <cell r="EZ387" t="str">
            <v/>
          </cell>
          <cell r="FA387" t="str">
            <v/>
          </cell>
          <cell r="FI387" t="str">
            <v/>
          </cell>
          <cell r="FJ387" t="str">
            <v/>
          </cell>
          <cell r="FN387" t="str">
            <v/>
          </cell>
          <cell r="FO387" t="str">
            <v/>
          </cell>
          <cell r="FS387" t="str">
            <v/>
          </cell>
          <cell r="FT387" t="str">
            <v/>
          </cell>
          <cell r="FU387" t="str">
            <v/>
          </cell>
          <cell r="FW387" t="str">
            <v/>
          </cell>
          <cell r="FY387" t="str">
            <v/>
          </cell>
          <cell r="GD387" t="str">
            <v/>
          </cell>
          <cell r="GE387" t="str">
            <v/>
          </cell>
          <cell r="GG387" t="str">
            <v/>
          </cell>
          <cell r="GI387" t="str">
            <v/>
          </cell>
          <cell r="GJ387" t="str">
            <v/>
          </cell>
          <cell r="GT387" t="str">
            <v/>
          </cell>
          <cell r="GW387" t="str">
            <v/>
          </cell>
          <cell r="HO387" t="str">
            <v/>
          </cell>
          <cell r="JD387" t="str">
            <v/>
          </cell>
          <cell r="JE387" t="str">
            <v/>
          </cell>
          <cell r="JF387" t="str">
            <v/>
          </cell>
          <cell r="JG387" t="str">
            <v/>
          </cell>
          <cell r="JH387" t="str">
            <v/>
          </cell>
          <cell r="JI387" t="str">
            <v/>
          </cell>
          <cell r="JJ387" t="str">
            <v/>
          </cell>
          <cell r="JK387" t="str">
            <v/>
          </cell>
          <cell r="JL387" t="str">
            <v/>
          </cell>
          <cell r="JM387" t="str">
            <v/>
          </cell>
          <cell r="JN387" t="str">
            <v/>
          </cell>
          <cell r="JO387" t="str">
            <v/>
          </cell>
          <cell r="JP387" t="str">
            <v/>
          </cell>
          <cell r="JQ387" t="str">
            <v/>
          </cell>
          <cell r="JR387" t="str">
            <v/>
          </cell>
          <cell r="JS387" t="str">
            <v/>
          </cell>
          <cell r="JT387" t="str">
            <v/>
          </cell>
          <cell r="JU387" t="str">
            <v/>
          </cell>
          <cell r="JV387" t="str">
            <v/>
          </cell>
          <cell r="JW387" t="str">
            <v/>
          </cell>
          <cell r="JX387" t="str">
            <v/>
          </cell>
          <cell r="JY387" t="str">
            <v/>
          </cell>
          <cell r="JZ387" t="str">
            <v/>
          </cell>
        </row>
        <row r="388">
          <cell r="C388" t="str">
            <v/>
          </cell>
          <cell r="D388" t="str">
            <v/>
          </cell>
          <cell r="E388" t="str">
            <v/>
          </cell>
          <cell r="I388">
            <v>380</v>
          </cell>
          <cell r="AY388" t="str">
            <v/>
          </cell>
          <cell r="AZ388" t="str">
            <v/>
          </cell>
          <cell r="BA388" t="str">
            <v/>
          </cell>
          <cell r="BC388" t="str">
            <v/>
          </cell>
          <cell r="BD388" t="str">
            <v/>
          </cell>
          <cell r="BE388" t="str">
            <v/>
          </cell>
          <cell r="BH388" t="str">
            <v/>
          </cell>
          <cell r="BI388" t="str">
            <v/>
          </cell>
          <cell r="BJ388" t="str">
            <v/>
          </cell>
          <cell r="BT388" t="str">
            <v/>
          </cell>
          <cell r="BU388" t="str">
            <v/>
          </cell>
          <cell r="BV388" t="str">
            <v/>
          </cell>
          <cell r="CD388" t="str">
            <v/>
          </cell>
          <cell r="CP388">
            <v>84295</v>
          </cell>
          <cell r="CW388" t="str">
            <v/>
          </cell>
          <cell r="CX388" t="str">
            <v/>
          </cell>
          <cell r="CY388" t="str">
            <v/>
          </cell>
          <cell r="CZ388" t="str">
            <v/>
          </cell>
          <cell r="DA388" t="str">
            <v/>
          </cell>
          <cell r="DB388" t="str">
            <v/>
          </cell>
          <cell r="DD388" t="str">
            <v/>
          </cell>
          <cell r="EZ388" t="str">
            <v/>
          </cell>
          <cell r="FA388" t="str">
            <v/>
          </cell>
          <cell r="FI388" t="str">
            <v/>
          </cell>
          <cell r="FJ388" t="str">
            <v/>
          </cell>
          <cell r="FN388" t="str">
            <v/>
          </cell>
          <cell r="FO388" t="str">
            <v/>
          </cell>
          <cell r="FS388" t="str">
            <v/>
          </cell>
          <cell r="FT388" t="str">
            <v/>
          </cell>
          <cell r="FU388" t="str">
            <v/>
          </cell>
          <cell r="FW388" t="str">
            <v/>
          </cell>
          <cell r="FY388" t="str">
            <v/>
          </cell>
          <cell r="GD388" t="str">
            <v/>
          </cell>
          <cell r="GE388" t="str">
            <v/>
          </cell>
          <cell r="GG388" t="str">
            <v/>
          </cell>
          <cell r="GI388" t="str">
            <v/>
          </cell>
          <cell r="GJ388" t="str">
            <v/>
          </cell>
          <cell r="GT388" t="str">
            <v/>
          </cell>
          <cell r="GW388" t="str">
            <v/>
          </cell>
          <cell r="HO388" t="str">
            <v/>
          </cell>
          <cell r="JD388" t="str">
            <v/>
          </cell>
          <cell r="JE388" t="str">
            <v/>
          </cell>
          <cell r="JF388" t="str">
            <v/>
          </cell>
          <cell r="JG388" t="str">
            <v/>
          </cell>
          <cell r="JH388" t="str">
            <v/>
          </cell>
          <cell r="JI388" t="str">
            <v/>
          </cell>
          <cell r="JJ388" t="str">
            <v/>
          </cell>
          <cell r="JK388" t="str">
            <v/>
          </cell>
          <cell r="JL388" t="str">
            <v/>
          </cell>
          <cell r="JM388" t="str">
            <v/>
          </cell>
          <cell r="JN388" t="str">
            <v/>
          </cell>
          <cell r="JO388" t="str">
            <v/>
          </cell>
          <cell r="JP388" t="str">
            <v/>
          </cell>
          <cell r="JQ388" t="str">
            <v/>
          </cell>
          <cell r="JR388" t="str">
            <v/>
          </cell>
          <cell r="JS388" t="str">
            <v/>
          </cell>
          <cell r="JT388" t="str">
            <v/>
          </cell>
          <cell r="JU388" t="str">
            <v/>
          </cell>
          <cell r="JV388" t="str">
            <v/>
          </cell>
          <cell r="JW388" t="str">
            <v/>
          </cell>
          <cell r="JX388" t="str">
            <v/>
          </cell>
          <cell r="JY388" t="str">
            <v/>
          </cell>
          <cell r="JZ388" t="str">
            <v/>
          </cell>
        </row>
        <row r="389">
          <cell r="C389" t="str">
            <v/>
          </cell>
          <cell r="D389" t="str">
            <v/>
          </cell>
          <cell r="E389" t="str">
            <v/>
          </cell>
          <cell r="I389">
            <v>381</v>
          </cell>
          <cell r="AY389" t="str">
            <v/>
          </cell>
          <cell r="AZ389" t="str">
            <v/>
          </cell>
          <cell r="BA389" t="str">
            <v/>
          </cell>
          <cell r="BC389" t="str">
            <v/>
          </cell>
          <cell r="BD389" t="str">
            <v/>
          </cell>
          <cell r="BE389" t="str">
            <v/>
          </cell>
          <cell r="BH389" t="str">
            <v/>
          </cell>
          <cell r="BI389" t="str">
            <v/>
          </cell>
          <cell r="BJ389" t="str">
            <v/>
          </cell>
          <cell r="BT389" t="str">
            <v/>
          </cell>
          <cell r="BU389" t="str">
            <v/>
          </cell>
          <cell r="BV389" t="str">
            <v/>
          </cell>
          <cell r="CD389" t="str">
            <v/>
          </cell>
          <cell r="CP389">
            <v>48952</v>
          </cell>
          <cell r="CW389" t="str">
            <v/>
          </cell>
          <cell r="CX389" t="str">
            <v/>
          </cell>
          <cell r="CY389" t="str">
            <v/>
          </cell>
          <cell r="CZ389" t="str">
            <v/>
          </cell>
          <cell r="DA389" t="str">
            <v/>
          </cell>
          <cell r="DB389" t="str">
            <v/>
          </cell>
          <cell r="DD389" t="str">
            <v/>
          </cell>
          <cell r="EZ389" t="str">
            <v/>
          </cell>
          <cell r="FA389" t="str">
            <v/>
          </cell>
          <cell r="FI389" t="str">
            <v/>
          </cell>
          <cell r="FJ389" t="str">
            <v/>
          </cell>
          <cell r="FN389" t="str">
            <v/>
          </cell>
          <cell r="FO389" t="str">
            <v/>
          </cell>
          <cell r="FS389" t="str">
            <v/>
          </cell>
          <cell r="FT389" t="str">
            <v/>
          </cell>
          <cell r="FU389" t="str">
            <v/>
          </cell>
          <cell r="FW389" t="str">
            <v/>
          </cell>
          <cell r="FY389" t="str">
            <v/>
          </cell>
          <cell r="GD389" t="str">
            <v/>
          </cell>
          <cell r="GE389" t="str">
            <v/>
          </cell>
          <cell r="GG389" t="str">
            <v/>
          </cell>
          <cell r="GI389" t="str">
            <v/>
          </cell>
          <cell r="GJ389" t="str">
            <v/>
          </cell>
          <cell r="GT389" t="str">
            <v/>
          </cell>
          <cell r="GW389" t="str">
            <v/>
          </cell>
          <cell r="HO389" t="str">
            <v/>
          </cell>
          <cell r="JD389" t="str">
            <v/>
          </cell>
          <cell r="JE389" t="str">
            <v/>
          </cell>
          <cell r="JF389" t="str">
            <v/>
          </cell>
          <cell r="JG389" t="str">
            <v/>
          </cell>
          <cell r="JH389" t="str">
            <v/>
          </cell>
          <cell r="JI389" t="str">
            <v/>
          </cell>
          <cell r="JJ389" t="str">
            <v/>
          </cell>
          <cell r="JK389" t="str">
            <v/>
          </cell>
          <cell r="JL389" t="str">
            <v/>
          </cell>
          <cell r="JM389" t="str">
            <v/>
          </cell>
          <cell r="JN389" t="str">
            <v/>
          </cell>
          <cell r="JO389" t="str">
            <v/>
          </cell>
          <cell r="JP389" t="str">
            <v/>
          </cell>
          <cell r="JQ389" t="str">
            <v/>
          </cell>
          <cell r="JR389" t="str">
            <v/>
          </cell>
          <cell r="JS389" t="str">
            <v/>
          </cell>
          <cell r="JT389" t="str">
            <v/>
          </cell>
          <cell r="JU389" t="str">
            <v/>
          </cell>
          <cell r="JV389" t="str">
            <v/>
          </cell>
          <cell r="JW389" t="str">
            <v/>
          </cell>
          <cell r="JX389" t="str">
            <v/>
          </cell>
          <cell r="JY389" t="str">
            <v/>
          </cell>
          <cell r="JZ389" t="str">
            <v/>
          </cell>
        </row>
        <row r="390">
          <cell r="C390" t="str">
            <v/>
          </cell>
          <cell r="D390" t="str">
            <v/>
          </cell>
          <cell r="E390" t="str">
            <v/>
          </cell>
          <cell r="I390">
            <v>382</v>
          </cell>
          <cell r="AY390" t="str">
            <v/>
          </cell>
          <cell r="AZ390" t="str">
            <v/>
          </cell>
          <cell r="BA390" t="str">
            <v/>
          </cell>
          <cell r="BC390" t="str">
            <v/>
          </cell>
          <cell r="BD390" t="str">
            <v/>
          </cell>
          <cell r="BE390" t="str">
            <v/>
          </cell>
          <cell r="BH390" t="str">
            <v/>
          </cell>
          <cell r="BI390" t="str">
            <v/>
          </cell>
          <cell r="BJ390" t="str">
            <v/>
          </cell>
          <cell r="BT390" t="str">
            <v/>
          </cell>
          <cell r="BU390" t="str">
            <v/>
          </cell>
          <cell r="BV390" t="str">
            <v/>
          </cell>
          <cell r="CD390" t="str">
            <v/>
          </cell>
          <cell r="CP390">
            <v>68124</v>
          </cell>
          <cell r="CW390" t="str">
            <v/>
          </cell>
          <cell r="CX390" t="str">
            <v/>
          </cell>
          <cell r="CY390" t="str">
            <v/>
          </cell>
          <cell r="CZ390" t="str">
            <v/>
          </cell>
          <cell r="DA390" t="str">
            <v/>
          </cell>
          <cell r="DB390" t="str">
            <v/>
          </cell>
          <cell r="DD390" t="str">
            <v/>
          </cell>
          <cell r="EZ390" t="str">
            <v/>
          </cell>
          <cell r="FA390" t="str">
            <v/>
          </cell>
          <cell r="FI390" t="str">
            <v/>
          </cell>
          <cell r="FJ390" t="str">
            <v/>
          </cell>
          <cell r="FN390" t="str">
            <v/>
          </cell>
          <cell r="FO390" t="str">
            <v/>
          </cell>
          <cell r="FS390" t="str">
            <v/>
          </cell>
          <cell r="FT390" t="str">
            <v/>
          </cell>
          <cell r="FU390" t="str">
            <v/>
          </cell>
          <cell r="FW390" t="str">
            <v/>
          </cell>
          <cell r="FY390" t="str">
            <v/>
          </cell>
          <cell r="GD390" t="str">
            <v/>
          </cell>
          <cell r="GE390" t="str">
            <v/>
          </cell>
          <cell r="GG390" t="str">
            <v/>
          </cell>
          <cell r="GI390" t="str">
            <v/>
          </cell>
          <cell r="GJ390" t="str">
            <v/>
          </cell>
          <cell r="GT390" t="str">
            <v/>
          </cell>
          <cell r="GW390" t="str">
            <v/>
          </cell>
          <cell r="HO390" t="str">
            <v/>
          </cell>
          <cell r="JD390" t="str">
            <v/>
          </cell>
          <cell r="JE390" t="str">
            <v/>
          </cell>
          <cell r="JF390" t="str">
            <v/>
          </cell>
          <cell r="JG390" t="str">
            <v/>
          </cell>
          <cell r="JH390" t="str">
            <v/>
          </cell>
          <cell r="JI390" t="str">
            <v/>
          </cell>
          <cell r="JJ390" t="str">
            <v/>
          </cell>
          <cell r="JK390" t="str">
            <v/>
          </cell>
          <cell r="JL390" t="str">
            <v/>
          </cell>
          <cell r="JM390" t="str">
            <v/>
          </cell>
          <cell r="JN390" t="str">
            <v/>
          </cell>
          <cell r="JO390" t="str">
            <v/>
          </cell>
          <cell r="JP390" t="str">
            <v/>
          </cell>
          <cell r="JQ390" t="str">
            <v/>
          </cell>
          <cell r="JR390" t="str">
            <v/>
          </cell>
          <cell r="JS390" t="str">
            <v/>
          </cell>
          <cell r="JT390" t="str">
            <v/>
          </cell>
          <cell r="JU390" t="str">
            <v/>
          </cell>
          <cell r="JV390" t="str">
            <v/>
          </cell>
          <cell r="JW390" t="str">
            <v/>
          </cell>
          <cell r="JX390" t="str">
            <v/>
          </cell>
          <cell r="JY390" t="str">
            <v/>
          </cell>
          <cell r="JZ390" t="str">
            <v/>
          </cell>
        </row>
        <row r="391">
          <cell r="C391" t="str">
            <v/>
          </cell>
          <cell r="D391" t="str">
            <v/>
          </cell>
          <cell r="E391" t="str">
            <v/>
          </cell>
          <cell r="I391">
            <v>383</v>
          </cell>
          <cell r="AY391" t="str">
            <v/>
          </cell>
          <cell r="AZ391" t="str">
            <v/>
          </cell>
          <cell r="BA391" t="str">
            <v/>
          </cell>
          <cell r="BC391" t="str">
            <v/>
          </cell>
          <cell r="BD391" t="str">
            <v/>
          </cell>
          <cell r="BE391" t="str">
            <v/>
          </cell>
          <cell r="BH391" t="str">
            <v/>
          </cell>
          <cell r="BI391" t="str">
            <v/>
          </cell>
          <cell r="BJ391" t="str">
            <v/>
          </cell>
          <cell r="BT391" t="str">
            <v/>
          </cell>
          <cell r="BU391" t="str">
            <v/>
          </cell>
          <cell r="BV391" t="str">
            <v/>
          </cell>
          <cell r="CD391" t="str">
            <v/>
          </cell>
          <cell r="CP391">
            <v>62820</v>
          </cell>
          <cell r="CW391" t="str">
            <v/>
          </cell>
          <cell r="CX391" t="str">
            <v/>
          </cell>
          <cell r="CY391" t="str">
            <v/>
          </cell>
          <cell r="CZ391" t="str">
            <v/>
          </cell>
          <cell r="DA391" t="str">
            <v/>
          </cell>
          <cell r="DB391" t="str">
            <v/>
          </cell>
          <cell r="DD391" t="str">
            <v/>
          </cell>
          <cell r="EZ391" t="str">
            <v/>
          </cell>
          <cell r="FA391" t="str">
            <v/>
          </cell>
          <cell r="FI391" t="str">
            <v/>
          </cell>
          <cell r="FJ391" t="str">
            <v/>
          </cell>
          <cell r="FN391" t="str">
            <v/>
          </cell>
          <cell r="FO391" t="str">
            <v/>
          </cell>
          <cell r="FS391" t="str">
            <v/>
          </cell>
          <cell r="FT391" t="str">
            <v/>
          </cell>
          <cell r="FU391" t="str">
            <v/>
          </cell>
          <cell r="FW391" t="str">
            <v/>
          </cell>
          <cell r="FY391" t="str">
            <v/>
          </cell>
          <cell r="GD391" t="str">
            <v/>
          </cell>
          <cell r="GE391" t="str">
            <v/>
          </cell>
          <cell r="GG391" t="str">
            <v/>
          </cell>
          <cell r="GI391" t="str">
            <v/>
          </cell>
          <cell r="GJ391" t="str">
            <v/>
          </cell>
          <cell r="GT391" t="str">
            <v/>
          </cell>
          <cell r="GW391" t="str">
            <v/>
          </cell>
          <cell r="HO391" t="str">
            <v/>
          </cell>
          <cell r="JD391" t="str">
            <v/>
          </cell>
          <cell r="JE391" t="str">
            <v/>
          </cell>
          <cell r="JF391" t="str">
            <v/>
          </cell>
          <cell r="JG391" t="str">
            <v/>
          </cell>
          <cell r="JH391" t="str">
            <v/>
          </cell>
          <cell r="JI391" t="str">
            <v/>
          </cell>
          <cell r="JJ391" t="str">
            <v/>
          </cell>
          <cell r="JK391" t="str">
            <v/>
          </cell>
          <cell r="JL391" t="str">
            <v/>
          </cell>
          <cell r="JM391" t="str">
            <v/>
          </cell>
          <cell r="JN391" t="str">
            <v/>
          </cell>
          <cell r="JO391" t="str">
            <v/>
          </cell>
          <cell r="JP391" t="str">
            <v/>
          </cell>
          <cell r="JQ391" t="str">
            <v/>
          </cell>
          <cell r="JR391" t="str">
            <v/>
          </cell>
          <cell r="JS391" t="str">
            <v/>
          </cell>
          <cell r="JT391" t="str">
            <v/>
          </cell>
          <cell r="JU391" t="str">
            <v/>
          </cell>
          <cell r="JV391" t="str">
            <v/>
          </cell>
          <cell r="JW391" t="str">
            <v/>
          </cell>
          <cell r="JX391" t="str">
            <v/>
          </cell>
          <cell r="JY391" t="str">
            <v/>
          </cell>
          <cell r="JZ391" t="str">
            <v/>
          </cell>
        </row>
        <row r="392">
          <cell r="C392" t="str">
            <v/>
          </cell>
          <cell r="D392" t="str">
            <v/>
          </cell>
          <cell r="E392" t="str">
            <v/>
          </cell>
          <cell r="I392">
            <v>384</v>
          </cell>
          <cell r="AY392" t="str">
            <v/>
          </cell>
          <cell r="AZ392" t="str">
            <v/>
          </cell>
          <cell r="BA392" t="str">
            <v/>
          </cell>
          <cell r="BC392" t="str">
            <v/>
          </cell>
          <cell r="BD392" t="str">
            <v/>
          </cell>
          <cell r="BE392" t="str">
            <v/>
          </cell>
          <cell r="BH392" t="str">
            <v/>
          </cell>
          <cell r="BI392" t="str">
            <v/>
          </cell>
          <cell r="BJ392" t="str">
            <v/>
          </cell>
          <cell r="BT392" t="str">
            <v/>
          </cell>
          <cell r="BU392" t="str">
            <v/>
          </cell>
          <cell r="BV392" t="str">
            <v/>
          </cell>
          <cell r="CD392" t="str">
            <v/>
          </cell>
          <cell r="CP392">
            <v>45146</v>
          </cell>
          <cell r="CW392" t="str">
            <v/>
          </cell>
          <cell r="CX392" t="str">
            <v/>
          </cell>
          <cell r="CY392" t="str">
            <v/>
          </cell>
          <cell r="CZ392" t="str">
            <v/>
          </cell>
          <cell r="DA392" t="str">
            <v/>
          </cell>
          <cell r="DB392" t="str">
            <v/>
          </cell>
          <cell r="DD392" t="str">
            <v/>
          </cell>
          <cell r="EZ392" t="str">
            <v/>
          </cell>
          <cell r="FA392" t="str">
            <v/>
          </cell>
          <cell r="FI392" t="str">
            <v/>
          </cell>
          <cell r="FJ392" t="str">
            <v/>
          </cell>
          <cell r="FN392" t="str">
            <v/>
          </cell>
          <cell r="FO392" t="str">
            <v/>
          </cell>
          <cell r="FS392" t="str">
            <v/>
          </cell>
          <cell r="FT392" t="str">
            <v/>
          </cell>
          <cell r="FU392" t="str">
            <v/>
          </cell>
          <cell r="FW392" t="str">
            <v/>
          </cell>
          <cell r="FY392" t="str">
            <v/>
          </cell>
          <cell r="GD392" t="str">
            <v/>
          </cell>
          <cell r="GE392" t="str">
            <v/>
          </cell>
          <cell r="GG392" t="str">
            <v/>
          </cell>
          <cell r="GI392" t="str">
            <v/>
          </cell>
          <cell r="GJ392" t="str">
            <v/>
          </cell>
          <cell r="GT392" t="str">
            <v/>
          </cell>
          <cell r="GW392" t="str">
            <v/>
          </cell>
          <cell r="HO392" t="str">
            <v/>
          </cell>
          <cell r="JD392" t="str">
            <v/>
          </cell>
          <cell r="JE392" t="str">
            <v/>
          </cell>
          <cell r="JF392" t="str">
            <v/>
          </cell>
          <cell r="JG392" t="str">
            <v/>
          </cell>
          <cell r="JH392" t="str">
            <v/>
          </cell>
          <cell r="JI392" t="str">
            <v/>
          </cell>
          <cell r="JJ392" t="str">
            <v/>
          </cell>
          <cell r="JK392" t="str">
            <v/>
          </cell>
          <cell r="JL392" t="str">
            <v/>
          </cell>
          <cell r="JM392" t="str">
            <v/>
          </cell>
          <cell r="JN392" t="str">
            <v/>
          </cell>
          <cell r="JO392" t="str">
            <v/>
          </cell>
          <cell r="JP392" t="str">
            <v/>
          </cell>
          <cell r="JQ392" t="str">
            <v/>
          </cell>
          <cell r="JR392" t="str">
            <v/>
          </cell>
          <cell r="JS392" t="str">
            <v/>
          </cell>
          <cell r="JT392" t="str">
            <v/>
          </cell>
          <cell r="JU392" t="str">
            <v/>
          </cell>
          <cell r="JV392" t="str">
            <v/>
          </cell>
          <cell r="JW392" t="str">
            <v/>
          </cell>
          <cell r="JX392" t="str">
            <v/>
          </cell>
          <cell r="JY392" t="str">
            <v/>
          </cell>
          <cell r="JZ392" t="str">
            <v/>
          </cell>
        </row>
        <row r="393">
          <cell r="C393" t="str">
            <v/>
          </cell>
          <cell r="D393" t="str">
            <v/>
          </cell>
          <cell r="E393" t="str">
            <v/>
          </cell>
          <cell r="I393">
            <v>385</v>
          </cell>
          <cell r="AY393" t="str">
            <v/>
          </cell>
          <cell r="AZ393" t="str">
            <v/>
          </cell>
          <cell r="BA393" t="str">
            <v/>
          </cell>
          <cell r="BC393" t="str">
            <v/>
          </cell>
          <cell r="BD393" t="str">
            <v/>
          </cell>
          <cell r="BE393" t="str">
            <v/>
          </cell>
          <cell r="BH393" t="str">
            <v/>
          </cell>
          <cell r="BI393" t="str">
            <v/>
          </cell>
          <cell r="BJ393" t="str">
            <v/>
          </cell>
          <cell r="BT393" t="str">
            <v/>
          </cell>
          <cell r="BU393" t="str">
            <v/>
          </cell>
          <cell r="BV393" t="str">
            <v/>
          </cell>
          <cell r="CD393" t="str">
            <v/>
          </cell>
          <cell r="CP393">
            <v>66018</v>
          </cell>
          <cell r="CW393" t="str">
            <v/>
          </cell>
          <cell r="CX393" t="str">
            <v/>
          </cell>
          <cell r="CY393" t="str">
            <v/>
          </cell>
          <cell r="CZ393" t="str">
            <v/>
          </cell>
          <cell r="DA393" t="str">
            <v/>
          </cell>
          <cell r="DB393" t="str">
            <v/>
          </cell>
          <cell r="DD393" t="str">
            <v/>
          </cell>
          <cell r="EZ393" t="str">
            <v/>
          </cell>
          <cell r="FA393" t="str">
            <v/>
          </cell>
          <cell r="FI393" t="str">
            <v/>
          </cell>
          <cell r="FJ393" t="str">
            <v/>
          </cell>
          <cell r="FN393" t="str">
            <v/>
          </cell>
          <cell r="FO393" t="str">
            <v/>
          </cell>
          <cell r="FS393" t="str">
            <v/>
          </cell>
          <cell r="FT393" t="str">
            <v/>
          </cell>
          <cell r="FU393" t="str">
            <v/>
          </cell>
          <cell r="FW393" t="str">
            <v/>
          </cell>
          <cell r="FY393" t="str">
            <v/>
          </cell>
          <cell r="GD393" t="str">
            <v/>
          </cell>
          <cell r="GE393" t="str">
            <v/>
          </cell>
          <cell r="GG393" t="str">
            <v/>
          </cell>
          <cell r="GI393" t="str">
            <v/>
          </cell>
          <cell r="GJ393" t="str">
            <v/>
          </cell>
          <cell r="GT393" t="str">
            <v/>
          </cell>
          <cell r="GW393" t="str">
            <v/>
          </cell>
          <cell r="HO393" t="str">
            <v/>
          </cell>
          <cell r="JD393" t="str">
            <v/>
          </cell>
          <cell r="JE393" t="str">
            <v/>
          </cell>
          <cell r="JF393" t="str">
            <v/>
          </cell>
          <cell r="JG393" t="str">
            <v/>
          </cell>
          <cell r="JH393" t="str">
            <v/>
          </cell>
          <cell r="JI393" t="str">
            <v/>
          </cell>
          <cell r="JJ393" t="str">
            <v/>
          </cell>
          <cell r="JK393" t="str">
            <v/>
          </cell>
          <cell r="JL393" t="str">
            <v/>
          </cell>
          <cell r="JM393" t="str">
            <v/>
          </cell>
          <cell r="JN393" t="str">
            <v/>
          </cell>
          <cell r="JO393" t="str">
            <v/>
          </cell>
          <cell r="JP393" t="str">
            <v/>
          </cell>
          <cell r="JQ393" t="str">
            <v/>
          </cell>
          <cell r="JR393" t="str">
            <v/>
          </cell>
          <cell r="JS393" t="str">
            <v/>
          </cell>
          <cell r="JT393" t="str">
            <v/>
          </cell>
          <cell r="JU393" t="str">
            <v/>
          </cell>
          <cell r="JV393" t="str">
            <v/>
          </cell>
          <cell r="JW393" t="str">
            <v/>
          </cell>
          <cell r="JX393" t="str">
            <v/>
          </cell>
          <cell r="JY393" t="str">
            <v/>
          </cell>
          <cell r="JZ393" t="str">
            <v/>
          </cell>
        </row>
        <row r="394">
          <cell r="C394" t="str">
            <v/>
          </cell>
          <cell r="D394" t="str">
            <v/>
          </cell>
          <cell r="E394" t="str">
            <v/>
          </cell>
          <cell r="I394">
            <v>386</v>
          </cell>
          <cell r="AY394" t="str">
            <v/>
          </cell>
          <cell r="AZ394" t="str">
            <v/>
          </cell>
          <cell r="BA394" t="str">
            <v/>
          </cell>
          <cell r="BC394" t="str">
            <v/>
          </cell>
          <cell r="BD394" t="str">
            <v/>
          </cell>
          <cell r="BE394" t="str">
            <v/>
          </cell>
          <cell r="BH394" t="str">
            <v/>
          </cell>
          <cell r="BI394" t="str">
            <v/>
          </cell>
          <cell r="BJ394" t="str">
            <v/>
          </cell>
          <cell r="BT394" t="str">
            <v/>
          </cell>
          <cell r="BU394" t="str">
            <v/>
          </cell>
          <cell r="BV394" t="str">
            <v/>
          </cell>
          <cell r="CD394" t="str">
            <v/>
          </cell>
          <cell r="CP394">
            <v>23382</v>
          </cell>
          <cell r="CW394" t="str">
            <v/>
          </cell>
          <cell r="CX394" t="str">
            <v/>
          </cell>
          <cell r="CY394" t="str">
            <v/>
          </cell>
          <cell r="CZ394" t="str">
            <v/>
          </cell>
          <cell r="DA394" t="str">
            <v/>
          </cell>
          <cell r="DB394" t="str">
            <v/>
          </cell>
          <cell r="DD394" t="str">
            <v/>
          </cell>
          <cell r="EZ394" t="str">
            <v/>
          </cell>
          <cell r="FA394" t="str">
            <v/>
          </cell>
          <cell r="FI394" t="str">
            <v/>
          </cell>
          <cell r="FJ394" t="str">
            <v/>
          </cell>
          <cell r="FN394" t="str">
            <v/>
          </cell>
          <cell r="FO394" t="str">
            <v/>
          </cell>
          <cell r="FS394" t="str">
            <v/>
          </cell>
          <cell r="FT394" t="str">
            <v/>
          </cell>
          <cell r="FU394" t="str">
            <v/>
          </cell>
          <cell r="FW394" t="str">
            <v/>
          </cell>
          <cell r="FY394" t="str">
            <v/>
          </cell>
          <cell r="GD394" t="str">
            <v/>
          </cell>
          <cell r="GE394" t="str">
            <v/>
          </cell>
          <cell r="GG394" t="str">
            <v/>
          </cell>
          <cell r="GI394" t="str">
            <v/>
          </cell>
          <cell r="GJ394" t="str">
            <v/>
          </cell>
          <cell r="GT394" t="str">
            <v/>
          </cell>
          <cell r="GW394" t="str">
            <v/>
          </cell>
          <cell r="HO394" t="str">
            <v/>
          </cell>
          <cell r="JD394" t="str">
            <v/>
          </cell>
          <cell r="JE394" t="str">
            <v/>
          </cell>
          <cell r="JF394" t="str">
            <v/>
          </cell>
          <cell r="JG394" t="str">
            <v/>
          </cell>
          <cell r="JH394" t="str">
            <v/>
          </cell>
          <cell r="JI394" t="str">
            <v/>
          </cell>
          <cell r="JJ394" t="str">
            <v/>
          </cell>
          <cell r="JK394" t="str">
            <v/>
          </cell>
          <cell r="JL394" t="str">
            <v/>
          </cell>
          <cell r="JM394" t="str">
            <v/>
          </cell>
          <cell r="JN394" t="str">
            <v/>
          </cell>
          <cell r="JO394" t="str">
            <v/>
          </cell>
          <cell r="JP394" t="str">
            <v/>
          </cell>
          <cell r="JQ394" t="str">
            <v/>
          </cell>
          <cell r="JR394" t="str">
            <v/>
          </cell>
          <cell r="JS394" t="str">
            <v/>
          </cell>
          <cell r="JT394" t="str">
            <v/>
          </cell>
          <cell r="JU394" t="str">
            <v/>
          </cell>
          <cell r="JV394" t="str">
            <v/>
          </cell>
          <cell r="JW394" t="str">
            <v/>
          </cell>
          <cell r="JX394" t="str">
            <v/>
          </cell>
          <cell r="JY394" t="str">
            <v/>
          </cell>
          <cell r="JZ394" t="str">
            <v/>
          </cell>
        </row>
        <row r="395">
          <cell r="C395" t="str">
            <v/>
          </cell>
          <cell r="D395" t="str">
            <v/>
          </cell>
          <cell r="E395" t="str">
            <v/>
          </cell>
          <cell r="I395">
            <v>387</v>
          </cell>
          <cell r="AY395" t="str">
            <v/>
          </cell>
          <cell r="AZ395" t="str">
            <v/>
          </cell>
          <cell r="BA395" t="str">
            <v/>
          </cell>
          <cell r="BC395" t="str">
            <v/>
          </cell>
          <cell r="BD395" t="str">
            <v/>
          </cell>
          <cell r="BE395" t="str">
            <v/>
          </cell>
          <cell r="BH395" t="str">
            <v/>
          </cell>
          <cell r="BI395" t="str">
            <v/>
          </cell>
          <cell r="BJ395" t="str">
            <v/>
          </cell>
          <cell r="BT395" t="str">
            <v/>
          </cell>
          <cell r="BU395" t="str">
            <v/>
          </cell>
          <cell r="BV395" t="str">
            <v/>
          </cell>
          <cell r="CD395" t="str">
            <v/>
          </cell>
          <cell r="CP395">
            <v>60227</v>
          </cell>
          <cell r="CW395" t="str">
            <v/>
          </cell>
          <cell r="CX395" t="str">
            <v/>
          </cell>
          <cell r="CY395" t="str">
            <v/>
          </cell>
          <cell r="CZ395" t="str">
            <v/>
          </cell>
          <cell r="DA395" t="str">
            <v/>
          </cell>
          <cell r="DB395" t="str">
            <v/>
          </cell>
          <cell r="DD395" t="str">
            <v/>
          </cell>
          <cell r="EZ395" t="str">
            <v/>
          </cell>
          <cell r="FA395" t="str">
            <v/>
          </cell>
          <cell r="FI395" t="str">
            <v/>
          </cell>
          <cell r="FJ395" t="str">
            <v/>
          </cell>
          <cell r="FN395" t="str">
            <v/>
          </cell>
          <cell r="FO395" t="str">
            <v/>
          </cell>
          <cell r="FS395" t="str">
            <v/>
          </cell>
          <cell r="FT395" t="str">
            <v/>
          </cell>
          <cell r="FU395" t="str">
            <v/>
          </cell>
          <cell r="FW395" t="str">
            <v/>
          </cell>
          <cell r="FY395" t="str">
            <v/>
          </cell>
          <cell r="GD395" t="str">
            <v/>
          </cell>
          <cell r="GE395" t="str">
            <v/>
          </cell>
          <cell r="GG395" t="str">
            <v/>
          </cell>
          <cell r="GI395" t="str">
            <v/>
          </cell>
          <cell r="GJ395" t="str">
            <v/>
          </cell>
          <cell r="GT395" t="str">
            <v/>
          </cell>
          <cell r="GW395" t="str">
            <v/>
          </cell>
          <cell r="HO395" t="str">
            <v/>
          </cell>
          <cell r="JD395" t="str">
            <v/>
          </cell>
          <cell r="JE395" t="str">
            <v/>
          </cell>
          <cell r="JF395" t="str">
            <v/>
          </cell>
          <cell r="JG395" t="str">
            <v/>
          </cell>
          <cell r="JH395" t="str">
            <v/>
          </cell>
          <cell r="JI395" t="str">
            <v/>
          </cell>
          <cell r="JJ395" t="str">
            <v/>
          </cell>
          <cell r="JK395" t="str">
            <v/>
          </cell>
          <cell r="JL395" t="str">
            <v/>
          </cell>
          <cell r="JM395" t="str">
            <v/>
          </cell>
          <cell r="JN395" t="str">
            <v/>
          </cell>
          <cell r="JO395" t="str">
            <v/>
          </cell>
          <cell r="JP395" t="str">
            <v/>
          </cell>
          <cell r="JQ395" t="str">
            <v/>
          </cell>
          <cell r="JR395" t="str">
            <v/>
          </cell>
          <cell r="JS395" t="str">
            <v/>
          </cell>
          <cell r="JT395" t="str">
            <v/>
          </cell>
          <cell r="JU395" t="str">
            <v/>
          </cell>
          <cell r="JV395" t="str">
            <v/>
          </cell>
          <cell r="JW395" t="str">
            <v/>
          </cell>
          <cell r="JX395" t="str">
            <v/>
          </cell>
          <cell r="JY395" t="str">
            <v/>
          </cell>
          <cell r="JZ395" t="str">
            <v/>
          </cell>
        </row>
        <row r="396">
          <cell r="C396" t="str">
            <v/>
          </cell>
          <cell r="D396" t="str">
            <v/>
          </cell>
          <cell r="E396" t="str">
            <v/>
          </cell>
          <cell r="I396">
            <v>388</v>
          </cell>
          <cell r="AY396" t="str">
            <v/>
          </cell>
          <cell r="AZ396" t="str">
            <v/>
          </cell>
          <cell r="BA396" t="str">
            <v/>
          </cell>
          <cell r="BC396" t="str">
            <v/>
          </cell>
          <cell r="BD396" t="str">
            <v/>
          </cell>
          <cell r="BE396" t="str">
            <v/>
          </cell>
          <cell r="BH396" t="str">
            <v/>
          </cell>
          <cell r="BI396" t="str">
            <v/>
          </cell>
          <cell r="BJ396" t="str">
            <v/>
          </cell>
          <cell r="BT396" t="str">
            <v/>
          </cell>
          <cell r="BU396" t="str">
            <v/>
          </cell>
          <cell r="BV396" t="str">
            <v/>
          </cell>
          <cell r="CD396" t="str">
            <v/>
          </cell>
          <cell r="CP396">
            <v>79250</v>
          </cell>
          <cell r="CW396" t="str">
            <v/>
          </cell>
          <cell r="CX396" t="str">
            <v/>
          </cell>
          <cell r="CY396" t="str">
            <v/>
          </cell>
          <cell r="CZ396" t="str">
            <v/>
          </cell>
          <cell r="DA396" t="str">
            <v/>
          </cell>
          <cell r="DB396" t="str">
            <v/>
          </cell>
          <cell r="DD396" t="str">
            <v/>
          </cell>
          <cell r="EZ396" t="str">
            <v/>
          </cell>
          <cell r="FA396" t="str">
            <v/>
          </cell>
          <cell r="FI396" t="str">
            <v/>
          </cell>
          <cell r="FJ396" t="str">
            <v/>
          </cell>
          <cell r="FN396" t="str">
            <v/>
          </cell>
          <cell r="FO396" t="str">
            <v/>
          </cell>
          <cell r="FS396" t="str">
            <v/>
          </cell>
          <cell r="FT396" t="str">
            <v/>
          </cell>
          <cell r="FU396" t="str">
            <v/>
          </cell>
          <cell r="FW396" t="str">
            <v/>
          </cell>
          <cell r="FY396" t="str">
            <v/>
          </cell>
          <cell r="GD396" t="str">
            <v/>
          </cell>
          <cell r="GE396" t="str">
            <v/>
          </cell>
          <cell r="GG396" t="str">
            <v/>
          </cell>
          <cell r="GI396" t="str">
            <v/>
          </cell>
          <cell r="GJ396" t="str">
            <v/>
          </cell>
          <cell r="GT396" t="str">
            <v/>
          </cell>
          <cell r="GW396" t="str">
            <v/>
          </cell>
          <cell r="HO396" t="str">
            <v/>
          </cell>
          <cell r="JD396" t="str">
            <v/>
          </cell>
          <cell r="JE396" t="str">
            <v/>
          </cell>
          <cell r="JF396" t="str">
            <v/>
          </cell>
          <cell r="JG396" t="str">
            <v/>
          </cell>
          <cell r="JH396" t="str">
            <v/>
          </cell>
          <cell r="JI396" t="str">
            <v/>
          </cell>
          <cell r="JJ396" t="str">
            <v/>
          </cell>
          <cell r="JK396" t="str">
            <v/>
          </cell>
          <cell r="JL396" t="str">
            <v/>
          </cell>
          <cell r="JM396" t="str">
            <v/>
          </cell>
          <cell r="JN396" t="str">
            <v/>
          </cell>
          <cell r="JO396" t="str">
            <v/>
          </cell>
          <cell r="JP396" t="str">
            <v/>
          </cell>
          <cell r="JQ396" t="str">
            <v/>
          </cell>
          <cell r="JR396" t="str">
            <v/>
          </cell>
          <cell r="JS396" t="str">
            <v/>
          </cell>
          <cell r="JT396" t="str">
            <v/>
          </cell>
          <cell r="JU396" t="str">
            <v/>
          </cell>
          <cell r="JV396" t="str">
            <v/>
          </cell>
          <cell r="JW396" t="str">
            <v/>
          </cell>
          <cell r="JX396" t="str">
            <v/>
          </cell>
          <cell r="JY396" t="str">
            <v/>
          </cell>
          <cell r="JZ396" t="str">
            <v/>
          </cell>
        </row>
        <row r="397">
          <cell r="C397" t="str">
            <v/>
          </cell>
          <cell r="D397" t="str">
            <v/>
          </cell>
          <cell r="E397" t="str">
            <v/>
          </cell>
          <cell r="I397">
            <v>389</v>
          </cell>
          <cell r="AY397" t="str">
            <v/>
          </cell>
          <cell r="AZ397" t="str">
            <v/>
          </cell>
          <cell r="BA397" t="str">
            <v/>
          </cell>
          <cell r="BC397" t="str">
            <v/>
          </cell>
          <cell r="BD397" t="str">
            <v/>
          </cell>
          <cell r="BE397" t="str">
            <v/>
          </cell>
          <cell r="BH397" t="str">
            <v/>
          </cell>
          <cell r="BI397" t="str">
            <v/>
          </cell>
          <cell r="BJ397" t="str">
            <v/>
          </cell>
          <cell r="BT397" t="str">
            <v/>
          </cell>
          <cell r="BU397" t="str">
            <v/>
          </cell>
          <cell r="BV397" t="str">
            <v/>
          </cell>
          <cell r="CD397" t="str">
            <v/>
          </cell>
          <cell r="CP397">
            <v>44341</v>
          </cell>
          <cell r="CW397" t="str">
            <v/>
          </cell>
          <cell r="CX397" t="str">
            <v/>
          </cell>
          <cell r="CY397" t="str">
            <v/>
          </cell>
          <cell r="CZ397" t="str">
            <v/>
          </cell>
          <cell r="DA397" t="str">
            <v/>
          </cell>
          <cell r="DB397" t="str">
            <v/>
          </cell>
          <cell r="DD397" t="str">
            <v/>
          </cell>
          <cell r="EZ397" t="str">
            <v/>
          </cell>
          <cell r="FA397" t="str">
            <v/>
          </cell>
          <cell r="FI397" t="str">
            <v/>
          </cell>
          <cell r="FJ397" t="str">
            <v/>
          </cell>
          <cell r="FN397" t="str">
            <v/>
          </cell>
          <cell r="FO397" t="str">
            <v/>
          </cell>
          <cell r="FS397" t="str">
            <v/>
          </cell>
          <cell r="FT397" t="str">
            <v/>
          </cell>
          <cell r="FU397" t="str">
            <v/>
          </cell>
          <cell r="FW397" t="str">
            <v/>
          </cell>
          <cell r="FY397" t="str">
            <v/>
          </cell>
          <cell r="GD397" t="str">
            <v/>
          </cell>
          <cell r="GE397" t="str">
            <v/>
          </cell>
          <cell r="GG397" t="str">
            <v/>
          </cell>
          <cell r="GI397" t="str">
            <v/>
          </cell>
          <cell r="GJ397" t="str">
            <v/>
          </cell>
          <cell r="GT397" t="str">
            <v/>
          </cell>
          <cell r="GW397" t="str">
            <v/>
          </cell>
          <cell r="HO397" t="str">
            <v/>
          </cell>
          <cell r="JD397" t="str">
            <v/>
          </cell>
          <cell r="JE397" t="str">
            <v/>
          </cell>
          <cell r="JF397" t="str">
            <v/>
          </cell>
          <cell r="JG397" t="str">
            <v/>
          </cell>
          <cell r="JH397" t="str">
            <v/>
          </cell>
          <cell r="JI397" t="str">
            <v/>
          </cell>
          <cell r="JJ397" t="str">
            <v/>
          </cell>
          <cell r="JK397" t="str">
            <v/>
          </cell>
          <cell r="JL397" t="str">
            <v/>
          </cell>
          <cell r="JM397" t="str">
            <v/>
          </cell>
          <cell r="JN397" t="str">
            <v/>
          </cell>
          <cell r="JO397" t="str">
            <v/>
          </cell>
          <cell r="JP397" t="str">
            <v/>
          </cell>
          <cell r="JQ397" t="str">
            <v/>
          </cell>
          <cell r="JR397" t="str">
            <v/>
          </cell>
          <cell r="JS397" t="str">
            <v/>
          </cell>
          <cell r="JT397" t="str">
            <v/>
          </cell>
          <cell r="JU397" t="str">
            <v/>
          </cell>
          <cell r="JV397" t="str">
            <v/>
          </cell>
          <cell r="JW397" t="str">
            <v/>
          </cell>
          <cell r="JX397" t="str">
            <v/>
          </cell>
          <cell r="JY397" t="str">
            <v/>
          </cell>
          <cell r="JZ397" t="str">
            <v/>
          </cell>
        </row>
        <row r="398">
          <cell r="C398" t="str">
            <v/>
          </cell>
          <cell r="D398" t="str">
            <v/>
          </cell>
          <cell r="E398" t="str">
            <v/>
          </cell>
          <cell r="I398">
            <v>390</v>
          </cell>
          <cell r="AY398" t="str">
            <v/>
          </cell>
          <cell r="AZ398" t="str">
            <v/>
          </cell>
          <cell r="BA398" t="str">
            <v/>
          </cell>
          <cell r="BC398" t="str">
            <v/>
          </cell>
          <cell r="BD398" t="str">
            <v/>
          </cell>
          <cell r="BE398" t="str">
            <v/>
          </cell>
          <cell r="BH398" t="str">
            <v/>
          </cell>
          <cell r="BI398" t="str">
            <v/>
          </cell>
          <cell r="BJ398" t="str">
            <v/>
          </cell>
          <cell r="BT398" t="str">
            <v/>
          </cell>
          <cell r="BU398" t="str">
            <v/>
          </cell>
          <cell r="BV398" t="str">
            <v/>
          </cell>
          <cell r="CD398" t="str">
            <v/>
          </cell>
          <cell r="CP398">
            <v>26589</v>
          </cell>
          <cell r="CW398" t="str">
            <v/>
          </cell>
          <cell r="CX398" t="str">
            <v/>
          </cell>
          <cell r="CY398" t="str">
            <v/>
          </cell>
          <cell r="CZ398" t="str">
            <v/>
          </cell>
          <cell r="DA398" t="str">
            <v/>
          </cell>
          <cell r="DB398" t="str">
            <v/>
          </cell>
          <cell r="DD398" t="str">
            <v/>
          </cell>
          <cell r="EZ398" t="str">
            <v/>
          </cell>
          <cell r="FA398" t="str">
            <v/>
          </cell>
          <cell r="FI398" t="str">
            <v/>
          </cell>
          <cell r="FJ398" t="str">
            <v/>
          </cell>
          <cell r="FN398" t="str">
            <v/>
          </cell>
          <cell r="FO398" t="str">
            <v/>
          </cell>
          <cell r="FS398" t="str">
            <v/>
          </cell>
          <cell r="FT398" t="str">
            <v/>
          </cell>
          <cell r="FU398" t="str">
            <v/>
          </cell>
          <cell r="FW398" t="str">
            <v/>
          </cell>
          <cell r="FY398" t="str">
            <v/>
          </cell>
          <cell r="GD398" t="str">
            <v/>
          </cell>
          <cell r="GE398" t="str">
            <v/>
          </cell>
          <cell r="GG398" t="str">
            <v/>
          </cell>
          <cell r="GI398" t="str">
            <v/>
          </cell>
          <cell r="GJ398" t="str">
            <v/>
          </cell>
          <cell r="GT398" t="str">
            <v/>
          </cell>
          <cell r="GW398" t="str">
            <v/>
          </cell>
          <cell r="HO398" t="str">
            <v/>
          </cell>
          <cell r="JD398" t="str">
            <v/>
          </cell>
          <cell r="JE398" t="str">
            <v/>
          </cell>
          <cell r="JF398" t="str">
            <v/>
          </cell>
          <cell r="JG398" t="str">
            <v/>
          </cell>
          <cell r="JH398" t="str">
            <v/>
          </cell>
          <cell r="JI398" t="str">
            <v/>
          </cell>
          <cell r="JJ398" t="str">
            <v/>
          </cell>
          <cell r="JK398" t="str">
            <v/>
          </cell>
          <cell r="JL398" t="str">
            <v/>
          </cell>
          <cell r="JM398" t="str">
            <v/>
          </cell>
          <cell r="JN398" t="str">
            <v/>
          </cell>
          <cell r="JO398" t="str">
            <v/>
          </cell>
          <cell r="JP398" t="str">
            <v/>
          </cell>
          <cell r="JQ398" t="str">
            <v/>
          </cell>
          <cell r="JR398" t="str">
            <v/>
          </cell>
          <cell r="JS398" t="str">
            <v/>
          </cell>
          <cell r="JT398" t="str">
            <v/>
          </cell>
          <cell r="JU398" t="str">
            <v/>
          </cell>
          <cell r="JV398" t="str">
            <v/>
          </cell>
          <cell r="JW398" t="str">
            <v/>
          </cell>
          <cell r="JX398" t="str">
            <v/>
          </cell>
          <cell r="JY398" t="str">
            <v/>
          </cell>
          <cell r="JZ398" t="str">
            <v/>
          </cell>
        </row>
        <row r="399">
          <cell r="C399" t="str">
            <v/>
          </cell>
          <cell r="D399" t="str">
            <v/>
          </cell>
          <cell r="E399" t="str">
            <v/>
          </cell>
          <cell r="I399">
            <v>391</v>
          </cell>
          <cell r="AY399" t="str">
            <v/>
          </cell>
          <cell r="AZ399" t="str">
            <v/>
          </cell>
          <cell r="BA399" t="str">
            <v/>
          </cell>
          <cell r="BC399" t="str">
            <v/>
          </cell>
          <cell r="BD399" t="str">
            <v/>
          </cell>
          <cell r="BE399" t="str">
            <v/>
          </cell>
          <cell r="BH399" t="str">
            <v/>
          </cell>
          <cell r="BI399" t="str">
            <v/>
          </cell>
          <cell r="BJ399" t="str">
            <v/>
          </cell>
          <cell r="BT399" t="str">
            <v/>
          </cell>
          <cell r="BU399" t="str">
            <v/>
          </cell>
          <cell r="BV399" t="str">
            <v/>
          </cell>
          <cell r="CD399" t="str">
            <v/>
          </cell>
          <cell r="CP399">
            <v>76215</v>
          </cell>
          <cell r="CW399" t="str">
            <v/>
          </cell>
          <cell r="CX399" t="str">
            <v/>
          </cell>
          <cell r="CY399" t="str">
            <v/>
          </cell>
          <cell r="CZ399" t="str">
            <v/>
          </cell>
          <cell r="DA399" t="str">
            <v/>
          </cell>
          <cell r="DB399" t="str">
            <v/>
          </cell>
          <cell r="DD399" t="str">
            <v/>
          </cell>
          <cell r="EZ399" t="str">
            <v/>
          </cell>
          <cell r="FA399" t="str">
            <v/>
          </cell>
          <cell r="FI399" t="str">
            <v/>
          </cell>
          <cell r="FJ399" t="str">
            <v/>
          </cell>
          <cell r="FN399" t="str">
            <v/>
          </cell>
          <cell r="FO399" t="str">
            <v/>
          </cell>
          <cell r="FS399" t="str">
            <v/>
          </cell>
          <cell r="FT399" t="str">
            <v/>
          </cell>
          <cell r="FU399" t="str">
            <v/>
          </cell>
          <cell r="FW399" t="str">
            <v/>
          </cell>
          <cell r="FY399" t="str">
            <v/>
          </cell>
          <cell r="GD399" t="str">
            <v/>
          </cell>
          <cell r="GE399" t="str">
            <v/>
          </cell>
          <cell r="GG399" t="str">
            <v/>
          </cell>
          <cell r="GI399" t="str">
            <v/>
          </cell>
          <cell r="GJ399" t="str">
            <v/>
          </cell>
          <cell r="GT399" t="str">
            <v/>
          </cell>
          <cell r="GW399" t="str">
            <v/>
          </cell>
          <cell r="HO399" t="str">
            <v/>
          </cell>
          <cell r="JD399" t="str">
            <v/>
          </cell>
          <cell r="JE399" t="str">
            <v/>
          </cell>
          <cell r="JF399" t="str">
            <v/>
          </cell>
          <cell r="JG399" t="str">
            <v/>
          </cell>
          <cell r="JH399" t="str">
            <v/>
          </cell>
          <cell r="JI399" t="str">
            <v/>
          </cell>
          <cell r="JJ399" t="str">
            <v/>
          </cell>
          <cell r="JK399" t="str">
            <v/>
          </cell>
          <cell r="JL399" t="str">
            <v/>
          </cell>
          <cell r="JM399" t="str">
            <v/>
          </cell>
          <cell r="JN399" t="str">
            <v/>
          </cell>
          <cell r="JO399" t="str">
            <v/>
          </cell>
          <cell r="JP399" t="str">
            <v/>
          </cell>
          <cell r="JQ399" t="str">
            <v/>
          </cell>
          <cell r="JR399" t="str">
            <v/>
          </cell>
          <cell r="JS399" t="str">
            <v/>
          </cell>
          <cell r="JT399" t="str">
            <v/>
          </cell>
          <cell r="JU399" t="str">
            <v/>
          </cell>
          <cell r="JV399" t="str">
            <v/>
          </cell>
          <cell r="JW399" t="str">
            <v/>
          </cell>
          <cell r="JX399" t="str">
            <v/>
          </cell>
          <cell r="JY399" t="str">
            <v/>
          </cell>
          <cell r="JZ399" t="str">
            <v/>
          </cell>
        </row>
        <row r="400">
          <cell r="C400" t="str">
            <v/>
          </cell>
          <cell r="D400" t="str">
            <v/>
          </cell>
          <cell r="E400" t="str">
            <v/>
          </cell>
          <cell r="I400">
            <v>392</v>
          </cell>
          <cell r="AY400" t="str">
            <v/>
          </cell>
          <cell r="AZ400" t="str">
            <v/>
          </cell>
          <cell r="BA400" t="str">
            <v/>
          </cell>
          <cell r="BC400" t="str">
            <v/>
          </cell>
          <cell r="BD400" t="str">
            <v/>
          </cell>
          <cell r="BE400" t="str">
            <v/>
          </cell>
          <cell r="BH400" t="str">
            <v/>
          </cell>
          <cell r="BI400" t="str">
            <v/>
          </cell>
          <cell r="BJ400" t="str">
            <v/>
          </cell>
          <cell r="BT400" t="str">
            <v/>
          </cell>
          <cell r="BU400" t="str">
            <v/>
          </cell>
          <cell r="BV400" t="str">
            <v/>
          </cell>
          <cell r="CD400" t="str">
            <v/>
          </cell>
          <cell r="CP400">
            <v>33099</v>
          </cell>
          <cell r="CW400" t="str">
            <v/>
          </cell>
          <cell r="CX400" t="str">
            <v/>
          </cell>
          <cell r="CY400" t="str">
            <v/>
          </cell>
          <cell r="CZ400" t="str">
            <v/>
          </cell>
          <cell r="DA400" t="str">
            <v/>
          </cell>
          <cell r="DB400" t="str">
            <v/>
          </cell>
          <cell r="DD400" t="str">
            <v/>
          </cell>
          <cell r="EZ400" t="str">
            <v/>
          </cell>
          <cell r="FA400" t="str">
            <v/>
          </cell>
          <cell r="FI400" t="str">
            <v/>
          </cell>
          <cell r="FJ400" t="str">
            <v/>
          </cell>
          <cell r="FN400" t="str">
            <v/>
          </cell>
          <cell r="FO400" t="str">
            <v/>
          </cell>
          <cell r="FS400" t="str">
            <v/>
          </cell>
          <cell r="FT400" t="str">
            <v/>
          </cell>
          <cell r="FU400" t="str">
            <v/>
          </cell>
          <cell r="FW400" t="str">
            <v/>
          </cell>
          <cell r="FY400" t="str">
            <v/>
          </cell>
          <cell r="GD400" t="str">
            <v/>
          </cell>
          <cell r="GE400" t="str">
            <v/>
          </cell>
          <cell r="GG400" t="str">
            <v/>
          </cell>
          <cell r="GI400" t="str">
            <v/>
          </cell>
          <cell r="GJ400" t="str">
            <v/>
          </cell>
          <cell r="GT400" t="str">
            <v/>
          </cell>
          <cell r="GW400" t="str">
            <v/>
          </cell>
          <cell r="HO400" t="str">
            <v/>
          </cell>
          <cell r="JD400" t="str">
            <v/>
          </cell>
          <cell r="JE400" t="str">
            <v/>
          </cell>
          <cell r="JF400" t="str">
            <v/>
          </cell>
          <cell r="JG400" t="str">
            <v/>
          </cell>
          <cell r="JH400" t="str">
            <v/>
          </cell>
          <cell r="JI400" t="str">
            <v/>
          </cell>
          <cell r="JJ400" t="str">
            <v/>
          </cell>
          <cell r="JK400" t="str">
            <v/>
          </cell>
          <cell r="JL400" t="str">
            <v/>
          </cell>
          <cell r="JM400" t="str">
            <v/>
          </cell>
          <cell r="JN400" t="str">
            <v/>
          </cell>
          <cell r="JO400" t="str">
            <v/>
          </cell>
          <cell r="JP400" t="str">
            <v/>
          </cell>
          <cell r="JQ400" t="str">
            <v/>
          </cell>
          <cell r="JR400" t="str">
            <v/>
          </cell>
          <cell r="JS400" t="str">
            <v/>
          </cell>
          <cell r="JT400" t="str">
            <v/>
          </cell>
          <cell r="JU400" t="str">
            <v/>
          </cell>
          <cell r="JV400" t="str">
            <v/>
          </cell>
          <cell r="JW400" t="str">
            <v/>
          </cell>
          <cell r="JX400" t="str">
            <v/>
          </cell>
          <cell r="JY400" t="str">
            <v/>
          </cell>
          <cell r="JZ400" t="str">
            <v/>
          </cell>
        </row>
        <row r="401">
          <cell r="C401" t="str">
            <v/>
          </cell>
          <cell r="D401" t="str">
            <v/>
          </cell>
          <cell r="E401" t="str">
            <v/>
          </cell>
          <cell r="I401">
            <v>393</v>
          </cell>
          <cell r="AY401" t="str">
            <v/>
          </cell>
          <cell r="AZ401" t="str">
            <v/>
          </cell>
          <cell r="BA401" t="str">
            <v/>
          </cell>
          <cell r="BC401" t="str">
            <v/>
          </cell>
          <cell r="BD401" t="str">
            <v/>
          </cell>
          <cell r="BE401" t="str">
            <v/>
          </cell>
          <cell r="BH401" t="str">
            <v/>
          </cell>
          <cell r="BI401" t="str">
            <v/>
          </cell>
          <cell r="BJ401" t="str">
            <v/>
          </cell>
          <cell r="BT401" t="str">
            <v/>
          </cell>
          <cell r="BU401" t="str">
            <v/>
          </cell>
          <cell r="BV401" t="str">
            <v/>
          </cell>
          <cell r="CD401" t="str">
            <v/>
          </cell>
          <cell r="CP401">
            <v>97160</v>
          </cell>
          <cell r="CW401" t="str">
            <v/>
          </cell>
          <cell r="CX401" t="str">
            <v/>
          </cell>
          <cell r="CY401" t="str">
            <v/>
          </cell>
          <cell r="CZ401" t="str">
            <v/>
          </cell>
          <cell r="DA401" t="str">
            <v/>
          </cell>
          <cell r="DB401" t="str">
            <v/>
          </cell>
          <cell r="DD401" t="str">
            <v/>
          </cell>
          <cell r="EZ401" t="str">
            <v/>
          </cell>
          <cell r="FA401" t="str">
            <v/>
          </cell>
          <cell r="FI401" t="str">
            <v/>
          </cell>
          <cell r="FJ401" t="str">
            <v/>
          </cell>
          <cell r="FN401" t="str">
            <v/>
          </cell>
          <cell r="FO401" t="str">
            <v/>
          </cell>
          <cell r="FS401" t="str">
            <v/>
          </cell>
          <cell r="FT401" t="str">
            <v/>
          </cell>
          <cell r="FU401" t="str">
            <v/>
          </cell>
          <cell r="FW401" t="str">
            <v/>
          </cell>
          <cell r="FY401" t="str">
            <v/>
          </cell>
          <cell r="GD401" t="str">
            <v/>
          </cell>
          <cell r="GE401" t="str">
            <v/>
          </cell>
          <cell r="GG401" t="str">
            <v/>
          </cell>
          <cell r="GI401" t="str">
            <v/>
          </cell>
          <cell r="GJ401" t="str">
            <v/>
          </cell>
          <cell r="GT401" t="str">
            <v/>
          </cell>
          <cell r="GW401" t="str">
            <v/>
          </cell>
          <cell r="HO401" t="str">
            <v/>
          </cell>
          <cell r="JD401" t="str">
            <v/>
          </cell>
          <cell r="JE401" t="str">
            <v/>
          </cell>
          <cell r="JF401" t="str">
            <v/>
          </cell>
          <cell r="JG401" t="str">
            <v/>
          </cell>
          <cell r="JH401" t="str">
            <v/>
          </cell>
          <cell r="JI401" t="str">
            <v/>
          </cell>
          <cell r="JJ401" t="str">
            <v/>
          </cell>
          <cell r="JK401" t="str">
            <v/>
          </cell>
          <cell r="JL401" t="str">
            <v/>
          </cell>
          <cell r="JM401" t="str">
            <v/>
          </cell>
          <cell r="JN401" t="str">
            <v/>
          </cell>
          <cell r="JO401" t="str">
            <v/>
          </cell>
          <cell r="JP401" t="str">
            <v/>
          </cell>
          <cell r="JQ401" t="str">
            <v/>
          </cell>
          <cell r="JR401" t="str">
            <v/>
          </cell>
          <cell r="JS401" t="str">
            <v/>
          </cell>
          <cell r="JT401" t="str">
            <v/>
          </cell>
          <cell r="JU401" t="str">
            <v/>
          </cell>
          <cell r="JV401" t="str">
            <v/>
          </cell>
          <cell r="JW401" t="str">
            <v/>
          </cell>
          <cell r="JX401" t="str">
            <v/>
          </cell>
          <cell r="JY401" t="str">
            <v/>
          </cell>
          <cell r="JZ401" t="str">
            <v/>
          </cell>
        </row>
        <row r="402">
          <cell r="C402" t="str">
            <v/>
          </cell>
          <cell r="D402" t="str">
            <v/>
          </cell>
          <cell r="E402" t="str">
            <v/>
          </cell>
          <cell r="I402">
            <v>394</v>
          </cell>
          <cell r="AY402" t="str">
            <v/>
          </cell>
          <cell r="AZ402" t="str">
            <v/>
          </cell>
          <cell r="BA402" t="str">
            <v/>
          </cell>
          <cell r="BC402" t="str">
            <v/>
          </cell>
          <cell r="BD402" t="str">
            <v/>
          </cell>
          <cell r="BE402" t="str">
            <v/>
          </cell>
          <cell r="BH402" t="str">
            <v/>
          </cell>
          <cell r="BI402" t="str">
            <v/>
          </cell>
          <cell r="BJ402" t="str">
            <v/>
          </cell>
          <cell r="BT402" t="str">
            <v/>
          </cell>
          <cell r="BU402" t="str">
            <v/>
          </cell>
          <cell r="BV402" t="str">
            <v/>
          </cell>
          <cell r="CD402" t="str">
            <v/>
          </cell>
          <cell r="CP402">
            <v>12576</v>
          </cell>
          <cell r="CW402" t="str">
            <v/>
          </cell>
          <cell r="CX402" t="str">
            <v/>
          </cell>
          <cell r="CY402" t="str">
            <v/>
          </cell>
          <cell r="CZ402" t="str">
            <v/>
          </cell>
          <cell r="DA402" t="str">
            <v/>
          </cell>
          <cell r="DB402" t="str">
            <v/>
          </cell>
          <cell r="DD402" t="str">
            <v/>
          </cell>
          <cell r="EZ402" t="str">
            <v/>
          </cell>
          <cell r="FA402" t="str">
            <v/>
          </cell>
          <cell r="FI402" t="str">
            <v/>
          </cell>
          <cell r="FJ402" t="str">
            <v/>
          </cell>
          <cell r="FN402" t="str">
            <v/>
          </cell>
          <cell r="FO402" t="str">
            <v/>
          </cell>
          <cell r="FS402" t="str">
            <v/>
          </cell>
          <cell r="FT402" t="str">
            <v/>
          </cell>
          <cell r="FU402" t="str">
            <v/>
          </cell>
          <cell r="FW402" t="str">
            <v/>
          </cell>
          <cell r="FY402" t="str">
            <v/>
          </cell>
          <cell r="GD402" t="str">
            <v/>
          </cell>
          <cell r="GE402" t="str">
            <v/>
          </cell>
          <cell r="GG402" t="str">
            <v/>
          </cell>
          <cell r="GI402" t="str">
            <v/>
          </cell>
          <cell r="GJ402" t="str">
            <v/>
          </cell>
          <cell r="GT402" t="str">
            <v/>
          </cell>
          <cell r="GW402" t="str">
            <v/>
          </cell>
          <cell r="HO402" t="str">
            <v/>
          </cell>
          <cell r="JD402" t="str">
            <v/>
          </cell>
          <cell r="JE402" t="str">
            <v/>
          </cell>
          <cell r="JF402" t="str">
            <v/>
          </cell>
          <cell r="JG402" t="str">
            <v/>
          </cell>
          <cell r="JH402" t="str">
            <v/>
          </cell>
          <cell r="JI402" t="str">
            <v/>
          </cell>
          <cell r="JJ402" t="str">
            <v/>
          </cell>
          <cell r="JK402" t="str">
            <v/>
          </cell>
          <cell r="JL402" t="str">
            <v/>
          </cell>
          <cell r="JM402" t="str">
            <v/>
          </cell>
          <cell r="JN402" t="str">
            <v/>
          </cell>
          <cell r="JO402" t="str">
            <v/>
          </cell>
          <cell r="JP402" t="str">
            <v/>
          </cell>
          <cell r="JQ402" t="str">
            <v/>
          </cell>
          <cell r="JR402" t="str">
            <v/>
          </cell>
          <cell r="JS402" t="str">
            <v/>
          </cell>
          <cell r="JT402" t="str">
            <v/>
          </cell>
          <cell r="JU402" t="str">
            <v/>
          </cell>
          <cell r="JV402" t="str">
            <v/>
          </cell>
          <cell r="JW402" t="str">
            <v/>
          </cell>
          <cell r="JX402" t="str">
            <v/>
          </cell>
          <cell r="JY402" t="str">
            <v/>
          </cell>
          <cell r="JZ402" t="str">
            <v/>
          </cell>
        </row>
        <row r="403">
          <cell r="C403" t="str">
            <v/>
          </cell>
          <cell r="D403" t="str">
            <v/>
          </cell>
          <cell r="E403" t="str">
            <v/>
          </cell>
          <cell r="I403">
            <v>395</v>
          </cell>
          <cell r="AY403" t="str">
            <v/>
          </cell>
          <cell r="AZ403" t="str">
            <v/>
          </cell>
          <cell r="BA403" t="str">
            <v/>
          </cell>
          <cell r="BC403" t="str">
            <v/>
          </cell>
          <cell r="BD403" t="str">
            <v/>
          </cell>
          <cell r="BE403" t="str">
            <v/>
          </cell>
          <cell r="BH403" t="str">
            <v/>
          </cell>
          <cell r="BI403" t="str">
            <v/>
          </cell>
          <cell r="BJ403" t="str">
            <v/>
          </cell>
          <cell r="BT403" t="str">
            <v/>
          </cell>
          <cell r="BU403" t="str">
            <v/>
          </cell>
          <cell r="BV403" t="str">
            <v/>
          </cell>
          <cell r="CD403" t="str">
            <v/>
          </cell>
          <cell r="CP403">
            <v>34381</v>
          </cell>
          <cell r="CW403" t="str">
            <v/>
          </cell>
          <cell r="CX403" t="str">
            <v/>
          </cell>
          <cell r="CY403" t="str">
            <v/>
          </cell>
          <cell r="CZ403" t="str">
            <v/>
          </cell>
          <cell r="DA403" t="str">
            <v/>
          </cell>
          <cell r="DB403" t="str">
            <v/>
          </cell>
          <cell r="DD403" t="str">
            <v/>
          </cell>
          <cell r="EZ403" t="str">
            <v/>
          </cell>
          <cell r="FA403" t="str">
            <v/>
          </cell>
          <cell r="FI403" t="str">
            <v/>
          </cell>
          <cell r="FJ403" t="str">
            <v/>
          </cell>
          <cell r="FN403" t="str">
            <v/>
          </cell>
          <cell r="FO403" t="str">
            <v/>
          </cell>
          <cell r="FS403" t="str">
            <v/>
          </cell>
          <cell r="FT403" t="str">
            <v/>
          </cell>
          <cell r="FU403" t="str">
            <v/>
          </cell>
          <cell r="FW403" t="str">
            <v/>
          </cell>
          <cell r="FY403" t="str">
            <v/>
          </cell>
          <cell r="GD403" t="str">
            <v/>
          </cell>
          <cell r="GE403" t="str">
            <v/>
          </cell>
          <cell r="GG403" t="str">
            <v/>
          </cell>
          <cell r="GI403" t="str">
            <v/>
          </cell>
          <cell r="GJ403" t="str">
            <v/>
          </cell>
          <cell r="GT403" t="str">
            <v/>
          </cell>
          <cell r="GW403" t="str">
            <v/>
          </cell>
          <cell r="HO403" t="str">
            <v/>
          </cell>
          <cell r="JD403" t="str">
            <v/>
          </cell>
          <cell r="JE403" t="str">
            <v/>
          </cell>
          <cell r="JF403" t="str">
            <v/>
          </cell>
          <cell r="JG403" t="str">
            <v/>
          </cell>
          <cell r="JH403" t="str">
            <v/>
          </cell>
          <cell r="JI403" t="str">
            <v/>
          </cell>
          <cell r="JJ403" t="str">
            <v/>
          </cell>
          <cell r="JK403" t="str">
            <v/>
          </cell>
          <cell r="JL403" t="str">
            <v/>
          </cell>
          <cell r="JM403" t="str">
            <v/>
          </cell>
          <cell r="JN403" t="str">
            <v/>
          </cell>
          <cell r="JO403" t="str">
            <v/>
          </cell>
          <cell r="JP403" t="str">
            <v/>
          </cell>
          <cell r="JQ403" t="str">
            <v/>
          </cell>
          <cell r="JR403" t="str">
            <v/>
          </cell>
          <cell r="JS403" t="str">
            <v/>
          </cell>
          <cell r="JT403" t="str">
            <v/>
          </cell>
          <cell r="JU403" t="str">
            <v/>
          </cell>
          <cell r="JV403" t="str">
            <v/>
          </cell>
          <cell r="JW403" t="str">
            <v/>
          </cell>
          <cell r="JX403" t="str">
            <v/>
          </cell>
          <cell r="JY403" t="str">
            <v/>
          </cell>
          <cell r="JZ403" t="str">
            <v/>
          </cell>
        </row>
        <row r="404">
          <cell r="C404" t="str">
            <v/>
          </cell>
          <cell r="D404" t="str">
            <v/>
          </cell>
          <cell r="E404" t="str">
            <v/>
          </cell>
          <cell r="I404">
            <v>396</v>
          </cell>
          <cell r="AY404" t="str">
            <v/>
          </cell>
          <cell r="AZ404" t="str">
            <v/>
          </cell>
          <cell r="BA404" t="str">
            <v/>
          </cell>
          <cell r="BC404" t="str">
            <v/>
          </cell>
          <cell r="BD404" t="str">
            <v/>
          </cell>
          <cell r="BE404" t="str">
            <v/>
          </cell>
          <cell r="BH404" t="str">
            <v/>
          </cell>
          <cell r="BI404" t="str">
            <v/>
          </cell>
          <cell r="BJ404" t="str">
            <v/>
          </cell>
          <cell r="BT404" t="str">
            <v/>
          </cell>
          <cell r="BU404" t="str">
            <v/>
          </cell>
          <cell r="BV404" t="str">
            <v/>
          </cell>
          <cell r="CD404" t="str">
            <v/>
          </cell>
          <cell r="CP404">
            <v>40450</v>
          </cell>
          <cell r="CW404" t="str">
            <v/>
          </cell>
          <cell r="CX404" t="str">
            <v/>
          </cell>
          <cell r="CY404" t="str">
            <v/>
          </cell>
          <cell r="CZ404" t="str">
            <v/>
          </cell>
          <cell r="DA404" t="str">
            <v/>
          </cell>
          <cell r="DB404" t="str">
            <v/>
          </cell>
          <cell r="DD404" t="str">
            <v/>
          </cell>
          <cell r="EZ404" t="str">
            <v/>
          </cell>
          <cell r="FA404" t="str">
            <v/>
          </cell>
          <cell r="FI404" t="str">
            <v/>
          </cell>
          <cell r="FJ404" t="str">
            <v/>
          </cell>
          <cell r="FN404" t="str">
            <v/>
          </cell>
          <cell r="FO404" t="str">
            <v/>
          </cell>
          <cell r="FS404" t="str">
            <v/>
          </cell>
          <cell r="FT404" t="str">
            <v/>
          </cell>
          <cell r="FU404" t="str">
            <v/>
          </cell>
          <cell r="FW404" t="str">
            <v/>
          </cell>
          <cell r="FY404" t="str">
            <v/>
          </cell>
          <cell r="GD404" t="str">
            <v/>
          </cell>
          <cell r="GE404" t="str">
            <v/>
          </cell>
          <cell r="GG404" t="str">
            <v/>
          </cell>
          <cell r="GI404" t="str">
            <v/>
          </cell>
          <cell r="GJ404" t="str">
            <v/>
          </cell>
          <cell r="GT404" t="str">
            <v/>
          </cell>
          <cell r="GW404" t="str">
            <v/>
          </cell>
          <cell r="HO404" t="str">
            <v/>
          </cell>
          <cell r="JD404" t="str">
            <v/>
          </cell>
          <cell r="JE404" t="str">
            <v/>
          </cell>
          <cell r="JF404" t="str">
            <v/>
          </cell>
          <cell r="JG404" t="str">
            <v/>
          </cell>
          <cell r="JH404" t="str">
            <v/>
          </cell>
          <cell r="JI404" t="str">
            <v/>
          </cell>
          <cell r="JJ404" t="str">
            <v/>
          </cell>
          <cell r="JK404" t="str">
            <v/>
          </cell>
          <cell r="JL404" t="str">
            <v/>
          </cell>
          <cell r="JM404" t="str">
            <v/>
          </cell>
          <cell r="JN404" t="str">
            <v/>
          </cell>
          <cell r="JO404" t="str">
            <v/>
          </cell>
          <cell r="JP404" t="str">
            <v/>
          </cell>
          <cell r="JQ404" t="str">
            <v/>
          </cell>
          <cell r="JR404" t="str">
            <v/>
          </cell>
          <cell r="JS404" t="str">
            <v/>
          </cell>
          <cell r="JT404" t="str">
            <v/>
          </cell>
          <cell r="JU404" t="str">
            <v/>
          </cell>
          <cell r="JV404" t="str">
            <v/>
          </cell>
          <cell r="JW404" t="str">
            <v/>
          </cell>
          <cell r="JX404" t="str">
            <v/>
          </cell>
          <cell r="JY404" t="str">
            <v/>
          </cell>
          <cell r="JZ404" t="str">
            <v/>
          </cell>
        </row>
        <row r="405">
          <cell r="C405" t="str">
            <v/>
          </cell>
          <cell r="D405" t="str">
            <v/>
          </cell>
          <cell r="E405" t="str">
            <v/>
          </cell>
          <cell r="I405">
            <v>397</v>
          </cell>
          <cell r="AY405" t="str">
            <v/>
          </cell>
          <cell r="AZ405" t="str">
            <v/>
          </cell>
          <cell r="BA405" t="str">
            <v/>
          </cell>
          <cell r="BC405" t="str">
            <v/>
          </cell>
          <cell r="BD405" t="str">
            <v/>
          </cell>
          <cell r="BE405" t="str">
            <v/>
          </cell>
          <cell r="BH405" t="str">
            <v/>
          </cell>
          <cell r="BI405" t="str">
            <v/>
          </cell>
          <cell r="BJ405" t="str">
            <v/>
          </cell>
          <cell r="BT405" t="str">
            <v/>
          </cell>
          <cell r="BU405" t="str">
            <v/>
          </cell>
          <cell r="BV405" t="str">
            <v/>
          </cell>
          <cell r="CD405" t="str">
            <v/>
          </cell>
          <cell r="CP405">
            <v>46910</v>
          </cell>
          <cell r="CW405" t="str">
            <v/>
          </cell>
          <cell r="CX405" t="str">
            <v/>
          </cell>
          <cell r="CY405" t="str">
            <v/>
          </cell>
          <cell r="CZ405" t="str">
            <v/>
          </cell>
          <cell r="DA405" t="str">
            <v/>
          </cell>
          <cell r="DB405" t="str">
            <v/>
          </cell>
          <cell r="DD405" t="str">
            <v/>
          </cell>
          <cell r="EZ405" t="str">
            <v/>
          </cell>
          <cell r="FA405" t="str">
            <v/>
          </cell>
          <cell r="FI405" t="str">
            <v/>
          </cell>
          <cell r="FJ405" t="str">
            <v/>
          </cell>
          <cell r="FN405" t="str">
            <v/>
          </cell>
          <cell r="FO405" t="str">
            <v/>
          </cell>
          <cell r="FS405" t="str">
            <v/>
          </cell>
          <cell r="FT405" t="str">
            <v/>
          </cell>
          <cell r="FU405" t="str">
            <v/>
          </cell>
          <cell r="FW405" t="str">
            <v/>
          </cell>
          <cell r="FY405" t="str">
            <v/>
          </cell>
          <cell r="GD405" t="str">
            <v/>
          </cell>
          <cell r="GE405" t="str">
            <v/>
          </cell>
          <cell r="GG405" t="str">
            <v/>
          </cell>
          <cell r="GI405" t="str">
            <v/>
          </cell>
          <cell r="GJ405" t="str">
            <v/>
          </cell>
          <cell r="GT405" t="str">
            <v/>
          </cell>
          <cell r="GW405" t="str">
            <v/>
          </cell>
          <cell r="HO405" t="str">
            <v/>
          </cell>
          <cell r="JD405" t="str">
            <v/>
          </cell>
          <cell r="JE405" t="str">
            <v/>
          </cell>
          <cell r="JF405" t="str">
            <v/>
          </cell>
          <cell r="JG405" t="str">
            <v/>
          </cell>
          <cell r="JH405" t="str">
            <v/>
          </cell>
          <cell r="JI405" t="str">
            <v/>
          </cell>
          <cell r="JJ405" t="str">
            <v/>
          </cell>
          <cell r="JK405" t="str">
            <v/>
          </cell>
          <cell r="JL405" t="str">
            <v/>
          </cell>
          <cell r="JM405" t="str">
            <v/>
          </cell>
          <cell r="JN405" t="str">
            <v/>
          </cell>
          <cell r="JO405" t="str">
            <v/>
          </cell>
          <cell r="JP405" t="str">
            <v/>
          </cell>
          <cell r="JQ405" t="str">
            <v/>
          </cell>
          <cell r="JR405" t="str">
            <v/>
          </cell>
          <cell r="JS405" t="str">
            <v/>
          </cell>
          <cell r="JT405" t="str">
            <v/>
          </cell>
          <cell r="JU405" t="str">
            <v/>
          </cell>
          <cell r="JV405" t="str">
            <v/>
          </cell>
          <cell r="JW405" t="str">
            <v/>
          </cell>
          <cell r="JX405" t="str">
            <v/>
          </cell>
          <cell r="JY405" t="str">
            <v/>
          </cell>
          <cell r="JZ405" t="str">
            <v/>
          </cell>
        </row>
        <row r="406">
          <cell r="C406" t="str">
            <v/>
          </cell>
          <cell r="D406" t="str">
            <v/>
          </cell>
          <cell r="E406" t="str">
            <v/>
          </cell>
          <cell r="I406">
            <v>398</v>
          </cell>
          <cell r="AY406" t="str">
            <v/>
          </cell>
          <cell r="AZ406" t="str">
            <v/>
          </cell>
          <cell r="BA406" t="str">
            <v/>
          </cell>
          <cell r="BC406" t="str">
            <v/>
          </cell>
          <cell r="BD406" t="str">
            <v/>
          </cell>
          <cell r="BE406" t="str">
            <v/>
          </cell>
          <cell r="BH406" t="str">
            <v/>
          </cell>
          <cell r="BI406" t="str">
            <v/>
          </cell>
          <cell r="BJ406" t="str">
            <v/>
          </cell>
          <cell r="BT406" t="str">
            <v/>
          </cell>
          <cell r="BU406" t="str">
            <v/>
          </cell>
          <cell r="BV406" t="str">
            <v/>
          </cell>
          <cell r="CD406" t="str">
            <v/>
          </cell>
          <cell r="CP406">
            <v>18687</v>
          </cell>
          <cell r="CW406" t="str">
            <v/>
          </cell>
          <cell r="CX406" t="str">
            <v/>
          </cell>
          <cell r="CY406" t="str">
            <v/>
          </cell>
          <cell r="CZ406" t="str">
            <v/>
          </cell>
          <cell r="DA406" t="str">
            <v/>
          </cell>
          <cell r="DB406" t="str">
            <v/>
          </cell>
          <cell r="DD406" t="str">
            <v/>
          </cell>
          <cell r="EZ406" t="str">
            <v/>
          </cell>
          <cell r="FA406" t="str">
            <v/>
          </cell>
          <cell r="FI406" t="str">
            <v/>
          </cell>
          <cell r="FJ406" t="str">
            <v/>
          </cell>
          <cell r="FN406" t="str">
            <v/>
          </cell>
          <cell r="FO406" t="str">
            <v/>
          </cell>
          <cell r="FS406" t="str">
            <v/>
          </cell>
          <cell r="FT406" t="str">
            <v/>
          </cell>
          <cell r="FU406" t="str">
            <v/>
          </cell>
          <cell r="FW406" t="str">
            <v/>
          </cell>
          <cell r="FY406" t="str">
            <v/>
          </cell>
          <cell r="GD406" t="str">
            <v/>
          </cell>
          <cell r="GE406" t="str">
            <v/>
          </cell>
          <cell r="GG406" t="str">
            <v/>
          </cell>
          <cell r="GI406" t="str">
            <v/>
          </cell>
          <cell r="GJ406" t="str">
            <v/>
          </cell>
          <cell r="GT406" t="str">
            <v/>
          </cell>
          <cell r="GW406" t="str">
            <v/>
          </cell>
          <cell r="HO406" t="str">
            <v/>
          </cell>
          <cell r="JD406" t="str">
            <v/>
          </cell>
          <cell r="JE406" t="str">
            <v/>
          </cell>
          <cell r="JF406" t="str">
            <v/>
          </cell>
          <cell r="JG406" t="str">
            <v/>
          </cell>
          <cell r="JH406" t="str">
            <v/>
          </cell>
          <cell r="JI406" t="str">
            <v/>
          </cell>
          <cell r="JJ406" t="str">
            <v/>
          </cell>
          <cell r="JK406" t="str">
            <v/>
          </cell>
          <cell r="JL406" t="str">
            <v/>
          </cell>
          <cell r="JM406" t="str">
            <v/>
          </cell>
          <cell r="JN406" t="str">
            <v/>
          </cell>
          <cell r="JO406" t="str">
            <v/>
          </cell>
          <cell r="JP406" t="str">
            <v/>
          </cell>
          <cell r="JQ406" t="str">
            <v/>
          </cell>
          <cell r="JR406" t="str">
            <v/>
          </cell>
          <cell r="JS406" t="str">
            <v/>
          </cell>
          <cell r="JT406" t="str">
            <v/>
          </cell>
          <cell r="JU406" t="str">
            <v/>
          </cell>
          <cell r="JV406" t="str">
            <v/>
          </cell>
          <cell r="JW406" t="str">
            <v/>
          </cell>
          <cell r="JX406" t="str">
            <v/>
          </cell>
          <cell r="JY406" t="str">
            <v/>
          </cell>
          <cell r="JZ406" t="str">
            <v/>
          </cell>
        </row>
        <row r="407">
          <cell r="C407" t="str">
            <v/>
          </cell>
          <cell r="D407" t="str">
            <v/>
          </cell>
          <cell r="E407" t="str">
            <v/>
          </cell>
          <cell r="I407">
            <v>399</v>
          </cell>
          <cell r="AY407" t="str">
            <v/>
          </cell>
          <cell r="AZ407" t="str">
            <v/>
          </cell>
          <cell r="BA407" t="str">
            <v/>
          </cell>
          <cell r="BC407" t="str">
            <v/>
          </cell>
          <cell r="BD407" t="str">
            <v/>
          </cell>
          <cell r="BE407" t="str">
            <v/>
          </cell>
          <cell r="BH407" t="str">
            <v/>
          </cell>
          <cell r="BI407" t="str">
            <v/>
          </cell>
          <cell r="BJ407" t="str">
            <v/>
          </cell>
          <cell r="BT407" t="str">
            <v/>
          </cell>
          <cell r="BU407" t="str">
            <v/>
          </cell>
          <cell r="BV407" t="str">
            <v/>
          </cell>
          <cell r="CD407" t="str">
            <v/>
          </cell>
          <cell r="CP407">
            <v>24382</v>
          </cell>
          <cell r="CW407" t="str">
            <v/>
          </cell>
          <cell r="CX407" t="str">
            <v/>
          </cell>
          <cell r="CY407" t="str">
            <v/>
          </cell>
          <cell r="CZ407" t="str">
            <v/>
          </cell>
          <cell r="DA407" t="str">
            <v/>
          </cell>
          <cell r="DB407" t="str">
            <v/>
          </cell>
          <cell r="DD407" t="str">
            <v/>
          </cell>
          <cell r="EZ407" t="str">
            <v/>
          </cell>
          <cell r="FA407" t="str">
            <v/>
          </cell>
          <cell r="FI407" t="str">
            <v/>
          </cell>
          <cell r="FJ407" t="str">
            <v/>
          </cell>
          <cell r="FN407" t="str">
            <v/>
          </cell>
          <cell r="FO407" t="str">
            <v/>
          </cell>
          <cell r="FS407" t="str">
            <v/>
          </cell>
          <cell r="FT407" t="str">
            <v/>
          </cell>
          <cell r="FU407" t="str">
            <v/>
          </cell>
          <cell r="FW407" t="str">
            <v/>
          </cell>
          <cell r="FY407" t="str">
            <v/>
          </cell>
          <cell r="GD407" t="str">
            <v/>
          </cell>
          <cell r="GE407" t="str">
            <v/>
          </cell>
          <cell r="GG407" t="str">
            <v/>
          </cell>
          <cell r="GI407" t="str">
            <v/>
          </cell>
          <cell r="GJ407" t="str">
            <v/>
          </cell>
          <cell r="GT407" t="str">
            <v/>
          </cell>
          <cell r="GW407" t="str">
            <v/>
          </cell>
          <cell r="HO407" t="str">
            <v/>
          </cell>
          <cell r="JD407" t="str">
            <v/>
          </cell>
          <cell r="JE407" t="str">
            <v/>
          </cell>
          <cell r="JF407" t="str">
            <v/>
          </cell>
          <cell r="JG407" t="str">
            <v/>
          </cell>
          <cell r="JJ407" t="str">
            <v/>
          </cell>
          <cell r="JK407" t="str">
            <v/>
          </cell>
          <cell r="JL407" t="str">
            <v/>
          </cell>
          <cell r="JM407" t="str">
            <v/>
          </cell>
          <cell r="JN407" t="str">
            <v/>
          </cell>
          <cell r="JO407" t="str">
            <v/>
          </cell>
          <cell r="JP407" t="str">
            <v/>
          </cell>
          <cell r="JQ407" t="str">
            <v/>
          </cell>
          <cell r="JR407" t="str">
            <v/>
          </cell>
          <cell r="JS407" t="str">
            <v/>
          </cell>
          <cell r="JT407" t="str">
            <v/>
          </cell>
          <cell r="JU407" t="str">
            <v/>
          </cell>
          <cell r="JV407" t="str">
            <v/>
          </cell>
          <cell r="JW407" t="str">
            <v/>
          </cell>
          <cell r="JX407" t="str">
            <v/>
          </cell>
          <cell r="JY407" t="str">
            <v/>
          </cell>
          <cell r="JZ407" t="str">
            <v/>
          </cell>
        </row>
        <row r="408">
          <cell r="C408" t="str">
            <v/>
          </cell>
          <cell r="D408" t="str">
            <v/>
          </cell>
          <cell r="E408" t="str">
            <v/>
          </cell>
          <cell r="I408">
            <v>400</v>
          </cell>
          <cell r="J408" t="str">
            <v>議員総会資料用</v>
          </cell>
          <cell r="M408" t="str">
            <v>令和２年度伊丹市立伊丹幼稚園大規模改造及び空調設備改修工事</v>
          </cell>
          <cell r="Q408" t="str">
            <v>伊幼大規模</v>
          </cell>
          <cell r="Y408">
            <v>1</v>
          </cell>
          <cell r="AC408">
            <v>1</v>
          </cell>
          <cell r="AI408" t="str">
            <v>伊丹市桜ヶ丘１丁目５番２０号</v>
          </cell>
          <cell r="AM408" t="str">
            <v>大規模（老朽）改造工事　一式
空調設備改修工事　一式
アスベスト除去工事　一式
防災機能強化工事　一式
トイレ改修工事　一式</v>
          </cell>
          <cell r="AQ408">
            <v>2</v>
          </cell>
          <cell r="AY408">
            <v>43943</v>
          </cell>
          <cell r="AZ408">
            <v>43944</v>
          </cell>
          <cell r="BA408">
            <v>176</v>
          </cell>
          <cell r="BB408">
            <v>44119</v>
          </cell>
          <cell r="BC408">
            <v>15</v>
          </cell>
          <cell r="BD408" t="str">
            <v>○</v>
          </cell>
          <cell r="BE408" t="str">
            <v>○</v>
          </cell>
          <cell r="BF408">
            <v>0.41736111111111113</v>
          </cell>
          <cell r="BG408">
            <v>7440</v>
          </cell>
          <cell r="BH408" t="str">
            <v>井上　達朗</v>
          </cell>
          <cell r="BI408" t="str">
            <v>営繕課</v>
          </cell>
          <cell r="BJ408">
            <v>4619</v>
          </cell>
          <cell r="BS408">
            <v>148500000</v>
          </cell>
          <cell r="BT408">
            <v>135000000</v>
          </cell>
          <cell r="BU408">
            <v>1</v>
          </cell>
          <cell r="BV408">
            <v>116120000</v>
          </cell>
          <cell r="BW408">
            <v>103641445</v>
          </cell>
          <cell r="BX408">
            <v>5268000</v>
          </cell>
          <cell r="BY408">
            <v>10728631</v>
          </cell>
          <cell r="BZ408">
            <v>15361924</v>
          </cell>
          <cell r="CI408">
            <v>43908</v>
          </cell>
          <cell r="CJ408" t="str">
            <v>特定</v>
          </cell>
          <cell r="CK408" t="str">
            <v>尼崎市、西宮市、芦屋市、宝塚市、川西市、伊丹市内に本店を有すること。又は伊丹市内に支店</v>
          </cell>
          <cell r="CL408" t="str">
            <v>伊丹市内に本店を有する者においては670点以上、その他の者においては900点以上</v>
          </cell>
          <cell r="CP408">
            <v>42344</v>
          </cell>
          <cell r="CT408" t="str">
            <v>請負金額が6,000万円以上(伊丹市内に本店を有する者においては4,000万円以上)</v>
          </cell>
          <cell r="CW408">
            <v>43917</v>
          </cell>
          <cell r="CX408">
            <v>43921</v>
          </cell>
          <cell r="CY408">
            <v>43922</v>
          </cell>
          <cell r="CZ408">
            <v>43923</v>
          </cell>
          <cell r="DA408">
            <v>43924</v>
          </cell>
          <cell r="DB408">
            <v>43931</v>
          </cell>
          <cell r="DC408">
            <v>27</v>
          </cell>
          <cell r="DD408" t="str">
            <v>○</v>
          </cell>
          <cell r="DL408">
            <v>6</v>
          </cell>
          <cell r="DM408">
            <v>21</v>
          </cell>
          <cell r="DN408">
            <v>23</v>
          </cell>
          <cell r="DO408">
            <v>53</v>
          </cell>
          <cell r="DP408">
            <v>54</v>
          </cell>
          <cell r="DQ408">
            <v>120</v>
          </cell>
          <cell r="DR408">
            <v>176</v>
          </cell>
          <cell r="DS408">
            <v>2165</v>
          </cell>
          <cell r="DT408">
            <v>2322</v>
          </cell>
          <cell r="DU408">
            <v>2760</v>
          </cell>
          <cell r="EZ408">
            <v>10</v>
          </cell>
          <cell r="FA408">
            <v>10</v>
          </cell>
          <cell r="FI408">
            <v>1</v>
          </cell>
          <cell r="FJ408" t="str">
            <v>制限付一般競争入札</v>
          </cell>
          <cell r="FN408">
            <v>4</v>
          </cell>
          <cell r="FO408" t="str">
            <v>電子入札</v>
          </cell>
          <cell r="FS408">
            <v>1</v>
          </cell>
          <cell r="FT408" t="str">
            <v/>
          </cell>
          <cell r="FU408" t="str">
            <v/>
          </cell>
          <cell r="FW408">
            <v>1</v>
          </cell>
          <cell r="FX408">
            <v>1</v>
          </cell>
          <cell r="FY408" t="str">
            <v>了</v>
          </cell>
          <cell r="GB408">
            <v>1</v>
          </cell>
          <cell r="GD408">
            <v>1</v>
          </cell>
          <cell r="GE408" t="str">
            <v>契約・検査課長　松本　嘉博</v>
          </cell>
          <cell r="GF408">
            <v>2165</v>
          </cell>
          <cell r="GG408" t="str">
            <v>一吉工業（株）</v>
          </cell>
          <cell r="GH408">
            <v>128458000</v>
          </cell>
          <cell r="GI408">
            <v>11678000</v>
          </cell>
          <cell r="GJ408">
            <v>12846000</v>
          </cell>
          <cell r="GL408" t="str">
            <v>１級建築施工管理技士</v>
          </cell>
          <cell r="GM408" t="str">
            <v>和島　浩士</v>
          </cell>
          <cell r="GN408" t="str">
            <v>１級建築施工管理技士</v>
          </cell>
          <cell r="GO408" t="str">
            <v>和島　浩士</v>
          </cell>
          <cell r="GV408">
            <v>270010</v>
          </cell>
          <cell r="GW408">
            <v>2.1019321490292544</v>
          </cell>
          <cell r="HO408" t="str">
            <v/>
          </cell>
          <cell r="HP408" t="str">
            <v>-</v>
          </cell>
          <cell r="HQ408" t="str">
            <v>-</v>
          </cell>
          <cell r="HR408">
            <v>124800000</v>
          </cell>
          <cell r="HS408">
            <v>130000000</v>
          </cell>
          <cell r="HT408" t="str">
            <v>-</v>
          </cell>
          <cell r="HU408">
            <v>133600000</v>
          </cell>
          <cell r="HV408" t="str">
            <v>-</v>
          </cell>
          <cell r="HW408">
            <v>116780000</v>
          </cell>
          <cell r="HX408" t="str">
            <v>-</v>
          </cell>
          <cell r="HY408" t="str">
            <v>-</v>
          </cell>
          <cell r="JD408" t="str">
            <v/>
          </cell>
          <cell r="JE408" t="str">
            <v/>
          </cell>
          <cell r="JF408" t="str">
            <v/>
          </cell>
          <cell r="JG408" t="str">
            <v/>
          </cell>
          <cell r="JJ408" t="str">
            <v/>
          </cell>
          <cell r="JK408" t="str">
            <v/>
          </cell>
          <cell r="JL408" t="str">
            <v/>
          </cell>
          <cell r="JM408" t="str">
            <v/>
          </cell>
          <cell r="JN408" t="str">
            <v/>
          </cell>
          <cell r="JO408" t="str">
            <v/>
          </cell>
          <cell r="JP408" t="str">
            <v/>
          </cell>
          <cell r="JQ408" t="str">
            <v/>
          </cell>
          <cell r="JR408" t="str">
            <v/>
          </cell>
          <cell r="JS408" t="str">
            <v/>
          </cell>
          <cell r="JT408" t="str">
            <v/>
          </cell>
          <cell r="JU408" t="str">
            <v/>
          </cell>
          <cell r="JV408" t="str">
            <v/>
          </cell>
          <cell r="JW408" t="str">
            <v/>
          </cell>
          <cell r="JX408" t="str">
            <v/>
          </cell>
          <cell r="JY408" t="str">
            <v/>
          </cell>
          <cell r="JZ408">
            <v>0.86503703703703694</v>
          </cell>
        </row>
        <row r="410">
          <cell r="C410" t="str">
            <v/>
          </cell>
          <cell r="D410" t="str">
            <v/>
          </cell>
          <cell r="E410" t="str">
            <v/>
          </cell>
        </row>
        <row r="411">
          <cell r="C411" t="str">
            <v/>
          </cell>
          <cell r="D411" t="str">
            <v/>
          </cell>
          <cell r="E411" t="str">
            <v/>
          </cell>
        </row>
        <row r="412">
          <cell r="C412" t="str">
            <v/>
          </cell>
          <cell r="D412" t="str">
            <v/>
          </cell>
          <cell r="E412" t="str">
            <v/>
          </cell>
        </row>
        <row r="413">
          <cell r="C413" t="str">
            <v/>
          </cell>
          <cell r="D413" t="str">
            <v/>
          </cell>
          <cell r="E413" t="str">
            <v/>
          </cell>
        </row>
        <row r="414">
          <cell r="C414" t="str">
            <v/>
          </cell>
          <cell r="D414" t="str">
            <v/>
          </cell>
          <cell r="E414" t="str">
            <v/>
          </cell>
        </row>
        <row r="415">
          <cell r="C415" t="str">
            <v/>
          </cell>
          <cell r="D415" t="str">
            <v/>
          </cell>
          <cell r="E415" t="str">
            <v/>
          </cell>
        </row>
        <row r="416">
          <cell r="C416" t="str">
            <v/>
          </cell>
          <cell r="D416" t="str">
            <v/>
          </cell>
          <cell r="E416" t="str">
            <v/>
          </cell>
        </row>
        <row r="417">
          <cell r="C417" t="str">
            <v/>
          </cell>
          <cell r="D417" t="str">
            <v/>
          </cell>
          <cell r="E417" t="str">
            <v/>
          </cell>
        </row>
        <row r="418">
          <cell r="C418" t="str">
            <v/>
          </cell>
          <cell r="D418" t="str">
            <v/>
          </cell>
          <cell r="E418" t="str">
            <v/>
          </cell>
        </row>
        <row r="419">
          <cell r="C419" t="str">
            <v/>
          </cell>
          <cell r="D419" t="str">
            <v/>
          </cell>
          <cell r="E419" t="str">
            <v/>
          </cell>
        </row>
        <row r="420">
          <cell r="C420" t="str">
            <v/>
          </cell>
          <cell r="D420" t="str">
            <v/>
          </cell>
          <cell r="E420" t="str">
            <v/>
          </cell>
        </row>
      </sheetData>
      <sheetData sheetId="17">
        <row r="5">
          <cell r="B5">
            <v>3</v>
          </cell>
          <cell r="C5" t="str">
            <v>安全産業(株)</v>
          </cell>
          <cell r="D5" t="str">
            <v>072-777-0555</v>
          </cell>
          <cell r="E5" t="str">
            <v>664-0855</v>
          </cell>
          <cell r="F5" t="str">
            <v>兵庫県伊丹市御願塚4-10-18</v>
          </cell>
          <cell r="G5" t="str">
            <v>伊丹市</v>
          </cell>
          <cell r="H5" t="str">
            <v/>
          </cell>
          <cell r="I5" t="str">
            <v>代表取締役 遠山　純</v>
          </cell>
          <cell r="J5" t="str">
            <v>本店</v>
          </cell>
          <cell r="K5" t="str">
            <v>072-770-9383</v>
          </cell>
          <cell r="L5" t="str">
            <v>anzensan@kih.biglobe.ne.jp</v>
          </cell>
          <cell r="M5" t="str">
            <v>ｱﾝｾﾞﾝｻﾝｷﾞｮｳ</v>
          </cell>
          <cell r="N5" t="str">
            <v>無</v>
          </cell>
          <cell r="O5">
            <v>46</v>
          </cell>
          <cell r="P5">
            <v>9</v>
          </cell>
          <cell r="Q5">
            <v>8140001077941</v>
          </cell>
          <cell r="R5">
            <v>10000</v>
          </cell>
          <cell r="S5">
            <v>7656</v>
          </cell>
          <cell r="T5">
            <v>96128</v>
          </cell>
          <cell r="V5" t="str">
            <v>nn483237</v>
          </cell>
          <cell r="W5" t="str">
            <v>zg813521</v>
          </cell>
          <cell r="X5" t="str">
            <v>消</v>
          </cell>
          <cell r="Y5" t="str">
            <v>消</v>
          </cell>
          <cell r="Z5" t="str">
            <v/>
          </cell>
          <cell r="AA5" t="str">
            <v>消防施設</v>
          </cell>
          <cell r="AB5" t="str">
            <v/>
          </cell>
          <cell r="AC5" t="str">
            <v/>
          </cell>
          <cell r="AD5" t="str">
            <v/>
          </cell>
          <cell r="AE5">
            <v>43109</v>
          </cell>
          <cell r="AF5" t="str">
            <v>希望しない</v>
          </cell>
          <cell r="AG5" t="str">
            <v>消防施設</v>
          </cell>
          <cell r="AH5" t="str">
            <v>一般</v>
          </cell>
          <cell r="AI5">
            <v>710</v>
          </cell>
          <cell r="AJ5">
            <v>39625</v>
          </cell>
          <cell r="AK5" t="str">
            <v>0(0)/4/0</v>
          </cell>
          <cell r="AL5" t="str">
            <v/>
          </cell>
          <cell r="AM5" t="str">
            <v/>
          </cell>
          <cell r="AN5" t="str">
            <v/>
          </cell>
          <cell r="AO5" t="str">
            <v/>
          </cell>
          <cell r="AP5" t="str">
            <v/>
          </cell>
          <cell r="AQ5" t="str">
            <v/>
          </cell>
          <cell r="AR5" t="str">
            <v/>
          </cell>
          <cell r="AS5" t="str">
            <v/>
          </cell>
          <cell r="AT5" t="str">
            <v/>
          </cell>
          <cell r="AU5" t="str">
            <v/>
          </cell>
          <cell r="AV5" t="str">
            <v/>
          </cell>
          <cell r="AW5" t="str">
            <v/>
          </cell>
          <cell r="AX5" t="str">
            <v/>
          </cell>
          <cell r="AY5" t="str">
            <v/>
          </cell>
          <cell r="AZ5" t="str">
            <v/>
          </cell>
          <cell r="BA5" t="str">
            <v>伊丹市</v>
          </cell>
          <cell r="BB5" t="str">
            <v/>
          </cell>
          <cell r="CR5">
            <v>2405</v>
          </cell>
          <cell r="CS5" t="str">
            <v>ﾐｽﾞｸﾞﾁ ﾔｽﾋﾃﾞ</v>
          </cell>
          <cell r="CT5" t="str">
            <v>水口  康秀</v>
          </cell>
          <cell r="CU5" t="str">
            <v>用地課</v>
          </cell>
          <cell r="CW5">
            <v>3074</v>
          </cell>
          <cell r="CX5" t="str">
            <v xml:space="preserve"> </v>
          </cell>
          <cell r="CY5" t="str">
            <v>用地課長</v>
          </cell>
        </row>
        <row r="6">
          <cell r="B6">
            <v>6</v>
          </cell>
          <cell r="C6" t="str">
            <v>(株)浜田組</v>
          </cell>
          <cell r="D6" t="str">
            <v>072-779-9666</v>
          </cell>
          <cell r="E6" t="str">
            <v>664-0899</v>
          </cell>
          <cell r="F6" t="str">
            <v>兵庫県伊丹市大鹿7-65</v>
          </cell>
          <cell r="G6" t="str">
            <v>伊丹市</v>
          </cell>
          <cell r="H6" t="str">
            <v/>
          </cell>
          <cell r="I6" t="str">
            <v>代表取締役 濱田　心平</v>
          </cell>
          <cell r="J6" t="str">
            <v>本店</v>
          </cell>
          <cell r="K6" t="str">
            <v>072-784-9141</v>
          </cell>
          <cell r="L6" t="str">
            <v>hamadagumi@iris.eonet.ne.jp</v>
          </cell>
          <cell r="M6" t="str">
            <v>ﾊﾏﾀﾞｸﾞﾐ</v>
          </cell>
          <cell r="N6" t="str">
            <v>無</v>
          </cell>
          <cell r="O6">
            <v>68</v>
          </cell>
          <cell r="P6">
            <v>19</v>
          </cell>
          <cell r="Q6">
            <v>9140001078807</v>
          </cell>
          <cell r="R6">
            <v>49000</v>
          </cell>
          <cell r="S6">
            <v>1130334</v>
          </cell>
          <cell r="T6">
            <v>1015658</v>
          </cell>
          <cell r="V6" t="str">
            <v>fe697428</v>
          </cell>
          <cell r="W6" t="str">
            <v>qe333310</v>
          </cell>
          <cell r="X6" t="str">
            <v>土建舗園水</v>
          </cell>
          <cell r="Y6" t="str">
            <v/>
          </cell>
          <cell r="Z6" t="str">
            <v>土建舗園水</v>
          </cell>
          <cell r="AA6" t="str">
            <v>建築一式</v>
          </cell>
          <cell r="AB6" t="str">
            <v>土木一式</v>
          </cell>
          <cell r="AC6" t="str">
            <v>水道施設</v>
          </cell>
          <cell r="AD6" t="str">
            <v>舗装</v>
          </cell>
          <cell r="AE6">
            <v>43190</v>
          </cell>
          <cell r="AF6" t="str">
            <v>希望しない</v>
          </cell>
          <cell r="AG6" t="str">
            <v>建築一式</v>
          </cell>
          <cell r="AH6" t="str">
            <v>特定</v>
          </cell>
          <cell r="AI6">
            <v>919</v>
          </cell>
          <cell r="AJ6">
            <v>685461</v>
          </cell>
          <cell r="AK6" t="str">
            <v>6(6)/1/1</v>
          </cell>
          <cell r="AL6" t="str">
            <v>土木一式</v>
          </cell>
          <cell r="AM6" t="str">
            <v>特定</v>
          </cell>
          <cell r="AN6">
            <v>847</v>
          </cell>
          <cell r="AO6">
            <v>193066</v>
          </cell>
          <cell r="AP6" t="str">
            <v>4(4)/0/0</v>
          </cell>
          <cell r="AQ6" t="str">
            <v>水道施設</v>
          </cell>
          <cell r="AR6" t="str">
            <v>特定</v>
          </cell>
          <cell r="AS6">
            <v>788</v>
          </cell>
          <cell r="AT6">
            <v>43475</v>
          </cell>
          <cell r="AU6" t="str">
            <v>3(3)/0/0</v>
          </cell>
          <cell r="AV6" t="str">
            <v>舗装</v>
          </cell>
          <cell r="AW6" t="str">
            <v>特定</v>
          </cell>
          <cell r="AX6">
            <v>661</v>
          </cell>
          <cell r="AY6" t="str">
            <v/>
          </cell>
          <cell r="AZ6" t="str">
            <v>0(0)/0/0</v>
          </cell>
          <cell r="BA6" t="str">
            <v>伊丹市</v>
          </cell>
          <cell r="BB6" t="str">
            <v/>
          </cell>
          <cell r="CR6">
            <v>2432</v>
          </cell>
          <cell r="CS6" t="str">
            <v>ｶﾜｲ ﾏﾕﾐ</v>
          </cell>
          <cell r="CT6" t="str">
            <v>河井  真由美</v>
          </cell>
          <cell r="CU6" t="str">
            <v>情報管理課</v>
          </cell>
          <cell r="CW6">
            <v>2479</v>
          </cell>
          <cell r="CX6" t="str">
            <v xml:space="preserve"> </v>
          </cell>
          <cell r="CY6" t="str">
            <v>情報管理課長</v>
          </cell>
        </row>
        <row r="7">
          <cell r="B7">
            <v>10</v>
          </cell>
          <cell r="C7" t="str">
            <v>中西水道工業(株)</v>
          </cell>
          <cell r="D7" t="str">
            <v>072-782-6110</v>
          </cell>
          <cell r="E7" t="str">
            <v>664-0891</v>
          </cell>
          <cell r="F7" t="str">
            <v>兵庫県伊丹市北園3-4</v>
          </cell>
          <cell r="G7" t="str">
            <v>伊丹市</v>
          </cell>
          <cell r="H7" t="str">
            <v/>
          </cell>
          <cell r="I7" t="str">
            <v>代表取締役 中西　孝夫</v>
          </cell>
          <cell r="J7" t="str">
            <v>本店</v>
          </cell>
          <cell r="K7" t="str">
            <v>072-782-6919</v>
          </cell>
          <cell r="L7" t="str">
            <v>nakanishisuidou@hcc1.bai.ne.jp</v>
          </cell>
          <cell r="M7" t="str">
            <v>ﾅｶﾆｼｽｲﾄﾞｳｺｳｷﾞｮｳ</v>
          </cell>
          <cell r="N7" t="str">
            <v>無</v>
          </cell>
          <cell r="O7">
            <v>64</v>
          </cell>
          <cell r="P7">
            <v>10</v>
          </cell>
          <cell r="Q7">
            <v>7140001078692</v>
          </cell>
          <cell r="R7">
            <v>30000</v>
          </cell>
          <cell r="S7">
            <v>106135</v>
          </cell>
          <cell r="T7">
            <v>757328</v>
          </cell>
          <cell r="V7" t="str">
            <v>gc356538</v>
          </cell>
          <cell r="W7" t="str">
            <v>xp229206</v>
          </cell>
          <cell r="X7" t="str">
            <v>消土管水</v>
          </cell>
          <cell r="Y7" t="str">
            <v>消</v>
          </cell>
          <cell r="Z7" t="str">
            <v>土管水</v>
          </cell>
          <cell r="AA7" t="str">
            <v>管</v>
          </cell>
          <cell r="AB7" t="str">
            <v>水道施設</v>
          </cell>
          <cell r="AC7" t="str">
            <v>消防施設</v>
          </cell>
          <cell r="AD7" t="str">
            <v>土木一式</v>
          </cell>
          <cell r="AE7">
            <v>43251</v>
          </cell>
          <cell r="AF7" t="str">
            <v>希望しない</v>
          </cell>
          <cell r="AG7" t="str">
            <v>管</v>
          </cell>
          <cell r="AH7" t="str">
            <v>特定</v>
          </cell>
          <cell r="AI7">
            <v>852</v>
          </cell>
          <cell r="AJ7">
            <v>662985</v>
          </cell>
          <cell r="AK7" t="str">
            <v>2(2)/4/1</v>
          </cell>
          <cell r="AL7" t="str">
            <v>水道施設</v>
          </cell>
          <cell r="AM7" t="str">
            <v>特定</v>
          </cell>
          <cell r="AN7">
            <v>753</v>
          </cell>
          <cell r="AO7">
            <v>28663</v>
          </cell>
          <cell r="AP7" t="str">
            <v>1(1)/1/5</v>
          </cell>
          <cell r="AQ7" t="str">
            <v>消防施設</v>
          </cell>
          <cell r="AR7" t="str">
            <v>一般</v>
          </cell>
          <cell r="AS7">
            <v>657</v>
          </cell>
          <cell r="AT7">
            <v>2523</v>
          </cell>
          <cell r="AU7" t="str">
            <v>0(0)/0/0</v>
          </cell>
          <cell r="AV7" t="str">
            <v>土木一式</v>
          </cell>
          <cell r="AW7" t="str">
            <v>特定</v>
          </cell>
          <cell r="AX7">
            <v>660</v>
          </cell>
          <cell r="AY7">
            <v>3550</v>
          </cell>
          <cell r="AZ7" t="str">
            <v>0(0)/0/0</v>
          </cell>
          <cell r="BA7" t="str">
            <v>伊丹市</v>
          </cell>
          <cell r="BB7" t="str">
            <v/>
          </cell>
          <cell r="BC7" t="str">
            <v>土</v>
          </cell>
          <cell r="BD7" t="str">
            <v>土木一式</v>
          </cell>
          <cell r="CR7">
            <v>2455</v>
          </cell>
          <cell r="CS7" t="str">
            <v>ｻﾄｳ ｴﾂｼﾞ</v>
          </cell>
          <cell r="CT7" t="str">
            <v>佐藤  悦治</v>
          </cell>
          <cell r="CU7" t="str">
            <v>総務課</v>
          </cell>
          <cell r="CW7">
            <v>2410</v>
          </cell>
          <cell r="CX7" t="str">
            <v xml:space="preserve"> </v>
          </cell>
          <cell r="CY7" t="str">
            <v>総務課長</v>
          </cell>
        </row>
        <row r="8">
          <cell r="B8">
            <v>13</v>
          </cell>
          <cell r="C8" t="str">
            <v>伊丹ダイキン空調(株)</v>
          </cell>
          <cell r="D8" t="str">
            <v>072-782-1133</v>
          </cell>
          <cell r="E8" t="str">
            <v>664-0836</v>
          </cell>
          <cell r="F8" t="str">
            <v>兵庫県伊丹市北本町1-1</v>
          </cell>
          <cell r="G8" t="str">
            <v>伊丹市</v>
          </cell>
          <cell r="H8" t="str">
            <v/>
          </cell>
          <cell r="I8" t="str">
            <v>代表取締役 白附　勝敏</v>
          </cell>
          <cell r="J8" t="str">
            <v>本店</v>
          </cell>
          <cell r="K8" t="str">
            <v>072-784-2647</v>
          </cell>
          <cell r="L8" t="str">
            <v>4rei@itamidaikin.ne.jp</v>
          </cell>
          <cell r="M8" t="str">
            <v>ｲﾀﾐﾀﾞｲｷﾝｸｳﾁｮｳ</v>
          </cell>
          <cell r="N8" t="str">
            <v>無</v>
          </cell>
          <cell r="O8">
            <v>54</v>
          </cell>
          <cell r="P8">
            <v>64</v>
          </cell>
          <cell r="Q8">
            <v>1140001078005</v>
          </cell>
          <cell r="R8">
            <v>40000</v>
          </cell>
          <cell r="S8">
            <v>848902</v>
          </cell>
          <cell r="T8">
            <v>3361717</v>
          </cell>
          <cell r="V8" t="str">
            <v>cq956714</v>
          </cell>
          <cell r="W8" t="str">
            <v>zq243270</v>
          </cell>
          <cell r="X8" t="str">
            <v>管</v>
          </cell>
          <cell r="Y8" t="str">
            <v/>
          </cell>
          <cell r="Z8" t="str">
            <v>管</v>
          </cell>
          <cell r="AA8" t="str">
            <v>管</v>
          </cell>
          <cell r="AB8" t="str">
            <v/>
          </cell>
          <cell r="AC8" t="str">
            <v/>
          </cell>
          <cell r="AD8" t="str">
            <v/>
          </cell>
          <cell r="AE8">
            <v>43131</v>
          </cell>
          <cell r="AF8" t="str">
            <v>希望しない</v>
          </cell>
          <cell r="AG8" t="str">
            <v>管</v>
          </cell>
          <cell r="AH8" t="str">
            <v>特定</v>
          </cell>
          <cell r="AI8">
            <v>1049</v>
          </cell>
          <cell r="AJ8">
            <v>3255382</v>
          </cell>
          <cell r="AK8" t="str">
            <v>16(12)/3/13</v>
          </cell>
          <cell r="AL8" t="str">
            <v/>
          </cell>
          <cell r="AM8" t="str">
            <v/>
          </cell>
          <cell r="AN8" t="str">
            <v/>
          </cell>
          <cell r="AO8" t="str">
            <v/>
          </cell>
          <cell r="AP8" t="str">
            <v/>
          </cell>
          <cell r="AQ8" t="str">
            <v/>
          </cell>
          <cell r="AR8" t="str">
            <v/>
          </cell>
          <cell r="AS8" t="str">
            <v/>
          </cell>
          <cell r="AT8" t="str">
            <v/>
          </cell>
          <cell r="AU8" t="str">
            <v/>
          </cell>
          <cell r="AV8" t="str">
            <v/>
          </cell>
          <cell r="AW8" t="str">
            <v/>
          </cell>
          <cell r="AX8" t="str">
            <v/>
          </cell>
          <cell r="AY8" t="str">
            <v/>
          </cell>
          <cell r="AZ8" t="str">
            <v/>
          </cell>
          <cell r="BA8" t="str">
            <v>伊丹市</v>
          </cell>
          <cell r="BB8" t="str">
            <v/>
          </cell>
          <cell r="BC8" t="str">
            <v>建</v>
          </cell>
          <cell r="BD8" t="str">
            <v>建築一式</v>
          </cell>
          <cell r="CR8">
            <v>2456</v>
          </cell>
          <cell r="CS8" t="str">
            <v>ｻｶﾓﾄ ｴﾂｼﾞ</v>
          </cell>
          <cell r="CT8" t="str">
            <v>阪本  悦治</v>
          </cell>
          <cell r="CU8" t="str">
            <v>下水道課</v>
          </cell>
          <cell r="CW8">
            <v>3109</v>
          </cell>
          <cell r="CX8" t="str">
            <v xml:space="preserve"> </v>
          </cell>
          <cell r="CY8" t="str">
            <v>下水道課長</v>
          </cell>
        </row>
        <row r="9">
          <cell r="B9">
            <v>16</v>
          </cell>
          <cell r="C9" t="str">
            <v>(株)新日本建設</v>
          </cell>
          <cell r="D9" t="str">
            <v>072-770-7537</v>
          </cell>
          <cell r="E9" t="str">
            <v>664-0017</v>
          </cell>
          <cell r="F9" t="str">
            <v>兵庫県伊丹市瑞ｹ丘4-39-3</v>
          </cell>
          <cell r="G9" t="str">
            <v>伊丹市</v>
          </cell>
          <cell r="H9" t="str">
            <v/>
          </cell>
          <cell r="I9" t="str">
            <v>代表取締役 大野　辰浩</v>
          </cell>
          <cell r="J9" t="str">
            <v>本店</v>
          </cell>
          <cell r="K9" t="str">
            <v>072-777-9895</v>
          </cell>
          <cell r="L9" t="str">
            <v>shinnihon-k@nifty.com</v>
          </cell>
          <cell r="M9" t="str">
            <v>ｼﾝﾆﾎﾝｹﾝｾﾂ</v>
          </cell>
          <cell r="N9" t="str">
            <v>無</v>
          </cell>
          <cell r="O9">
            <v>39</v>
          </cell>
          <cell r="P9">
            <v>18</v>
          </cell>
          <cell r="Q9">
            <v>9140001078443</v>
          </cell>
          <cell r="R9">
            <v>20000</v>
          </cell>
          <cell r="S9">
            <v>231139</v>
          </cell>
          <cell r="T9">
            <v>492263</v>
          </cell>
          <cell r="V9" t="str">
            <v>es742075</v>
          </cell>
          <cell r="W9" t="str">
            <v>js756835</v>
          </cell>
          <cell r="X9" t="str">
            <v>土と舗水</v>
          </cell>
          <cell r="Y9" t="str">
            <v/>
          </cell>
          <cell r="Z9" t="str">
            <v>土と舗水</v>
          </cell>
          <cell r="AA9" t="str">
            <v>舗装</v>
          </cell>
          <cell r="AB9" t="str">
            <v>土木一式</v>
          </cell>
          <cell r="AC9" t="str">
            <v>水道施設</v>
          </cell>
          <cell r="AD9" t="str">
            <v>とび土工</v>
          </cell>
          <cell r="AE9">
            <v>43251</v>
          </cell>
          <cell r="AF9" t="str">
            <v>希望しない</v>
          </cell>
          <cell r="AG9" t="str">
            <v>舗装</v>
          </cell>
          <cell r="AH9" t="str">
            <v>特定</v>
          </cell>
          <cell r="AI9">
            <v>911</v>
          </cell>
          <cell r="AJ9">
            <v>364750</v>
          </cell>
          <cell r="AK9" t="str">
            <v>4(4)/1/5</v>
          </cell>
          <cell r="AL9" t="str">
            <v>土木一式</v>
          </cell>
          <cell r="AM9" t="str">
            <v>特定</v>
          </cell>
          <cell r="AN9">
            <v>863</v>
          </cell>
          <cell r="AO9">
            <v>93436</v>
          </cell>
          <cell r="AP9" t="str">
            <v>4(4)/1/3</v>
          </cell>
          <cell r="AQ9" t="str">
            <v>水道施設</v>
          </cell>
          <cell r="AR9" t="str">
            <v>特定</v>
          </cell>
          <cell r="AS9">
            <v>764</v>
          </cell>
          <cell r="AT9">
            <v>20426</v>
          </cell>
          <cell r="AU9" t="str">
            <v>0(0)/0/1</v>
          </cell>
          <cell r="AV9" t="str">
            <v>とび土工</v>
          </cell>
          <cell r="AW9" t="str">
            <v>特定</v>
          </cell>
          <cell r="AX9" t="str">
            <v/>
          </cell>
          <cell r="AY9" t="str">
            <v/>
          </cell>
          <cell r="AZ9" t="str">
            <v>0(0)/0/0</v>
          </cell>
          <cell r="BA9" t="str">
            <v>伊丹市</v>
          </cell>
          <cell r="BB9" t="str">
            <v/>
          </cell>
          <cell r="BC9" t="str">
            <v>大</v>
          </cell>
          <cell r="BD9" t="str">
            <v>大工</v>
          </cell>
          <cell r="CR9">
            <v>2457</v>
          </cell>
          <cell r="CS9" t="str">
            <v>ﾌｼﾞﾀ ﾕｷｵ</v>
          </cell>
          <cell r="CT9" t="str">
            <v>藤田  行雄</v>
          </cell>
          <cell r="CU9" t="str">
            <v>工務課</v>
          </cell>
          <cell r="CW9" t="str">
            <v xml:space="preserve"> </v>
          </cell>
          <cell r="CX9" t="str">
            <v xml:space="preserve"> </v>
          </cell>
          <cell r="CY9" t="str">
            <v>工務課長</v>
          </cell>
        </row>
        <row r="10">
          <cell r="B10">
            <v>17</v>
          </cell>
          <cell r="C10" t="str">
            <v>宗像建設(株)</v>
          </cell>
          <cell r="D10" t="str">
            <v>072-772-2522</v>
          </cell>
          <cell r="E10" t="str">
            <v>664-0858</v>
          </cell>
          <cell r="F10" t="str">
            <v>兵庫県伊丹市西台2-2-10</v>
          </cell>
          <cell r="G10" t="str">
            <v>伊丹市</v>
          </cell>
          <cell r="H10" t="str">
            <v/>
          </cell>
          <cell r="I10" t="str">
            <v>代表取締役 宗像　毅</v>
          </cell>
          <cell r="J10" t="str">
            <v>本店</v>
          </cell>
          <cell r="K10" t="str">
            <v>072-772-8137</v>
          </cell>
          <cell r="L10" t="str">
            <v>hcl18701@hcc1.bai.ne.jp</v>
          </cell>
          <cell r="M10" t="str">
            <v>ﾑﾅｶﾀｹﾝｾﾂｶﾌﾞｼｷｶｲｼｬ</v>
          </cell>
          <cell r="N10" t="str">
            <v>無</v>
          </cell>
          <cell r="O10">
            <v>69</v>
          </cell>
          <cell r="P10">
            <v>10</v>
          </cell>
          <cell r="Q10">
            <v>3140001079001</v>
          </cell>
          <cell r="R10">
            <v>21000</v>
          </cell>
          <cell r="S10">
            <v>152108</v>
          </cell>
          <cell r="T10">
            <v>559057</v>
          </cell>
          <cell r="V10" t="str">
            <v>kw622620</v>
          </cell>
          <cell r="W10" t="str">
            <v>we123985</v>
          </cell>
          <cell r="X10" t="str">
            <v>土建</v>
          </cell>
          <cell r="Y10" t="str">
            <v>土</v>
          </cell>
          <cell r="Z10" t="str">
            <v>建</v>
          </cell>
          <cell r="AA10" t="str">
            <v>建築一式</v>
          </cell>
          <cell r="AB10" t="str">
            <v>土木一式</v>
          </cell>
          <cell r="AC10" t="str">
            <v/>
          </cell>
          <cell r="AD10" t="str">
            <v/>
          </cell>
          <cell r="AE10">
            <v>43190</v>
          </cell>
          <cell r="AF10" t="str">
            <v>希望しない</v>
          </cell>
          <cell r="AG10" t="str">
            <v>建築一式</v>
          </cell>
          <cell r="AH10" t="str">
            <v>特定</v>
          </cell>
          <cell r="AI10">
            <v>899</v>
          </cell>
          <cell r="AJ10">
            <v>389370</v>
          </cell>
          <cell r="AK10" t="str">
            <v>3(3)/2/0</v>
          </cell>
          <cell r="AL10" t="str">
            <v>土木一式</v>
          </cell>
          <cell r="AM10" t="str">
            <v>一般</v>
          </cell>
          <cell r="AN10">
            <v>694</v>
          </cell>
          <cell r="AO10" t="str">
            <v/>
          </cell>
          <cell r="AP10" t="str">
            <v>0(0)/1/1</v>
          </cell>
          <cell r="AQ10" t="str">
            <v/>
          </cell>
          <cell r="AR10" t="str">
            <v/>
          </cell>
          <cell r="AS10" t="str">
            <v/>
          </cell>
          <cell r="AT10" t="str">
            <v/>
          </cell>
          <cell r="AU10" t="str">
            <v/>
          </cell>
          <cell r="AV10" t="str">
            <v/>
          </cell>
          <cell r="AW10" t="str">
            <v/>
          </cell>
          <cell r="AX10" t="str">
            <v/>
          </cell>
          <cell r="AY10" t="str">
            <v/>
          </cell>
          <cell r="AZ10" t="str">
            <v/>
          </cell>
          <cell r="BA10" t="str">
            <v>伊丹市</v>
          </cell>
          <cell r="BB10" t="str">
            <v/>
          </cell>
          <cell r="BC10" t="str">
            <v>左</v>
          </cell>
          <cell r="BD10" t="str">
            <v>左官</v>
          </cell>
          <cell r="CR10">
            <v>2458</v>
          </cell>
          <cell r="CS10" t="str">
            <v>ﾌｼﾞﾀ ｼﾖｳｼﾞ</v>
          </cell>
          <cell r="CT10" t="str">
            <v>藤田  省二</v>
          </cell>
          <cell r="CU10" t="str">
            <v>公園課</v>
          </cell>
          <cell r="CW10">
            <v>2863</v>
          </cell>
          <cell r="CX10" t="str">
            <v xml:space="preserve"> </v>
          </cell>
          <cell r="CY10" t="str">
            <v>公園課長</v>
          </cell>
        </row>
        <row r="11">
          <cell r="B11">
            <v>21</v>
          </cell>
          <cell r="C11" t="str">
            <v>田中住建(株)</v>
          </cell>
          <cell r="D11" t="str">
            <v>072-781-4130</v>
          </cell>
          <cell r="E11" t="str">
            <v>664-0008</v>
          </cell>
          <cell r="F11" t="str">
            <v>兵庫県伊丹市荒牧南3-4-15</v>
          </cell>
          <cell r="G11" t="str">
            <v>伊丹市</v>
          </cell>
          <cell r="H11" t="str">
            <v/>
          </cell>
          <cell r="I11" t="str">
            <v>代表取締役 田中　弘章</v>
          </cell>
          <cell r="J11" t="str">
            <v>本店</v>
          </cell>
          <cell r="K11" t="str">
            <v>072-781-5555</v>
          </cell>
          <cell r="L11" t="str">
            <v>esakatou@tanaka-jyuken.co.jp</v>
          </cell>
          <cell r="M11" t="str">
            <v>ﾀﾅｶｼﾞｭｳｹﾝ</v>
          </cell>
          <cell r="N11" t="str">
            <v>無</v>
          </cell>
          <cell r="O11">
            <v>48</v>
          </cell>
          <cell r="P11">
            <v>30</v>
          </cell>
          <cell r="Q11">
            <v>5140001078595</v>
          </cell>
          <cell r="R11">
            <v>57000</v>
          </cell>
          <cell r="S11">
            <v>1030522</v>
          </cell>
          <cell r="T11">
            <v>2249624</v>
          </cell>
          <cell r="V11" t="str">
            <v>ha570815</v>
          </cell>
          <cell r="W11" t="str">
            <v>ut937619</v>
          </cell>
          <cell r="X11" t="str">
            <v>土と石電鋼舗塗水建大</v>
          </cell>
          <cell r="Y11" t="str">
            <v>土と石電鋼舗塗水</v>
          </cell>
          <cell r="Z11" t="str">
            <v>建大</v>
          </cell>
          <cell r="AA11" t="str">
            <v>建築一式</v>
          </cell>
          <cell r="AB11" t="str">
            <v>土木一式</v>
          </cell>
          <cell r="AC11" t="str">
            <v>大工</v>
          </cell>
          <cell r="AD11" t="str">
            <v>塗装</v>
          </cell>
          <cell r="AE11">
            <v>43100</v>
          </cell>
          <cell r="AF11" t="str">
            <v>希望しない</v>
          </cell>
          <cell r="AG11" t="str">
            <v>建築一式</v>
          </cell>
          <cell r="AH11" t="str">
            <v>特定</v>
          </cell>
          <cell r="AI11">
            <v>1024</v>
          </cell>
          <cell r="AJ11">
            <v>1562578</v>
          </cell>
          <cell r="AK11" t="str">
            <v>10(8)/3/0</v>
          </cell>
          <cell r="AL11" t="str">
            <v>土木一式</v>
          </cell>
          <cell r="AM11" t="str">
            <v>一般</v>
          </cell>
          <cell r="AN11">
            <v>811</v>
          </cell>
          <cell r="AO11">
            <v>114941</v>
          </cell>
          <cell r="AP11" t="str">
            <v/>
          </cell>
          <cell r="AQ11" t="str">
            <v>大工</v>
          </cell>
          <cell r="AR11" t="str">
            <v>特定</v>
          </cell>
          <cell r="AS11">
            <v>802</v>
          </cell>
          <cell r="AT11">
            <v>1214</v>
          </cell>
          <cell r="AU11" t="str">
            <v>10(9)/2/0</v>
          </cell>
          <cell r="AV11" t="str">
            <v>塗装</v>
          </cell>
          <cell r="AW11" t="str">
            <v>一般</v>
          </cell>
          <cell r="AX11">
            <v>784</v>
          </cell>
          <cell r="AY11">
            <v>47747</v>
          </cell>
          <cell r="AZ11" t="str">
            <v/>
          </cell>
          <cell r="BA11" t="str">
            <v>伊丹市</v>
          </cell>
          <cell r="BB11" t="str">
            <v/>
          </cell>
          <cell r="BC11" t="str">
            <v>と</v>
          </cell>
          <cell r="BD11" t="str">
            <v>とび土工</v>
          </cell>
          <cell r="CR11">
            <v>2463</v>
          </cell>
          <cell r="CS11" t="str">
            <v>ｵｸﾓﾄ ﾀﾀﾞｼ</v>
          </cell>
          <cell r="CT11" t="str">
            <v>奥本  正</v>
          </cell>
          <cell r="CU11" t="str">
            <v>財政企画課</v>
          </cell>
          <cell r="CW11">
            <v>2231</v>
          </cell>
          <cell r="CX11" t="str">
            <v xml:space="preserve"> </v>
          </cell>
          <cell r="CY11" t="str">
            <v>財政企画課長</v>
          </cell>
        </row>
        <row r="12">
          <cell r="B12">
            <v>23</v>
          </cell>
          <cell r="C12" t="str">
            <v>(株)林建設</v>
          </cell>
          <cell r="D12" t="str">
            <v>072-782-2589</v>
          </cell>
          <cell r="E12" t="str">
            <v>664-0899</v>
          </cell>
          <cell r="F12" t="str">
            <v>兵庫県伊丹市大鹿1‐91</v>
          </cell>
          <cell r="G12" t="str">
            <v>伊丹市</v>
          </cell>
          <cell r="H12" t="str">
            <v/>
          </cell>
          <cell r="I12" t="str">
            <v>代表取締役 林　幹郎</v>
          </cell>
          <cell r="J12" t="str">
            <v>本店</v>
          </cell>
          <cell r="K12" t="str">
            <v>072-778-1074</v>
          </cell>
          <cell r="L12" t="str">
            <v>itami@hayashikensetsu.com</v>
          </cell>
          <cell r="M12" t="str">
            <v>ﾊﾔｼｹﾝｾﾂ</v>
          </cell>
          <cell r="N12" t="str">
            <v>無</v>
          </cell>
          <cell r="O12">
            <v>68</v>
          </cell>
          <cell r="P12">
            <v>47</v>
          </cell>
          <cell r="Q12">
            <v>3140001078812</v>
          </cell>
          <cell r="R12">
            <v>50000</v>
          </cell>
          <cell r="S12">
            <v>1778393</v>
          </cell>
          <cell r="T12">
            <v>5307003</v>
          </cell>
          <cell r="V12" t="str">
            <v>bz177642</v>
          </cell>
          <cell r="W12" t="str">
            <v>df202940</v>
          </cell>
          <cell r="X12" t="str">
            <v>土建大と石屋タ鋼鉄舗板ガ塗防内熱具水</v>
          </cell>
          <cell r="Y12" t="str">
            <v/>
          </cell>
          <cell r="Z12" t="str">
            <v>土建大と石屋タ鋼鉄舗板ガ塗防内熱具水</v>
          </cell>
          <cell r="AA12" t="str">
            <v>建築一式</v>
          </cell>
          <cell r="AB12" t="str">
            <v>土木一式</v>
          </cell>
          <cell r="AC12" t="str">
            <v>水道施設</v>
          </cell>
          <cell r="AD12" t="str">
            <v>舗装</v>
          </cell>
          <cell r="AE12">
            <v>43100</v>
          </cell>
          <cell r="AF12" t="str">
            <v>希望しない</v>
          </cell>
          <cell r="AG12" t="str">
            <v>建築一式</v>
          </cell>
          <cell r="AH12" t="str">
            <v>特定</v>
          </cell>
          <cell r="AI12">
            <v>1130</v>
          </cell>
          <cell r="AJ12">
            <v>5224361</v>
          </cell>
          <cell r="AK12" t="str">
            <v>22(21)/0/2</v>
          </cell>
          <cell r="AL12" t="str">
            <v>土木一式</v>
          </cell>
          <cell r="AM12" t="str">
            <v>特定</v>
          </cell>
          <cell r="AN12">
            <v>837</v>
          </cell>
          <cell r="AO12">
            <v>21026</v>
          </cell>
          <cell r="AP12" t="str">
            <v>7(7)/0/0</v>
          </cell>
          <cell r="AQ12" t="str">
            <v>水道施設</v>
          </cell>
          <cell r="AR12" t="str">
            <v>特定</v>
          </cell>
          <cell r="AS12">
            <v>784</v>
          </cell>
          <cell r="AT12">
            <v>56100</v>
          </cell>
          <cell r="AU12" t="str">
            <v>0(0)/0/0</v>
          </cell>
          <cell r="AV12" t="str">
            <v>舗装</v>
          </cell>
          <cell r="AW12" t="str">
            <v>特定</v>
          </cell>
          <cell r="AX12">
            <v>694</v>
          </cell>
          <cell r="AY12" t="str">
            <v/>
          </cell>
          <cell r="AZ12" t="str">
            <v>0(0)/0/0</v>
          </cell>
          <cell r="BA12" t="str">
            <v>伊丹市</v>
          </cell>
          <cell r="BB12" t="str">
            <v/>
          </cell>
          <cell r="BC12" t="str">
            <v>石</v>
          </cell>
          <cell r="BD12" t="str">
            <v>石</v>
          </cell>
          <cell r="CR12">
            <v>2464</v>
          </cell>
          <cell r="CS12" t="str">
            <v>ﾀﾀﾉ ｺﾞﾛｳ</v>
          </cell>
          <cell r="CT12" t="str">
            <v>多々納  五郎</v>
          </cell>
          <cell r="CU12" t="str">
            <v>土地調査課</v>
          </cell>
          <cell r="CW12">
            <v>3347</v>
          </cell>
          <cell r="CX12" t="str">
            <v xml:space="preserve"> </v>
          </cell>
          <cell r="CY12" t="str">
            <v>土地調査課長</v>
          </cell>
        </row>
        <row r="13">
          <cell r="B13">
            <v>26</v>
          </cell>
          <cell r="C13" t="str">
            <v>(株)染の川組</v>
          </cell>
          <cell r="D13" t="str">
            <v>072-782-3570</v>
          </cell>
          <cell r="E13" t="str">
            <v>664-0852</v>
          </cell>
          <cell r="F13" t="str">
            <v>兵庫県伊丹市南本町3-4-14</v>
          </cell>
          <cell r="G13" t="str">
            <v>伊丹市</v>
          </cell>
          <cell r="H13" t="str">
            <v/>
          </cell>
          <cell r="I13" t="str">
            <v>代表取締役 岸田　英夫</v>
          </cell>
          <cell r="J13" t="str">
            <v>本店</v>
          </cell>
          <cell r="K13" t="str">
            <v>072-782-3499</v>
          </cell>
          <cell r="L13" t="str">
            <v>tamaki@somenogawa.co.jp</v>
          </cell>
          <cell r="M13" t="str">
            <v>ｿﾒﾉｶﾞﾜｸﾞﾐ</v>
          </cell>
          <cell r="N13" t="str">
            <v>無</v>
          </cell>
          <cell r="O13">
            <v>62</v>
          </cell>
          <cell r="P13">
            <v>14</v>
          </cell>
          <cell r="Q13">
            <v>6140001078529</v>
          </cell>
          <cell r="R13">
            <v>48000</v>
          </cell>
          <cell r="S13">
            <v>1504864</v>
          </cell>
          <cell r="T13">
            <v>558530</v>
          </cell>
          <cell r="V13" t="str">
            <v>ch843153</v>
          </cell>
          <cell r="W13" t="str">
            <v>gw777038</v>
          </cell>
          <cell r="X13" t="str">
            <v>土建大と石鉄舗浚塗防内水</v>
          </cell>
          <cell r="Y13" t="str">
            <v/>
          </cell>
          <cell r="Z13" t="str">
            <v>土建大と石鉄舗浚塗防内水</v>
          </cell>
          <cell r="AA13" t="str">
            <v>建築一式</v>
          </cell>
          <cell r="AB13" t="str">
            <v>土木一式</v>
          </cell>
          <cell r="AC13" t="str">
            <v>舗装</v>
          </cell>
          <cell r="AD13" t="str">
            <v>水道施設</v>
          </cell>
          <cell r="AE13">
            <v>43281</v>
          </cell>
          <cell r="AF13" t="str">
            <v>希望しない</v>
          </cell>
          <cell r="AG13" t="str">
            <v>建築一式</v>
          </cell>
          <cell r="AH13" t="str">
            <v>特定</v>
          </cell>
          <cell r="AI13">
            <v>871</v>
          </cell>
          <cell r="AJ13">
            <v>374143</v>
          </cell>
          <cell r="AK13" t="str">
            <v>4(4)/0/1</v>
          </cell>
          <cell r="AL13" t="str">
            <v>土木一式</v>
          </cell>
          <cell r="AM13" t="str">
            <v>特定</v>
          </cell>
          <cell r="AN13">
            <v>765</v>
          </cell>
          <cell r="AO13">
            <v>19132</v>
          </cell>
          <cell r="AP13" t="str">
            <v>2(2)/1/4</v>
          </cell>
          <cell r="AQ13" t="str">
            <v>舗装</v>
          </cell>
          <cell r="AR13" t="str">
            <v>特定</v>
          </cell>
          <cell r="AS13">
            <v>730</v>
          </cell>
          <cell r="AT13">
            <v>15555</v>
          </cell>
          <cell r="AU13" t="str">
            <v>1(1)/0/0</v>
          </cell>
          <cell r="AV13" t="str">
            <v>水道施設</v>
          </cell>
          <cell r="AW13" t="str">
            <v>特定</v>
          </cell>
          <cell r="AX13">
            <v>743</v>
          </cell>
          <cell r="AY13">
            <v>26737</v>
          </cell>
          <cell r="AZ13" t="str">
            <v>1(1)/0/0</v>
          </cell>
          <cell r="BA13" t="str">
            <v>伊丹市</v>
          </cell>
          <cell r="BB13" t="str">
            <v/>
          </cell>
          <cell r="BC13" t="str">
            <v>屋</v>
          </cell>
          <cell r="BD13" t="str">
            <v>屋根</v>
          </cell>
          <cell r="CR13">
            <v>2466</v>
          </cell>
          <cell r="CS13" t="str">
            <v>ｴｼﾏ ﾔｽﾋﾛ</v>
          </cell>
          <cell r="CT13" t="str">
            <v>永島  泰広</v>
          </cell>
          <cell r="CU13" t="str">
            <v>地域医療推進課</v>
          </cell>
          <cell r="CW13">
            <v>3854</v>
          </cell>
          <cell r="CX13" t="str">
            <v xml:space="preserve"> </v>
          </cell>
          <cell r="CY13" t="str">
            <v>地域医療推進課長</v>
          </cell>
        </row>
        <row r="14">
          <cell r="B14">
            <v>37</v>
          </cell>
          <cell r="C14" t="str">
            <v>伊丹産業電気工事(株)(合併による消滅）</v>
          </cell>
          <cell r="D14" t="str">
            <v>072-785-1200</v>
          </cell>
          <cell r="E14" t="str">
            <v>664-0836</v>
          </cell>
          <cell r="F14" t="str">
            <v>兵庫県伊丹市北本町2-259</v>
          </cell>
          <cell r="G14" t="str">
            <v>伊丹市</v>
          </cell>
          <cell r="H14" t="str">
            <v/>
          </cell>
          <cell r="I14" t="str">
            <v>代表取締役 東仲　淳隆</v>
          </cell>
          <cell r="J14" t="str">
            <v>本店</v>
          </cell>
          <cell r="K14" t="str">
            <v>072-777-2199</v>
          </cell>
          <cell r="L14" t="str">
            <v>isdk@pearl.ocn.ne.jp</v>
          </cell>
          <cell r="M14" t="str">
            <v>ｲﾀﾐｻﾝｷﾞｮｳﾃﾞﾝｷｺｳｼﾞ</v>
          </cell>
          <cell r="N14" t="str">
            <v>無</v>
          </cell>
          <cell r="O14">
            <v>56</v>
          </cell>
          <cell r="P14">
            <v>33</v>
          </cell>
          <cell r="Q14">
            <v>1140001077997</v>
          </cell>
          <cell r="R14">
            <v>48000</v>
          </cell>
          <cell r="S14">
            <v>913530</v>
          </cell>
          <cell r="T14">
            <v>1364852</v>
          </cell>
          <cell r="V14" t="str">
            <v>ee847331</v>
          </cell>
          <cell r="W14" t="str">
            <v>zm369107</v>
          </cell>
          <cell r="X14" t="str">
            <v>消電</v>
          </cell>
          <cell r="Y14" t="str">
            <v>消</v>
          </cell>
          <cell r="Z14" t="str">
            <v>電</v>
          </cell>
          <cell r="AA14" t="str">
            <v>電気</v>
          </cell>
          <cell r="AB14" t="str">
            <v>消防施設</v>
          </cell>
          <cell r="AC14" t="str">
            <v/>
          </cell>
          <cell r="AD14" t="str">
            <v/>
          </cell>
          <cell r="AE14">
            <v>42978</v>
          </cell>
          <cell r="AF14" t="str">
            <v>希望しない</v>
          </cell>
          <cell r="AG14" t="str">
            <v>電気</v>
          </cell>
          <cell r="AH14" t="str">
            <v>特定</v>
          </cell>
          <cell r="AI14">
            <v>990</v>
          </cell>
          <cell r="AJ14">
            <v>1502620</v>
          </cell>
          <cell r="AK14" t="str">
            <v>10(8)/4/3</v>
          </cell>
          <cell r="AL14" t="str">
            <v>消防施設</v>
          </cell>
          <cell r="AM14" t="str">
            <v>一般</v>
          </cell>
          <cell r="AN14">
            <v>728</v>
          </cell>
          <cell r="AO14">
            <v>2373</v>
          </cell>
          <cell r="AP14" t="str">
            <v>0(0)/9/0</v>
          </cell>
          <cell r="AQ14" t="str">
            <v/>
          </cell>
          <cell r="AR14" t="str">
            <v/>
          </cell>
          <cell r="AS14" t="str">
            <v/>
          </cell>
          <cell r="AT14" t="str">
            <v/>
          </cell>
          <cell r="AU14" t="str">
            <v/>
          </cell>
          <cell r="AV14" t="str">
            <v/>
          </cell>
          <cell r="AW14" t="str">
            <v/>
          </cell>
          <cell r="AX14" t="str">
            <v/>
          </cell>
          <cell r="AY14" t="str">
            <v/>
          </cell>
          <cell r="AZ14" t="str">
            <v/>
          </cell>
          <cell r="BA14" t="str">
            <v>伊丹市</v>
          </cell>
          <cell r="BB14" t="str">
            <v/>
          </cell>
          <cell r="BC14" t="str">
            <v>管</v>
          </cell>
          <cell r="BD14" t="str">
            <v>管</v>
          </cell>
          <cell r="CR14">
            <v>2476</v>
          </cell>
          <cell r="CS14" t="str">
            <v>ﾊﾘﾏ ﾕｳｼﾞ</v>
          </cell>
          <cell r="CT14" t="str">
            <v>播磨  勇二</v>
          </cell>
          <cell r="CU14" t="str">
            <v xml:space="preserve">道路保全課 </v>
          </cell>
          <cell r="CW14">
            <v>3054</v>
          </cell>
          <cell r="CX14" t="str">
            <v xml:space="preserve"> </v>
          </cell>
          <cell r="CY14" t="str">
            <v>道路保全課長</v>
          </cell>
        </row>
        <row r="15">
          <cell r="B15">
            <v>38</v>
          </cell>
          <cell r="C15" t="str">
            <v>阪神地域開発事業(協)</v>
          </cell>
          <cell r="D15" t="str">
            <v>072-777-3531</v>
          </cell>
          <cell r="E15" t="str">
            <v>664-0023</v>
          </cell>
          <cell r="F15" t="str">
            <v>兵庫県伊丹市中野西1-142</v>
          </cell>
          <cell r="G15" t="str">
            <v>伊丹市</v>
          </cell>
          <cell r="H15" t="str">
            <v/>
          </cell>
          <cell r="I15" t="str">
            <v>代表理事 高木　哲次</v>
          </cell>
          <cell r="J15" t="str">
            <v>本店</v>
          </cell>
          <cell r="K15" t="str">
            <v>072-770-4639</v>
          </cell>
          <cell r="L15" t="str">
            <v>hansin@iwc.or.jp</v>
          </cell>
          <cell r="M15" t="str">
            <v>ﾊﾝｼﾝﾁｲｷｶｲﾊﾂｼﾞｷﾞｮｳ</v>
          </cell>
          <cell r="N15" t="str">
            <v>無</v>
          </cell>
          <cell r="O15">
            <v>38</v>
          </cell>
          <cell r="P15">
            <v>4</v>
          </cell>
          <cell r="Q15">
            <v>5140005018110</v>
          </cell>
          <cell r="R15">
            <v>8590</v>
          </cell>
          <cell r="S15">
            <v>12740</v>
          </cell>
          <cell r="T15">
            <v>113650</v>
          </cell>
          <cell r="V15" t="str">
            <v>fm244207</v>
          </cell>
          <cell r="W15" t="str">
            <v>mn527931</v>
          </cell>
          <cell r="X15" t="str">
            <v>土建大屋管タ内園</v>
          </cell>
          <cell r="Y15" t="str">
            <v>土建大屋管タ内園</v>
          </cell>
          <cell r="Z15" t="str">
            <v/>
          </cell>
          <cell r="AA15" t="str">
            <v>造園</v>
          </cell>
          <cell r="AB15" t="str">
            <v>土木一式</v>
          </cell>
          <cell r="AC15" t="str">
            <v>内装仕上</v>
          </cell>
          <cell r="AD15" t="str">
            <v>屋根</v>
          </cell>
          <cell r="AE15">
            <v>43190</v>
          </cell>
          <cell r="AF15" t="str">
            <v>希望しない</v>
          </cell>
          <cell r="AG15" t="str">
            <v>造園</v>
          </cell>
          <cell r="AH15" t="str">
            <v>一般</v>
          </cell>
          <cell r="AI15">
            <v>658</v>
          </cell>
          <cell r="AJ15">
            <v>58484</v>
          </cell>
          <cell r="AK15" t="str">
            <v>()/3/</v>
          </cell>
          <cell r="AL15" t="str">
            <v>土木一式</v>
          </cell>
          <cell r="AM15" t="str">
            <v>一般</v>
          </cell>
          <cell r="AN15">
            <v>459</v>
          </cell>
          <cell r="AO15">
            <v>4776</v>
          </cell>
          <cell r="AP15" t="str">
            <v>1()//</v>
          </cell>
          <cell r="AQ15" t="str">
            <v>内装仕上</v>
          </cell>
          <cell r="AR15" t="str">
            <v>一般</v>
          </cell>
          <cell r="AS15">
            <v>441</v>
          </cell>
          <cell r="AT15">
            <v>3363</v>
          </cell>
          <cell r="AU15" t="str">
            <v/>
          </cell>
          <cell r="AV15" t="str">
            <v>屋根</v>
          </cell>
          <cell r="AW15" t="str">
            <v>一般</v>
          </cell>
          <cell r="AX15">
            <v>410</v>
          </cell>
          <cell r="AY15">
            <v>996</v>
          </cell>
          <cell r="AZ15" t="str">
            <v/>
          </cell>
          <cell r="BA15" t="str">
            <v>伊丹市</v>
          </cell>
          <cell r="BB15" t="str">
            <v/>
          </cell>
          <cell r="BC15" t="str">
            <v>タ</v>
          </cell>
          <cell r="BD15" t="str">
            <v>タイル</v>
          </cell>
          <cell r="CR15">
            <v>2486</v>
          </cell>
          <cell r="CS15" t="str">
            <v>ﾓﾄﾔ ｿﾄｼ</v>
          </cell>
          <cell r="CT15" t="str">
            <v>本谷  外志</v>
          </cell>
          <cell r="CU15" t="str">
            <v>総務課</v>
          </cell>
          <cell r="CW15">
            <v>2406</v>
          </cell>
          <cell r="CX15" t="str">
            <v xml:space="preserve"> </v>
          </cell>
          <cell r="CY15" t="str">
            <v>総務課長</v>
          </cell>
        </row>
        <row r="16">
          <cell r="B16">
            <v>46</v>
          </cell>
          <cell r="C16" t="str">
            <v>(株)ヱビス</v>
          </cell>
          <cell r="D16" t="str">
            <v>072-781-6028</v>
          </cell>
          <cell r="E16" t="str">
            <v>664-0006</v>
          </cell>
          <cell r="F16" t="str">
            <v>兵庫県伊丹市鴻池5-1-20</v>
          </cell>
          <cell r="G16" t="str">
            <v>伊丹市</v>
          </cell>
          <cell r="H16" t="str">
            <v/>
          </cell>
          <cell r="I16" t="str">
            <v>代表取締役 坂本　昌温</v>
          </cell>
          <cell r="J16" t="str">
            <v>本店</v>
          </cell>
          <cell r="K16" t="str">
            <v>072-781-6954</v>
          </cell>
          <cell r="L16" t="str">
            <v>kensetu-dev@ebisu-i.co.jp</v>
          </cell>
          <cell r="M16" t="str">
            <v>ｴﾋﾞｽ</v>
          </cell>
          <cell r="N16" t="str">
            <v>無</v>
          </cell>
          <cell r="O16">
            <v>56</v>
          </cell>
          <cell r="P16">
            <v>9</v>
          </cell>
          <cell r="Q16">
            <v>7140001078123</v>
          </cell>
          <cell r="R16">
            <v>20000</v>
          </cell>
          <cell r="S16">
            <v>3597</v>
          </cell>
          <cell r="T16">
            <v>140587</v>
          </cell>
          <cell r="V16" t="str">
            <v>cj681334</v>
          </cell>
          <cell r="W16" t="str">
            <v>ty573412</v>
          </cell>
          <cell r="X16" t="str">
            <v>土建と電管舗園水</v>
          </cell>
          <cell r="Y16" t="str">
            <v>土建と電管舗園水</v>
          </cell>
          <cell r="Z16" t="str">
            <v/>
          </cell>
          <cell r="AA16" t="str">
            <v>土木一式</v>
          </cell>
          <cell r="AB16" t="str">
            <v>造園</v>
          </cell>
          <cell r="AC16" t="str">
            <v>舗装</v>
          </cell>
          <cell r="AD16" t="str">
            <v>水道施設</v>
          </cell>
          <cell r="AE16">
            <v>43190</v>
          </cell>
          <cell r="AF16" t="str">
            <v>希望しない</v>
          </cell>
          <cell r="AG16" t="str">
            <v>土木一式</v>
          </cell>
          <cell r="AH16" t="str">
            <v>一般</v>
          </cell>
          <cell r="AI16">
            <v>717</v>
          </cell>
          <cell r="AJ16">
            <v>69642</v>
          </cell>
          <cell r="AK16" t="str">
            <v>2(2)/1/0</v>
          </cell>
          <cell r="AL16" t="str">
            <v>造園</v>
          </cell>
          <cell r="AM16" t="str">
            <v>一般</v>
          </cell>
          <cell r="AN16">
            <v>588</v>
          </cell>
          <cell r="AO16">
            <v>530</v>
          </cell>
          <cell r="AP16" t="str">
            <v>0(0)/0/0</v>
          </cell>
          <cell r="AQ16" t="str">
            <v>舗装</v>
          </cell>
          <cell r="AR16" t="str">
            <v>一般</v>
          </cell>
          <cell r="AS16">
            <v>623</v>
          </cell>
          <cell r="AT16">
            <v>7527</v>
          </cell>
          <cell r="AU16" t="str">
            <v>0(0)/0/0</v>
          </cell>
          <cell r="AV16" t="str">
            <v>水道施設</v>
          </cell>
          <cell r="AW16" t="str">
            <v>一般</v>
          </cell>
          <cell r="AX16">
            <v>594</v>
          </cell>
          <cell r="AY16">
            <v>1154</v>
          </cell>
          <cell r="AZ16" t="str">
            <v>0(0)/0/1</v>
          </cell>
          <cell r="BA16" t="str">
            <v>伊丹市</v>
          </cell>
          <cell r="BB16" t="str">
            <v/>
          </cell>
          <cell r="BC16" t="str">
            <v>鋼</v>
          </cell>
          <cell r="BD16" t="str">
            <v>鋼構造物</v>
          </cell>
          <cell r="CR16">
            <v>2506</v>
          </cell>
          <cell r="CS16" t="str">
            <v>ﾃﾗﾀﾞ ﾉﾌﾞﾋﾛ</v>
          </cell>
          <cell r="CT16" t="str">
            <v>寺田  信博</v>
          </cell>
          <cell r="CU16" t="str">
            <v>業務課</v>
          </cell>
          <cell r="CW16" t="str">
            <v xml:space="preserve"> </v>
          </cell>
          <cell r="CX16" t="str">
            <v xml:space="preserve"> </v>
          </cell>
          <cell r="CY16" t="str">
            <v>業務課長</v>
          </cell>
        </row>
        <row r="17">
          <cell r="B17">
            <v>48</v>
          </cell>
          <cell r="C17" t="str">
            <v>(株)毎日建設工業</v>
          </cell>
          <cell r="D17" t="str">
            <v>072-777-9129</v>
          </cell>
          <cell r="E17" t="str">
            <v>664-0882</v>
          </cell>
          <cell r="F17" t="str">
            <v>兵庫県伊丹市鈴原町8-63-2</v>
          </cell>
          <cell r="G17" t="str">
            <v>伊丹市</v>
          </cell>
          <cell r="H17" t="str">
            <v/>
          </cell>
          <cell r="I17" t="str">
            <v>代表取締役 柴伐　伸和</v>
          </cell>
          <cell r="J17" t="str">
            <v>本店</v>
          </cell>
          <cell r="K17" t="str">
            <v>072-777-3239</v>
          </cell>
          <cell r="L17" t="str">
            <v>mainiti.shibakiri@gmail.com</v>
          </cell>
          <cell r="M17" t="str">
            <v>ﾏｲﾆﾁｹﾝｾﾂｺｳｷﾞｮｳ</v>
          </cell>
          <cell r="N17" t="str">
            <v>無</v>
          </cell>
          <cell r="O17">
            <v>37</v>
          </cell>
          <cell r="P17">
            <v>2</v>
          </cell>
          <cell r="Q17">
            <v>1140001078921</v>
          </cell>
          <cell r="R17">
            <v>30000</v>
          </cell>
          <cell r="S17">
            <v>52505</v>
          </cell>
          <cell r="T17">
            <v>71745</v>
          </cell>
          <cell r="V17" t="str">
            <v>jw860525</v>
          </cell>
          <cell r="W17" t="str">
            <v>mg173593</v>
          </cell>
          <cell r="X17" t="str">
            <v>建大塗防</v>
          </cell>
          <cell r="Y17" t="str">
            <v/>
          </cell>
          <cell r="Z17" t="str">
            <v>建大塗防</v>
          </cell>
          <cell r="AA17" t="str">
            <v>建築一式</v>
          </cell>
          <cell r="AB17" t="str">
            <v>塗装</v>
          </cell>
          <cell r="AC17" t="str">
            <v>防水</v>
          </cell>
          <cell r="AD17" t="str">
            <v>大工</v>
          </cell>
          <cell r="AE17">
            <v>43159</v>
          </cell>
          <cell r="AF17" t="str">
            <v>希望しない</v>
          </cell>
          <cell r="AG17" t="str">
            <v>建築一式</v>
          </cell>
          <cell r="AH17" t="str">
            <v>特定</v>
          </cell>
          <cell r="AI17">
            <v>715</v>
          </cell>
          <cell r="AJ17">
            <v>131308</v>
          </cell>
          <cell r="AK17" t="str">
            <v>1(1)/0/0</v>
          </cell>
          <cell r="AL17" t="str">
            <v>塗装</v>
          </cell>
          <cell r="AM17" t="str">
            <v>特定</v>
          </cell>
          <cell r="AN17">
            <v>590</v>
          </cell>
          <cell r="AO17">
            <v>938</v>
          </cell>
          <cell r="AP17" t="str">
            <v>0(0)/0/0</v>
          </cell>
          <cell r="AQ17" t="str">
            <v>防水</v>
          </cell>
          <cell r="AR17" t="str">
            <v>特定</v>
          </cell>
          <cell r="AS17">
            <v>604</v>
          </cell>
          <cell r="AT17">
            <v>912</v>
          </cell>
          <cell r="AU17" t="str">
            <v>1(1)/0/0</v>
          </cell>
          <cell r="AV17" t="str">
            <v>大工</v>
          </cell>
          <cell r="AW17" t="str">
            <v>特定</v>
          </cell>
          <cell r="AX17" t="str">
            <v>-</v>
          </cell>
          <cell r="AY17" t="str">
            <v>-</v>
          </cell>
          <cell r="AZ17" t="str">
            <v>0(0)/0/0</v>
          </cell>
          <cell r="BA17" t="str">
            <v>伊丹市</v>
          </cell>
          <cell r="BB17" t="str">
            <v/>
          </cell>
          <cell r="BC17" t="str">
            <v>筋</v>
          </cell>
          <cell r="BD17" t="str">
            <v>鉄筋</v>
          </cell>
          <cell r="CR17">
            <v>2563</v>
          </cell>
          <cell r="CS17" t="str">
            <v>ﾓﾘﾓﾄ ｽｽﾑ</v>
          </cell>
          <cell r="CT17" t="str">
            <v>森本  進</v>
          </cell>
          <cell r="CU17" t="str">
            <v>総務課</v>
          </cell>
          <cell r="CW17">
            <v>2405</v>
          </cell>
          <cell r="CX17" t="str">
            <v xml:space="preserve"> </v>
          </cell>
          <cell r="CY17" t="str">
            <v>総務課長</v>
          </cell>
        </row>
        <row r="18">
          <cell r="B18">
            <v>49</v>
          </cell>
          <cell r="C18" t="str">
            <v>三晃(株)</v>
          </cell>
          <cell r="D18" t="str">
            <v>072-773-0101</v>
          </cell>
          <cell r="E18" t="str">
            <v>664-0026</v>
          </cell>
          <cell r="F18" t="str">
            <v>兵庫県伊丹市寺本1-114</v>
          </cell>
          <cell r="G18" t="str">
            <v>伊丹市</v>
          </cell>
          <cell r="H18" t="str">
            <v/>
          </cell>
          <cell r="I18" t="str">
            <v>代表取締役 菅原　秀介</v>
          </cell>
          <cell r="J18" t="str">
            <v>本店</v>
          </cell>
          <cell r="K18" t="str">
            <v>072-781-1001</v>
          </cell>
          <cell r="L18" t="str">
            <v>k.nishimura@sks.cside.com</v>
          </cell>
          <cell r="M18" t="str">
            <v>ｻﾝｺｳﾄｿｳ</v>
          </cell>
          <cell r="N18" t="str">
            <v>無</v>
          </cell>
          <cell r="O18">
            <v>37</v>
          </cell>
          <cell r="P18">
            <v>9</v>
          </cell>
          <cell r="Q18">
            <v>4140001078357</v>
          </cell>
          <cell r="R18">
            <v>30000</v>
          </cell>
          <cell r="S18">
            <v>77351</v>
          </cell>
          <cell r="T18">
            <v>283174</v>
          </cell>
          <cell r="V18" t="str">
            <v>ee479618</v>
          </cell>
          <cell r="W18" t="str">
            <v>sw360601</v>
          </cell>
          <cell r="X18" t="str">
            <v>建塗防</v>
          </cell>
          <cell r="Y18" t="str">
            <v/>
          </cell>
          <cell r="Z18" t="str">
            <v>建塗防</v>
          </cell>
          <cell r="AA18" t="str">
            <v>塗装</v>
          </cell>
          <cell r="AB18" t="str">
            <v>建築一式</v>
          </cell>
          <cell r="AC18" t="str">
            <v>防水</v>
          </cell>
          <cell r="AD18" t="str">
            <v/>
          </cell>
          <cell r="AE18">
            <v>43343</v>
          </cell>
          <cell r="AF18" t="str">
            <v/>
          </cell>
          <cell r="AG18" t="str">
            <v>塗装</v>
          </cell>
          <cell r="AH18" t="str">
            <v>特定</v>
          </cell>
          <cell r="AI18">
            <v>758</v>
          </cell>
          <cell r="AJ18">
            <v>175738</v>
          </cell>
          <cell r="AK18" t="str">
            <v>()/1/1</v>
          </cell>
          <cell r="AL18" t="str">
            <v>建築一式</v>
          </cell>
          <cell r="AM18" t="str">
            <v>特定</v>
          </cell>
          <cell r="AN18">
            <v>719</v>
          </cell>
          <cell r="AO18">
            <v>29442</v>
          </cell>
          <cell r="AP18" t="str">
            <v>1(1)//</v>
          </cell>
          <cell r="AQ18" t="str">
            <v>防水</v>
          </cell>
          <cell r="AR18" t="str">
            <v>特定</v>
          </cell>
          <cell r="AS18">
            <v>673</v>
          </cell>
          <cell r="AT18">
            <v>5610</v>
          </cell>
          <cell r="AU18" t="str">
            <v>1(1)//</v>
          </cell>
          <cell r="AV18" t="str">
            <v/>
          </cell>
          <cell r="AW18" t="str">
            <v/>
          </cell>
          <cell r="AX18" t="str">
            <v/>
          </cell>
          <cell r="AY18" t="str">
            <v/>
          </cell>
          <cell r="AZ18" t="str">
            <v/>
          </cell>
          <cell r="BA18" t="str">
            <v>伊丹市</v>
          </cell>
          <cell r="BB18" t="str">
            <v/>
          </cell>
          <cell r="BC18" t="str">
            <v>舗</v>
          </cell>
          <cell r="BD18" t="str">
            <v>舗装</v>
          </cell>
          <cell r="CR18">
            <v>2564</v>
          </cell>
          <cell r="CS18" t="str">
            <v>ｸｲｾ ﾖｼｵ</v>
          </cell>
          <cell r="CT18" t="str">
            <v>杭瀬  芳男</v>
          </cell>
          <cell r="CU18" t="str">
            <v>市民課</v>
          </cell>
          <cell r="CW18">
            <v>2612</v>
          </cell>
          <cell r="CX18" t="str">
            <v xml:space="preserve"> </v>
          </cell>
          <cell r="CY18" t="str">
            <v>市民課長</v>
          </cell>
        </row>
        <row r="19">
          <cell r="B19">
            <v>52</v>
          </cell>
          <cell r="C19" t="str">
            <v>(株)大畑工務店</v>
          </cell>
          <cell r="D19" t="str">
            <v>072-781-1019</v>
          </cell>
          <cell r="E19" t="str">
            <v>664-0022</v>
          </cell>
          <cell r="F19" t="str">
            <v>兵庫県伊丹市中野東3-123</v>
          </cell>
          <cell r="G19" t="str">
            <v>伊丹市</v>
          </cell>
          <cell r="H19" t="str">
            <v/>
          </cell>
          <cell r="I19" t="str">
            <v>代表取締役 大畑　彰</v>
          </cell>
          <cell r="J19" t="str">
            <v>本店</v>
          </cell>
          <cell r="K19" t="str">
            <v>072-783-1927</v>
          </cell>
          <cell r="L19" t="str">
            <v>hei01002@hcc5.bai.ne.jp</v>
          </cell>
          <cell r="M19" t="str">
            <v>ｵｵﾊﾀｺｳﾑﾃﾝ</v>
          </cell>
          <cell r="N19" t="str">
            <v>無</v>
          </cell>
          <cell r="O19">
            <v>61</v>
          </cell>
          <cell r="P19">
            <v>5</v>
          </cell>
          <cell r="Q19">
            <v>2140001078169</v>
          </cell>
          <cell r="R19">
            <v>40000</v>
          </cell>
          <cell r="S19">
            <v>96939</v>
          </cell>
          <cell r="T19">
            <v>112423</v>
          </cell>
          <cell r="V19" t="str">
            <v>yk903815</v>
          </cell>
          <cell r="W19" t="str">
            <v>ez182740</v>
          </cell>
          <cell r="X19" t="str">
            <v>管建大屋タ内</v>
          </cell>
          <cell r="Y19" t="str">
            <v>管</v>
          </cell>
          <cell r="Z19" t="str">
            <v>建大屋タ内</v>
          </cell>
          <cell r="AA19" t="str">
            <v>建築一式</v>
          </cell>
          <cell r="AB19" t="str">
            <v>大工</v>
          </cell>
          <cell r="AC19" t="str">
            <v>屋根</v>
          </cell>
          <cell r="AD19" t="str">
            <v>内装仕上</v>
          </cell>
          <cell r="AE19">
            <v>43220</v>
          </cell>
          <cell r="AF19" t="str">
            <v>希望しない</v>
          </cell>
          <cell r="AG19" t="str">
            <v>建築一式</v>
          </cell>
          <cell r="AH19" t="str">
            <v>特定</v>
          </cell>
          <cell r="AI19">
            <v>749</v>
          </cell>
          <cell r="AJ19">
            <v>105506</v>
          </cell>
          <cell r="AK19" t="str">
            <v>2(2)/1/1</v>
          </cell>
          <cell r="AL19" t="str">
            <v>大工</v>
          </cell>
          <cell r="AM19" t="str">
            <v>特定</v>
          </cell>
          <cell r="AN19">
            <v>605</v>
          </cell>
          <cell r="AO19" t="str">
            <v/>
          </cell>
          <cell r="AP19" t="str">
            <v>0(0)/0/1</v>
          </cell>
          <cell r="AQ19" t="str">
            <v>屋根</v>
          </cell>
          <cell r="AR19" t="str">
            <v>特定</v>
          </cell>
          <cell r="AS19">
            <v>602</v>
          </cell>
          <cell r="AT19" t="str">
            <v/>
          </cell>
          <cell r="AU19" t="str">
            <v>0(0)/0/0</v>
          </cell>
          <cell r="AV19" t="str">
            <v>内装仕上</v>
          </cell>
          <cell r="AW19" t="str">
            <v>特定</v>
          </cell>
          <cell r="AX19">
            <v>632</v>
          </cell>
          <cell r="AY19" t="str">
            <v/>
          </cell>
          <cell r="AZ19" t="str">
            <v>2(2)/0/0</v>
          </cell>
          <cell r="BA19" t="str">
            <v>伊丹市</v>
          </cell>
          <cell r="BB19" t="str">
            <v/>
          </cell>
          <cell r="BC19" t="str">
            <v>浚</v>
          </cell>
          <cell r="BD19" t="str">
            <v>浚渫</v>
          </cell>
          <cell r="CR19">
            <v>2574</v>
          </cell>
          <cell r="CS19" t="str">
            <v>ｶﾜﾓﾄ ｱｻﾕｷ</v>
          </cell>
          <cell r="CT19" t="str">
            <v>川元  朝幸</v>
          </cell>
          <cell r="CU19" t="str">
            <v>公園課</v>
          </cell>
          <cell r="CW19" t="str">
            <v xml:space="preserve"> </v>
          </cell>
          <cell r="CX19" t="str">
            <v xml:space="preserve"> </v>
          </cell>
          <cell r="CY19" t="str">
            <v>公園課長</v>
          </cell>
        </row>
        <row r="20">
          <cell r="B20">
            <v>53</v>
          </cell>
          <cell r="C20" t="str">
            <v>堅田建設興業(株)</v>
          </cell>
          <cell r="D20" t="str">
            <v>072-772-1181</v>
          </cell>
          <cell r="E20" t="str">
            <v>664-0853</v>
          </cell>
          <cell r="F20" t="str">
            <v>兵庫県伊丹市平松1-3-18</v>
          </cell>
          <cell r="G20" t="str">
            <v>伊丹市</v>
          </cell>
          <cell r="H20" t="str">
            <v/>
          </cell>
          <cell r="I20" t="str">
            <v>代表取締役 堅田　武志</v>
          </cell>
          <cell r="J20" t="str">
            <v>本店</v>
          </cell>
          <cell r="K20" t="str">
            <v>072-772-1183</v>
          </cell>
          <cell r="L20" t="str">
            <v>katada-takeshi@deluxe.ocn.ne.jp</v>
          </cell>
          <cell r="M20" t="str">
            <v>ｶﾀﾀﾞｹﾝｾﾂｺｳｷﾞｮｳ</v>
          </cell>
          <cell r="N20" t="str">
            <v>無</v>
          </cell>
          <cell r="O20">
            <v>68</v>
          </cell>
          <cell r="P20">
            <v>7</v>
          </cell>
          <cell r="Q20">
            <v>7140001078206</v>
          </cell>
          <cell r="R20">
            <v>30000</v>
          </cell>
          <cell r="S20">
            <v>179215</v>
          </cell>
          <cell r="T20">
            <v>181507</v>
          </cell>
          <cell r="V20" t="str">
            <v>xp498069</v>
          </cell>
          <cell r="W20" t="str">
            <v>me965362</v>
          </cell>
          <cell r="X20" t="str">
            <v>舗建</v>
          </cell>
          <cell r="Y20" t="str">
            <v>舗</v>
          </cell>
          <cell r="Z20" t="str">
            <v>建</v>
          </cell>
          <cell r="AA20" t="str">
            <v>建築一式</v>
          </cell>
          <cell r="AB20" t="str">
            <v>舗装</v>
          </cell>
          <cell r="AC20" t="str">
            <v/>
          </cell>
          <cell r="AD20" t="str">
            <v/>
          </cell>
          <cell r="AE20">
            <v>43039</v>
          </cell>
          <cell r="AF20" t="str">
            <v/>
          </cell>
          <cell r="AG20" t="str">
            <v>建築一式</v>
          </cell>
          <cell r="AH20" t="str">
            <v>特定</v>
          </cell>
          <cell r="AI20">
            <v>837</v>
          </cell>
          <cell r="AJ20">
            <v>191700</v>
          </cell>
          <cell r="AK20" t="str">
            <v>2(2)/2/0</v>
          </cell>
          <cell r="AL20" t="str">
            <v>舗装</v>
          </cell>
          <cell r="AM20" t="str">
            <v>一般</v>
          </cell>
          <cell r="AN20">
            <v>667</v>
          </cell>
          <cell r="AO20" t="str">
            <v/>
          </cell>
          <cell r="AP20" t="str">
            <v>0(0)/0/0</v>
          </cell>
          <cell r="AQ20" t="str">
            <v/>
          </cell>
          <cell r="AR20" t="str">
            <v/>
          </cell>
          <cell r="AS20" t="str">
            <v/>
          </cell>
          <cell r="AT20" t="str">
            <v/>
          </cell>
          <cell r="AU20" t="str">
            <v/>
          </cell>
          <cell r="AV20" t="str">
            <v/>
          </cell>
          <cell r="AW20" t="str">
            <v/>
          </cell>
          <cell r="AX20" t="str">
            <v/>
          </cell>
          <cell r="AY20" t="str">
            <v/>
          </cell>
          <cell r="AZ20" t="str">
            <v/>
          </cell>
          <cell r="BA20" t="str">
            <v>伊丹市</v>
          </cell>
          <cell r="BB20" t="str">
            <v/>
          </cell>
          <cell r="BC20" t="str">
            <v>板</v>
          </cell>
          <cell r="BD20" t="str">
            <v>板金</v>
          </cell>
          <cell r="CR20">
            <v>2584</v>
          </cell>
          <cell r="CS20" t="str">
            <v>ﾂｶﾓﾄ ﾐﾂﾙ</v>
          </cell>
          <cell r="CT20" t="str">
            <v>塚本  満</v>
          </cell>
          <cell r="CU20" t="str">
            <v>総務課</v>
          </cell>
          <cell r="CW20">
            <v>2411</v>
          </cell>
          <cell r="CX20" t="str">
            <v xml:space="preserve"> </v>
          </cell>
          <cell r="CY20" t="str">
            <v>総務課長</v>
          </cell>
        </row>
        <row r="21">
          <cell r="B21">
            <v>54</v>
          </cell>
          <cell r="C21" t="str">
            <v>(株)橋本工務店</v>
          </cell>
          <cell r="D21" t="str">
            <v>072-782-6243</v>
          </cell>
          <cell r="E21" t="str">
            <v>664-0846</v>
          </cell>
          <cell r="F21" t="str">
            <v>兵庫県伊丹市伊丹3-2-6</v>
          </cell>
          <cell r="G21" t="str">
            <v>伊丹市</v>
          </cell>
          <cell r="H21" t="str">
            <v/>
          </cell>
          <cell r="I21" t="str">
            <v>代表取締役 橋本　育子</v>
          </cell>
          <cell r="J21" t="str">
            <v>本店</v>
          </cell>
          <cell r="K21" t="str">
            <v>072-782-8832</v>
          </cell>
          <cell r="L21" t="str">
            <v>hasi-kou@iris.eonet.ne.jp</v>
          </cell>
          <cell r="M21" t="str">
            <v>ﾊｼﾓﾄｺｳﾑﾃﾝ</v>
          </cell>
          <cell r="N21" t="str">
            <v>無</v>
          </cell>
          <cell r="O21">
            <v>58</v>
          </cell>
          <cell r="P21">
            <v>8</v>
          </cell>
          <cell r="Q21">
            <v>2140001078796</v>
          </cell>
          <cell r="R21">
            <v>20000</v>
          </cell>
          <cell r="S21">
            <v>49585</v>
          </cell>
          <cell r="T21">
            <v>526833</v>
          </cell>
          <cell r="V21" t="str">
            <v>yg344576</v>
          </cell>
          <cell r="W21" t="str">
            <v>pq751795</v>
          </cell>
          <cell r="X21" t="str">
            <v>建</v>
          </cell>
          <cell r="Y21" t="str">
            <v/>
          </cell>
          <cell r="Z21" t="str">
            <v>建</v>
          </cell>
          <cell r="AA21" t="str">
            <v>建築一式</v>
          </cell>
          <cell r="AB21" t="str">
            <v/>
          </cell>
          <cell r="AC21" t="str">
            <v/>
          </cell>
          <cell r="AD21" t="str">
            <v/>
          </cell>
          <cell r="AE21">
            <v>43008</v>
          </cell>
          <cell r="AF21" t="str">
            <v/>
          </cell>
          <cell r="AG21" t="str">
            <v>建築一式</v>
          </cell>
          <cell r="AH21" t="str">
            <v>特定</v>
          </cell>
          <cell r="AI21">
            <v>832</v>
          </cell>
          <cell r="AJ21">
            <v>507253</v>
          </cell>
          <cell r="AK21" t="str">
            <v>3(3)/0/0</v>
          </cell>
          <cell r="AL21" t="str">
            <v/>
          </cell>
          <cell r="AM21" t="str">
            <v/>
          </cell>
          <cell r="AN21" t="str">
            <v/>
          </cell>
          <cell r="AO21" t="str">
            <v/>
          </cell>
          <cell r="AP21" t="str">
            <v/>
          </cell>
          <cell r="AQ21" t="str">
            <v/>
          </cell>
          <cell r="AR21" t="str">
            <v/>
          </cell>
          <cell r="AS21" t="str">
            <v/>
          </cell>
          <cell r="AT21" t="str">
            <v/>
          </cell>
          <cell r="AU21" t="str">
            <v/>
          </cell>
          <cell r="AV21" t="str">
            <v/>
          </cell>
          <cell r="AW21" t="str">
            <v/>
          </cell>
          <cell r="AX21" t="str">
            <v/>
          </cell>
          <cell r="AY21" t="str">
            <v/>
          </cell>
          <cell r="AZ21" t="str">
            <v/>
          </cell>
          <cell r="BA21" t="str">
            <v>伊丹市</v>
          </cell>
          <cell r="BB21" t="str">
            <v/>
          </cell>
          <cell r="BC21" t="str">
            <v>防</v>
          </cell>
          <cell r="BD21" t="str">
            <v>防水</v>
          </cell>
          <cell r="CR21">
            <v>2625</v>
          </cell>
          <cell r="CS21" t="str">
            <v>ﾓﾘﾀ ﾆﾛｳ</v>
          </cell>
          <cell r="CT21" t="str">
            <v>森田  二郎</v>
          </cell>
          <cell r="CU21" t="str">
            <v>契約・検査課</v>
          </cell>
          <cell r="CW21">
            <v>2448</v>
          </cell>
          <cell r="CX21" t="str">
            <v xml:space="preserve"> </v>
          </cell>
          <cell r="CY21" t="str">
            <v>契約・検査課長</v>
          </cell>
        </row>
        <row r="22">
          <cell r="B22">
            <v>58</v>
          </cell>
          <cell r="C22" t="str">
            <v>(株)飯田工務店</v>
          </cell>
          <cell r="D22" t="str">
            <v>072-781-3622</v>
          </cell>
          <cell r="E22" t="str">
            <v>664-0024</v>
          </cell>
          <cell r="F22" t="str">
            <v>兵庫県伊丹市松ヶ丘1ｰ200</v>
          </cell>
          <cell r="G22" t="str">
            <v>伊丹市</v>
          </cell>
          <cell r="H22" t="str">
            <v/>
          </cell>
          <cell r="I22" t="str">
            <v>代表取締役 飯田　隆</v>
          </cell>
          <cell r="J22" t="str">
            <v>本店</v>
          </cell>
          <cell r="K22" t="str">
            <v>072-781-4717</v>
          </cell>
          <cell r="L22" t="str">
            <v>iidakoumuten@cap.ocn.ne.jp</v>
          </cell>
          <cell r="M22" t="str">
            <v>ｲｲﾀﾞｺｳﾑﾃﾝ</v>
          </cell>
          <cell r="N22" t="str">
            <v>無</v>
          </cell>
          <cell r="O22">
            <v>53</v>
          </cell>
          <cell r="P22">
            <v>4</v>
          </cell>
          <cell r="Q22">
            <v>2140001078029</v>
          </cell>
          <cell r="R22">
            <v>10000</v>
          </cell>
          <cell r="S22">
            <v>5634</v>
          </cell>
          <cell r="T22">
            <v>92829</v>
          </cell>
          <cell r="V22" t="str">
            <v>mf938591</v>
          </cell>
          <cell r="W22" t="str">
            <v>fv506657</v>
          </cell>
          <cell r="X22" t="str">
            <v>土建と</v>
          </cell>
          <cell r="Y22" t="str">
            <v>土建と</v>
          </cell>
          <cell r="Z22" t="str">
            <v/>
          </cell>
          <cell r="AA22" t="str">
            <v>建築一式</v>
          </cell>
          <cell r="AB22" t="str">
            <v>とび土工</v>
          </cell>
          <cell r="AC22" t="str">
            <v>土木一式</v>
          </cell>
          <cell r="AD22" t="str">
            <v/>
          </cell>
          <cell r="AE22">
            <v>43190</v>
          </cell>
          <cell r="AF22" t="str">
            <v>希望しない</v>
          </cell>
          <cell r="AG22" t="str">
            <v>建築一式</v>
          </cell>
          <cell r="AH22" t="str">
            <v>一般</v>
          </cell>
          <cell r="AI22">
            <v>612</v>
          </cell>
          <cell r="AJ22">
            <v>102529</v>
          </cell>
          <cell r="AK22" t="str">
            <v>1(1)/1/0</v>
          </cell>
          <cell r="AL22" t="str">
            <v>とび土工</v>
          </cell>
          <cell r="AM22" t="str">
            <v>一般</v>
          </cell>
          <cell r="AN22">
            <v>508</v>
          </cell>
          <cell r="AO22">
            <v>1566</v>
          </cell>
          <cell r="AP22" t="str">
            <v>1(1)/0/0</v>
          </cell>
          <cell r="AQ22" t="str">
            <v>土木一式</v>
          </cell>
          <cell r="AR22" t="str">
            <v>一般</v>
          </cell>
          <cell r="AS22">
            <v>492</v>
          </cell>
          <cell r="AT22">
            <v>936</v>
          </cell>
          <cell r="AU22" t="str">
            <v>0(0)/0/1</v>
          </cell>
          <cell r="AV22" t="str">
            <v/>
          </cell>
          <cell r="AW22" t="str">
            <v/>
          </cell>
          <cell r="AX22" t="str">
            <v/>
          </cell>
          <cell r="AY22" t="str">
            <v/>
          </cell>
          <cell r="AZ22" t="str">
            <v/>
          </cell>
          <cell r="BA22" t="str">
            <v>伊丹市</v>
          </cell>
          <cell r="BB22" t="str">
            <v/>
          </cell>
          <cell r="BC22" t="str">
            <v>内</v>
          </cell>
          <cell r="BD22" t="str">
            <v>内装仕上</v>
          </cell>
          <cell r="CR22">
            <v>2629</v>
          </cell>
          <cell r="CS22" t="str">
            <v>ｼﾗﾄﾘ ｴﾐｺ</v>
          </cell>
          <cell r="CT22" t="str">
            <v>白鳥  恵美子</v>
          </cell>
          <cell r="CU22" t="str">
            <v>市民課</v>
          </cell>
          <cell r="CW22">
            <v>2629</v>
          </cell>
          <cell r="CX22" t="str">
            <v xml:space="preserve"> </v>
          </cell>
          <cell r="CY22" t="str">
            <v>市民課長</v>
          </cell>
        </row>
        <row r="23">
          <cell r="B23">
            <v>59</v>
          </cell>
          <cell r="C23" t="str">
            <v>(株)ダイイチコンストラクション</v>
          </cell>
          <cell r="D23" t="str">
            <v>072-770-2747</v>
          </cell>
          <cell r="E23" t="str">
            <v>664-0864</v>
          </cell>
          <cell r="F23" t="str">
            <v>兵庫県伊丹市安堂寺町6-396</v>
          </cell>
          <cell r="G23" t="str">
            <v>伊丹市</v>
          </cell>
          <cell r="H23" t="str">
            <v/>
          </cell>
          <cell r="I23" t="str">
            <v>代表取締役　 徐　雄一</v>
          </cell>
          <cell r="J23" t="str">
            <v>本店</v>
          </cell>
          <cell r="K23" t="str">
            <v>072-770-6596</v>
          </cell>
          <cell r="L23" t="str">
            <v>daiichi@daiichi-con.co.jp</v>
          </cell>
          <cell r="M23" t="str">
            <v>ﾀﾞｲｲﾁｺﾝｽﾄﾗｸｼﾖﾝ</v>
          </cell>
          <cell r="N23" t="str">
            <v>無</v>
          </cell>
          <cell r="O23">
            <v>37</v>
          </cell>
          <cell r="P23">
            <v>8</v>
          </cell>
          <cell r="Q23">
            <v>4140000000000</v>
          </cell>
          <cell r="R23">
            <v>20000</v>
          </cell>
          <cell r="S23">
            <v>114430</v>
          </cell>
          <cell r="T23">
            <v>267624</v>
          </cell>
          <cell r="V23" t="str">
            <v>ac389074</v>
          </cell>
          <cell r="W23" t="str">
            <v>ud287893</v>
          </cell>
          <cell r="X23" t="str">
            <v>土建と</v>
          </cell>
          <cell r="Y23" t="str">
            <v>土建と</v>
          </cell>
          <cell r="Z23" t="str">
            <v/>
          </cell>
          <cell r="AA23" t="str">
            <v>土木一式</v>
          </cell>
          <cell r="AB23" t="str">
            <v>水道施設</v>
          </cell>
          <cell r="AC23" t="str">
            <v>管</v>
          </cell>
          <cell r="AD23" t="str">
            <v>舗装</v>
          </cell>
          <cell r="AE23">
            <v>43008</v>
          </cell>
          <cell r="AF23" t="str">
            <v>ＦＦＴ－ｓ工法</v>
          </cell>
          <cell r="AG23" t="str">
            <v>土木一式</v>
          </cell>
          <cell r="AH23" t="str">
            <v>特定</v>
          </cell>
          <cell r="AI23">
            <v>863</v>
          </cell>
          <cell r="AJ23">
            <v>271185</v>
          </cell>
          <cell r="AK23" t="str">
            <v>2(2)/4/1</v>
          </cell>
          <cell r="AL23" t="str">
            <v>水道施設</v>
          </cell>
          <cell r="AM23" t="str">
            <v>特定</v>
          </cell>
          <cell r="AN23">
            <v>715</v>
          </cell>
          <cell r="AO23">
            <v>12100</v>
          </cell>
          <cell r="AP23" t="str">
            <v>0(0)/0/0</v>
          </cell>
          <cell r="AQ23" t="str">
            <v>管</v>
          </cell>
          <cell r="AR23" t="str">
            <v>特定</v>
          </cell>
          <cell r="AS23">
            <v>686</v>
          </cell>
          <cell r="AT23">
            <v>154</v>
          </cell>
          <cell r="AU23" t="str">
            <v>1(1)/0/0</v>
          </cell>
          <cell r="AV23" t="str">
            <v>舗装</v>
          </cell>
          <cell r="AW23" t="str">
            <v>特定</v>
          </cell>
          <cell r="AX23">
            <v>691</v>
          </cell>
          <cell r="AY23">
            <v>195</v>
          </cell>
          <cell r="AZ23" t="str">
            <v>0(0)/4/0</v>
          </cell>
          <cell r="BA23" t="str">
            <v>伊丹市</v>
          </cell>
          <cell r="BB23" t="str">
            <v/>
          </cell>
          <cell r="BC23" t="str">
            <v>機</v>
          </cell>
          <cell r="BD23" t="str">
            <v>機械器具</v>
          </cell>
          <cell r="CR23">
            <v>2644</v>
          </cell>
          <cell r="CS23" t="str">
            <v>ﾀﾑﾗ ﾉﾘﾏｻ</v>
          </cell>
          <cell r="CT23" t="str">
            <v>田村  宣正</v>
          </cell>
          <cell r="CU23" t="str">
            <v>契約・検査課</v>
          </cell>
          <cell r="CW23">
            <v>2449</v>
          </cell>
          <cell r="CX23" t="str">
            <v xml:space="preserve"> </v>
          </cell>
          <cell r="CY23" t="str">
            <v>契約・検査課長</v>
          </cell>
        </row>
        <row r="24">
          <cell r="B24">
            <v>62</v>
          </cell>
          <cell r="C24" t="str">
            <v>(株)杉本塗装店</v>
          </cell>
          <cell r="D24" t="str">
            <v>072-781-2995</v>
          </cell>
          <cell r="E24" t="str">
            <v>664-0837</v>
          </cell>
          <cell r="F24" t="str">
            <v>兵庫県伊丹市北河原3-1-3</v>
          </cell>
          <cell r="G24" t="str">
            <v>伊丹市</v>
          </cell>
          <cell r="H24" t="str">
            <v/>
          </cell>
          <cell r="I24" t="str">
            <v>代表取締役社長 杉本　俊文</v>
          </cell>
          <cell r="J24" t="str">
            <v>本店</v>
          </cell>
          <cell r="K24" t="str">
            <v>072-781-7110</v>
          </cell>
          <cell r="L24" t="str">
            <v>yamada@sugimoto-toso.co.jp</v>
          </cell>
          <cell r="M24" t="str">
            <v>ｽｷﾞﾓﾄﾄｿｳﾃﾝ</v>
          </cell>
          <cell r="N24" t="str">
            <v>無</v>
          </cell>
          <cell r="O24">
            <v>66</v>
          </cell>
          <cell r="P24">
            <v>21</v>
          </cell>
          <cell r="Q24">
            <v>8140001078485</v>
          </cell>
          <cell r="R24">
            <v>20000</v>
          </cell>
          <cell r="S24">
            <v>561884</v>
          </cell>
          <cell r="T24">
            <v>989087</v>
          </cell>
          <cell r="V24" t="str">
            <v>xu535586</v>
          </cell>
          <cell r="W24" t="str">
            <v>jf548145</v>
          </cell>
          <cell r="X24" t="str">
            <v>電塗防</v>
          </cell>
          <cell r="Y24" t="str">
            <v>電塗防</v>
          </cell>
          <cell r="Z24" t="str">
            <v/>
          </cell>
          <cell r="AA24" t="str">
            <v>塗装</v>
          </cell>
          <cell r="AB24" t="str">
            <v>防水</v>
          </cell>
          <cell r="AC24" t="str">
            <v/>
          </cell>
          <cell r="AD24" t="str">
            <v/>
          </cell>
          <cell r="AE24">
            <v>43190</v>
          </cell>
          <cell r="AF24" t="str">
            <v>希望しない</v>
          </cell>
          <cell r="AG24" t="str">
            <v>塗装</v>
          </cell>
          <cell r="AH24" t="str">
            <v>一般</v>
          </cell>
          <cell r="AI24">
            <v>877</v>
          </cell>
          <cell r="AJ24">
            <v>989087</v>
          </cell>
          <cell r="AK24" t="str">
            <v>()/4/3</v>
          </cell>
          <cell r="AL24" t="str">
            <v>防水</v>
          </cell>
          <cell r="AM24" t="str">
            <v>一般</v>
          </cell>
          <cell r="AN24">
            <v>702</v>
          </cell>
          <cell r="AO24">
            <v>7767</v>
          </cell>
          <cell r="AP24" t="str">
            <v>()/3/4</v>
          </cell>
          <cell r="AQ24" t="str">
            <v/>
          </cell>
          <cell r="AR24" t="str">
            <v/>
          </cell>
          <cell r="AS24" t="str">
            <v/>
          </cell>
          <cell r="AT24" t="str">
            <v/>
          </cell>
          <cell r="AU24" t="str">
            <v/>
          </cell>
          <cell r="AV24" t="str">
            <v/>
          </cell>
          <cell r="AW24" t="str">
            <v/>
          </cell>
          <cell r="AX24" t="str">
            <v/>
          </cell>
          <cell r="AY24" t="str">
            <v/>
          </cell>
          <cell r="AZ24" t="str">
            <v/>
          </cell>
          <cell r="BA24" t="str">
            <v>伊丹市</v>
          </cell>
          <cell r="BB24" t="str">
            <v/>
          </cell>
          <cell r="BC24" t="str">
            <v>絶</v>
          </cell>
          <cell r="BD24" t="str">
            <v>熱絶縁</v>
          </cell>
          <cell r="CR24">
            <v>2645</v>
          </cell>
          <cell r="CS24" t="str">
            <v>ｵｶﾑﾗ ﾖｼﾕｷ</v>
          </cell>
          <cell r="CT24" t="str">
            <v>岡村  良幸</v>
          </cell>
          <cell r="CU24" t="str">
            <v>商工労働課</v>
          </cell>
          <cell r="CW24">
            <v>2909</v>
          </cell>
          <cell r="CX24" t="str">
            <v xml:space="preserve"> </v>
          </cell>
          <cell r="CY24" t="str">
            <v>商工労働課長</v>
          </cell>
        </row>
        <row r="25">
          <cell r="B25">
            <v>63</v>
          </cell>
          <cell r="C25" t="str">
            <v>伊丹産業電設(株)</v>
          </cell>
          <cell r="D25" t="str">
            <v>072-777-0001</v>
          </cell>
          <cell r="E25" t="str">
            <v>664-0836</v>
          </cell>
          <cell r="F25" t="str">
            <v>兵庫県伊丹市北本町2-255</v>
          </cell>
          <cell r="G25" t="str">
            <v>伊丹市</v>
          </cell>
          <cell r="H25" t="str">
            <v/>
          </cell>
          <cell r="I25" t="str">
            <v>代表取締役社長 北嶋　太郎</v>
          </cell>
          <cell r="J25" t="str">
            <v>本店</v>
          </cell>
          <cell r="K25" t="str">
            <v>072-775-1185</v>
          </cell>
          <cell r="L25" t="str">
            <v>itmsetub@pastel.ocn.ne.jp</v>
          </cell>
          <cell r="M25" t="str">
            <v>ｲﾀﾐｻﾝｷﾞｮｳｾﾂﾋﾞ</v>
          </cell>
          <cell r="N25" t="str">
            <v>無</v>
          </cell>
          <cell r="O25">
            <v>46</v>
          </cell>
          <cell r="P25">
            <v>167</v>
          </cell>
          <cell r="Q25">
            <v>2140001077996</v>
          </cell>
          <cell r="R25">
            <v>60000</v>
          </cell>
          <cell r="S25">
            <v>2208737</v>
          </cell>
          <cell r="T25">
            <v>7449700</v>
          </cell>
          <cell r="V25" t="str">
            <v>rz937058</v>
          </cell>
          <cell r="W25" t="str">
            <v>pt627649</v>
          </cell>
          <cell r="X25" t="str">
            <v>消土管舗浚水</v>
          </cell>
          <cell r="Y25" t="str">
            <v>消</v>
          </cell>
          <cell r="Z25" t="str">
            <v>土管舗浚水</v>
          </cell>
          <cell r="AA25" t="str">
            <v>管</v>
          </cell>
          <cell r="AB25" t="str">
            <v>水道施設</v>
          </cell>
          <cell r="AC25" t="str">
            <v>舗装</v>
          </cell>
          <cell r="AD25" t="str">
            <v>土木一式</v>
          </cell>
          <cell r="AE25">
            <v>43008</v>
          </cell>
          <cell r="AF25" t="str">
            <v>希望する</v>
          </cell>
          <cell r="AG25" t="str">
            <v>管</v>
          </cell>
          <cell r="AH25" t="str">
            <v>特定</v>
          </cell>
          <cell r="AI25">
            <v>1155</v>
          </cell>
          <cell r="AJ25">
            <v>6165370</v>
          </cell>
          <cell r="AK25" t="str">
            <v>41(40)/20/44</v>
          </cell>
          <cell r="AL25" t="str">
            <v>水道施設</v>
          </cell>
          <cell r="AM25" t="str">
            <v>特定</v>
          </cell>
          <cell r="AN25">
            <v>683</v>
          </cell>
          <cell r="AO25" t="str">
            <v/>
          </cell>
          <cell r="AP25" t="str">
            <v>0(0)/0/0</v>
          </cell>
          <cell r="AQ25" t="str">
            <v>舗装</v>
          </cell>
          <cell r="AR25" t="str">
            <v>特定</v>
          </cell>
          <cell r="AS25" t="str">
            <v/>
          </cell>
          <cell r="AT25" t="str">
            <v/>
          </cell>
          <cell r="AU25" t="str">
            <v>0(0)/0/0</v>
          </cell>
          <cell r="AV25" t="str">
            <v>土木一式</v>
          </cell>
          <cell r="AW25" t="str">
            <v>特定</v>
          </cell>
          <cell r="AX25">
            <v>863</v>
          </cell>
          <cell r="AY25">
            <v>153741</v>
          </cell>
          <cell r="AZ25" t="str">
            <v>3(3)/3/2</v>
          </cell>
          <cell r="BA25" t="str">
            <v>伊丹市</v>
          </cell>
          <cell r="BB25" t="str">
            <v/>
          </cell>
          <cell r="BC25" t="str">
            <v>通</v>
          </cell>
          <cell r="BD25" t="str">
            <v>電気通信</v>
          </cell>
          <cell r="CR25">
            <v>2647</v>
          </cell>
          <cell r="CS25" t="str">
            <v>ｱﾗｷ ﾏｻﾋｺ</v>
          </cell>
          <cell r="CT25" t="str">
            <v>荒木  昌彦</v>
          </cell>
          <cell r="CU25" t="str">
            <v>市民課</v>
          </cell>
          <cell r="CW25" t="str">
            <v xml:space="preserve"> </v>
          </cell>
          <cell r="CX25" t="str">
            <v xml:space="preserve"> </v>
          </cell>
          <cell r="CY25" t="str">
            <v>市民課長</v>
          </cell>
        </row>
        <row r="26">
          <cell r="B26">
            <v>65</v>
          </cell>
          <cell r="C26" t="str">
            <v>(株)備藤工務店</v>
          </cell>
          <cell r="D26" t="str">
            <v>072-783-2500</v>
          </cell>
          <cell r="E26" t="str">
            <v>664-0031</v>
          </cell>
          <cell r="F26" t="str">
            <v>兵庫県伊丹市荻野西1-5-6</v>
          </cell>
          <cell r="G26" t="str">
            <v>伊丹市</v>
          </cell>
          <cell r="H26" t="str">
            <v/>
          </cell>
          <cell r="I26" t="str">
            <v>代表取締役　 備藤　晋二</v>
          </cell>
          <cell r="J26" t="str">
            <v>本店</v>
          </cell>
          <cell r="K26" t="str">
            <v>072-772-2540</v>
          </cell>
          <cell r="L26" t="str">
            <v>bitou@tune.ocn.ne.jp</v>
          </cell>
          <cell r="M26" t="str">
            <v>ﾋﾞﾄｳｺｳﾑﾃﾝ</v>
          </cell>
          <cell r="N26" t="str">
            <v>無</v>
          </cell>
          <cell r="O26">
            <v>60</v>
          </cell>
          <cell r="P26">
            <v>3</v>
          </cell>
          <cell r="Q26">
            <v>3140000000000</v>
          </cell>
          <cell r="R26">
            <v>20000</v>
          </cell>
          <cell r="S26">
            <v>6386</v>
          </cell>
          <cell r="T26">
            <v>99558</v>
          </cell>
          <cell r="V26" t="str">
            <v>hg584363</v>
          </cell>
          <cell r="W26" t="str">
            <v>jr734483</v>
          </cell>
          <cell r="X26" t="str">
            <v>消土管舗浚水</v>
          </cell>
          <cell r="Y26" t="str">
            <v>消</v>
          </cell>
          <cell r="Z26" t="str">
            <v>土管舗浚水</v>
          </cell>
          <cell r="AA26" t="str">
            <v>建築一式</v>
          </cell>
          <cell r="AB26" t="str">
            <v/>
          </cell>
          <cell r="AC26" t="str">
            <v/>
          </cell>
          <cell r="AD26" t="str">
            <v/>
          </cell>
          <cell r="AE26">
            <v>43190</v>
          </cell>
          <cell r="AF26" t="str">
            <v>希望しない</v>
          </cell>
          <cell r="AG26" t="str">
            <v>建築一式</v>
          </cell>
          <cell r="AH26" t="str">
            <v>一般</v>
          </cell>
          <cell r="AI26">
            <v>723</v>
          </cell>
          <cell r="AJ26">
            <v>112999</v>
          </cell>
          <cell r="AK26" t="str">
            <v>2(2)/0/0</v>
          </cell>
          <cell r="AL26" t="str">
            <v/>
          </cell>
          <cell r="AM26" t="str">
            <v/>
          </cell>
          <cell r="AN26" t="str">
            <v/>
          </cell>
          <cell r="AO26" t="str">
            <v/>
          </cell>
          <cell r="AP26" t="str">
            <v/>
          </cell>
          <cell r="AQ26" t="str">
            <v/>
          </cell>
          <cell r="AR26" t="str">
            <v/>
          </cell>
          <cell r="AS26" t="str">
            <v/>
          </cell>
          <cell r="AT26" t="str">
            <v/>
          </cell>
          <cell r="AU26" t="str">
            <v/>
          </cell>
          <cell r="AV26" t="str">
            <v/>
          </cell>
          <cell r="AW26" t="str">
            <v/>
          </cell>
          <cell r="AX26" t="str">
            <v/>
          </cell>
          <cell r="AY26" t="str">
            <v/>
          </cell>
          <cell r="AZ26" t="str">
            <v/>
          </cell>
          <cell r="BA26" t="str">
            <v>伊丹市</v>
          </cell>
          <cell r="BB26" t="str">
            <v/>
          </cell>
          <cell r="BC26" t="str">
            <v>園</v>
          </cell>
          <cell r="BD26" t="str">
            <v>造園</v>
          </cell>
          <cell r="CR26">
            <v>2648</v>
          </cell>
          <cell r="CS26" t="str">
            <v>ﾏｴﾀﾞ ﾀｶﾋﾛ</v>
          </cell>
          <cell r="CT26" t="str">
            <v>前田  隆廣</v>
          </cell>
          <cell r="CU26" t="str">
            <v>土地調査課</v>
          </cell>
          <cell r="CW26">
            <v>3017</v>
          </cell>
          <cell r="CX26" t="str">
            <v xml:space="preserve"> </v>
          </cell>
          <cell r="CY26" t="str">
            <v>土地調査課長</v>
          </cell>
        </row>
        <row r="27">
          <cell r="B27">
            <v>74</v>
          </cell>
          <cell r="C27" t="str">
            <v>(株)土井庭苑</v>
          </cell>
          <cell r="D27" t="str">
            <v>072-779-2027</v>
          </cell>
          <cell r="E27" t="str">
            <v>664-0001</v>
          </cell>
          <cell r="F27" t="str">
            <v>兵庫県伊丹市伊丹市荒牧3-10-4</v>
          </cell>
          <cell r="G27" t="str">
            <v>伊丹市</v>
          </cell>
          <cell r="H27" t="str">
            <v/>
          </cell>
          <cell r="I27" t="str">
            <v>代表取締役 土井　秀治</v>
          </cell>
          <cell r="J27" t="str">
            <v>本店</v>
          </cell>
          <cell r="K27" t="str">
            <v>072-779-2312</v>
          </cell>
          <cell r="L27" t="str">
            <v>info@doiteien.com</v>
          </cell>
          <cell r="M27" t="str">
            <v>ﾄﾞｲﾃｲｴﾝ</v>
          </cell>
          <cell r="N27" t="str">
            <v>無</v>
          </cell>
          <cell r="O27">
            <v>40</v>
          </cell>
          <cell r="P27">
            <v>7</v>
          </cell>
          <cell r="Q27">
            <v>4140001078654</v>
          </cell>
          <cell r="R27">
            <v>10000</v>
          </cell>
          <cell r="S27">
            <v>-2192</v>
          </cell>
          <cell r="T27">
            <v>170315</v>
          </cell>
          <cell r="V27" t="str">
            <v>xs761254</v>
          </cell>
          <cell r="W27" t="str">
            <v>ua283141</v>
          </cell>
          <cell r="X27" t="str">
            <v>土と園</v>
          </cell>
          <cell r="Y27" t="str">
            <v>土と園</v>
          </cell>
          <cell r="Z27" t="str">
            <v/>
          </cell>
          <cell r="AA27" t="str">
            <v>造園</v>
          </cell>
          <cell r="AB27" t="str">
            <v>土木一式</v>
          </cell>
          <cell r="AC27" t="str">
            <v/>
          </cell>
          <cell r="AD27" t="str">
            <v/>
          </cell>
          <cell r="AE27">
            <v>42912</v>
          </cell>
          <cell r="AF27" t="str">
            <v>希望しない</v>
          </cell>
          <cell r="AG27" t="str">
            <v>造園</v>
          </cell>
          <cell r="AH27" t="str">
            <v>一般</v>
          </cell>
          <cell r="AI27">
            <v>751</v>
          </cell>
          <cell r="AJ27">
            <v>54801</v>
          </cell>
          <cell r="AK27" t="str">
            <v>4(0)/1/0</v>
          </cell>
          <cell r="AL27" t="str">
            <v>土木一式</v>
          </cell>
          <cell r="AM27" t="str">
            <v>一般</v>
          </cell>
          <cell r="AN27">
            <v>429</v>
          </cell>
          <cell r="AO27">
            <v>326</v>
          </cell>
          <cell r="AP27" t="str">
            <v>1(0)/2/0</v>
          </cell>
          <cell r="AQ27" t="str">
            <v/>
          </cell>
          <cell r="AR27" t="str">
            <v/>
          </cell>
          <cell r="AS27" t="str">
            <v/>
          </cell>
          <cell r="AT27" t="str">
            <v/>
          </cell>
          <cell r="AU27" t="str">
            <v/>
          </cell>
          <cell r="AV27" t="str">
            <v/>
          </cell>
          <cell r="AW27" t="str">
            <v/>
          </cell>
          <cell r="AX27" t="str">
            <v/>
          </cell>
          <cell r="AY27" t="str">
            <v/>
          </cell>
          <cell r="AZ27" t="str">
            <v/>
          </cell>
          <cell r="BA27" t="str">
            <v>伊丹市</v>
          </cell>
          <cell r="BB27" t="str">
            <v/>
          </cell>
          <cell r="BC27" t="str">
            <v>井</v>
          </cell>
          <cell r="BD27" t="str">
            <v>さく井</v>
          </cell>
          <cell r="CR27">
            <v>2649</v>
          </cell>
          <cell r="CS27" t="str">
            <v>ｼﾓﾉ ﾌｸﾔ</v>
          </cell>
          <cell r="CT27" t="str">
            <v>下野  福也</v>
          </cell>
          <cell r="CU27" t="str">
            <v>市民相談課</v>
          </cell>
          <cell r="CW27">
            <v>2128</v>
          </cell>
          <cell r="CX27" t="str">
            <v xml:space="preserve"> </v>
          </cell>
          <cell r="CY27" t="str">
            <v>市民相談課長</v>
          </cell>
        </row>
        <row r="28">
          <cell r="B28">
            <v>77</v>
          </cell>
          <cell r="C28" t="str">
            <v>(株)河原工務店</v>
          </cell>
          <cell r="D28" t="str">
            <v>072-782-5024</v>
          </cell>
          <cell r="E28" t="str">
            <v>664-0003</v>
          </cell>
          <cell r="F28" t="str">
            <v>兵庫県伊丹市大野2-132</v>
          </cell>
          <cell r="G28" t="str">
            <v>伊丹市</v>
          </cell>
          <cell r="H28" t="str">
            <v/>
          </cell>
          <cell r="I28" t="str">
            <v>代表取締役 郡山　仁</v>
          </cell>
          <cell r="J28" t="str">
            <v>本店</v>
          </cell>
          <cell r="K28" t="str">
            <v>072-782-5030</v>
          </cell>
          <cell r="L28" t="str">
            <v>m-kawahara@hcc5.bai.ne.jp</v>
          </cell>
          <cell r="M28" t="str">
            <v>ｶﾜﾊﾗｺｳﾑﾃﾝ</v>
          </cell>
          <cell r="N28" t="str">
            <v>無</v>
          </cell>
          <cell r="O28">
            <v>48</v>
          </cell>
          <cell r="P28">
            <v>4</v>
          </cell>
          <cell r="Q28">
            <v>8140001078221</v>
          </cell>
          <cell r="R28">
            <v>23500</v>
          </cell>
          <cell r="S28">
            <v>32677</v>
          </cell>
          <cell r="T28">
            <v>61206</v>
          </cell>
          <cell r="V28" t="str">
            <v>wn280698</v>
          </cell>
          <cell r="W28" t="str">
            <v>xe913143</v>
          </cell>
          <cell r="X28" t="str">
            <v>土建と</v>
          </cell>
          <cell r="Y28" t="str">
            <v>土建と</v>
          </cell>
          <cell r="Z28" t="str">
            <v/>
          </cell>
          <cell r="AA28" t="str">
            <v>建築一式</v>
          </cell>
          <cell r="AB28" t="str">
            <v>土木一式</v>
          </cell>
          <cell r="AC28" t="str">
            <v/>
          </cell>
          <cell r="AD28" t="str">
            <v/>
          </cell>
          <cell r="AE28">
            <v>43220</v>
          </cell>
          <cell r="AF28" t="str">
            <v>希望しない</v>
          </cell>
          <cell r="AG28" t="str">
            <v>建築一式</v>
          </cell>
          <cell r="AH28" t="str">
            <v>一般</v>
          </cell>
          <cell r="AI28">
            <v>624</v>
          </cell>
          <cell r="AJ28">
            <v>52924</v>
          </cell>
          <cell r="AK28" t="str">
            <v>2(2)/1/0</v>
          </cell>
          <cell r="AL28" t="str">
            <v>土木一式</v>
          </cell>
          <cell r="AM28" t="str">
            <v>一般</v>
          </cell>
          <cell r="AN28">
            <v>530</v>
          </cell>
          <cell r="AO28">
            <v>3917</v>
          </cell>
          <cell r="AP28" t="str">
            <v>0(0)/2/0</v>
          </cell>
          <cell r="AQ28" t="str">
            <v/>
          </cell>
          <cell r="AR28" t="str">
            <v/>
          </cell>
          <cell r="AS28" t="str">
            <v/>
          </cell>
          <cell r="AT28" t="str">
            <v/>
          </cell>
          <cell r="AU28" t="str">
            <v/>
          </cell>
          <cell r="AV28" t="str">
            <v/>
          </cell>
          <cell r="AW28" t="str">
            <v/>
          </cell>
          <cell r="AX28" t="str">
            <v/>
          </cell>
          <cell r="AY28" t="str">
            <v/>
          </cell>
          <cell r="AZ28" t="str">
            <v/>
          </cell>
          <cell r="BA28" t="str">
            <v>伊丹市</v>
          </cell>
          <cell r="BB28" t="str">
            <v/>
          </cell>
          <cell r="BC28" t="str">
            <v>具</v>
          </cell>
          <cell r="BD28" t="str">
            <v>建具</v>
          </cell>
          <cell r="CR28">
            <v>2650</v>
          </cell>
          <cell r="CS28" t="str">
            <v>ﾐｿﾞｸﾞﾁ ﾔｽｵ</v>
          </cell>
          <cell r="CT28" t="str">
            <v>溝口  康夫</v>
          </cell>
          <cell r="CU28" t="str">
            <v>下水道課</v>
          </cell>
          <cell r="CW28">
            <v>3133</v>
          </cell>
          <cell r="CX28" t="str">
            <v xml:space="preserve"> </v>
          </cell>
          <cell r="CY28" t="str">
            <v>下水道課長</v>
          </cell>
        </row>
        <row r="29">
          <cell r="B29">
            <v>83</v>
          </cell>
          <cell r="C29" t="str">
            <v>野澤電気工事(株)</v>
          </cell>
          <cell r="D29" t="str">
            <v>072-775-3712</v>
          </cell>
          <cell r="E29" t="str">
            <v>664-0852</v>
          </cell>
          <cell r="F29" t="str">
            <v>兵庫県伊丹市南本町5-1-16</v>
          </cell>
          <cell r="G29" t="str">
            <v>伊丹市</v>
          </cell>
          <cell r="H29" t="str">
            <v/>
          </cell>
          <cell r="I29" t="str">
            <v>代表取締役社長 野澤　幹夫</v>
          </cell>
          <cell r="J29" t="str">
            <v>本店</v>
          </cell>
          <cell r="K29" t="str">
            <v>072-772-0905</v>
          </cell>
          <cell r="L29" t="str">
            <v>nozawade@oak.ocn.ne.jp</v>
          </cell>
          <cell r="M29" t="str">
            <v>ﾉｻﾞﾜﾃﾞﾝｷｺｳｼﾞ</v>
          </cell>
          <cell r="N29" t="str">
            <v>無</v>
          </cell>
          <cell r="O29">
            <v>51</v>
          </cell>
          <cell r="P29">
            <v>5</v>
          </cell>
          <cell r="Q29">
            <v>1140001078764</v>
          </cell>
          <cell r="R29">
            <v>20000</v>
          </cell>
          <cell r="S29">
            <v>108422</v>
          </cell>
          <cell r="T29">
            <v>143394</v>
          </cell>
          <cell r="V29" t="str">
            <v>jq796914</v>
          </cell>
          <cell r="W29" t="str">
            <v>tb318099</v>
          </cell>
          <cell r="X29" t="str">
            <v>電</v>
          </cell>
          <cell r="Y29" t="str">
            <v/>
          </cell>
          <cell r="Z29" t="str">
            <v>電</v>
          </cell>
          <cell r="AA29" t="str">
            <v>電気</v>
          </cell>
          <cell r="AB29" t="str">
            <v/>
          </cell>
          <cell r="AC29" t="str">
            <v/>
          </cell>
          <cell r="AD29" t="str">
            <v/>
          </cell>
          <cell r="AE29">
            <v>43210</v>
          </cell>
          <cell r="AF29" t="str">
            <v>希望しない</v>
          </cell>
          <cell r="AG29" t="str">
            <v>電気</v>
          </cell>
          <cell r="AH29" t="str">
            <v>特定</v>
          </cell>
          <cell r="AI29">
            <v>828</v>
          </cell>
          <cell r="AJ29">
            <v>132731</v>
          </cell>
          <cell r="AK29" t="str">
            <v>3(3)/0/1</v>
          </cell>
          <cell r="AL29" t="str">
            <v/>
          </cell>
          <cell r="AM29" t="str">
            <v/>
          </cell>
          <cell r="AN29" t="str">
            <v/>
          </cell>
          <cell r="AO29" t="str">
            <v/>
          </cell>
          <cell r="AP29" t="str">
            <v/>
          </cell>
          <cell r="AQ29" t="str">
            <v/>
          </cell>
          <cell r="AR29" t="str">
            <v/>
          </cell>
          <cell r="AS29" t="str">
            <v/>
          </cell>
          <cell r="AT29" t="str">
            <v/>
          </cell>
          <cell r="AU29" t="str">
            <v/>
          </cell>
          <cell r="AV29" t="str">
            <v/>
          </cell>
          <cell r="AW29" t="str">
            <v/>
          </cell>
          <cell r="AX29" t="str">
            <v/>
          </cell>
          <cell r="AY29" t="str">
            <v/>
          </cell>
          <cell r="AZ29" t="str">
            <v/>
          </cell>
          <cell r="BA29" t="str">
            <v>伊丹市</v>
          </cell>
          <cell r="BB29" t="str">
            <v/>
          </cell>
          <cell r="BC29" t="str">
            <v>水</v>
          </cell>
          <cell r="BD29" t="str">
            <v>水道施設</v>
          </cell>
          <cell r="CR29">
            <v>2657</v>
          </cell>
          <cell r="CS29" t="str">
            <v>ﾓﾘﾓﾄ ｼｹﾞﾙ</v>
          </cell>
          <cell r="CT29" t="str">
            <v>森本  茂</v>
          </cell>
          <cell r="CU29" t="str">
            <v>市民課</v>
          </cell>
          <cell r="CW29" t="str">
            <v xml:space="preserve"> </v>
          </cell>
          <cell r="CX29" t="str">
            <v xml:space="preserve"> </v>
          </cell>
          <cell r="CY29" t="str">
            <v>市民課長</v>
          </cell>
        </row>
        <row r="30">
          <cell r="B30">
            <v>86</v>
          </cell>
          <cell r="C30" t="str">
            <v>(有)栢水道工業所</v>
          </cell>
          <cell r="D30" t="str">
            <v>072-785-3403</v>
          </cell>
          <cell r="E30" t="str">
            <v>664-0022</v>
          </cell>
          <cell r="F30" t="str">
            <v>兵庫県伊丹市中野東2-364</v>
          </cell>
          <cell r="G30" t="str">
            <v>伊丹市</v>
          </cell>
          <cell r="H30" t="str">
            <v/>
          </cell>
          <cell r="I30" t="str">
            <v>代表取締役 坂本　篤司</v>
          </cell>
          <cell r="J30" t="str">
            <v>本店</v>
          </cell>
          <cell r="K30" t="str">
            <v>072-779-7636</v>
          </cell>
          <cell r="L30" t="str">
            <v>kayasuido0316@cyber.ocn.ne.jp</v>
          </cell>
          <cell r="M30" t="str">
            <v>ｶﾔｽｲﾄﾞｳｺｳｷﾞｮｳｼｮ</v>
          </cell>
          <cell r="N30" t="str">
            <v>無</v>
          </cell>
          <cell r="O30">
            <v>50</v>
          </cell>
          <cell r="P30">
            <v>5</v>
          </cell>
          <cell r="Q30">
            <v>9140002063403</v>
          </cell>
          <cell r="R30">
            <v>5000</v>
          </cell>
          <cell r="S30">
            <v>14352</v>
          </cell>
          <cell r="T30">
            <v>88605</v>
          </cell>
          <cell r="V30" t="str">
            <v>eq985505</v>
          </cell>
          <cell r="W30" t="str">
            <v>zt889134</v>
          </cell>
          <cell r="X30" t="str">
            <v>土と管舗水(清)</v>
          </cell>
          <cell r="Y30" t="str">
            <v>土と管舗水(清)</v>
          </cell>
          <cell r="Z30" t="str">
            <v/>
          </cell>
          <cell r="AA30" t="str">
            <v>水道施設</v>
          </cell>
          <cell r="AB30" t="str">
            <v>土木一式</v>
          </cell>
          <cell r="AC30" t="str">
            <v>管</v>
          </cell>
          <cell r="AD30" t="str">
            <v/>
          </cell>
          <cell r="AE30">
            <v>43404</v>
          </cell>
          <cell r="AF30" t="str">
            <v/>
          </cell>
          <cell r="AG30" t="str">
            <v>水道施設</v>
          </cell>
          <cell r="AH30" t="str">
            <v>一般</v>
          </cell>
          <cell r="AI30">
            <v>705</v>
          </cell>
          <cell r="AJ30">
            <v>59596</v>
          </cell>
          <cell r="AK30" t="str">
            <v>0(0)/1/0</v>
          </cell>
          <cell r="AL30" t="str">
            <v>土木一式</v>
          </cell>
          <cell r="AM30" t="str">
            <v>一般</v>
          </cell>
          <cell r="AN30">
            <v>619</v>
          </cell>
          <cell r="AO30" t="str">
            <v/>
          </cell>
          <cell r="AP30" t="str">
            <v>0(0)/2/0</v>
          </cell>
          <cell r="AQ30" t="str">
            <v>管</v>
          </cell>
          <cell r="AR30" t="str">
            <v>一般</v>
          </cell>
          <cell r="AS30">
            <v>683</v>
          </cell>
          <cell r="AT30">
            <v>34623</v>
          </cell>
          <cell r="AU30" t="str">
            <v>0(0)/1/2</v>
          </cell>
          <cell r="AV30" t="str">
            <v/>
          </cell>
          <cell r="AW30" t="str">
            <v/>
          </cell>
          <cell r="AX30" t="str">
            <v/>
          </cell>
          <cell r="AY30" t="str">
            <v/>
          </cell>
          <cell r="AZ30" t="str">
            <v/>
          </cell>
          <cell r="BA30" t="str">
            <v>伊丹市</v>
          </cell>
          <cell r="BB30" t="str">
            <v/>
          </cell>
          <cell r="BC30" t="str">
            <v>消</v>
          </cell>
          <cell r="BD30" t="str">
            <v>消防施設</v>
          </cell>
          <cell r="CR30">
            <v>2660</v>
          </cell>
          <cell r="CS30" t="str">
            <v>ﾆｼﾅｶ ｻﾌﾞﾛｳ</v>
          </cell>
          <cell r="CT30" t="str">
            <v>西中  三郎</v>
          </cell>
          <cell r="CU30" t="str">
            <v>浄水課</v>
          </cell>
          <cell r="CW30" t="str">
            <v xml:space="preserve"> </v>
          </cell>
          <cell r="CX30" t="str">
            <v xml:space="preserve"> </v>
          </cell>
          <cell r="CY30" t="str">
            <v>浄水課長</v>
          </cell>
        </row>
        <row r="31">
          <cell r="B31">
            <v>91</v>
          </cell>
          <cell r="C31" t="str">
            <v>(株)明治園</v>
          </cell>
          <cell r="D31" t="str">
            <v>072-781-1540</v>
          </cell>
          <cell r="E31" t="str">
            <v>664-0001</v>
          </cell>
          <cell r="F31" t="str">
            <v>兵庫県伊丹市荒牧1-5-4</v>
          </cell>
          <cell r="G31" t="str">
            <v>伊丹市</v>
          </cell>
          <cell r="H31" t="str">
            <v/>
          </cell>
          <cell r="I31" t="str">
            <v>代表取締役 口丸　茂幸</v>
          </cell>
          <cell r="J31" t="str">
            <v>本店</v>
          </cell>
          <cell r="K31" t="str">
            <v>072-781-7343</v>
          </cell>
          <cell r="L31" t="str">
            <v>meijien@poporo.ne.jp</v>
          </cell>
          <cell r="M31" t="str">
            <v>ﾒｲｼﾞｴﾝ</v>
          </cell>
          <cell r="N31" t="str">
            <v>無</v>
          </cell>
          <cell r="O31">
            <v>55</v>
          </cell>
          <cell r="P31">
            <v>7</v>
          </cell>
          <cell r="Q31">
            <v>8140001079005</v>
          </cell>
          <cell r="R31">
            <v>20000</v>
          </cell>
          <cell r="S31">
            <v>75575</v>
          </cell>
          <cell r="T31">
            <v>51734</v>
          </cell>
          <cell r="V31" t="str">
            <v>qn707903</v>
          </cell>
          <cell r="W31" t="str">
            <v>sm131146</v>
          </cell>
          <cell r="X31" t="str">
            <v>土と石舗園水</v>
          </cell>
          <cell r="Y31" t="str">
            <v/>
          </cell>
          <cell r="Z31" t="str">
            <v>土と石舗園水</v>
          </cell>
          <cell r="AA31" t="str">
            <v>造園</v>
          </cell>
          <cell r="AB31" t="str">
            <v>土木一式</v>
          </cell>
          <cell r="AC31" t="str">
            <v>石</v>
          </cell>
          <cell r="AD31" t="str">
            <v>舗装</v>
          </cell>
          <cell r="AE31">
            <v>43220</v>
          </cell>
          <cell r="AF31" t="str">
            <v>希望しない</v>
          </cell>
          <cell r="AG31" t="str">
            <v>造園</v>
          </cell>
          <cell r="AH31" t="str">
            <v>特定</v>
          </cell>
          <cell r="AI31">
            <v>793</v>
          </cell>
          <cell r="AJ31">
            <v>84099</v>
          </cell>
          <cell r="AK31" t="str">
            <v>3(3)/2/1</v>
          </cell>
          <cell r="AL31" t="str">
            <v>土木一式</v>
          </cell>
          <cell r="AM31" t="str">
            <v>特定</v>
          </cell>
          <cell r="AN31">
            <v>694</v>
          </cell>
          <cell r="AO31">
            <v>931</v>
          </cell>
          <cell r="AP31" t="str">
            <v>2(2)/3/0</v>
          </cell>
          <cell r="AQ31" t="str">
            <v>石</v>
          </cell>
          <cell r="AR31" t="str">
            <v>特定</v>
          </cell>
          <cell r="AS31" t="str">
            <v/>
          </cell>
          <cell r="AT31" t="str">
            <v/>
          </cell>
          <cell r="AU31" t="str">
            <v/>
          </cell>
          <cell r="AV31" t="str">
            <v>舗装</v>
          </cell>
          <cell r="AW31" t="str">
            <v>特定</v>
          </cell>
          <cell r="AX31" t="str">
            <v/>
          </cell>
          <cell r="AY31" t="str">
            <v/>
          </cell>
          <cell r="AZ31" t="str">
            <v/>
          </cell>
          <cell r="BA31" t="str">
            <v>伊丹市</v>
          </cell>
          <cell r="BB31" t="str">
            <v/>
          </cell>
          <cell r="BC31" t="str">
            <v>清</v>
          </cell>
          <cell r="BD31" t="str">
            <v>清掃施設</v>
          </cell>
          <cell r="CR31">
            <v>2662</v>
          </cell>
          <cell r="CS31" t="str">
            <v>ﾔﾏﾅｶ ﾌﾐｵ</v>
          </cell>
          <cell r="CT31" t="str">
            <v>山中  文男</v>
          </cell>
          <cell r="CU31" t="str">
            <v>工務課</v>
          </cell>
          <cell r="CW31" t="str">
            <v xml:space="preserve"> </v>
          </cell>
          <cell r="CX31" t="str">
            <v xml:space="preserve"> </v>
          </cell>
          <cell r="CY31" t="str">
            <v>工務課長</v>
          </cell>
        </row>
        <row r="32">
          <cell r="B32">
            <v>93</v>
          </cell>
          <cell r="C32" t="str">
            <v>つかさ電機</v>
          </cell>
          <cell r="D32" t="str">
            <v>072-770-5840</v>
          </cell>
          <cell r="E32" t="str">
            <v>664-0028</v>
          </cell>
          <cell r="F32" t="str">
            <v>兵庫県伊丹市西野6-28-1</v>
          </cell>
          <cell r="G32" t="str">
            <v>伊丹市</v>
          </cell>
          <cell r="H32" t="str">
            <v/>
          </cell>
          <cell r="I32" t="str">
            <v>代表者 政　康夫</v>
          </cell>
          <cell r="J32" t="str">
            <v>本店</v>
          </cell>
          <cell r="K32" t="str">
            <v>072-782-7348</v>
          </cell>
          <cell r="L32" t="str">
            <v/>
          </cell>
          <cell r="M32" t="str">
            <v>ﾂｶｻﾃﾞﾝｷ</v>
          </cell>
          <cell r="N32" t="str">
            <v>無</v>
          </cell>
          <cell r="O32">
            <v>42</v>
          </cell>
          <cell r="P32">
            <v>1</v>
          </cell>
          <cell r="Q32" t="str">
            <v/>
          </cell>
          <cell r="R32" t="str">
            <v/>
          </cell>
          <cell r="S32">
            <v>11340</v>
          </cell>
          <cell r="T32">
            <v>40692</v>
          </cell>
          <cell r="V32" t="str">
            <v>dh469396</v>
          </cell>
          <cell r="W32" t="str">
            <v>sz901124</v>
          </cell>
          <cell r="X32" t="str">
            <v>電</v>
          </cell>
          <cell r="Y32" t="str">
            <v>電</v>
          </cell>
          <cell r="Z32" t="str">
            <v/>
          </cell>
          <cell r="AA32" t="str">
            <v>電気</v>
          </cell>
          <cell r="AB32" t="str">
            <v/>
          </cell>
          <cell r="AC32" t="str">
            <v/>
          </cell>
          <cell r="AD32" t="str">
            <v/>
          </cell>
          <cell r="AE32">
            <v>43100</v>
          </cell>
          <cell r="AF32" t="str">
            <v>希望しない</v>
          </cell>
          <cell r="AG32" t="str">
            <v>電気</v>
          </cell>
          <cell r="AH32" t="str">
            <v>一般</v>
          </cell>
          <cell r="AI32">
            <v>694</v>
          </cell>
          <cell r="AJ32">
            <v>33998</v>
          </cell>
          <cell r="AK32" t="str">
            <v>1(1)/0/0</v>
          </cell>
          <cell r="AL32" t="str">
            <v/>
          </cell>
          <cell r="AM32" t="str">
            <v/>
          </cell>
          <cell r="AN32" t="str">
            <v/>
          </cell>
          <cell r="AO32" t="str">
            <v/>
          </cell>
          <cell r="AP32" t="str">
            <v/>
          </cell>
          <cell r="AQ32" t="str">
            <v/>
          </cell>
          <cell r="AR32" t="str">
            <v/>
          </cell>
          <cell r="AS32" t="str">
            <v/>
          </cell>
          <cell r="AT32" t="str">
            <v/>
          </cell>
          <cell r="AU32" t="str">
            <v/>
          </cell>
          <cell r="AV32" t="str">
            <v/>
          </cell>
          <cell r="AW32" t="str">
            <v/>
          </cell>
          <cell r="AX32" t="str">
            <v/>
          </cell>
          <cell r="AY32" t="str">
            <v/>
          </cell>
          <cell r="AZ32" t="str">
            <v/>
          </cell>
          <cell r="BA32" t="str">
            <v>伊丹市</v>
          </cell>
          <cell r="BB32" t="str">
            <v/>
          </cell>
          <cell r="CR32">
            <v>2663</v>
          </cell>
          <cell r="CS32" t="str">
            <v>ﾊﾀｹﾔﾏ ﾀﾀﾞﾐ</v>
          </cell>
          <cell r="CT32" t="str">
            <v>畠山  忠美</v>
          </cell>
          <cell r="CU32" t="str">
            <v>工務課</v>
          </cell>
          <cell r="CW32" t="str">
            <v xml:space="preserve"> </v>
          </cell>
          <cell r="CX32" t="str">
            <v xml:space="preserve"> </v>
          </cell>
          <cell r="CY32" t="str">
            <v>工務課長</v>
          </cell>
        </row>
        <row r="33">
          <cell r="B33">
            <v>94</v>
          </cell>
          <cell r="C33" t="str">
            <v>(株)ハンデン</v>
          </cell>
          <cell r="D33" t="str">
            <v>072-782-2471</v>
          </cell>
          <cell r="E33" t="str">
            <v>664-0846</v>
          </cell>
          <cell r="F33" t="str">
            <v>兵庫県伊丹市伊丹5-9-10</v>
          </cell>
          <cell r="G33" t="str">
            <v>伊丹市</v>
          </cell>
          <cell r="H33" t="str">
            <v/>
          </cell>
          <cell r="I33" t="str">
            <v>代表取締役 貫名　恒一</v>
          </cell>
          <cell r="J33" t="str">
            <v>本店</v>
          </cell>
          <cell r="K33" t="str">
            <v>072-782-2679</v>
          </cell>
          <cell r="L33" t="str">
            <v>k-nukina@handen.ne.jp</v>
          </cell>
          <cell r="M33" t="str">
            <v>ﾊﾝﾃﾞﾝ</v>
          </cell>
          <cell r="N33" t="str">
            <v>無</v>
          </cell>
          <cell r="O33">
            <v>42</v>
          </cell>
          <cell r="P33">
            <v>12</v>
          </cell>
          <cell r="Q33">
            <v>7140001078800</v>
          </cell>
          <cell r="R33">
            <v>20000</v>
          </cell>
          <cell r="S33">
            <v>588837</v>
          </cell>
          <cell r="T33">
            <v>1047317</v>
          </cell>
          <cell r="V33" t="str">
            <v>vt915020</v>
          </cell>
          <cell r="W33" t="str">
            <v>gq840951</v>
          </cell>
          <cell r="X33" t="str">
            <v>電</v>
          </cell>
          <cell r="Y33" t="str">
            <v/>
          </cell>
          <cell r="Z33" t="str">
            <v>電</v>
          </cell>
          <cell r="AA33" t="str">
            <v>電気</v>
          </cell>
          <cell r="AB33" t="str">
            <v/>
          </cell>
          <cell r="AC33" t="str">
            <v/>
          </cell>
          <cell r="AD33" t="str">
            <v/>
          </cell>
          <cell r="AE33">
            <v>43190</v>
          </cell>
          <cell r="AF33" t="str">
            <v/>
          </cell>
          <cell r="AG33" t="str">
            <v>電気</v>
          </cell>
          <cell r="AH33" t="str">
            <v>特定</v>
          </cell>
          <cell r="AI33">
            <v>878</v>
          </cell>
          <cell r="AJ33">
            <v>858761</v>
          </cell>
          <cell r="AK33" t="str">
            <v>3(3)/3/3</v>
          </cell>
          <cell r="AL33" t="str">
            <v/>
          </cell>
          <cell r="AM33" t="str">
            <v/>
          </cell>
          <cell r="AN33" t="str">
            <v/>
          </cell>
          <cell r="AO33" t="str">
            <v/>
          </cell>
          <cell r="AP33" t="str">
            <v/>
          </cell>
          <cell r="AQ33" t="str">
            <v/>
          </cell>
          <cell r="AR33" t="str">
            <v/>
          </cell>
          <cell r="AS33" t="str">
            <v/>
          </cell>
          <cell r="AT33" t="str">
            <v/>
          </cell>
          <cell r="AU33" t="str">
            <v/>
          </cell>
          <cell r="AV33" t="str">
            <v/>
          </cell>
          <cell r="AW33" t="str">
            <v/>
          </cell>
          <cell r="AX33" t="str">
            <v/>
          </cell>
          <cell r="AY33" t="str">
            <v/>
          </cell>
          <cell r="AZ33" t="str">
            <v/>
          </cell>
          <cell r="BA33" t="str">
            <v>伊丹市</v>
          </cell>
          <cell r="BB33" t="str">
            <v/>
          </cell>
          <cell r="CR33">
            <v>2664</v>
          </cell>
          <cell r="CS33" t="str">
            <v>ﾎﾝﾀﾞ ﾄｼﾋｺ</v>
          </cell>
          <cell r="CT33" t="str">
            <v>本多  利彦</v>
          </cell>
          <cell r="CU33" t="str">
            <v>工務課</v>
          </cell>
          <cell r="CW33" t="str">
            <v xml:space="preserve"> </v>
          </cell>
          <cell r="CX33" t="str">
            <v xml:space="preserve"> </v>
          </cell>
          <cell r="CY33" t="str">
            <v>工務課長</v>
          </cell>
        </row>
        <row r="34">
          <cell r="B34">
            <v>95</v>
          </cell>
          <cell r="C34" t="str">
            <v>光建工(株)</v>
          </cell>
          <cell r="D34" t="str">
            <v>072-772-6721</v>
          </cell>
          <cell r="E34" t="str">
            <v>664-0024</v>
          </cell>
          <cell r="F34" t="str">
            <v>兵庫県伊丹市松ｹ丘1-201</v>
          </cell>
          <cell r="G34" t="str">
            <v>伊丹市</v>
          </cell>
          <cell r="H34" t="str">
            <v/>
          </cell>
          <cell r="I34" t="str">
            <v>代表取締役 大塚　裕靖</v>
          </cell>
          <cell r="J34" t="str">
            <v>本店</v>
          </cell>
          <cell r="K34" t="str">
            <v>072-781-2988</v>
          </cell>
          <cell r="L34" t="str">
            <v>office@hikarikenko.co.jp</v>
          </cell>
          <cell r="M34" t="str">
            <v>ﾋｶﾘｹﾝｺｳ</v>
          </cell>
          <cell r="N34" t="str">
            <v>無</v>
          </cell>
          <cell r="O34">
            <v>45</v>
          </cell>
          <cell r="P34">
            <v>5</v>
          </cell>
          <cell r="Q34">
            <v>9140001078831</v>
          </cell>
          <cell r="R34">
            <v>35000</v>
          </cell>
          <cell r="S34">
            <v>268947</v>
          </cell>
          <cell r="T34">
            <v>229674</v>
          </cell>
          <cell r="V34" t="str">
            <v>vx131968</v>
          </cell>
          <cell r="W34" t="str">
            <v>vy628272</v>
          </cell>
          <cell r="X34" t="str">
            <v>管土と石鋼舗浚塗水</v>
          </cell>
          <cell r="Y34" t="str">
            <v>管</v>
          </cell>
          <cell r="Z34" t="str">
            <v>土と石鋼舗浚塗水</v>
          </cell>
          <cell r="AA34" t="str">
            <v>土木一式</v>
          </cell>
          <cell r="AB34" t="str">
            <v>水道施設</v>
          </cell>
          <cell r="AC34" t="str">
            <v>舗装</v>
          </cell>
          <cell r="AD34" t="str">
            <v>管</v>
          </cell>
          <cell r="AE34">
            <v>43039</v>
          </cell>
          <cell r="AF34" t="str">
            <v>希望する</v>
          </cell>
          <cell r="AG34" t="str">
            <v>土木一式</v>
          </cell>
          <cell r="AH34" t="str">
            <v>特定</v>
          </cell>
          <cell r="AI34">
            <v>787</v>
          </cell>
          <cell r="AJ34">
            <v>146009</v>
          </cell>
          <cell r="AK34" t="str">
            <v>2(2)/0/1</v>
          </cell>
          <cell r="AL34" t="str">
            <v>水道施設</v>
          </cell>
          <cell r="AM34" t="str">
            <v>特定</v>
          </cell>
          <cell r="AN34">
            <v>750</v>
          </cell>
          <cell r="AO34">
            <v>54148</v>
          </cell>
          <cell r="AP34" t="str">
            <v>1(1)/0/1</v>
          </cell>
          <cell r="AQ34" t="str">
            <v>舗装</v>
          </cell>
          <cell r="AR34" t="str">
            <v>特定</v>
          </cell>
          <cell r="AS34">
            <v>709</v>
          </cell>
          <cell r="AT34">
            <v>10422</v>
          </cell>
          <cell r="AU34" t="str">
            <v>1(1)/0/0</v>
          </cell>
          <cell r="AV34" t="str">
            <v>管</v>
          </cell>
          <cell r="AW34" t="str">
            <v>一般</v>
          </cell>
          <cell r="AX34">
            <v>660</v>
          </cell>
          <cell r="AY34">
            <v>4733</v>
          </cell>
          <cell r="AZ34" t="str">
            <v>0(0)/0/0</v>
          </cell>
          <cell r="BA34" t="str">
            <v>伊丹市</v>
          </cell>
          <cell r="BB34" t="str">
            <v/>
          </cell>
          <cell r="CR34">
            <v>2703</v>
          </cell>
          <cell r="CS34" t="str">
            <v>ｵｵｼﾏ ｽｴｵ</v>
          </cell>
          <cell r="CT34" t="str">
            <v>大島  末夫</v>
          </cell>
          <cell r="CU34" t="str">
            <v>公園課</v>
          </cell>
          <cell r="CW34" t="str">
            <v xml:space="preserve"> </v>
          </cell>
          <cell r="CX34" t="str">
            <v xml:space="preserve"> </v>
          </cell>
          <cell r="CY34" t="str">
            <v>公園課長</v>
          </cell>
        </row>
        <row r="35">
          <cell r="B35">
            <v>105</v>
          </cell>
          <cell r="C35" t="str">
            <v>朝山設備工業(株)</v>
          </cell>
          <cell r="D35" t="str">
            <v>072-781-3675</v>
          </cell>
          <cell r="E35" t="str">
            <v>664-0027</v>
          </cell>
          <cell r="F35" t="str">
            <v>兵庫県伊丹市池尻2-213</v>
          </cell>
          <cell r="G35" t="str">
            <v>伊丹市</v>
          </cell>
          <cell r="H35" t="str">
            <v/>
          </cell>
          <cell r="I35" t="str">
            <v>代表取締役 朝山　茂</v>
          </cell>
          <cell r="J35" t="str">
            <v>本店</v>
          </cell>
          <cell r="K35" t="str">
            <v>072-779-3011</v>
          </cell>
          <cell r="L35" t="str">
            <v>asayama@wing.ocn.ne.jp</v>
          </cell>
          <cell r="M35" t="str">
            <v>ｱｻﾔﾏｾﾂﾋﾞｺｳｷﾞｮｳ</v>
          </cell>
          <cell r="N35" t="str">
            <v>無</v>
          </cell>
          <cell r="O35">
            <v>48</v>
          </cell>
          <cell r="P35">
            <v>4</v>
          </cell>
          <cell r="Q35">
            <v>4140001077953</v>
          </cell>
          <cell r="R35">
            <v>20000</v>
          </cell>
          <cell r="S35">
            <v>248169</v>
          </cell>
          <cell r="T35">
            <v>68415</v>
          </cell>
          <cell r="V35" t="str">
            <v>xt575570</v>
          </cell>
          <cell r="W35" t="str">
            <v>yg819866</v>
          </cell>
          <cell r="X35" t="str">
            <v>消土管水</v>
          </cell>
          <cell r="Y35" t="str">
            <v>消</v>
          </cell>
          <cell r="Z35" t="str">
            <v>土管水</v>
          </cell>
          <cell r="AA35" t="str">
            <v>管</v>
          </cell>
          <cell r="AB35" t="str">
            <v>水道施設</v>
          </cell>
          <cell r="AC35" t="str">
            <v>土木一式</v>
          </cell>
          <cell r="AD35" t="str">
            <v>消防施設</v>
          </cell>
          <cell r="AE35">
            <v>43190</v>
          </cell>
          <cell r="AF35" t="str">
            <v>希望する</v>
          </cell>
          <cell r="AG35" t="str">
            <v>管</v>
          </cell>
          <cell r="AH35" t="str">
            <v>特定</v>
          </cell>
          <cell r="AI35">
            <v>742</v>
          </cell>
          <cell r="AJ35">
            <v>65623</v>
          </cell>
          <cell r="AK35" t="str">
            <v>1(1)/0/2</v>
          </cell>
          <cell r="AL35" t="str">
            <v>水道施設</v>
          </cell>
          <cell r="AM35" t="str">
            <v>特定</v>
          </cell>
          <cell r="AN35">
            <v>708</v>
          </cell>
          <cell r="AO35">
            <v>23097</v>
          </cell>
          <cell r="AP35" t="str">
            <v>0(0)/0/1</v>
          </cell>
          <cell r="AQ35" t="str">
            <v>土木一式</v>
          </cell>
          <cell r="AR35" t="str">
            <v>特定</v>
          </cell>
          <cell r="AS35">
            <v>662</v>
          </cell>
          <cell r="AT35">
            <v>2717</v>
          </cell>
          <cell r="AU35" t="str">
            <v>1(1)/0/0</v>
          </cell>
          <cell r="AV35" t="str">
            <v>消防施設</v>
          </cell>
          <cell r="AW35" t="str">
            <v>一般</v>
          </cell>
          <cell r="AX35">
            <v>639</v>
          </cell>
          <cell r="AY35" t="str">
            <v/>
          </cell>
          <cell r="AZ35" t="str">
            <v>0(0)/0/0</v>
          </cell>
          <cell r="BA35" t="str">
            <v>伊丹市</v>
          </cell>
          <cell r="BB35" t="str">
            <v/>
          </cell>
          <cell r="CR35">
            <v>2720</v>
          </cell>
          <cell r="CS35" t="str">
            <v>ﾀﾆｸﾞﾁ ﾄﾖﾐ</v>
          </cell>
          <cell r="CT35" t="str">
            <v>谷口  豊美</v>
          </cell>
          <cell r="CU35" t="str">
            <v>警防課</v>
          </cell>
          <cell r="CW35">
            <v>6680317</v>
          </cell>
          <cell r="CX35" t="str">
            <v xml:space="preserve"> </v>
          </cell>
          <cell r="CY35" t="str">
            <v>警防課長</v>
          </cell>
        </row>
        <row r="36">
          <cell r="B36">
            <v>114</v>
          </cell>
          <cell r="C36" t="str">
            <v>山中育樹園(株)</v>
          </cell>
          <cell r="D36" t="str">
            <v>072-782-8031</v>
          </cell>
          <cell r="E36" t="str">
            <v>664-0003</v>
          </cell>
          <cell r="F36" t="str">
            <v>兵庫県伊丹市大野3-26</v>
          </cell>
          <cell r="G36" t="str">
            <v>伊丹市</v>
          </cell>
          <cell r="H36" t="str">
            <v/>
          </cell>
          <cell r="I36" t="str">
            <v>代表取締役 山中　誠次</v>
          </cell>
          <cell r="J36" t="str">
            <v>本店</v>
          </cell>
          <cell r="K36" t="str">
            <v>072-770-7710</v>
          </cell>
          <cell r="L36" t="str">
            <v>info@ikujyuen.com</v>
          </cell>
          <cell r="M36" t="str">
            <v>ﾔﾏﾅｶｲｸｼﾞｭｴﾝ</v>
          </cell>
          <cell r="N36" t="str">
            <v>無</v>
          </cell>
          <cell r="O36">
            <v>31</v>
          </cell>
          <cell r="P36">
            <v>12</v>
          </cell>
          <cell r="Q36">
            <v>1140001079052</v>
          </cell>
          <cell r="R36">
            <v>20000</v>
          </cell>
          <cell r="S36">
            <v>68261</v>
          </cell>
          <cell r="T36">
            <v>233972</v>
          </cell>
          <cell r="V36" t="str">
            <v>hk457057</v>
          </cell>
          <cell r="W36" t="str">
            <v>vq210987</v>
          </cell>
          <cell r="X36" t="str">
            <v>土園</v>
          </cell>
          <cell r="Y36" t="str">
            <v/>
          </cell>
          <cell r="Z36" t="str">
            <v>土園</v>
          </cell>
          <cell r="AA36" t="str">
            <v>造園</v>
          </cell>
          <cell r="AB36" t="str">
            <v>土木一式</v>
          </cell>
          <cell r="AC36" t="str">
            <v/>
          </cell>
          <cell r="AD36" t="str">
            <v/>
          </cell>
          <cell r="AE36">
            <v>42978</v>
          </cell>
          <cell r="AF36" t="str">
            <v>希望しない</v>
          </cell>
          <cell r="AG36" t="str">
            <v>造園</v>
          </cell>
          <cell r="AH36" t="str">
            <v>特定</v>
          </cell>
          <cell r="AI36">
            <v>758</v>
          </cell>
          <cell r="AJ36">
            <v>177413</v>
          </cell>
          <cell r="AK36" t="str">
            <v>3(1)/2/1</v>
          </cell>
          <cell r="AL36" t="str">
            <v>土木一式</v>
          </cell>
          <cell r="AM36" t="str">
            <v>特定</v>
          </cell>
          <cell r="AN36">
            <v>592</v>
          </cell>
          <cell r="AO36" t="str">
            <v/>
          </cell>
          <cell r="AP36" t="str">
            <v>1(1)//</v>
          </cell>
          <cell r="AQ36" t="str">
            <v/>
          </cell>
          <cell r="AR36" t="str">
            <v/>
          </cell>
          <cell r="AS36" t="str">
            <v/>
          </cell>
          <cell r="AT36" t="str">
            <v/>
          </cell>
          <cell r="AU36" t="str">
            <v/>
          </cell>
          <cell r="AV36" t="str">
            <v/>
          </cell>
          <cell r="AW36" t="str">
            <v/>
          </cell>
          <cell r="AX36" t="str">
            <v/>
          </cell>
          <cell r="AY36" t="str">
            <v/>
          </cell>
          <cell r="AZ36" t="str">
            <v/>
          </cell>
          <cell r="BA36" t="str">
            <v>伊丹市</v>
          </cell>
          <cell r="BB36" t="str">
            <v/>
          </cell>
          <cell r="CR36">
            <v>2758</v>
          </cell>
          <cell r="CS36" t="str">
            <v>ｵｵﾑﾗ ﾐｴｺ</v>
          </cell>
          <cell r="CT36" t="str">
            <v>大村　美江子</v>
          </cell>
          <cell r="CU36" t="str">
            <v>こども福祉課</v>
          </cell>
          <cell r="CW36" t="str">
            <v xml:space="preserve"> </v>
          </cell>
          <cell r="CX36" t="str">
            <v xml:space="preserve"> </v>
          </cell>
          <cell r="CY36" t="str">
            <v>こども福祉課長</v>
          </cell>
        </row>
        <row r="37">
          <cell r="B37">
            <v>120</v>
          </cell>
          <cell r="C37" t="str">
            <v>(株)東園組</v>
          </cell>
          <cell r="D37" t="str">
            <v>072-783-1561</v>
          </cell>
          <cell r="E37" t="str">
            <v>664-0881</v>
          </cell>
          <cell r="F37" t="str">
            <v>兵庫県伊丹市昆陽8-27</v>
          </cell>
          <cell r="G37" t="str">
            <v>伊丹市</v>
          </cell>
          <cell r="H37" t="str">
            <v/>
          </cell>
          <cell r="I37" t="str">
            <v>代表取締役 東園　行男</v>
          </cell>
          <cell r="J37" t="str">
            <v>本店</v>
          </cell>
          <cell r="K37" t="str">
            <v>072-771-0309</v>
          </cell>
          <cell r="L37" t="str">
            <v>kk-higashizonogumi@sound.ocn.ne.jp</v>
          </cell>
          <cell r="M37" t="str">
            <v>ﾋｶﾞｼｿﾞﾉｸﾞﾐ</v>
          </cell>
          <cell r="N37" t="str">
            <v>無</v>
          </cell>
          <cell r="O37">
            <v>67</v>
          </cell>
          <cell r="P37">
            <v>7</v>
          </cell>
          <cell r="Q37">
            <v>5140001078827</v>
          </cell>
          <cell r="R37">
            <v>30375</v>
          </cell>
          <cell r="S37">
            <v>116049</v>
          </cell>
          <cell r="T37">
            <v>788608</v>
          </cell>
          <cell r="V37" t="str">
            <v>ks430722</v>
          </cell>
          <cell r="W37" t="str">
            <v>tb500979</v>
          </cell>
          <cell r="X37" t="str">
            <v>土建舗水</v>
          </cell>
          <cell r="Y37" t="str">
            <v/>
          </cell>
          <cell r="Z37" t="str">
            <v>土建舗水</v>
          </cell>
          <cell r="AA37" t="str">
            <v>建築一式</v>
          </cell>
          <cell r="AB37" t="str">
            <v>土木一式</v>
          </cell>
          <cell r="AC37" t="str">
            <v>水道施設</v>
          </cell>
          <cell r="AD37" t="str">
            <v>舗装</v>
          </cell>
          <cell r="AE37">
            <v>43008</v>
          </cell>
          <cell r="AF37" t="str">
            <v>希望しない</v>
          </cell>
          <cell r="AG37" t="str">
            <v>建築一式</v>
          </cell>
          <cell r="AH37" t="str">
            <v>特定</v>
          </cell>
          <cell r="AI37">
            <v>838</v>
          </cell>
          <cell r="AJ37">
            <v>529374</v>
          </cell>
          <cell r="AK37" t="str">
            <v>2(2)/2/0</v>
          </cell>
          <cell r="AL37" t="str">
            <v>土木一式</v>
          </cell>
          <cell r="AM37" t="str">
            <v>特定</v>
          </cell>
          <cell r="AN37">
            <v>709</v>
          </cell>
          <cell r="AO37">
            <v>19800</v>
          </cell>
          <cell r="AP37" t="str">
            <v>1(1)/1/0</v>
          </cell>
          <cell r="AQ37" t="str">
            <v>水道施設</v>
          </cell>
          <cell r="AR37" t="str">
            <v>特定</v>
          </cell>
          <cell r="AS37">
            <v>641</v>
          </cell>
          <cell r="AT37" t="str">
            <v/>
          </cell>
          <cell r="AU37" t="str">
            <v>1(1)/0/0</v>
          </cell>
          <cell r="AV37" t="str">
            <v>舗装</v>
          </cell>
          <cell r="AW37" t="str">
            <v>特定</v>
          </cell>
          <cell r="AX37">
            <v>626</v>
          </cell>
          <cell r="AY37" t="str">
            <v/>
          </cell>
          <cell r="AZ37" t="str">
            <v>0(0)/0/0</v>
          </cell>
          <cell r="BA37" t="str">
            <v>伊丹市</v>
          </cell>
          <cell r="BB37" t="str">
            <v/>
          </cell>
          <cell r="CR37">
            <v>2871</v>
          </cell>
          <cell r="CS37" t="str">
            <v>ｳﾒﾀﾞ ﾊﾅｴ</v>
          </cell>
          <cell r="CT37" t="str">
            <v>梅田  華栄</v>
          </cell>
          <cell r="CU37" t="str">
            <v>消費生活センター</v>
          </cell>
          <cell r="CW37" t="str">
            <v xml:space="preserve"> </v>
          </cell>
          <cell r="CX37" t="str">
            <v xml:space="preserve"> </v>
          </cell>
          <cell r="CY37" t="str">
            <v>消費生活センター長</v>
          </cell>
        </row>
        <row r="38">
          <cell r="B38">
            <v>128</v>
          </cell>
          <cell r="C38" t="str">
            <v>庄野電気工事(株)</v>
          </cell>
          <cell r="D38" t="str">
            <v>072-782-1375</v>
          </cell>
          <cell r="E38" t="str">
            <v>664-0012</v>
          </cell>
          <cell r="F38" t="str">
            <v>兵庫県伊丹市緑ｹ丘1-324</v>
          </cell>
          <cell r="G38" t="str">
            <v>伊丹市</v>
          </cell>
          <cell r="H38" t="str">
            <v/>
          </cell>
          <cell r="I38" t="str">
            <v>代表取締役 庄野　隆二</v>
          </cell>
          <cell r="J38" t="str">
            <v>本店</v>
          </cell>
          <cell r="K38" t="str">
            <v>072-770-4409</v>
          </cell>
          <cell r="L38" t="str">
            <v>info@shonodenki.com</v>
          </cell>
          <cell r="M38" t="str">
            <v>ｼｮｳﾉﾃﾞﾝｷｺｳｼﾞ</v>
          </cell>
          <cell r="N38" t="str">
            <v>無</v>
          </cell>
          <cell r="O38">
            <v>46</v>
          </cell>
          <cell r="P38">
            <v>18</v>
          </cell>
          <cell r="Q38">
            <v>2140001078458</v>
          </cell>
          <cell r="R38">
            <v>21000</v>
          </cell>
          <cell r="S38">
            <v>812608</v>
          </cell>
          <cell r="T38">
            <v>795499</v>
          </cell>
          <cell r="V38" t="str">
            <v>jz124976</v>
          </cell>
          <cell r="W38" t="str">
            <v>hm842009</v>
          </cell>
          <cell r="X38" t="str">
            <v>管通消電</v>
          </cell>
          <cell r="Y38" t="str">
            <v>管通消</v>
          </cell>
          <cell r="Z38" t="str">
            <v>電</v>
          </cell>
          <cell r="AA38" t="str">
            <v>電気</v>
          </cell>
          <cell r="AB38" t="str">
            <v>消防施設</v>
          </cell>
          <cell r="AC38" t="str">
            <v>電気通信</v>
          </cell>
          <cell r="AD38" t="str">
            <v>管</v>
          </cell>
          <cell r="AE38">
            <v>43240</v>
          </cell>
          <cell r="AF38" t="str">
            <v>希望しない</v>
          </cell>
          <cell r="AG38" t="str">
            <v>電気</v>
          </cell>
          <cell r="AH38" t="str">
            <v>特定</v>
          </cell>
          <cell r="AI38">
            <v>954</v>
          </cell>
          <cell r="AJ38">
            <v>656089</v>
          </cell>
          <cell r="AK38" t="str">
            <v>4(4)/3/3</v>
          </cell>
          <cell r="AL38" t="str">
            <v>消防施設</v>
          </cell>
          <cell r="AM38" t="str">
            <v>一般</v>
          </cell>
          <cell r="AN38">
            <v>728</v>
          </cell>
          <cell r="AO38">
            <v>983</v>
          </cell>
          <cell r="AP38" t="str">
            <v>0(0)/2/1</v>
          </cell>
          <cell r="AQ38" t="str">
            <v>電気通信</v>
          </cell>
          <cell r="AR38" t="str">
            <v>一般</v>
          </cell>
          <cell r="AS38">
            <v>722</v>
          </cell>
          <cell r="AT38">
            <v>2298</v>
          </cell>
          <cell r="AU38" t="str">
            <v>0(0)/0/1</v>
          </cell>
          <cell r="AV38" t="str">
            <v>管</v>
          </cell>
          <cell r="AW38" t="str">
            <v>一般</v>
          </cell>
          <cell r="AX38">
            <v>782</v>
          </cell>
          <cell r="AY38">
            <v>33750</v>
          </cell>
          <cell r="AZ38" t="str">
            <v>0(0)/0/1</v>
          </cell>
          <cell r="BA38" t="str">
            <v>伊丹市</v>
          </cell>
          <cell r="BB38" t="str">
            <v/>
          </cell>
          <cell r="CR38">
            <v>2875</v>
          </cell>
          <cell r="CS38" t="str">
            <v>ﾅｶｼﾞﾏ ﾁｴﾐ</v>
          </cell>
          <cell r="CT38" t="str">
            <v>中島  千恵美</v>
          </cell>
          <cell r="CU38" t="str">
            <v>地域・高年福祉課</v>
          </cell>
          <cell r="CW38">
            <v>2513</v>
          </cell>
          <cell r="CX38" t="str">
            <v xml:space="preserve"> </v>
          </cell>
          <cell r="CY38" t="str">
            <v>地域・高年福祉課長</v>
          </cell>
        </row>
        <row r="39">
          <cell r="B39">
            <v>136</v>
          </cell>
          <cell r="C39" t="str">
            <v>(株)エネックス</v>
          </cell>
          <cell r="D39" t="str">
            <v>072-770-3866</v>
          </cell>
          <cell r="E39" t="str">
            <v>664-0027</v>
          </cell>
          <cell r="F39" t="str">
            <v>兵庫県伊丹市池尻3-301-1</v>
          </cell>
          <cell r="G39" t="str">
            <v>伊丹市</v>
          </cell>
          <cell r="H39" t="str">
            <v/>
          </cell>
          <cell r="I39" t="str">
            <v>代表取締役 米田　豊一</v>
          </cell>
          <cell r="J39" t="str">
            <v>本店</v>
          </cell>
          <cell r="K39" t="str">
            <v>072-770-3872</v>
          </cell>
          <cell r="L39" t="str">
            <v>yamamoto@enesta.com</v>
          </cell>
          <cell r="M39" t="str">
            <v>ｴﾈｯｸｽ</v>
          </cell>
          <cell r="N39" t="str">
            <v>無</v>
          </cell>
          <cell r="O39">
            <v>46</v>
          </cell>
          <cell r="P39">
            <v>53</v>
          </cell>
          <cell r="Q39">
            <v>5140001078736</v>
          </cell>
          <cell r="R39">
            <v>90000</v>
          </cell>
          <cell r="S39">
            <v>677183</v>
          </cell>
          <cell r="T39">
            <v>3235959</v>
          </cell>
          <cell r="V39" t="str">
            <v>qu263671</v>
          </cell>
          <cell r="W39" t="str">
            <v>ty181444</v>
          </cell>
          <cell r="X39" t="str">
            <v>電消土と管舗水</v>
          </cell>
          <cell r="Y39" t="str">
            <v>電消</v>
          </cell>
          <cell r="Z39" t="str">
            <v>土と管舗水</v>
          </cell>
          <cell r="AA39" t="str">
            <v>管</v>
          </cell>
          <cell r="AB39" t="str">
            <v>水道施設</v>
          </cell>
          <cell r="AC39" t="str">
            <v>電気</v>
          </cell>
          <cell r="AD39" t="str">
            <v/>
          </cell>
          <cell r="AE39">
            <v>43190</v>
          </cell>
          <cell r="AF39" t="str">
            <v>希望する</v>
          </cell>
          <cell r="AG39" t="str">
            <v>管</v>
          </cell>
          <cell r="AH39" t="str">
            <v>特定</v>
          </cell>
          <cell r="AI39">
            <v>985</v>
          </cell>
          <cell r="AJ39">
            <v>1955392</v>
          </cell>
          <cell r="AK39" t="str">
            <v>6(4)/2/21</v>
          </cell>
          <cell r="AL39" t="str">
            <v>水道施設</v>
          </cell>
          <cell r="AM39" t="str">
            <v>特定</v>
          </cell>
          <cell r="AN39">
            <v>774</v>
          </cell>
          <cell r="AO39">
            <v>25650</v>
          </cell>
          <cell r="AP39" t="str">
            <v>1(1)/1/1</v>
          </cell>
          <cell r="AQ39" t="str">
            <v>電気</v>
          </cell>
          <cell r="AR39" t="str">
            <v>一般</v>
          </cell>
          <cell r="AS39">
            <v>724</v>
          </cell>
          <cell r="AT39">
            <v>13935</v>
          </cell>
          <cell r="AU39" t="str">
            <v>0(0)/0/2</v>
          </cell>
          <cell r="AV39" t="str">
            <v/>
          </cell>
          <cell r="AW39" t="str">
            <v/>
          </cell>
          <cell r="AX39" t="str">
            <v/>
          </cell>
          <cell r="AY39" t="str">
            <v/>
          </cell>
          <cell r="AZ39" t="str">
            <v/>
          </cell>
          <cell r="BA39" t="str">
            <v>伊丹市</v>
          </cell>
          <cell r="BB39" t="str">
            <v/>
          </cell>
          <cell r="CR39">
            <v>2882</v>
          </cell>
          <cell r="CS39" t="str">
            <v>ﾌｼﾞﾜﾗ ﾀｶﾖｼ</v>
          </cell>
          <cell r="CT39" t="str">
            <v>藤原  高吉</v>
          </cell>
          <cell r="CU39" t="str">
            <v>用地課</v>
          </cell>
          <cell r="CW39">
            <v>3078</v>
          </cell>
          <cell r="CX39" t="str">
            <v xml:space="preserve"> </v>
          </cell>
          <cell r="CY39" t="str">
            <v>用地課長</v>
          </cell>
        </row>
        <row r="40">
          <cell r="B40">
            <v>146</v>
          </cell>
          <cell r="C40" t="str">
            <v>ウチダ建設(株)</v>
          </cell>
          <cell r="D40" t="str">
            <v>072-777-1226</v>
          </cell>
          <cell r="E40" t="str">
            <v>664-0898</v>
          </cell>
          <cell r="F40" t="str">
            <v>兵庫県伊丹市千僧3-132-2</v>
          </cell>
          <cell r="G40" t="str">
            <v>伊丹市</v>
          </cell>
          <cell r="H40" t="str">
            <v/>
          </cell>
          <cell r="I40" t="str">
            <v>代表取締役 内田　史孝</v>
          </cell>
          <cell r="J40" t="str">
            <v>本店</v>
          </cell>
          <cell r="K40" t="str">
            <v>072-777-1229</v>
          </cell>
          <cell r="L40" t="str">
            <v>spvr3p59@movie.ocn.ne.jp</v>
          </cell>
          <cell r="M40" t="str">
            <v>ｳﾁﾀﾞｹﾝｾﾂ</v>
          </cell>
          <cell r="N40" t="str">
            <v>無</v>
          </cell>
          <cell r="O40">
            <v>37</v>
          </cell>
          <cell r="P40">
            <v>2</v>
          </cell>
          <cell r="Q40">
            <v>1140001078087</v>
          </cell>
          <cell r="R40">
            <v>10000</v>
          </cell>
          <cell r="S40">
            <v>4213</v>
          </cell>
          <cell r="T40">
            <v>160528</v>
          </cell>
          <cell r="V40" t="str">
            <v>sx648063</v>
          </cell>
          <cell r="W40" t="str">
            <v>wn983390</v>
          </cell>
          <cell r="X40" t="str">
            <v>土と舗塗水解</v>
          </cell>
          <cell r="Y40" t="str">
            <v>土と舗塗水解</v>
          </cell>
          <cell r="Z40" t="str">
            <v/>
          </cell>
          <cell r="AA40" t="str">
            <v>土木一式</v>
          </cell>
          <cell r="AB40" t="str">
            <v>水道施設</v>
          </cell>
          <cell r="AC40" t="str">
            <v>舗装</v>
          </cell>
          <cell r="AD40" t="str">
            <v>とび土工</v>
          </cell>
          <cell r="AE40">
            <v>43190</v>
          </cell>
          <cell r="AF40" t="str">
            <v>希望しない</v>
          </cell>
          <cell r="AG40" t="str">
            <v>土木一式</v>
          </cell>
          <cell r="AH40" t="str">
            <v>一般</v>
          </cell>
          <cell r="AI40">
            <v>668</v>
          </cell>
          <cell r="AJ40">
            <v>16388</v>
          </cell>
          <cell r="AK40" t="str">
            <v>1(0)/0/0</v>
          </cell>
          <cell r="AL40" t="str">
            <v>水道施設</v>
          </cell>
          <cell r="AM40" t="str">
            <v>一般</v>
          </cell>
          <cell r="AN40">
            <v>623</v>
          </cell>
          <cell r="AO40">
            <v>2460</v>
          </cell>
          <cell r="AP40" t="str">
            <v>1(0)/0/0</v>
          </cell>
          <cell r="AQ40" t="str">
            <v>舗装</v>
          </cell>
          <cell r="AR40" t="str">
            <v>一般</v>
          </cell>
          <cell r="AS40">
            <v>601</v>
          </cell>
          <cell r="AT40">
            <v>671</v>
          </cell>
          <cell r="AU40" t="str">
            <v>0(0)/0/0</v>
          </cell>
          <cell r="AV40" t="str">
            <v>とび土工</v>
          </cell>
          <cell r="AW40" t="str">
            <v>一般</v>
          </cell>
          <cell r="AX40">
            <v>605</v>
          </cell>
          <cell r="AY40">
            <v>1931</v>
          </cell>
          <cell r="AZ40" t="str">
            <v>0(0)/0/0</v>
          </cell>
          <cell r="BA40" t="str">
            <v>伊丹市</v>
          </cell>
          <cell r="BB40" t="str">
            <v/>
          </cell>
          <cell r="CR40">
            <v>2884</v>
          </cell>
          <cell r="CS40" t="str">
            <v>ｼﾖｳﾀﾞ ﾉﾘｵ</v>
          </cell>
          <cell r="CT40" t="str">
            <v>庄田  徳男</v>
          </cell>
          <cell r="CU40" t="str">
            <v xml:space="preserve"> </v>
          </cell>
          <cell r="CW40">
            <v>6727</v>
          </cell>
          <cell r="CX40" t="str">
            <v>自動車運送事業管理者</v>
          </cell>
          <cell r="CY40" t="str">
            <v>　</v>
          </cell>
        </row>
        <row r="41">
          <cell r="B41">
            <v>155</v>
          </cell>
          <cell r="C41" t="str">
            <v>(株)高木興産</v>
          </cell>
          <cell r="D41" t="str">
            <v>072-770-1785</v>
          </cell>
          <cell r="E41" t="str">
            <v>664-0874</v>
          </cell>
          <cell r="F41" t="str">
            <v>兵庫県伊丹市山田6‐2‐6</v>
          </cell>
          <cell r="G41" t="str">
            <v>伊丹市</v>
          </cell>
          <cell r="H41" t="str">
            <v/>
          </cell>
          <cell r="I41" t="str">
            <v>代表取締役 高木　隆徳</v>
          </cell>
          <cell r="J41" t="str">
            <v>本店</v>
          </cell>
          <cell r="K41" t="str">
            <v>072-770-1786</v>
          </cell>
          <cell r="L41" t="str">
            <v>tetuo18@crest.ocn.ne.jp</v>
          </cell>
          <cell r="M41" t="str">
            <v>ﾀｶｷﾞｺｳｻﾝ</v>
          </cell>
          <cell r="N41" t="str">
            <v>無</v>
          </cell>
          <cell r="O41">
            <v>41</v>
          </cell>
          <cell r="P41">
            <v>7</v>
          </cell>
          <cell r="Q41">
            <v>8140001078568</v>
          </cell>
          <cell r="R41">
            <v>35000</v>
          </cell>
          <cell r="S41">
            <v>1310</v>
          </cell>
          <cell r="T41">
            <v>60417</v>
          </cell>
          <cell r="V41" t="str">
            <v>gp102444</v>
          </cell>
          <cell r="W41" t="str">
            <v>ub594975</v>
          </cell>
          <cell r="X41" t="str">
            <v>土と石鋼舗浚塗水</v>
          </cell>
          <cell r="Y41" t="str">
            <v>土と石鋼舗浚塗水</v>
          </cell>
          <cell r="Z41" t="str">
            <v/>
          </cell>
          <cell r="AA41" t="str">
            <v>土木一式</v>
          </cell>
          <cell r="AB41" t="str">
            <v>舗装</v>
          </cell>
          <cell r="AC41" t="str">
            <v>水道施設</v>
          </cell>
          <cell r="AD41" t="str">
            <v/>
          </cell>
          <cell r="AE41">
            <v>43281</v>
          </cell>
          <cell r="AF41" t="str">
            <v>希望しない</v>
          </cell>
          <cell r="AG41" t="str">
            <v>土木一式</v>
          </cell>
          <cell r="AH41" t="str">
            <v>一般</v>
          </cell>
          <cell r="AI41">
            <v>639</v>
          </cell>
          <cell r="AJ41">
            <v>66681</v>
          </cell>
          <cell r="AK41" t="str">
            <v>1(1)/0/1</v>
          </cell>
          <cell r="AL41" t="str">
            <v>舗装</v>
          </cell>
          <cell r="AM41" t="str">
            <v>一般</v>
          </cell>
          <cell r="AN41">
            <v>566</v>
          </cell>
          <cell r="AO41">
            <v>3340</v>
          </cell>
          <cell r="AP41" t="str">
            <v>1(1)/0/0</v>
          </cell>
          <cell r="AQ41" t="str">
            <v>水道施設</v>
          </cell>
          <cell r="AR41" t="str">
            <v>一般</v>
          </cell>
          <cell r="AS41">
            <v>541</v>
          </cell>
          <cell r="AT41" t="str">
            <v/>
          </cell>
          <cell r="AU41" t="str">
            <v>0(0)/0/0</v>
          </cell>
          <cell r="AV41" t="str">
            <v/>
          </cell>
          <cell r="AW41" t="str">
            <v/>
          </cell>
          <cell r="AX41" t="str">
            <v/>
          </cell>
          <cell r="AY41" t="str">
            <v/>
          </cell>
          <cell r="AZ41" t="str">
            <v/>
          </cell>
          <cell r="BA41" t="str">
            <v>伊丹市</v>
          </cell>
          <cell r="BB41" t="str">
            <v/>
          </cell>
          <cell r="CR41">
            <v>2885</v>
          </cell>
          <cell r="CS41" t="str">
            <v>ﾃﾗｲ ﾕｳｼﾞ</v>
          </cell>
          <cell r="CT41" t="str">
            <v>寺井  裕次</v>
          </cell>
          <cell r="CU41" t="str">
            <v>市民課</v>
          </cell>
          <cell r="CW41" t="str">
            <v xml:space="preserve"> </v>
          </cell>
          <cell r="CX41" t="str">
            <v xml:space="preserve"> </v>
          </cell>
          <cell r="CY41" t="str">
            <v>市民課長</v>
          </cell>
        </row>
        <row r="42">
          <cell r="B42">
            <v>157</v>
          </cell>
          <cell r="C42" t="str">
            <v>(株)安東工業所</v>
          </cell>
          <cell r="D42" t="str">
            <v>072-777-0163</v>
          </cell>
          <cell r="E42" t="str">
            <v>664-0888</v>
          </cell>
          <cell r="F42" t="str">
            <v>兵庫県伊丹市昆陽南4-3-4</v>
          </cell>
          <cell r="G42" t="str">
            <v>伊丹市</v>
          </cell>
          <cell r="H42" t="str">
            <v/>
          </cell>
          <cell r="I42" t="str">
            <v>代表取締役 安東　日出雄</v>
          </cell>
          <cell r="J42" t="str">
            <v>本店</v>
          </cell>
          <cell r="K42" t="str">
            <v>072-772-1100</v>
          </cell>
          <cell r="L42" t="str">
            <v>ando-kgs@herb.ocn.ne.jp</v>
          </cell>
          <cell r="M42" t="str">
            <v>ｱﾝﾄﾞｳｺｳｷﾞｮｳｼｮ</v>
          </cell>
          <cell r="N42" t="str">
            <v>無</v>
          </cell>
          <cell r="O42">
            <v>40</v>
          </cell>
          <cell r="P42">
            <v>12</v>
          </cell>
          <cell r="Q42">
            <v>2140001077955</v>
          </cell>
          <cell r="R42">
            <v>10000</v>
          </cell>
          <cell r="S42">
            <v>38148</v>
          </cell>
          <cell r="T42">
            <v>304203</v>
          </cell>
          <cell r="V42" t="str">
            <v>hh602807</v>
          </cell>
          <cell r="W42" t="str">
            <v>ax353305</v>
          </cell>
          <cell r="X42" t="str">
            <v>土建鋼</v>
          </cell>
          <cell r="Y42" t="str">
            <v>土建鋼</v>
          </cell>
          <cell r="Z42" t="str">
            <v/>
          </cell>
          <cell r="AA42" t="str">
            <v>建築一式</v>
          </cell>
          <cell r="AB42" t="str">
            <v/>
          </cell>
          <cell r="AC42" t="str">
            <v/>
          </cell>
          <cell r="AD42" t="str">
            <v/>
          </cell>
          <cell r="AE42">
            <v>43008</v>
          </cell>
          <cell r="AF42" t="str">
            <v/>
          </cell>
          <cell r="AG42" t="str">
            <v>建築一式</v>
          </cell>
          <cell r="AH42" t="str">
            <v>一般</v>
          </cell>
          <cell r="AI42">
            <v>749</v>
          </cell>
          <cell r="AJ42">
            <v>428864</v>
          </cell>
          <cell r="AK42" t="str">
            <v>1(1)/1/6</v>
          </cell>
          <cell r="AL42" t="str">
            <v/>
          </cell>
          <cell r="AM42" t="str">
            <v/>
          </cell>
          <cell r="AN42" t="str">
            <v/>
          </cell>
          <cell r="AO42" t="str">
            <v/>
          </cell>
          <cell r="AP42" t="str">
            <v/>
          </cell>
          <cell r="AQ42" t="str">
            <v/>
          </cell>
          <cell r="AR42" t="str">
            <v/>
          </cell>
          <cell r="AS42" t="str">
            <v/>
          </cell>
          <cell r="AT42" t="str">
            <v/>
          </cell>
          <cell r="AU42" t="str">
            <v/>
          </cell>
          <cell r="AV42" t="str">
            <v/>
          </cell>
          <cell r="AW42" t="str">
            <v/>
          </cell>
          <cell r="AX42" t="str">
            <v/>
          </cell>
          <cell r="AY42" t="str">
            <v/>
          </cell>
          <cell r="AZ42" t="str">
            <v/>
          </cell>
          <cell r="BA42" t="str">
            <v>伊丹市</v>
          </cell>
          <cell r="BB42" t="str">
            <v/>
          </cell>
          <cell r="CR42">
            <v>2888</v>
          </cell>
          <cell r="CS42" t="str">
            <v>ﾔｷﾞ ｲｻﾑ</v>
          </cell>
          <cell r="CT42" t="str">
            <v>八木  勇</v>
          </cell>
          <cell r="CU42" t="str">
            <v>営繕課</v>
          </cell>
          <cell r="CW42">
            <v>3327</v>
          </cell>
          <cell r="CX42" t="str">
            <v xml:space="preserve"> </v>
          </cell>
          <cell r="CY42" t="str">
            <v>営繕課長</v>
          </cell>
        </row>
        <row r="43">
          <cell r="B43">
            <v>160</v>
          </cell>
          <cell r="C43" t="str">
            <v>(株)イムラ</v>
          </cell>
          <cell r="D43" t="str">
            <v>072-782-2164</v>
          </cell>
          <cell r="E43" t="str">
            <v>664-0835</v>
          </cell>
          <cell r="F43" t="str">
            <v>兵庫県伊丹市桑津1-1-15</v>
          </cell>
          <cell r="G43" t="str">
            <v>伊丹市</v>
          </cell>
          <cell r="H43" t="str">
            <v/>
          </cell>
          <cell r="I43" t="str">
            <v>代表表取締役 井村　哲虎</v>
          </cell>
          <cell r="J43" t="str">
            <v>本店</v>
          </cell>
          <cell r="K43" t="str">
            <v/>
          </cell>
          <cell r="L43" t="str">
            <v>t-imura@rainbow.plala.or.jp</v>
          </cell>
          <cell r="M43" t="str">
            <v>ｲﾑﾗ</v>
          </cell>
          <cell r="N43" t="str">
            <v>無</v>
          </cell>
          <cell r="O43">
            <v>50</v>
          </cell>
          <cell r="P43">
            <v>3</v>
          </cell>
          <cell r="Q43">
            <v>5140001078067</v>
          </cell>
          <cell r="R43">
            <v>1000</v>
          </cell>
          <cell r="S43">
            <v>-42774</v>
          </cell>
          <cell r="T43">
            <v>57749</v>
          </cell>
          <cell r="V43" t="str">
            <v>fy123849</v>
          </cell>
          <cell r="W43" t="str">
            <v>cj250306</v>
          </cell>
          <cell r="X43" t="str">
            <v>土と石管舗浚水</v>
          </cell>
          <cell r="Y43" t="str">
            <v>土と石管舗浚水</v>
          </cell>
          <cell r="Z43" t="str">
            <v/>
          </cell>
          <cell r="AA43" t="str">
            <v>土木一式</v>
          </cell>
          <cell r="AB43" t="str">
            <v>水道施設</v>
          </cell>
          <cell r="AC43" t="str">
            <v>舗装</v>
          </cell>
          <cell r="AD43" t="str">
            <v>管</v>
          </cell>
          <cell r="AE43">
            <v>43281</v>
          </cell>
          <cell r="AF43" t="str">
            <v/>
          </cell>
          <cell r="AG43" t="str">
            <v>土木一式</v>
          </cell>
          <cell r="AH43" t="str">
            <v>一般</v>
          </cell>
          <cell r="AI43">
            <v>600</v>
          </cell>
          <cell r="AJ43">
            <v>27049</v>
          </cell>
          <cell r="AK43" t="str">
            <v>()/3/</v>
          </cell>
          <cell r="AL43" t="str">
            <v>水道施設</v>
          </cell>
          <cell r="AM43" t="str">
            <v>一般</v>
          </cell>
          <cell r="AN43">
            <v>556</v>
          </cell>
          <cell r="AO43">
            <v>5764</v>
          </cell>
          <cell r="AP43" t="str">
            <v>()/3/</v>
          </cell>
          <cell r="AQ43" t="str">
            <v>舗装</v>
          </cell>
          <cell r="AR43" t="str">
            <v>一般</v>
          </cell>
          <cell r="AS43">
            <v>573</v>
          </cell>
          <cell r="AT43">
            <v>15860</v>
          </cell>
          <cell r="AU43" t="str">
            <v/>
          </cell>
          <cell r="AV43" t="str">
            <v>管</v>
          </cell>
          <cell r="AW43" t="str">
            <v>一般</v>
          </cell>
          <cell r="AX43" t="str">
            <v/>
          </cell>
          <cell r="AY43" t="str">
            <v/>
          </cell>
          <cell r="AZ43" t="str">
            <v/>
          </cell>
          <cell r="BA43" t="str">
            <v>伊丹市</v>
          </cell>
          <cell r="BB43" t="str">
            <v/>
          </cell>
          <cell r="CR43">
            <v>2889</v>
          </cell>
          <cell r="CS43" t="str">
            <v>ｷﾀﾉ ﾀﾀﾞｼ</v>
          </cell>
          <cell r="CT43" t="str">
            <v>北野  正</v>
          </cell>
          <cell r="CU43" t="str">
            <v>住宅政策課</v>
          </cell>
          <cell r="CW43">
            <v>3304</v>
          </cell>
          <cell r="CX43" t="str">
            <v xml:space="preserve"> </v>
          </cell>
          <cell r="CY43" t="str">
            <v>住宅管理課長</v>
          </cell>
        </row>
        <row r="44">
          <cell r="B44">
            <v>161</v>
          </cell>
          <cell r="C44" t="str">
            <v>森山建設工業(株)</v>
          </cell>
          <cell r="D44" t="str">
            <v>072-777-0757</v>
          </cell>
          <cell r="E44" t="str">
            <v>664-0888</v>
          </cell>
          <cell r="F44" t="str">
            <v>兵庫県伊丹市昆陽南1-7-11</v>
          </cell>
          <cell r="G44" t="str">
            <v>伊丹市</v>
          </cell>
          <cell r="H44" t="str">
            <v/>
          </cell>
          <cell r="I44" t="str">
            <v>代表取締役 森山　慶文</v>
          </cell>
          <cell r="J44" t="str">
            <v>本店</v>
          </cell>
          <cell r="K44" t="str">
            <v>072-777-3787</v>
          </cell>
          <cell r="L44" t="str">
            <v>moriken@hcc6.bai.ne.jp</v>
          </cell>
          <cell r="M44" t="str">
            <v>ﾓﾘﾔﾏｹﾝｾﾂｺｳｷﾞｮｳ</v>
          </cell>
          <cell r="N44" t="str">
            <v>無</v>
          </cell>
          <cell r="O44">
            <v>43</v>
          </cell>
          <cell r="P44">
            <v>32</v>
          </cell>
          <cell r="Q44">
            <v>9140001079020</v>
          </cell>
          <cell r="R44">
            <v>20000</v>
          </cell>
          <cell r="S44">
            <v>456601</v>
          </cell>
          <cell r="T44">
            <v>643935</v>
          </cell>
          <cell r="V44" t="str">
            <v>we449058</v>
          </cell>
          <cell r="W44" t="str">
            <v>hc519911</v>
          </cell>
          <cell r="X44" t="str">
            <v>土と舗水</v>
          </cell>
          <cell r="Y44" t="str">
            <v>土と舗水</v>
          </cell>
          <cell r="Z44" t="str">
            <v/>
          </cell>
          <cell r="AA44" t="str">
            <v>土木一式</v>
          </cell>
          <cell r="AB44" t="str">
            <v>水道施設</v>
          </cell>
          <cell r="AC44" t="str">
            <v>舗装</v>
          </cell>
          <cell r="AD44" t="str">
            <v>とび土工</v>
          </cell>
          <cell r="AE44">
            <v>42978</v>
          </cell>
          <cell r="AF44" t="str">
            <v>希望する</v>
          </cell>
          <cell r="AG44" t="str">
            <v>土木一式</v>
          </cell>
          <cell r="AH44" t="str">
            <v>一般</v>
          </cell>
          <cell r="AI44">
            <v>882</v>
          </cell>
          <cell r="AJ44">
            <v>506718</v>
          </cell>
          <cell r="AK44" t="str">
            <v>4(4)/1/5</v>
          </cell>
          <cell r="AL44" t="str">
            <v>水道施設</v>
          </cell>
          <cell r="AM44" t="str">
            <v>一般</v>
          </cell>
          <cell r="AN44">
            <v>809</v>
          </cell>
          <cell r="AO44">
            <v>62392</v>
          </cell>
          <cell r="AP44" t="str">
            <v>4(4)/0/0</v>
          </cell>
          <cell r="AQ44" t="str">
            <v>舗装</v>
          </cell>
          <cell r="AR44" t="str">
            <v>一般</v>
          </cell>
          <cell r="AS44">
            <v>683</v>
          </cell>
          <cell r="AT44">
            <v>4900</v>
          </cell>
          <cell r="AU44" t="str">
            <v>0(0)/0/1</v>
          </cell>
          <cell r="AV44" t="str">
            <v>とび土工</v>
          </cell>
          <cell r="AW44" t="str">
            <v>一般</v>
          </cell>
          <cell r="AX44">
            <v>766</v>
          </cell>
          <cell r="AY44">
            <v>114270</v>
          </cell>
          <cell r="AZ44" t="str">
            <v>0(0)/1/2</v>
          </cell>
          <cell r="BA44" t="str">
            <v>伊丹市</v>
          </cell>
          <cell r="BB44" t="str">
            <v/>
          </cell>
          <cell r="CR44">
            <v>2890</v>
          </cell>
          <cell r="CS44" t="str">
            <v>ﾊﾅﾌｻ ｺｳｼﾞ</v>
          </cell>
          <cell r="CT44" t="str">
            <v>花房  耕二</v>
          </cell>
          <cell r="CU44" t="str">
            <v xml:space="preserve">道路保全課 </v>
          </cell>
          <cell r="CW44">
            <v>3033</v>
          </cell>
          <cell r="CX44" t="str">
            <v xml:space="preserve"> </v>
          </cell>
          <cell r="CY44" t="str">
            <v>道路保全課長</v>
          </cell>
        </row>
        <row r="45">
          <cell r="B45">
            <v>165</v>
          </cell>
          <cell r="C45" t="str">
            <v>(株)松浦組</v>
          </cell>
          <cell r="D45" t="str">
            <v>072-777-1117</v>
          </cell>
          <cell r="E45" t="str">
            <v>664-0874</v>
          </cell>
          <cell r="F45" t="str">
            <v>兵庫県伊丹市山田3‐10‐50</v>
          </cell>
          <cell r="G45" t="str">
            <v>伊丹市</v>
          </cell>
          <cell r="H45" t="str">
            <v/>
          </cell>
          <cell r="I45" t="str">
            <v>代表取締役 松浦　幸一</v>
          </cell>
          <cell r="J45" t="str">
            <v>本店</v>
          </cell>
          <cell r="K45" t="str">
            <v>072-777-3891</v>
          </cell>
          <cell r="L45" t="str">
            <v>matuuragumi@tea.ocn.ne.jp</v>
          </cell>
          <cell r="M45" t="str">
            <v>ﾏﾂｳﾗｸﾞﾐ</v>
          </cell>
          <cell r="N45" t="str">
            <v>無</v>
          </cell>
          <cell r="O45">
            <v>43</v>
          </cell>
          <cell r="P45">
            <v>4</v>
          </cell>
          <cell r="Q45">
            <v>5140001078926</v>
          </cell>
          <cell r="R45">
            <v>20000</v>
          </cell>
          <cell r="S45">
            <v>58824</v>
          </cell>
          <cell r="T45">
            <v>160830</v>
          </cell>
          <cell r="V45" t="str">
            <v>tc614877</v>
          </cell>
          <cell r="W45" t="str">
            <v>dt146751</v>
          </cell>
          <cell r="X45" t="str">
            <v>土と石鋼舗浚塗水</v>
          </cell>
          <cell r="Y45" t="str">
            <v/>
          </cell>
          <cell r="Z45" t="str">
            <v>土と石鋼舗浚塗水</v>
          </cell>
          <cell r="AA45" t="str">
            <v>土木一式</v>
          </cell>
          <cell r="AB45" t="str">
            <v>水道施設</v>
          </cell>
          <cell r="AC45" t="str">
            <v>舗装</v>
          </cell>
          <cell r="AD45" t="str">
            <v/>
          </cell>
          <cell r="AE45">
            <v>43281</v>
          </cell>
          <cell r="AF45" t="str">
            <v>希望しない</v>
          </cell>
          <cell r="AG45" t="str">
            <v>土木一式</v>
          </cell>
          <cell r="AH45" t="str">
            <v>特定</v>
          </cell>
          <cell r="AI45">
            <v>716</v>
          </cell>
          <cell r="AJ45">
            <v>180321</v>
          </cell>
          <cell r="AK45" t="str">
            <v>2(1)/0/2</v>
          </cell>
          <cell r="AL45" t="str">
            <v>水道施設</v>
          </cell>
          <cell r="AM45" t="str">
            <v>特定</v>
          </cell>
          <cell r="AN45">
            <v>613</v>
          </cell>
          <cell r="AO45">
            <v>6188</v>
          </cell>
          <cell r="AP45" t="str">
            <v>2(1)/0/0</v>
          </cell>
          <cell r="AQ45" t="str">
            <v>舗装</v>
          </cell>
          <cell r="AR45" t="str">
            <v>特定</v>
          </cell>
          <cell r="AS45">
            <v>558</v>
          </cell>
          <cell r="AT45">
            <v>614</v>
          </cell>
          <cell r="AU45" t="str">
            <v>0(0)/0/0</v>
          </cell>
          <cell r="AV45" t="str">
            <v/>
          </cell>
          <cell r="AW45" t="str">
            <v/>
          </cell>
          <cell r="AX45" t="str">
            <v/>
          </cell>
          <cell r="AY45" t="str">
            <v/>
          </cell>
          <cell r="AZ45" t="str">
            <v/>
          </cell>
          <cell r="BA45" t="str">
            <v>伊丹市</v>
          </cell>
          <cell r="BB45" t="str">
            <v/>
          </cell>
          <cell r="CR45">
            <v>2892</v>
          </cell>
          <cell r="CS45" t="str">
            <v>ﾋﾗﾄｺ ﾋﾛﾉﾘ</v>
          </cell>
          <cell r="CT45" t="str">
            <v>平床  博憲</v>
          </cell>
          <cell r="CU45" t="str">
            <v>公園課</v>
          </cell>
          <cell r="CW45">
            <v>2855</v>
          </cell>
          <cell r="CX45" t="str">
            <v xml:space="preserve"> </v>
          </cell>
          <cell r="CY45" t="str">
            <v>公園課長</v>
          </cell>
        </row>
        <row r="46">
          <cell r="B46">
            <v>168</v>
          </cell>
          <cell r="C46" t="str">
            <v>(株)村田組</v>
          </cell>
          <cell r="D46" t="str">
            <v>072-777-7788</v>
          </cell>
          <cell r="E46" t="str">
            <v>664-0858</v>
          </cell>
          <cell r="F46" t="str">
            <v>兵庫県伊丹市西台2-7-2</v>
          </cell>
          <cell r="G46" t="str">
            <v>伊丹市</v>
          </cell>
          <cell r="H46" t="str">
            <v/>
          </cell>
          <cell r="I46" t="str">
            <v>代表取締役 村田　あき男</v>
          </cell>
          <cell r="J46" t="str">
            <v>本店</v>
          </cell>
          <cell r="K46" t="str">
            <v>072-777-7787</v>
          </cell>
          <cell r="L46" t="str">
            <v>soumubu@muratagumi.com</v>
          </cell>
          <cell r="M46" t="str">
            <v>ﾑﾗﾀｸﾞﾐ</v>
          </cell>
          <cell r="N46" t="str">
            <v>無</v>
          </cell>
          <cell r="O46">
            <v>39</v>
          </cell>
          <cell r="P46">
            <v>24</v>
          </cell>
          <cell r="Q46">
            <v>9140001079004</v>
          </cell>
          <cell r="R46">
            <v>50000</v>
          </cell>
          <cell r="S46">
            <v>182962</v>
          </cell>
          <cell r="T46">
            <v>1004137</v>
          </cell>
          <cell r="V46" t="str">
            <v>ty478990</v>
          </cell>
          <cell r="W46" t="str">
            <v>as122049</v>
          </cell>
          <cell r="X46" t="str">
            <v>土と石鋼舗浚塗水</v>
          </cell>
          <cell r="Y46" t="str">
            <v/>
          </cell>
          <cell r="Z46" t="str">
            <v>土と石鋼舗浚塗水</v>
          </cell>
          <cell r="AA46" t="str">
            <v>鋼構造物</v>
          </cell>
          <cell r="AB46" t="str">
            <v>土木一式</v>
          </cell>
          <cell r="AC46" t="str">
            <v>舗装</v>
          </cell>
          <cell r="AD46" t="str">
            <v>水道施設</v>
          </cell>
          <cell r="AE46">
            <v>42947</v>
          </cell>
          <cell r="AF46" t="str">
            <v>希望しない</v>
          </cell>
          <cell r="AG46" t="str">
            <v>鋼構造物</v>
          </cell>
          <cell r="AH46" t="str">
            <v>特定</v>
          </cell>
          <cell r="AI46">
            <v>914</v>
          </cell>
          <cell r="AJ46">
            <v>612834</v>
          </cell>
          <cell r="AK46" t="str">
            <v>9(8)/1/0</v>
          </cell>
          <cell r="AL46" t="str">
            <v>土木一式</v>
          </cell>
          <cell r="AM46" t="str">
            <v>特定</v>
          </cell>
          <cell r="AN46">
            <v>878</v>
          </cell>
          <cell r="AO46">
            <v>223681</v>
          </cell>
          <cell r="AP46" t="str">
            <v>8(8)/1/2</v>
          </cell>
          <cell r="AQ46" t="str">
            <v>舗装</v>
          </cell>
          <cell r="AR46" t="str">
            <v>特定</v>
          </cell>
          <cell r="AS46">
            <v>723</v>
          </cell>
          <cell r="AT46">
            <v>17601</v>
          </cell>
          <cell r="AU46" t="str">
            <v>1(0)/0/0</v>
          </cell>
          <cell r="AV46" t="str">
            <v>水道施設</v>
          </cell>
          <cell r="AW46" t="str">
            <v>特定</v>
          </cell>
          <cell r="AX46">
            <v>702</v>
          </cell>
          <cell r="AY46">
            <v>9000</v>
          </cell>
          <cell r="AZ46" t="str">
            <v>0(0)/0/0</v>
          </cell>
          <cell r="BA46" t="str">
            <v>伊丹市</v>
          </cell>
          <cell r="BB46" t="str">
            <v/>
          </cell>
          <cell r="CR46">
            <v>2893</v>
          </cell>
          <cell r="CS46" t="str">
            <v>ｺﾊﾞ ﾋﾛｼ</v>
          </cell>
          <cell r="CT46" t="str">
            <v>木場  浩</v>
          </cell>
          <cell r="CU46" t="str">
            <v>都市計画課</v>
          </cell>
          <cell r="CW46">
            <v>3253</v>
          </cell>
          <cell r="CX46" t="str">
            <v xml:space="preserve"> </v>
          </cell>
          <cell r="CY46" t="str">
            <v>都市計画課長</v>
          </cell>
        </row>
        <row r="47">
          <cell r="B47">
            <v>170</v>
          </cell>
          <cell r="C47" t="str">
            <v>(株)木戸建設</v>
          </cell>
          <cell r="D47" t="str">
            <v>072-782-1696</v>
          </cell>
          <cell r="E47" t="str">
            <v>664-0842</v>
          </cell>
          <cell r="F47" t="str">
            <v>兵庫県伊丹市森本4-63-2</v>
          </cell>
          <cell r="G47" t="str">
            <v>伊丹市</v>
          </cell>
          <cell r="H47" t="str">
            <v/>
          </cell>
          <cell r="I47" t="str">
            <v>代表取締役 木戸　星一</v>
          </cell>
          <cell r="J47" t="str">
            <v>本店</v>
          </cell>
          <cell r="K47" t="str">
            <v>072-782-1984</v>
          </cell>
          <cell r="L47" t="str">
            <v>kidoconstruction@nifty.com</v>
          </cell>
          <cell r="M47" t="str">
            <v>ｷﾄﾞｹﾝｾﾂ</v>
          </cell>
          <cell r="N47" t="str">
            <v>無</v>
          </cell>
          <cell r="O47">
            <v>47</v>
          </cell>
          <cell r="P47">
            <v>5</v>
          </cell>
          <cell r="Q47">
            <v>5140001078240</v>
          </cell>
          <cell r="R47">
            <v>10000</v>
          </cell>
          <cell r="S47">
            <v>6991</v>
          </cell>
          <cell r="T47">
            <v>74419</v>
          </cell>
          <cell r="V47" t="str">
            <v>hj153678</v>
          </cell>
          <cell r="W47" t="str">
            <v>da307681</v>
          </cell>
          <cell r="X47" t="str">
            <v>土大と石管鋼舗浚塗園水解</v>
          </cell>
          <cell r="Y47" t="str">
            <v>土大と石管鋼舗浚塗園水解</v>
          </cell>
          <cell r="Z47" t="str">
            <v/>
          </cell>
          <cell r="AA47" t="str">
            <v>土木一式</v>
          </cell>
          <cell r="AB47" t="str">
            <v>舗装</v>
          </cell>
          <cell r="AC47" t="str">
            <v>水道施設</v>
          </cell>
          <cell r="AD47" t="str">
            <v>造園</v>
          </cell>
          <cell r="AE47">
            <v>43251</v>
          </cell>
          <cell r="AF47" t="str">
            <v>希望しない</v>
          </cell>
          <cell r="AG47" t="str">
            <v>土木一式</v>
          </cell>
          <cell r="AH47" t="str">
            <v>一般</v>
          </cell>
          <cell r="AI47">
            <v>773</v>
          </cell>
          <cell r="AJ47">
            <v>44337</v>
          </cell>
          <cell r="AK47" t="str">
            <v>2(2)/1/1</v>
          </cell>
          <cell r="AL47" t="str">
            <v>舗装</v>
          </cell>
          <cell r="AM47" t="str">
            <v>一般</v>
          </cell>
          <cell r="AN47">
            <v>750</v>
          </cell>
          <cell r="AO47">
            <v>17149</v>
          </cell>
          <cell r="AP47" t="str">
            <v>2(2)/1/1</v>
          </cell>
          <cell r="AQ47" t="str">
            <v>水道施設</v>
          </cell>
          <cell r="AR47" t="str">
            <v>一般</v>
          </cell>
          <cell r="AS47">
            <v>682</v>
          </cell>
          <cell r="AT47" t="str">
            <v/>
          </cell>
          <cell r="AU47" t="str">
            <v>2(2)/0/0</v>
          </cell>
          <cell r="AV47" t="str">
            <v>造園</v>
          </cell>
          <cell r="AW47" t="str">
            <v>一般</v>
          </cell>
          <cell r="AX47">
            <v>692</v>
          </cell>
          <cell r="AY47">
            <v>8075</v>
          </cell>
          <cell r="AZ47" t="str">
            <v>0(0)/0/0</v>
          </cell>
          <cell r="BA47" t="str">
            <v>伊丹市</v>
          </cell>
          <cell r="BB47" t="str">
            <v/>
          </cell>
          <cell r="CR47">
            <v>2894</v>
          </cell>
          <cell r="CS47" t="str">
            <v>ﾊﾀ ﾖｼｱｷ</v>
          </cell>
          <cell r="CT47" t="str">
            <v>畑  芳昭</v>
          </cell>
          <cell r="CU47" t="str">
            <v>工務課</v>
          </cell>
          <cell r="CW47" t="str">
            <v xml:space="preserve"> </v>
          </cell>
          <cell r="CX47" t="str">
            <v xml:space="preserve"> </v>
          </cell>
          <cell r="CY47" t="str">
            <v>工務課長</v>
          </cell>
        </row>
        <row r="48">
          <cell r="B48">
            <v>174</v>
          </cell>
          <cell r="C48" t="str">
            <v>(株)ミズホ工業</v>
          </cell>
          <cell r="D48" t="str">
            <v>072-770-1170</v>
          </cell>
          <cell r="E48" t="str">
            <v>664-0005</v>
          </cell>
          <cell r="F48" t="str">
            <v>兵庫県伊丹市瑞原1-46</v>
          </cell>
          <cell r="G48" t="str">
            <v>伊丹市</v>
          </cell>
          <cell r="H48" t="str">
            <v/>
          </cell>
          <cell r="I48" t="str">
            <v>代表取締役 延安　伸二</v>
          </cell>
          <cell r="J48" t="str">
            <v>本店</v>
          </cell>
          <cell r="K48" t="str">
            <v>072-770-2311</v>
          </cell>
          <cell r="L48" t="str">
            <v>mizuho-co1170@hcc6.bai.ne.jp</v>
          </cell>
          <cell r="M48" t="str">
            <v>ﾐｽﾞﾎｺｳｷﾞｮｳ</v>
          </cell>
          <cell r="N48" t="str">
            <v>無</v>
          </cell>
          <cell r="O48">
            <v>45</v>
          </cell>
          <cell r="P48">
            <v>6</v>
          </cell>
          <cell r="Q48">
            <v>5140001078967</v>
          </cell>
          <cell r="R48">
            <v>25000</v>
          </cell>
          <cell r="S48">
            <v>141100</v>
          </cell>
          <cell r="T48">
            <v>267948</v>
          </cell>
          <cell r="V48" t="str">
            <v>bu210211</v>
          </cell>
          <cell r="W48" t="str">
            <v>qw990717</v>
          </cell>
          <cell r="X48" t="str">
            <v>土と舗水</v>
          </cell>
          <cell r="Y48" t="str">
            <v/>
          </cell>
          <cell r="Z48" t="str">
            <v>土と舗水</v>
          </cell>
          <cell r="AA48" t="str">
            <v>土木一式</v>
          </cell>
          <cell r="AB48" t="str">
            <v>水道施設</v>
          </cell>
          <cell r="AC48" t="str">
            <v>舗装</v>
          </cell>
          <cell r="AD48" t="str">
            <v/>
          </cell>
          <cell r="AE48">
            <v>43251</v>
          </cell>
          <cell r="AF48" t="str">
            <v>希望しない</v>
          </cell>
          <cell r="AG48" t="str">
            <v>土木一式</v>
          </cell>
          <cell r="AH48" t="str">
            <v>特定</v>
          </cell>
          <cell r="AI48">
            <v>724</v>
          </cell>
          <cell r="AJ48">
            <v>130565</v>
          </cell>
          <cell r="AK48" t="str">
            <v>1(1)/2/0</v>
          </cell>
          <cell r="AL48" t="str">
            <v>水道施設</v>
          </cell>
          <cell r="AM48" t="str">
            <v>特定</v>
          </cell>
          <cell r="AN48">
            <v>704</v>
          </cell>
          <cell r="AO48">
            <v>85643</v>
          </cell>
          <cell r="AP48" t="str">
            <v>1(1)/1/0</v>
          </cell>
          <cell r="AQ48" t="str">
            <v>舗装</v>
          </cell>
          <cell r="AR48" t="str">
            <v>特定</v>
          </cell>
          <cell r="AS48">
            <v>628</v>
          </cell>
          <cell r="AT48">
            <v>7362</v>
          </cell>
          <cell r="AU48" t="str">
            <v>0(0)/1/0</v>
          </cell>
          <cell r="AV48" t="str">
            <v/>
          </cell>
          <cell r="AW48" t="str">
            <v/>
          </cell>
          <cell r="AX48" t="str">
            <v/>
          </cell>
          <cell r="AY48" t="str">
            <v/>
          </cell>
          <cell r="AZ48" t="str">
            <v/>
          </cell>
          <cell r="BA48" t="str">
            <v>伊丹市</v>
          </cell>
          <cell r="BB48" t="str">
            <v/>
          </cell>
          <cell r="CR48">
            <v>2897</v>
          </cell>
          <cell r="CS48" t="str">
            <v>ﾊﾞﾊﾞｿﾞﾉ ｷﾖｳﾊﾁﾛｳ</v>
          </cell>
          <cell r="CT48" t="str">
            <v>馬場園  強八郎</v>
          </cell>
          <cell r="CU48" t="str">
            <v>空港政策課</v>
          </cell>
          <cell r="CW48">
            <v>2843</v>
          </cell>
          <cell r="CX48" t="str">
            <v xml:space="preserve"> </v>
          </cell>
          <cell r="CY48" t="str">
            <v>空港政策課長</v>
          </cell>
        </row>
        <row r="49">
          <cell r="B49">
            <v>176</v>
          </cell>
          <cell r="C49" t="str">
            <v>(株)金山組</v>
          </cell>
          <cell r="D49" t="str">
            <v>072-782-6541</v>
          </cell>
          <cell r="E49" t="str">
            <v>664-0842</v>
          </cell>
          <cell r="F49" t="str">
            <v>兵庫県伊丹市森本2-52-6</v>
          </cell>
          <cell r="G49" t="str">
            <v>伊丹市</v>
          </cell>
          <cell r="H49" t="str">
            <v/>
          </cell>
          <cell r="I49" t="str">
            <v>代表取締役　 金山　一</v>
          </cell>
          <cell r="J49" t="str">
            <v>本店</v>
          </cell>
          <cell r="K49" t="str">
            <v>072-770-4700</v>
          </cell>
          <cell r="L49" t="str">
            <v>info@kaneyamagumi.com</v>
          </cell>
          <cell r="M49" t="str">
            <v>ｶﾈﾔﾏｸﾞﾐ</v>
          </cell>
          <cell r="N49" t="str">
            <v>無</v>
          </cell>
          <cell r="O49">
            <v>39</v>
          </cell>
          <cell r="P49">
            <v>11</v>
          </cell>
          <cell r="Q49">
            <v>8140000000000</v>
          </cell>
          <cell r="R49">
            <v>30000</v>
          </cell>
          <cell r="S49">
            <v>77482</v>
          </cell>
          <cell r="T49">
            <v>1398947</v>
          </cell>
          <cell r="V49" t="str">
            <v>gr241696</v>
          </cell>
          <cell r="W49" t="str">
            <v>ct255550</v>
          </cell>
          <cell r="X49" t="str">
            <v>土と舗水</v>
          </cell>
          <cell r="Y49" t="str">
            <v/>
          </cell>
          <cell r="Z49" t="str">
            <v>土と舗水</v>
          </cell>
          <cell r="AA49" t="str">
            <v>土木一式</v>
          </cell>
          <cell r="AB49" t="str">
            <v>建築一式</v>
          </cell>
          <cell r="AC49" t="str">
            <v>舗装</v>
          </cell>
          <cell r="AD49" t="str">
            <v>水道施設</v>
          </cell>
          <cell r="AE49">
            <v>43281</v>
          </cell>
          <cell r="AF49" t="str">
            <v>希望しない</v>
          </cell>
          <cell r="AG49" t="str">
            <v>土木一式</v>
          </cell>
          <cell r="AH49" t="str">
            <v>特定</v>
          </cell>
          <cell r="AI49">
            <v>906</v>
          </cell>
          <cell r="AJ49">
            <v>1023576</v>
          </cell>
          <cell r="AK49" t="str">
            <v>5(5)/2/2</v>
          </cell>
          <cell r="AL49" t="str">
            <v>建築一式</v>
          </cell>
          <cell r="AM49" t="str">
            <v>特定</v>
          </cell>
          <cell r="AN49">
            <v>821</v>
          </cell>
          <cell r="AO49">
            <v>227783</v>
          </cell>
          <cell r="AP49" t="str">
            <v>2(2)/2/0</v>
          </cell>
          <cell r="AQ49" t="str">
            <v>舗装</v>
          </cell>
          <cell r="AR49" t="str">
            <v>特定</v>
          </cell>
          <cell r="AS49">
            <v>721</v>
          </cell>
          <cell r="AT49">
            <v>18257</v>
          </cell>
          <cell r="AU49" t="str">
            <v>0(0)/2/0</v>
          </cell>
          <cell r="AV49" t="str">
            <v>水道施設</v>
          </cell>
          <cell r="AW49" t="str">
            <v>特定</v>
          </cell>
          <cell r="AX49">
            <v>737</v>
          </cell>
          <cell r="AY49">
            <v>29535</v>
          </cell>
          <cell r="AZ49" t="str">
            <v>1(1)/0/0</v>
          </cell>
          <cell r="BA49" t="str">
            <v>伊丹市</v>
          </cell>
          <cell r="BB49" t="str">
            <v/>
          </cell>
          <cell r="CR49">
            <v>2898</v>
          </cell>
          <cell r="CS49" t="str">
            <v>ﾅﾘｼｹﾞ ﾏｻﾉﾘ</v>
          </cell>
          <cell r="CT49" t="str">
            <v>成重  政則</v>
          </cell>
          <cell r="CU49" t="str">
            <v>土地調査課</v>
          </cell>
          <cell r="CW49">
            <v>3020</v>
          </cell>
          <cell r="CX49" t="str">
            <v xml:space="preserve"> </v>
          </cell>
          <cell r="CY49" t="str">
            <v>土地調査課長</v>
          </cell>
        </row>
        <row r="50">
          <cell r="B50">
            <v>189</v>
          </cell>
          <cell r="C50" t="str">
            <v>(株)森川工務店</v>
          </cell>
          <cell r="D50" t="str">
            <v>072-781-8203</v>
          </cell>
          <cell r="E50" t="str">
            <v>664-0881</v>
          </cell>
          <cell r="F50" t="str">
            <v>兵庫県伊丹市昆陽1-111</v>
          </cell>
          <cell r="G50" t="str">
            <v>伊丹市</v>
          </cell>
          <cell r="H50" t="str">
            <v/>
          </cell>
          <cell r="I50" t="str">
            <v>代表取締役 森川　淳志</v>
          </cell>
          <cell r="J50" t="str">
            <v>本店</v>
          </cell>
          <cell r="K50" t="str">
            <v>072-784-3687</v>
          </cell>
          <cell r="L50" t="str">
            <v>morikawa@sky.sannet.ne.jp</v>
          </cell>
          <cell r="M50" t="str">
            <v>ﾓﾘｶﾜｺｳﾑﾃﾝ</v>
          </cell>
          <cell r="N50" t="str">
            <v>無</v>
          </cell>
          <cell r="O50">
            <v>45</v>
          </cell>
          <cell r="P50">
            <v>5</v>
          </cell>
          <cell r="Q50">
            <v>7140001079014</v>
          </cell>
          <cell r="R50">
            <v>10000</v>
          </cell>
          <cell r="S50">
            <v>63861</v>
          </cell>
          <cell r="T50">
            <v>154556</v>
          </cell>
          <cell r="V50" t="str">
            <v>gc289820</v>
          </cell>
          <cell r="W50" t="str">
            <v>fu129886</v>
          </cell>
          <cell r="X50" t="str">
            <v>建</v>
          </cell>
          <cell r="Y50" t="str">
            <v>建</v>
          </cell>
          <cell r="Z50" t="str">
            <v/>
          </cell>
          <cell r="AA50" t="str">
            <v>建築一式</v>
          </cell>
          <cell r="AB50" t="str">
            <v/>
          </cell>
          <cell r="AC50" t="str">
            <v/>
          </cell>
          <cell r="AD50" t="str">
            <v/>
          </cell>
          <cell r="AE50">
            <v>43220</v>
          </cell>
          <cell r="AF50" t="str">
            <v>希望しない</v>
          </cell>
          <cell r="AG50" t="str">
            <v>建築一式</v>
          </cell>
          <cell r="AH50" t="str">
            <v>一般</v>
          </cell>
          <cell r="AI50">
            <v>730</v>
          </cell>
          <cell r="AJ50">
            <v>168718</v>
          </cell>
          <cell r="AK50" t="str">
            <v>0(0)/1/1</v>
          </cell>
          <cell r="AL50" t="str">
            <v/>
          </cell>
          <cell r="AM50" t="str">
            <v/>
          </cell>
          <cell r="AN50" t="str">
            <v/>
          </cell>
          <cell r="AO50" t="str">
            <v/>
          </cell>
          <cell r="AP50" t="str">
            <v/>
          </cell>
          <cell r="AQ50" t="str">
            <v/>
          </cell>
          <cell r="AR50" t="str">
            <v/>
          </cell>
          <cell r="AS50" t="str">
            <v/>
          </cell>
          <cell r="AT50" t="str">
            <v/>
          </cell>
          <cell r="AU50" t="str">
            <v/>
          </cell>
          <cell r="AV50" t="str">
            <v/>
          </cell>
          <cell r="AW50" t="str">
            <v/>
          </cell>
          <cell r="AX50" t="str">
            <v/>
          </cell>
          <cell r="AY50" t="str">
            <v/>
          </cell>
          <cell r="AZ50" t="str">
            <v/>
          </cell>
          <cell r="BA50" t="str">
            <v>伊丹市</v>
          </cell>
          <cell r="BB50" t="str">
            <v/>
          </cell>
          <cell r="CR50">
            <v>2899</v>
          </cell>
          <cell r="CS50" t="str">
            <v>ﾌｼﾞﾜﾗ ｱｷｵ</v>
          </cell>
          <cell r="CT50" t="str">
            <v>藤原  章夫</v>
          </cell>
          <cell r="CU50" t="str">
            <v>下水道課</v>
          </cell>
          <cell r="CW50">
            <v>3123</v>
          </cell>
          <cell r="CX50" t="str">
            <v xml:space="preserve"> </v>
          </cell>
          <cell r="CY50" t="str">
            <v>下水道課長</v>
          </cell>
        </row>
        <row r="51">
          <cell r="B51">
            <v>193</v>
          </cell>
          <cell r="C51" t="str">
            <v>(有)畑中工務店</v>
          </cell>
          <cell r="D51" t="str">
            <v>072-770-8780</v>
          </cell>
          <cell r="E51" t="str">
            <v>664-0013</v>
          </cell>
          <cell r="F51" t="str">
            <v>兵庫県伊丹市瑞穂町1-49</v>
          </cell>
          <cell r="G51" t="str">
            <v>伊丹市</v>
          </cell>
          <cell r="H51" t="str">
            <v/>
          </cell>
          <cell r="I51" t="str">
            <v>代表取締役 畑中　和義</v>
          </cell>
          <cell r="J51" t="str">
            <v>本店</v>
          </cell>
          <cell r="K51" t="str">
            <v>072-772-4026</v>
          </cell>
          <cell r="L51" t="str">
            <v>u-hatanaka@hcc6.bai.ne.jp</v>
          </cell>
          <cell r="M51" t="str">
            <v>ﾊﾀﾅｶｺｳﾑﾃﾝ</v>
          </cell>
          <cell r="N51" t="str">
            <v>無</v>
          </cell>
          <cell r="O51">
            <v>16</v>
          </cell>
          <cell r="P51">
            <v>1</v>
          </cell>
          <cell r="Q51">
            <v>4140002065255</v>
          </cell>
          <cell r="R51" t="str">
            <v/>
          </cell>
          <cell r="S51" t="str">
            <v/>
          </cell>
          <cell r="T51" t="str">
            <v/>
          </cell>
          <cell r="V51" t="str">
            <v>wd315385</v>
          </cell>
          <cell r="W51" t="str">
            <v>xa936154</v>
          </cell>
          <cell r="X51" t="str">
            <v>建</v>
          </cell>
          <cell r="Y51" t="str">
            <v>建</v>
          </cell>
          <cell r="Z51" t="str">
            <v/>
          </cell>
          <cell r="AA51" t="str">
            <v>建築一式</v>
          </cell>
          <cell r="AB51" t="str">
            <v/>
          </cell>
          <cell r="AC51" t="str">
            <v/>
          </cell>
          <cell r="AD51" t="str">
            <v/>
          </cell>
          <cell r="AE51">
            <v>43100</v>
          </cell>
          <cell r="AF51" t="str">
            <v>希望しない</v>
          </cell>
          <cell r="AG51" t="str">
            <v>建築一式</v>
          </cell>
          <cell r="AH51" t="str">
            <v>一般</v>
          </cell>
          <cell r="AI51" t="str">
            <v/>
          </cell>
          <cell r="AJ51" t="str">
            <v/>
          </cell>
          <cell r="AK51" t="str">
            <v/>
          </cell>
          <cell r="AL51" t="str">
            <v/>
          </cell>
          <cell r="AM51" t="str">
            <v/>
          </cell>
          <cell r="AN51" t="str">
            <v/>
          </cell>
          <cell r="AO51" t="str">
            <v/>
          </cell>
          <cell r="AP51" t="str">
            <v/>
          </cell>
          <cell r="AQ51" t="str">
            <v/>
          </cell>
          <cell r="AR51" t="str">
            <v/>
          </cell>
          <cell r="AS51" t="str">
            <v/>
          </cell>
          <cell r="AT51" t="str">
            <v/>
          </cell>
          <cell r="AU51" t="str">
            <v/>
          </cell>
          <cell r="AV51" t="str">
            <v/>
          </cell>
          <cell r="AW51" t="str">
            <v/>
          </cell>
          <cell r="AX51" t="str">
            <v/>
          </cell>
          <cell r="AY51" t="str">
            <v/>
          </cell>
          <cell r="AZ51" t="str">
            <v/>
          </cell>
          <cell r="BA51" t="str">
            <v>伊丹市</v>
          </cell>
          <cell r="BB51" t="str">
            <v/>
          </cell>
          <cell r="CR51">
            <v>2944</v>
          </cell>
          <cell r="CS51" t="str">
            <v>ｳｴｽｷﾞ ﾋﾛﾏｻ</v>
          </cell>
          <cell r="CT51" t="str">
            <v>上杉  博政</v>
          </cell>
          <cell r="CU51" t="str">
            <v>工務課</v>
          </cell>
          <cell r="CW51" t="str">
            <v xml:space="preserve"> </v>
          </cell>
          <cell r="CX51" t="str">
            <v xml:space="preserve"> </v>
          </cell>
          <cell r="CY51" t="str">
            <v>工務課長</v>
          </cell>
        </row>
        <row r="52">
          <cell r="B52">
            <v>211</v>
          </cell>
          <cell r="C52" t="str">
            <v>(株)深津工務店</v>
          </cell>
          <cell r="D52" t="str">
            <v>072-741-6019</v>
          </cell>
          <cell r="E52" t="str">
            <v>664-0028</v>
          </cell>
          <cell r="F52" t="str">
            <v>兵庫県伊丹市池尻3-343</v>
          </cell>
          <cell r="G52" t="str">
            <v>伊丹市</v>
          </cell>
          <cell r="H52" t="str">
            <v/>
          </cell>
          <cell r="I52" t="str">
            <v>代表取締役 深津　泰孝</v>
          </cell>
          <cell r="J52" t="str">
            <v>本店</v>
          </cell>
          <cell r="K52" t="str">
            <v>072-741-6019</v>
          </cell>
          <cell r="L52" t="str">
            <v>hej31501@hcc5.bai.ne.jp</v>
          </cell>
          <cell r="M52" t="str">
            <v>ﾌｶﾂｺｳﾑﾃﾝ</v>
          </cell>
          <cell r="N52" t="str">
            <v>無</v>
          </cell>
          <cell r="O52">
            <v>43</v>
          </cell>
          <cell r="P52">
            <v>5</v>
          </cell>
          <cell r="Q52">
            <v>2140001083169</v>
          </cell>
          <cell r="R52">
            <v>10000</v>
          </cell>
          <cell r="S52">
            <v>14268</v>
          </cell>
          <cell r="T52">
            <v>57831</v>
          </cell>
          <cell r="V52" t="str">
            <v>js974653</v>
          </cell>
          <cell r="W52" t="str">
            <v>ue273534</v>
          </cell>
          <cell r="X52" t="str">
            <v>土建大と屋管塗防内園解</v>
          </cell>
          <cell r="Y52" t="str">
            <v>土建大と屋管塗防内園解</v>
          </cell>
          <cell r="Z52" t="str">
            <v/>
          </cell>
          <cell r="AA52" t="str">
            <v>建築一式</v>
          </cell>
          <cell r="AB52" t="str">
            <v>塗装</v>
          </cell>
          <cell r="AC52" t="str">
            <v>防水</v>
          </cell>
          <cell r="AD52" t="str">
            <v>土木一式</v>
          </cell>
          <cell r="AE52">
            <v>43281</v>
          </cell>
          <cell r="AF52" t="str">
            <v/>
          </cell>
          <cell r="AG52" t="str">
            <v>建築一式</v>
          </cell>
          <cell r="AH52" t="str">
            <v>一般</v>
          </cell>
          <cell r="AI52">
            <v>657</v>
          </cell>
          <cell r="AJ52">
            <v>47078</v>
          </cell>
          <cell r="AK52" t="str">
            <v>1(1)/0/0</v>
          </cell>
          <cell r="AL52" t="str">
            <v>塗装</v>
          </cell>
          <cell r="AM52" t="str">
            <v>一般</v>
          </cell>
          <cell r="AN52">
            <v>570</v>
          </cell>
          <cell r="AO52">
            <v>2574</v>
          </cell>
          <cell r="AP52" t="str">
            <v>0(0)/0/0</v>
          </cell>
          <cell r="AQ52" t="str">
            <v>防水</v>
          </cell>
          <cell r="AR52" t="str">
            <v>一般</v>
          </cell>
          <cell r="AS52">
            <v>582</v>
          </cell>
          <cell r="AT52">
            <v>5075</v>
          </cell>
          <cell r="AU52" t="str">
            <v>0(0)/0/0</v>
          </cell>
          <cell r="AV52" t="str">
            <v>土木一式</v>
          </cell>
          <cell r="AW52" t="str">
            <v>一般</v>
          </cell>
          <cell r="AX52">
            <v>566</v>
          </cell>
          <cell r="AY52">
            <v>804</v>
          </cell>
          <cell r="AZ52" t="str">
            <v>0(0)/1/0</v>
          </cell>
          <cell r="BA52" t="str">
            <v>伊丹市</v>
          </cell>
          <cell r="BB52" t="str">
            <v/>
          </cell>
          <cell r="CR52">
            <v>2971</v>
          </cell>
          <cell r="CS52" t="str">
            <v>ﾅｶｼﾞﾏ ﾋﾃﾞｵ</v>
          </cell>
          <cell r="CT52" t="str">
            <v>中島  英男</v>
          </cell>
          <cell r="CU52" t="str">
            <v>市民課</v>
          </cell>
          <cell r="CW52" t="str">
            <v xml:space="preserve"> </v>
          </cell>
          <cell r="CX52" t="str">
            <v xml:space="preserve"> </v>
          </cell>
          <cell r="CY52" t="str">
            <v>市民課長</v>
          </cell>
        </row>
        <row r="53">
          <cell r="B53">
            <v>212</v>
          </cell>
          <cell r="C53" t="str">
            <v>(株)松原組</v>
          </cell>
          <cell r="D53" t="str">
            <v>072-781-8845</v>
          </cell>
          <cell r="E53" t="str">
            <v>664-0006</v>
          </cell>
          <cell r="F53" t="str">
            <v>兵庫県伊丹市鴻池6-22-10</v>
          </cell>
          <cell r="G53" t="str">
            <v>伊丹市</v>
          </cell>
          <cell r="H53" t="str">
            <v/>
          </cell>
          <cell r="I53" t="str">
            <v>代表取締役 松原　聡</v>
          </cell>
          <cell r="J53" t="str">
            <v>本店</v>
          </cell>
          <cell r="K53" t="str">
            <v>072-781-8850</v>
          </cell>
          <cell r="L53" t="str">
            <v>info@matsubaragumi.co.jp</v>
          </cell>
          <cell r="M53" t="str">
            <v>ﾏﾂﾊﾞﾗｸﾞﾐ</v>
          </cell>
          <cell r="N53" t="str">
            <v>無</v>
          </cell>
          <cell r="O53">
            <v>48</v>
          </cell>
          <cell r="P53">
            <v>4</v>
          </cell>
          <cell r="Q53">
            <v>7140001078940</v>
          </cell>
          <cell r="R53">
            <v>20000</v>
          </cell>
          <cell r="S53">
            <v>20222</v>
          </cell>
          <cell r="T53">
            <v>103459</v>
          </cell>
          <cell r="V53" t="str">
            <v>sa138854</v>
          </cell>
          <cell r="W53" t="str">
            <v>jq174742</v>
          </cell>
          <cell r="X53" t="str">
            <v>土建大と舗内水解</v>
          </cell>
          <cell r="Y53" t="str">
            <v>土建大と舗内水解</v>
          </cell>
          <cell r="Z53" t="str">
            <v/>
          </cell>
          <cell r="AA53" t="str">
            <v>建築一式</v>
          </cell>
          <cell r="AB53" t="str">
            <v>土木一式</v>
          </cell>
          <cell r="AC53" t="str">
            <v>とび土工</v>
          </cell>
          <cell r="AD53" t="str">
            <v>舗装</v>
          </cell>
          <cell r="AE53">
            <v>43312</v>
          </cell>
          <cell r="AF53" t="str">
            <v>希望しない</v>
          </cell>
          <cell r="AG53" t="str">
            <v>建築一式</v>
          </cell>
          <cell r="AH53" t="str">
            <v>一般</v>
          </cell>
          <cell r="AI53">
            <v>618</v>
          </cell>
          <cell r="AJ53">
            <v>95126</v>
          </cell>
          <cell r="AK53" t="str">
            <v>0(0)/2/1</v>
          </cell>
          <cell r="AL53" t="str">
            <v>土木一式</v>
          </cell>
          <cell r="AM53" t="str">
            <v>一般</v>
          </cell>
          <cell r="AN53">
            <v>509</v>
          </cell>
          <cell r="AO53" t="str">
            <v/>
          </cell>
          <cell r="AP53" t="str">
            <v>0(0)/1/1</v>
          </cell>
          <cell r="AQ53" t="str">
            <v>とび土工</v>
          </cell>
          <cell r="AR53" t="str">
            <v>一般</v>
          </cell>
          <cell r="AS53">
            <v>514</v>
          </cell>
          <cell r="AT53">
            <v>2437</v>
          </cell>
          <cell r="AU53" t="str">
            <v>0(0)/0/0</v>
          </cell>
          <cell r="AV53" t="str">
            <v>舗装</v>
          </cell>
          <cell r="AW53" t="str">
            <v>一般</v>
          </cell>
          <cell r="AX53">
            <v>502</v>
          </cell>
          <cell r="AY53" t="str">
            <v/>
          </cell>
          <cell r="AZ53" t="str">
            <v>0(0)/0/0</v>
          </cell>
          <cell r="BA53" t="str">
            <v>伊丹市</v>
          </cell>
          <cell r="BB53" t="str">
            <v/>
          </cell>
          <cell r="CR53">
            <v>2981</v>
          </cell>
          <cell r="CS53" t="str">
            <v>ﾏﾂｳﾗ ﾄｼﾐﾁ</v>
          </cell>
          <cell r="CT53" t="str">
            <v>松浦  利通</v>
          </cell>
          <cell r="CU53" t="str">
            <v>工務課</v>
          </cell>
          <cell r="CW53" t="str">
            <v xml:space="preserve"> </v>
          </cell>
          <cell r="CX53" t="str">
            <v xml:space="preserve"> </v>
          </cell>
          <cell r="CY53" t="str">
            <v>工務課長</v>
          </cell>
        </row>
        <row r="54">
          <cell r="B54">
            <v>222</v>
          </cell>
          <cell r="C54" t="str">
            <v>阪口組</v>
          </cell>
          <cell r="D54" t="str">
            <v>072-779-1862</v>
          </cell>
          <cell r="E54" t="str">
            <v>664-0001</v>
          </cell>
          <cell r="F54" t="str">
            <v>兵庫県伊丹市荒牧6-23-19</v>
          </cell>
          <cell r="G54" t="str">
            <v>伊丹市</v>
          </cell>
          <cell r="H54" t="str">
            <v/>
          </cell>
          <cell r="I54" t="str">
            <v>代表　 有山　正和</v>
          </cell>
          <cell r="J54" t="str">
            <v>本店</v>
          </cell>
          <cell r="K54" t="str">
            <v>072-785-2773</v>
          </cell>
          <cell r="L54" t="str">
            <v>sakaguchi-construction.industry@hera.eonet.ne.jp</v>
          </cell>
          <cell r="M54" t="str">
            <v>ｻｶｸﾞﾁｸﾞﾐ</v>
          </cell>
          <cell r="N54" t="str">
            <v>無</v>
          </cell>
          <cell r="O54">
            <v>39</v>
          </cell>
          <cell r="P54">
            <v>2</v>
          </cell>
          <cell r="Q54" t="str">
            <v/>
          </cell>
          <cell r="R54" t="str">
            <v/>
          </cell>
          <cell r="S54">
            <v>32209</v>
          </cell>
          <cell r="T54">
            <v>15514</v>
          </cell>
          <cell r="V54" t="str">
            <v>nx184092</v>
          </cell>
          <cell r="W54" t="str">
            <v>vx476385</v>
          </cell>
          <cell r="X54" t="str">
            <v>土建大と舗内水解</v>
          </cell>
          <cell r="Y54" t="str">
            <v>土建大と舗内水解</v>
          </cell>
          <cell r="Z54" t="str">
            <v/>
          </cell>
          <cell r="AA54" t="str">
            <v>土木一式</v>
          </cell>
          <cell r="AB54" t="str">
            <v>とび土工</v>
          </cell>
          <cell r="AC54" t="str">
            <v>解体</v>
          </cell>
          <cell r="AD54" t="str">
            <v/>
          </cell>
          <cell r="AE54">
            <v>43304</v>
          </cell>
          <cell r="AF54" t="str">
            <v>希望しない</v>
          </cell>
          <cell r="AG54" t="str">
            <v>土木一式</v>
          </cell>
          <cell r="AH54" t="str">
            <v>一般</v>
          </cell>
          <cell r="AI54">
            <v>585</v>
          </cell>
          <cell r="AJ54">
            <v>2408</v>
          </cell>
          <cell r="AK54" t="str">
            <v>0(0)/1/0</v>
          </cell>
          <cell r="AL54" t="str">
            <v>とび土工</v>
          </cell>
          <cell r="AM54" t="str">
            <v>一般</v>
          </cell>
          <cell r="AN54">
            <v>593</v>
          </cell>
          <cell r="AO54">
            <v>387</v>
          </cell>
          <cell r="AP54" t="str">
            <v>0(0)/1/0</v>
          </cell>
          <cell r="AQ54" t="str">
            <v>解体</v>
          </cell>
          <cell r="AR54" t="str">
            <v>一般</v>
          </cell>
          <cell r="AS54">
            <v>560</v>
          </cell>
          <cell r="AT54" t="str">
            <v/>
          </cell>
          <cell r="AU54" t="str">
            <v>0(0)/1/0</v>
          </cell>
          <cell r="AV54" t="str">
            <v/>
          </cell>
          <cell r="AW54" t="str">
            <v/>
          </cell>
          <cell r="AX54" t="str">
            <v/>
          </cell>
          <cell r="AY54" t="str">
            <v/>
          </cell>
          <cell r="AZ54" t="str">
            <v/>
          </cell>
          <cell r="BA54" t="str">
            <v>伊丹市</v>
          </cell>
          <cell r="BB54" t="str">
            <v/>
          </cell>
          <cell r="CR54">
            <v>3008</v>
          </cell>
          <cell r="CS54" t="str">
            <v>ﾆｼｸﾞﾁ ｼﾞﾕﾝｲﾁ</v>
          </cell>
          <cell r="CT54" t="str">
            <v>西口  順一</v>
          </cell>
          <cell r="CU54" t="str">
            <v>業務課</v>
          </cell>
          <cell r="CW54" t="str">
            <v xml:space="preserve"> </v>
          </cell>
          <cell r="CX54" t="str">
            <v xml:space="preserve"> </v>
          </cell>
          <cell r="CY54" t="str">
            <v>業務課長</v>
          </cell>
        </row>
        <row r="55">
          <cell r="B55">
            <v>226</v>
          </cell>
          <cell r="C55" t="str">
            <v>野末建設(株)</v>
          </cell>
          <cell r="D55" t="str">
            <v>072-777-1100</v>
          </cell>
          <cell r="E55" t="str">
            <v>664-0029</v>
          </cell>
          <cell r="F55" t="str">
            <v>兵庫県伊丹市中野北2-3-3</v>
          </cell>
          <cell r="G55" t="str">
            <v>伊丹市</v>
          </cell>
          <cell r="H55" t="str">
            <v/>
          </cell>
          <cell r="I55" t="str">
            <v>代表取締役 野末　洋</v>
          </cell>
          <cell r="J55" t="str">
            <v>本店</v>
          </cell>
          <cell r="K55" t="str">
            <v>072-784-0274</v>
          </cell>
          <cell r="L55" t="str">
            <v>n-nozue.build@nozue.co.jp</v>
          </cell>
          <cell r="M55" t="str">
            <v>ﾉｽﾞｴｹﾝｾﾂ</v>
          </cell>
          <cell r="N55" t="str">
            <v>無</v>
          </cell>
          <cell r="O55">
            <v>49</v>
          </cell>
          <cell r="P55">
            <v>2</v>
          </cell>
          <cell r="Q55">
            <v>9140001083451</v>
          </cell>
          <cell r="R55">
            <v>10000</v>
          </cell>
          <cell r="S55">
            <v>10157</v>
          </cell>
          <cell r="T55">
            <v>23837</v>
          </cell>
          <cell r="V55" t="str">
            <v>dx185646</v>
          </cell>
          <cell r="W55" t="str">
            <v>qm321226</v>
          </cell>
          <cell r="X55" t="str">
            <v>建</v>
          </cell>
          <cell r="Y55" t="str">
            <v>建</v>
          </cell>
          <cell r="Z55" t="str">
            <v/>
          </cell>
          <cell r="AA55" t="str">
            <v>建築一式</v>
          </cell>
          <cell r="AB55" t="str">
            <v/>
          </cell>
          <cell r="AC55" t="str">
            <v/>
          </cell>
          <cell r="AD55" t="str">
            <v/>
          </cell>
          <cell r="AE55">
            <v>43353</v>
          </cell>
          <cell r="AF55" t="str">
            <v>希望しない</v>
          </cell>
          <cell r="AG55" t="str">
            <v>建築一式</v>
          </cell>
          <cell r="AH55" t="str">
            <v>一般</v>
          </cell>
          <cell r="AI55">
            <v>623</v>
          </cell>
          <cell r="AJ55">
            <v>32559</v>
          </cell>
          <cell r="AK55" t="str">
            <v>0(0)/1/0</v>
          </cell>
          <cell r="AL55" t="str">
            <v/>
          </cell>
          <cell r="AM55" t="str">
            <v/>
          </cell>
          <cell r="AN55" t="str">
            <v/>
          </cell>
          <cell r="AO55" t="str">
            <v/>
          </cell>
          <cell r="AP55" t="str">
            <v/>
          </cell>
          <cell r="AQ55" t="str">
            <v/>
          </cell>
          <cell r="AR55" t="str">
            <v/>
          </cell>
          <cell r="AS55" t="str">
            <v/>
          </cell>
          <cell r="AT55" t="str">
            <v/>
          </cell>
          <cell r="AU55" t="str">
            <v/>
          </cell>
          <cell r="AV55" t="str">
            <v/>
          </cell>
          <cell r="AW55" t="str">
            <v/>
          </cell>
          <cell r="AX55" t="str">
            <v/>
          </cell>
          <cell r="AY55" t="str">
            <v/>
          </cell>
          <cell r="AZ55" t="str">
            <v/>
          </cell>
          <cell r="BA55" t="str">
            <v>伊丹市</v>
          </cell>
          <cell r="BB55" t="str">
            <v/>
          </cell>
          <cell r="CR55">
            <v>3022</v>
          </cell>
          <cell r="CS55" t="str">
            <v>ﾃﾗｵｶ ﾏｻﾕｷ</v>
          </cell>
          <cell r="CT55" t="str">
            <v>寺岡  政幸</v>
          </cell>
          <cell r="CU55" t="str">
            <v>保育課</v>
          </cell>
          <cell r="CW55">
            <v>2679</v>
          </cell>
          <cell r="CX55" t="str">
            <v xml:space="preserve"> </v>
          </cell>
          <cell r="CY55" t="str">
            <v>保育課長</v>
          </cell>
        </row>
        <row r="56">
          <cell r="B56">
            <v>227</v>
          </cell>
          <cell r="C56" t="str">
            <v>奥本電気(株)</v>
          </cell>
          <cell r="D56" t="str">
            <v>072-781-2475</v>
          </cell>
          <cell r="E56" t="str">
            <v>664-0027</v>
          </cell>
          <cell r="F56" t="str">
            <v>兵庫県伊丹市池尻3‐340</v>
          </cell>
          <cell r="G56" t="str">
            <v>伊丹市</v>
          </cell>
          <cell r="H56" t="str">
            <v/>
          </cell>
          <cell r="I56" t="str">
            <v>代表取締役 奥本　耕司</v>
          </cell>
          <cell r="J56" t="str">
            <v>本店</v>
          </cell>
          <cell r="K56" t="str">
            <v>072-781-0165</v>
          </cell>
          <cell r="L56" t="str">
            <v>okuden@okumoto-electric.jp</v>
          </cell>
          <cell r="M56" t="str">
            <v>ｵｸﾓﾄﾃﾞﾝｷ</v>
          </cell>
          <cell r="N56" t="str">
            <v>無</v>
          </cell>
          <cell r="O56">
            <v>48</v>
          </cell>
          <cell r="P56">
            <v>11</v>
          </cell>
          <cell r="Q56">
            <v>3140001078176</v>
          </cell>
          <cell r="R56">
            <v>10000</v>
          </cell>
          <cell r="S56">
            <v>68525</v>
          </cell>
          <cell r="T56">
            <v>283377</v>
          </cell>
          <cell r="V56" t="str">
            <v>xb382218</v>
          </cell>
          <cell r="W56" t="str">
            <v>uy137834</v>
          </cell>
          <cell r="X56" t="str">
            <v>電</v>
          </cell>
          <cell r="Y56" t="str">
            <v>電</v>
          </cell>
          <cell r="Z56" t="str">
            <v/>
          </cell>
          <cell r="AA56" t="str">
            <v>電気</v>
          </cell>
          <cell r="AB56" t="str">
            <v/>
          </cell>
          <cell r="AC56" t="str">
            <v/>
          </cell>
          <cell r="AD56" t="str">
            <v/>
          </cell>
          <cell r="AE56">
            <v>43159</v>
          </cell>
          <cell r="AF56" t="str">
            <v>希望しない</v>
          </cell>
          <cell r="AG56" t="str">
            <v>電気</v>
          </cell>
          <cell r="AH56" t="str">
            <v>一般</v>
          </cell>
          <cell r="AI56">
            <v>721</v>
          </cell>
          <cell r="AJ56">
            <v>261869</v>
          </cell>
          <cell r="AK56" t="str">
            <v>1(0)/0/3</v>
          </cell>
          <cell r="AL56" t="str">
            <v/>
          </cell>
          <cell r="AM56" t="str">
            <v/>
          </cell>
          <cell r="AN56" t="str">
            <v/>
          </cell>
          <cell r="AO56" t="str">
            <v/>
          </cell>
          <cell r="AP56" t="str">
            <v/>
          </cell>
          <cell r="AQ56" t="str">
            <v/>
          </cell>
          <cell r="AR56" t="str">
            <v/>
          </cell>
          <cell r="AS56" t="str">
            <v/>
          </cell>
          <cell r="AT56" t="str">
            <v/>
          </cell>
          <cell r="AU56" t="str">
            <v/>
          </cell>
          <cell r="AV56" t="str">
            <v/>
          </cell>
          <cell r="AW56" t="str">
            <v/>
          </cell>
          <cell r="AX56" t="str">
            <v/>
          </cell>
          <cell r="AY56" t="str">
            <v/>
          </cell>
          <cell r="AZ56" t="str">
            <v/>
          </cell>
          <cell r="BA56" t="str">
            <v>伊丹市</v>
          </cell>
          <cell r="BB56" t="str">
            <v/>
          </cell>
          <cell r="CR56">
            <v>3031</v>
          </cell>
          <cell r="CS56" t="str">
            <v>ﾆｼｸﾞﾁ ｹﾞﾝﾕｸ</v>
          </cell>
          <cell r="CT56" t="str">
            <v>西口  源行</v>
          </cell>
          <cell r="CU56" t="str">
            <v>業務課</v>
          </cell>
          <cell r="CW56" t="str">
            <v xml:space="preserve"> </v>
          </cell>
          <cell r="CX56" t="str">
            <v>課長</v>
          </cell>
          <cell r="CY56" t="str">
            <v>業務課長</v>
          </cell>
        </row>
        <row r="57">
          <cell r="B57">
            <v>228</v>
          </cell>
          <cell r="C57" t="str">
            <v>(有)池尻造園</v>
          </cell>
          <cell r="D57" t="str">
            <v>072-781-0654</v>
          </cell>
          <cell r="E57" t="str">
            <v>664-0027</v>
          </cell>
          <cell r="F57" t="str">
            <v>兵庫県伊丹市池尻2-245</v>
          </cell>
          <cell r="G57" t="str">
            <v>伊丹市</v>
          </cell>
          <cell r="H57" t="str">
            <v/>
          </cell>
          <cell r="I57" t="str">
            <v>代表取締役 古結　靖彦</v>
          </cell>
          <cell r="J57" t="str">
            <v>本店</v>
          </cell>
          <cell r="K57" t="str">
            <v>072-775-2512</v>
          </cell>
          <cell r="L57" t="str">
            <v>ikejiri-zouen@bca.bai.ne.jp</v>
          </cell>
          <cell r="M57" t="str">
            <v>ｲｹｼﾞﾘｿﾞｳｴﾝ</v>
          </cell>
          <cell r="N57" t="str">
            <v>無</v>
          </cell>
          <cell r="O57">
            <v>40</v>
          </cell>
          <cell r="P57">
            <v>2</v>
          </cell>
          <cell r="Q57">
            <v>6140002063249</v>
          </cell>
          <cell r="R57">
            <v>3000</v>
          </cell>
          <cell r="S57">
            <v>31160</v>
          </cell>
          <cell r="T57">
            <v>81129</v>
          </cell>
          <cell r="V57" t="str">
            <v>ua877423</v>
          </cell>
          <cell r="W57" t="str">
            <v>wy739417</v>
          </cell>
          <cell r="X57" t="str">
            <v>土石園</v>
          </cell>
          <cell r="Y57" t="str">
            <v>土石園</v>
          </cell>
          <cell r="Z57" t="str">
            <v/>
          </cell>
          <cell r="AA57" t="str">
            <v>造園</v>
          </cell>
          <cell r="AB57" t="str">
            <v>土木一式</v>
          </cell>
          <cell r="AC57" t="str">
            <v/>
          </cell>
          <cell r="AD57" t="str">
            <v/>
          </cell>
          <cell r="AE57">
            <v>43472</v>
          </cell>
          <cell r="AF57" t="str">
            <v>希望しない</v>
          </cell>
          <cell r="AG57" t="str">
            <v>造園</v>
          </cell>
          <cell r="AH57" t="str">
            <v>一般</v>
          </cell>
          <cell r="AI57">
            <v>752</v>
          </cell>
          <cell r="AJ57">
            <v>68412</v>
          </cell>
          <cell r="AK57" t="str">
            <v>1()/1/</v>
          </cell>
          <cell r="AL57" t="str">
            <v>土木一式</v>
          </cell>
          <cell r="AM57" t="str">
            <v>一般</v>
          </cell>
          <cell r="AN57">
            <v>657</v>
          </cell>
          <cell r="AO57">
            <v>1162</v>
          </cell>
          <cell r="AP57" t="str">
            <v>1()//</v>
          </cell>
          <cell r="AQ57" t="str">
            <v/>
          </cell>
          <cell r="AR57" t="str">
            <v/>
          </cell>
          <cell r="AS57" t="str">
            <v/>
          </cell>
          <cell r="AT57" t="str">
            <v/>
          </cell>
          <cell r="AU57" t="str">
            <v/>
          </cell>
          <cell r="AV57" t="str">
            <v/>
          </cell>
          <cell r="AW57" t="str">
            <v/>
          </cell>
          <cell r="AX57" t="str">
            <v/>
          </cell>
          <cell r="AY57" t="str">
            <v/>
          </cell>
          <cell r="AZ57" t="str">
            <v/>
          </cell>
          <cell r="BA57" t="str">
            <v>伊丹市</v>
          </cell>
          <cell r="BB57" t="str">
            <v/>
          </cell>
          <cell r="CR57">
            <v>3032</v>
          </cell>
          <cell r="CS57" t="str">
            <v>ﾏﾙｵｶ ﾕｷﾋｺ</v>
          </cell>
          <cell r="CT57" t="str">
            <v>丸岡  幸彦</v>
          </cell>
          <cell r="CU57" t="str">
            <v>業務課</v>
          </cell>
          <cell r="CW57" t="str">
            <v xml:space="preserve"> </v>
          </cell>
          <cell r="CX57" t="str">
            <v>業務主任</v>
          </cell>
          <cell r="CY57" t="str">
            <v>業務課長</v>
          </cell>
        </row>
        <row r="58">
          <cell r="B58">
            <v>233</v>
          </cell>
          <cell r="C58" t="str">
            <v>林工業(株)</v>
          </cell>
          <cell r="D58" t="str">
            <v>072-782-3147</v>
          </cell>
          <cell r="E58" t="str">
            <v>664-0839</v>
          </cell>
          <cell r="F58" t="str">
            <v>兵庫県伊丹市桑津2-5-1</v>
          </cell>
          <cell r="G58" t="str">
            <v>伊丹市</v>
          </cell>
          <cell r="H58" t="str">
            <v/>
          </cell>
          <cell r="I58" t="str">
            <v>代表取締役 林　浩二</v>
          </cell>
          <cell r="J58" t="str">
            <v>本店</v>
          </cell>
          <cell r="K58" t="str">
            <v>072-782-0708</v>
          </cell>
          <cell r="L58" t="str">
            <v>hyskg@waltz.ocn.ne.jp</v>
          </cell>
          <cell r="M58" t="str">
            <v>ﾊﾔｼｺｳｷﾞｮｳ</v>
          </cell>
          <cell r="N58" t="str">
            <v>無</v>
          </cell>
          <cell r="O58">
            <v>40</v>
          </cell>
          <cell r="P58">
            <v>5</v>
          </cell>
          <cell r="Q58">
            <v>4140001078811</v>
          </cell>
          <cell r="R58">
            <v>40000</v>
          </cell>
          <cell r="S58">
            <v>70548</v>
          </cell>
          <cell r="T58">
            <v>171406</v>
          </cell>
          <cell r="V58" t="str">
            <v>yp469417</v>
          </cell>
          <cell r="W58" t="str">
            <v>rt805711</v>
          </cell>
          <cell r="X58" t="str">
            <v>土と石鋼舗浚水解</v>
          </cell>
          <cell r="Y58" t="str">
            <v/>
          </cell>
          <cell r="Z58" t="str">
            <v>土と石鋼舗浚水解</v>
          </cell>
          <cell r="AA58" t="str">
            <v>土木一式</v>
          </cell>
          <cell r="AB58" t="str">
            <v>舗装</v>
          </cell>
          <cell r="AC58" t="str">
            <v>水道施設</v>
          </cell>
          <cell r="AD58" t="str">
            <v>とび土工</v>
          </cell>
          <cell r="AE58">
            <v>43378</v>
          </cell>
          <cell r="AF58" t="str">
            <v>希望しない</v>
          </cell>
          <cell r="AG58" t="str">
            <v>土木一式</v>
          </cell>
          <cell r="AH58" t="str">
            <v>特定</v>
          </cell>
          <cell r="AI58">
            <v>773</v>
          </cell>
          <cell r="AJ58">
            <v>99926</v>
          </cell>
          <cell r="AK58" t="str">
            <v>1(1)/1/0</v>
          </cell>
          <cell r="AL58" t="str">
            <v>舗装</v>
          </cell>
          <cell r="AM58" t="str">
            <v>特定</v>
          </cell>
          <cell r="AN58">
            <v>686</v>
          </cell>
          <cell r="AO58">
            <v>4836</v>
          </cell>
          <cell r="AP58" t="str">
            <v>1(1)/0/0</v>
          </cell>
          <cell r="AQ58" t="str">
            <v>水道施設</v>
          </cell>
          <cell r="AR58" t="str">
            <v>特定</v>
          </cell>
          <cell r="AS58">
            <v>691</v>
          </cell>
          <cell r="AT58">
            <v>15502</v>
          </cell>
          <cell r="AU58" t="str">
            <v>0(0)/1/0</v>
          </cell>
          <cell r="AV58" t="str">
            <v>とび土工</v>
          </cell>
          <cell r="AW58" t="str">
            <v>特定</v>
          </cell>
          <cell r="AX58">
            <v>650</v>
          </cell>
          <cell r="AY58">
            <v>1065</v>
          </cell>
          <cell r="AZ58" t="str">
            <v>0(0)/0/0</v>
          </cell>
          <cell r="BA58" t="str">
            <v>伊丹市</v>
          </cell>
          <cell r="BB58" t="str">
            <v/>
          </cell>
          <cell r="CR58">
            <v>3052</v>
          </cell>
          <cell r="CS58" t="str">
            <v>ｶﾄﾞﾀ ﾏｻｵ</v>
          </cell>
          <cell r="CT58" t="str">
            <v>門田  正夫</v>
          </cell>
          <cell r="CU58" t="str">
            <v>福利厚生課</v>
          </cell>
          <cell r="CW58">
            <v>2431</v>
          </cell>
          <cell r="CX58" t="str">
            <v xml:space="preserve"> </v>
          </cell>
          <cell r="CY58" t="str">
            <v>福利厚生課長</v>
          </cell>
        </row>
        <row r="59">
          <cell r="B59">
            <v>235</v>
          </cell>
          <cell r="C59" t="str">
            <v>(株)高山組</v>
          </cell>
          <cell r="D59" t="str">
            <v>072-783-4576</v>
          </cell>
          <cell r="E59" t="str">
            <v>664-0007</v>
          </cell>
          <cell r="F59" t="str">
            <v>兵庫県伊丹市北野2‐112</v>
          </cell>
          <cell r="G59" t="str">
            <v>伊丹市</v>
          </cell>
          <cell r="H59" t="str">
            <v/>
          </cell>
          <cell r="I59" t="str">
            <v>代表取締役 高山　龍得</v>
          </cell>
          <cell r="J59" t="str">
            <v>本店</v>
          </cell>
          <cell r="K59" t="str">
            <v>072-783-4577</v>
          </cell>
          <cell r="L59" t="str">
            <v>taka.it@minosu.ocn.ne.jp</v>
          </cell>
          <cell r="M59" t="str">
            <v>ﾀｶﾔﾏｸﾞﾐ</v>
          </cell>
          <cell r="N59" t="str">
            <v>無</v>
          </cell>
          <cell r="O59">
            <v>50</v>
          </cell>
          <cell r="P59">
            <v>28</v>
          </cell>
          <cell r="Q59">
            <v>3140001078580</v>
          </cell>
          <cell r="R59">
            <v>20000</v>
          </cell>
          <cell r="S59">
            <v>238739</v>
          </cell>
          <cell r="T59">
            <v>858354</v>
          </cell>
          <cell r="V59" t="str">
            <v>yt754268</v>
          </cell>
          <cell r="W59" t="str">
            <v>ax922612</v>
          </cell>
          <cell r="X59" t="str">
            <v>土と石鋼舗浚塗水解</v>
          </cell>
          <cell r="Y59" t="str">
            <v/>
          </cell>
          <cell r="Z59" t="str">
            <v>土と石鋼舗浚塗水解</v>
          </cell>
          <cell r="AA59" t="str">
            <v>土木一式</v>
          </cell>
          <cell r="AB59" t="str">
            <v>舗装</v>
          </cell>
          <cell r="AC59" t="str">
            <v>水道施設</v>
          </cell>
          <cell r="AD59" t="str">
            <v>とび土工</v>
          </cell>
          <cell r="AE59">
            <v>42916</v>
          </cell>
          <cell r="AF59" t="str">
            <v>希望しない</v>
          </cell>
          <cell r="AG59" t="str">
            <v>土木一式</v>
          </cell>
          <cell r="AH59" t="str">
            <v>特定</v>
          </cell>
          <cell r="AI59">
            <v>894</v>
          </cell>
          <cell r="AJ59">
            <v>696052</v>
          </cell>
          <cell r="AK59" t="str">
            <v>3(3)/2/8</v>
          </cell>
          <cell r="AL59" t="str">
            <v>舗装</v>
          </cell>
          <cell r="AM59" t="str">
            <v>特定</v>
          </cell>
          <cell r="AN59">
            <v>764</v>
          </cell>
          <cell r="AO59">
            <v>13577</v>
          </cell>
          <cell r="AP59" t="str">
            <v>3(3)/2/0</v>
          </cell>
          <cell r="AQ59" t="str">
            <v>水道施設</v>
          </cell>
          <cell r="AR59" t="str">
            <v>特定</v>
          </cell>
          <cell r="AS59">
            <v>753</v>
          </cell>
          <cell r="AT59">
            <v>44252</v>
          </cell>
          <cell r="AU59" t="str">
            <v>0(0)/0/0</v>
          </cell>
          <cell r="AV59" t="str">
            <v>とび土工</v>
          </cell>
          <cell r="AW59" t="str">
            <v>特定</v>
          </cell>
          <cell r="AX59">
            <v>705</v>
          </cell>
          <cell r="AY59">
            <v>7737</v>
          </cell>
          <cell r="AZ59" t="str">
            <v>0(0)/0/4</v>
          </cell>
          <cell r="BA59" t="str">
            <v>伊丹市</v>
          </cell>
          <cell r="BB59" t="str">
            <v/>
          </cell>
          <cell r="CR59">
            <v>3059</v>
          </cell>
          <cell r="CS59" t="str">
            <v>ｶｼﾞﾔﾏ ﾋﾛｼ</v>
          </cell>
          <cell r="CT59" t="str">
            <v>梶山  博</v>
          </cell>
          <cell r="CU59" t="str">
            <v>市民課</v>
          </cell>
          <cell r="CW59" t="str">
            <v xml:space="preserve"> </v>
          </cell>
          <cell r="CX59" t="str">
            <v xml:space="preserve"> </v>
          </cell>
          <cell r="CY59" t="str">
            <v>市民課長</v>
          </cell>
        </row>
        <row r="60">
          <cell r="B60">
            <v>243</v>
          </cell>
          <cell r="C60" t="str">
            <v>株式会社前川工務店</v>
          </cell>
          <cell r="D60" t="str">
            <v>072-780-3638</v>
          </cell>
          <cell r="E60" t="str">
            <v>664-0005</v>
          </cell>
          <cell r="F60" t="str">
            <v>伊丹市瑞原3丁目68-1</v>
          </cell>
          <cell r="G60" t="str">
            <v>伊丹市</v>
          </cell>
          <cell r="H60" t="str">
            <v/>
          </cell>
          <cell r="I60" t="str">
            <v>代表取締役　 前川　達也</v>
          </cell>
          <cell r="J60" t="str">
            <v>本店</v>
          </cell>
          <cell r="K60" t="str">
            <v>072-780-3628</v>
          </cell>
          <cell r="L60" t="str">
            <v>k.mae.kou@ybb.ne.jp</v>
          </cell>
          <cell r="M60" t="str">
            <v>ﾏｴｶﾜｺｳﾑﾃﾝ</v>
          </cell>
          <cell r="N60" t="str">
            <v>無</v>
          </cell>
          <cell r="O60">
            <v>47</v>
          </cell>
          <cell r="P60">
            <v>1</v>
          </cell>
          <cell r="Q60">
            <v>2140000000000</v>
          </cell>
          <cell r="R60">
            <v>10000</v>
          </cell>
          <cell r="S60">
            <v>-11805</v>
          </cell>
          <cell r="T60">
            <v>68981</v>
          </cell>
          <cell r="V60" t="str">
            <v>mj149501</v>
          </cell>
          <cell r="W60" t="str">
            <v>hf467560</v>
          </cell>
          <cell r="X60" t="str">
            <v>土と石鋼舗浚塗水解</v>
          </cell>
          <cell r="Y60" t="str">
            <v/>
          </cell>
          <cell r="Z60" t="str">
            <v>土と石鋼舗浚塗水解</v>
          </cell>
          <cell r="AA60" t="str">
            <v>建築一式</v>
          </cell>
          <cell r="AB60" t="str">
            <v/>
          </cell>
          <cell r="AC60" t="str">
            <v/>
          </cell>
          <cell r="AD60" t="str">
            <v/>
          </cell>
          <cell r="AE60">
            <v>43251</v>
          </cell>
          <cell r="AF60" t="str">
            <v>無</v>
          </cell>
          <cell r="AG60" t="str">
            <v>建築一式</v>
          </cell>
          <cell r="AH60" t="str">
            <v>一般</v>
          </cell>
          <cell r="AI60">
            <v>570</v>
          </cell>
          <cell r="AJ60">
            <v>47164</v>
          </cell>
          <cell r="AK60" t="str">
            <v>0(0)/1/0</v>
          </cell>
          <cell r="AL60" t="str">
            <v/>
          </cell>
          <cell r="AM60" t="str">
            <v/>
          </cell>
          <cell r="AN60" t="str">
            <v/>
          </cell>
          <cell r="AO60" t="str">
            <v/>
          </cell>
          <cell r="AP60" t="str">
            <v/>
          </cell>
          <cell r="AQ60" t="str">
            <v/>
          </cell>
          <cell r="AR60" t="str">
            <v/>
          </cell>
          <cell r="AS60" t="str">
            <v/>
          </cell>
          <cell r="AT60" t="str">
            <v/>
          </cell>
          <cell r="AU60" t="str">
            <v/>
          </cell>
          <cell r="AV60" t="str">
            <v/>
          </cell>
          <cell r="AW60" t="str">
            <v/>
          </cell>
          <cell r="AX60" t="str">
            <v/>
          </cell>
          <cell r="AY60" t="str">
            <v/>
          </cell>
          <cell r="AZ60" t="str">
            <v/>
          </cell>
          <cell r="BA60" t="str">
            <v>伊丹市</v>
          </cell>
          <cell r="BB60" t="str">
            <v/>
          </cell>
          <cell r="CR60">
            <v>3064</v>
          </cell>
          <cell r="CS60" t="str">
            <v>ｵｵﾀﾆ ｶﾂﾌﾐ</v>
          </cell>
          <cell r="CT60" t="str">
            <v>大谷  勝文</v>
          </cell>
          <cell r="CU60" t="str">
            <v>土地調査課</v>
          </cell>
          <cell r="CW60">
            <v>3062</v>
          </cell>
          <cell r="CX60" t="str">
            <v>主査</v>
          </cell>
          <cell r="CY60" t="str">
            <v>土地調査課長</v>
          </cell>
        </row>
        <row r="61">
          <cell r="B61">
            <v>255</v>
          </cell>
          <cell r="C61" t="str">
            <v>大和技研(株)</v>
          </cell>
          <cell r="D61" t="str">
            <v>072-777-3366</v>
          </cell>
          <cell r="E61" t="str">
            <v>664-0020</v>
          </cell>
          <cell r="F61" t="str">
            <v>兵庫県伊丹市寺本東1-3-30</v>
          </cell>
          <cell r="G61" t="str">
            <v>伊丹市</v>
          </cell>
          <cell r="H61" t="str">
            <v/>
          </cell>
          <cell r="I61" t="str">
            <v>代表取締役 井出　立也</v>
          </cell>
          <cell r="J61" t="str">
            <v>本店</v>
          </cell>
          <cell r="K61" t="str">
            <v>072-777-3367</v>
          </cell>
          <cell r="L61" t="str">
            <v>t-ide@daiwagiken.co.jp</v>
          </cell>
          <cell r="M61" t="str">
            <v>ﾀﾞｲﾜｷﾞｹﾝ</v>
          </cell>
          <cell r="N61" t="str">
            <v>無</v>
          </cell>
          <cell r="O61">
            <v>46</v>
          </cell>
          <cell r="P61">
            <v>25</v>
          </cell>
          <cell r="Q61">
            <v>6140001078561</v>
          </cell>
          <cell r="R61">
            <v>70000</v>
          </cell>
          <cell r="S61">
            <v>298713</v>
          </cell>
          <cell r="T61">
            <v>1341630</v>
          </cell>
          <cell r="V61" t="str">
            <v>xb447011</v>
          </cell>
          <cell r="W61" t="str">
            <v>kw524998</v>
          </cell>
          <cell r="X61" t="str">
            <v>消建大と石屋電管タ鋼鉄舗浚板ガ塗防内機熱井具</v>
          </cell>
          <cell r="Y61" t="str">
            <v>消</v>
          </cell>
          <cell r="Z61" t="str">
            <v>建大と石屋電管タ鋼鉄舗浚板ガ塗防内機熱井具</v>
          </cell>
          <cell r="AA61" t="str">
            <v>塗装</v>
          </cell>
          <cell r="AB61" t="str">
            <v>防水</v>
          </cell>
          <cell r="AC61" t="str">
            <v/>
          </cell>
          <cell r="AD61" t="str">
            <v/>
          </cell>
          <cell r="AE61">
            <v>43220</v>
          </cell>
          <cell r="AF61" t="str">
            <v/>
          </cell>
          <cell r="AG61" t="str">
            <v>塗装</v>
          </cell>
          <cell r="AH61" t="str">
            <v>特定</v>
          </cell>
          <cell r="AI61">
            <v>796</v>
          </cell>
          <cell r="AJ61">
            <v>202599</v>
          </cell>
          <cell r="AK61" t="str">
            <v>1(0)/3/7</v>
          </cell>
          <cell r="AL61" t="str">
            <v>防水</v>
          </cell>
          <cell r="AM61" t="str">
            <v>特定</v>
          </cell>
          <cell r="AN61">
            <v>729</v>
          </cell>
          <cell r="AO61">
            <v>65195</v>
          </cell>
          <cell r="AP61" t="str">
            <v>0(0)/3/1</v>
          </cell>
          <cell r="AQ61" t="str">
            <v/>
          </cell>
          <cell r="AR61" t="str">
            <v/>
          </cell>
          <cell r="AS61" t="str">
            <v/>
          </cell>
          <cell r="AT61" t="str">
            <v/>
          </cell>
          <cell r="AU61" t="str">
            <v/>
          </cell>
          <cell r="AV61" t="str">
            <v/>
          </cell>
          <cell r="AW61" t="str">
            <v/>
          </cell>
          <cell r="AX61" t="str">
            <v/>
          </cell>
          <cell r="AY61" t="str">
            <v/>
          </cell>
          <cell r="AZ61" t="str">
            <v/>
          </cell>
          <cell r="BA61" t="str">
            <v>伊丹市</v>
          </cell>
          <cell r="BB61" t="str">
            <v/>
          </cell>
          <cell r="CR61">
            <v>3085</v>
          </cell>
          <cell r="CS61" t="str">
            <v>ｱﾀﾞﾁ ﾕﾐｺ</v>
          </cell>
          <cell r="CT61" t="str">
            <v>足立  由美子</v>
          </cell>
          <cell r="CU61" t="str">
            <v>生活支援課</v>
          </cell>
          <cell r="CW61" t="str">
            <v xml:space="preserve"> </v>
          </cell>
          <cell r="CX61" t="str">
            <v>副主査</v>
          </cell>
          <cell r="CY61" t="str">
            <v>生活支援課長</v>
          </cell>
        </row>
        <row r="62">
          <cell r="B62">
            <v>261</v>
          </cell>
          <cell r="C62" t="str">
            <v>(株)得野組</v>
          </cell>
          <cell r="D62" t="str">
            <v>072-781-3835</v>
          </cell>
          <cell r="E62" t="str">
            <v>664-0027</v>
          </cell>
          <cell r="F62" t="str">
            <v>兵庫県伊丹市池尻7丁目204番地</v>
          </cell>
          <cell r="G62" t="str">
            <v>伊丹市</v>
          </cell>
          <cell r="H62" t="str">
            <v/>
          </cell>
          <cell r="I62" t="str">
            <v>代表取締役 得野　修司</v>
          </cell>
          <cell r="J62" t="str">
            <v>本店</v>
          </cell>
          <cell r="K62" t="str">
            <v>072-781-4056</v>
          </cell>
          <cell r="L62" t="str">
            <v>tokuno@galaxy.ocn.ne.jp</v>
          </cell>
          <cell r="M62" t="str">
            <v>ﾄｸﾉｸﾞﾐ</v>
          </cell>
          <cell r="N62" t="str">
            <v>無</v>
          </cell>
          <cell r="O62">
            <v>34</v>
          </cell>
          <cell r="P62">
            <v>6</v>
          </cell>
          <cell r="Q62">
            <v>2140001078664</v>
          </cell>
          <cell r="R62">
            <v>20000</v>
          </cell>
          <cell r="S62">
            <v>48871</v>
          </cell>
          <cell r="T62">
            <v>188034</v>
          </cell>
          <cell r="V62" t="str">
            <v>sy169160</v>
          </cell>
          <cell r="W62" t="str">
            <v>as825577</v>
          </cell>
          <cell r="X62" t="str">
            <v>建大土と石鋼舗浚塗水</v>
          </cell>
          <cell r="Y62" t="str">
            <v>建大</v>
          </cell>
          <cell r="Z62" t="str">
            <v>土と石鋼舗浚塗水</v>
          </cell>
          <cell r="AA62" t="str">
            <v>土木一式</v>
          </cell>
          <cell r="AB62" t="str">
            <v>建築一式</v>
          </cell>
          <cell r="AC62" t="str">
            <v>水道施設</v>
          </cell>
          <cell r="AD62" t="str">
            <v>舗装</v>
          </cell>
          <cell r="AE62">
            <v>43039</v>
          </cell>
          <cell r="AF62" t="str">
            <v>希望しない</v>
          </cell>
          <cell r="AG62" t="str">
            <v>土木一式</v>
          </cell>
          <cell r="AH62" t="str">
            <v>特定</v>
          </cell>
          <cell r="AI62">
            <v>805</v>
          </cell>
          <cell r="AJ62">
            <v>176010</v>
          </cell>
          <cell r="AK62" t="str">
            <v>3(3)/1/1</v>
          </cell>
          <cell r="AL62" t="str">
            <v>建築一式</v>
          </cell>
          <cell r="AM62" t="str">
            <v>一般</v>
          </cell>
          <cell r="AN62">
            <v>696</v>
          </cell>
          <cell r="AO62">
            <v>21695</v>
          </cell>
          <cell r="AP62" t="str">
            <v>0(0)/0/0</v>
          </cell>
          <cell r="AQ62" t="str">
            <v>水道施設</v>
          </cell>
          <cell r="AR62" t="str">
            <v>特定</v>
          </cell>
          <cell r="AS62">
            <v>661</v>
          </cell>
          <cell r="AT62" t="str">
            <v/>
          </cell>
          <cell r="AU62" t="str">
            <v>2(2)/0/0</v>
          </cell>
          <cell r="AV62" t="str">
            <v>舗装</v>
          </cell>
          <cell r="AW62" t="str">
            <v>特定</v>
          </cell>
          <cell r="AX62">
            <v>663</v>
          </cell>
          <cell r="AY62">
            <v>2293</v>
          </cell>
          <cell r="AZ62" t="str">
            <v>1(1)/1/0</v>
          </cell>
          <cell r="BA62" t="str">
            <v>伊丹市</v>
          </cell>
          <cell r="BB62" t="str">
            <v/>
          </cell>
          <cell r="CR62">
            <v>3096</v>
          </cell>
          <cell r="CS62" t="str">
            <v>ｶｼﾞ ｼｹﾞｵ</v>
          </cell>
          <cell r="CT62" t="str">
            <v>梶  繁夫</v>
          </cell>
          <cell r="CU62" t="str">
            <v xml:space="preserve">道路保全課 </v>
          </cell>
          <cell r="CW62">
            <v>3064</v>
          </cell>
          <cell r="CX62" t="str">
            <v xml:space="preserve"> </v>
          </cell>
          <cell r="CY62" t="str">
            <v>道路保全課長</v>
          </cell>
        </row>
        <row r="63">
          <cell r="B63">
            <v>284</v>
          </cell>
          <cell r="C63" t="str">
            <v>(株)秋元設備</v>
          </cell>
          <cell r="D63" t="str">
            <v>072-770-0564</v>
          </cell>
          <cell r="E63" t="str">
            <v>664-0839</v>
          </cell>
          <cell r="F63" t="str">
            <v>兵庫県伊丹市桑津1-1-29</v>
          </cell>
          <cell r="G63" t="str">
            <v>伊丹市</v>
          </cell>
          <cell r="H63" t="str">
            <v/>
          </cell>
          <cell r="I63" t="str">
            <v>代表取締役 秋元　啓義</v>
          </cell>
          <cell r="J63" t="str">
            <v>本店</v>
          </cell>
          <cell r="K63" t="str">
            <v>072-782-8826</v>
          </cell>
          <cell r="L63" t="str">
            <v>a-setsub@mx1.alpha-web.ne.jp</v>
          </cell>
          <cell r="M63" t="str">
            <v>ｱｷﾓﾄｾﾂﾋﾞ</v>
          </cell>
          <cell r="N63" t="str">
            <v>無</v>
          </cell>
          <cell r="O63">
            <v>33</v>
          </cell>
          <cell r="P63">
            <v>7</v>
          </cell>
          <cell r="Q63">
            <v>1140001080555</v>
          </cell>
          <cell r="R63">
            <v>5000</v>
          </cell>
          <cell r="S63">
            <v>21935</v>
          </cell>
          <cell r="T63">
            <v>238562</v>
          </cell>
          <cell r="V63" t="str">
            <v>wr822746</v>
          </cell>
          <cell r="W63" t="str">
            <v>jq597067</v>
          </cell>
          <cell r="X63" t="str">
            <v>土建と石管鋼舗浚水</v>
          </cell>
          <cell r="Y63" t="str">
            <v>土建と石管鋼舗浚水</v>
          </cell>
          <cell r="Z63" t="str">
            <v/>
          </cell>
          <cell r="AA63" t="str">
            <v>管</v>
          </cell>
          <cell r="AB63" t="str">
            <v>水道施設</v>
          </cell>
          <cell r="AC63" t="str">
            <v>土木一式</v>
          </cell>
          <cell r="AD63" t="str">
            <v/>
          </cell>
          <cell r="AE63">
            <v>43100</v>
          </cell>
          <cell r="AF63" t="str">
            <v>希望する</v>
          </cell>
          <cell r="AG63" t="str">
            <v>管</v>
          </cell>
          <cell r="AH63" t="str">
            <v>一般</v>
          </cell>
          <cell r="AI63">
            <v>749</v>
          </cell>
          <cell r="AJ63">
            <v>226999</v>
          </cell>
          <cell r="AK63" t="str">
            <v>1(0)/1/3</v>
          </cell>
          <cell r="AL63" t="str">
            <v>水道施設</v>
          </cell>
          <cell r="AM63" t="str">
            <v>一般</v>
          </cell>
          <cell r="AN63">
            <v>600</v>
          </cell>
          <cell r="AO63" t="str">
            <v/>
          </cell>
          <cell r="AP63" t="str">
            <v>0(0)/0/0</v>
          </cell>
          <cell r="AQ63" t="str">
            <v>土木一式</v>
          </cell>
          <cell r="AR63" t="str">
            <v>一般</v>
          </cell>
          <cell r="AS63">
            <v>605</v>
          </cell>
          <cell r="AT63" t="str">
            <v/>
          </cell>
          <cell r="AU63" t="str">
            <v>0(0)/1/0</v>
          </cell>
          <cell r="AV63" t="str">
            <v/>
          </cell>
          <cell r="AW63" t="str">
            <v/>
          </cell>
          <cell r="AX63" t="str">
            <v/>
          </cell>
          <cell r="AY63" t="str">
            <v/>
          </cell>
          <cell r="AZ63" t="str">
            <v/>
          </cell>
          <cell r="BA63" t="str">
            <v>伊丹市</v>
          </cell>
          <cell r="BB63" t="str">
            <v/>
          </cell>
          <cell r="CR63">
            <v>3099</v>
          </cell>
          <cell r="CS63" t="str">
            <v>ｲｼﾔﾏ ｶﾂﾋﾄ</v>
          </cell>
          <cell r="CT63" t="str">
            <v>石山  勝人</v>
          </cell>
          <cell r="CU63" t="str">
            <v xml:space="preserve"> </v>
          </cell>
          <cell r="CW63" t="str">
            <v xml:space="preserve"> </v>
          </cell>
          <cell r="CX63" t="str">
            <v>参事</v>
          </cell>
          <cell r="CY63" t="str">
            <v>　</v>
          </cell>
        </row>
        <row r="64">
          <cell r="B64">
            <v>287</v>
          </cell>
          <cell r="C64" t="str">
            <v>伊藤造園土木(株)</v>
          </cell>
          <cell r="D64" t="str">
            <v>072-771-6333</v>
          </cell>
          <cell r="E64" t="str">
            <v>664-0002</v>
          </cell>
          <cell r="F64" t="str">
            <v>兵庫県伊丹市荻野7-11-2</v>
          </cell>
          <cell r="G64" t="str">
            <v>伊丹市</v>
          </cell>
          <cell r="H64" t="str">
            <v/>
          </cell>
          <cell r="I64" t="str">
            <v>代表取締役 伊藤　文吾</v>
          </cell>
          <cell r="J64" t="str">
            <v>本店</v>
          </cell>
          <cell r="K64" t="str">
            <v>072-747-5722</v>
          </cell>
          <cell r="L64" t="str">
            <v>ito-zouen-bi@hcc6.bai.ne.jp</v>
          </cell>
          <cell r="M64" t="str">
            <v>ｲﾄｳｿﾞｳｴﾝﾄﾞﾎﾞｸ</v>
          </cell>
          <cell r="N64" t="str">
            <v>無</v>
          </cell>
          <cell r="O64">
            <v>11</v>
          </cell>
          <cell r="P64">
            <v>7</v>
          </cell>
          <cell r="Q64">
            <v>4140001080610</v>
          </cell>
          <cell r="R64">
            <v>5000</v>
          </cell>
          <cell r="S64">
            <v>9446</v>
          </cell>
          <cell r="T64">
            <v>195838</v>
          </cell>
          <cell r="V64" t="str">
            <v>rp915647</v>
          </cell>
          <cell r="W64" t="str">
            <v>nr606519</v>
          </cell>
          <cell r="X64" t="str">
            <v>土と園水</v>
          </cell>
          <cell r="Y64" t="str">
            <v>土と園水</v>
          </cell>
          <cell r="Z64" t="str">
            <v/>
          </cell>
          <cell r="AA64" t="str">
            <v>土木一式</v>
          </cell>
          <cell r="AB64" t="str">
            <v>造園</v>
          </cell>
          <cell r="AC64" t="str">
            <v>水道施設</v>
          </cell>
          <cell r="AD64" t="str">
            <v/>
          </cell>
          <cell r="AE64">
            <v>43312</v>
          </cell>
          <cell r="AF64" t="str">
            <v>希望しない</v>
          </cell>
          <cell r="AG64" t="str">
            <v>土木一式</v>
          </cell>
          <cell r="AH64" t="str">
            <v>一般</v>
          </cell>
          <cell r="AI64">
            <v>666</v>
          </cell>
          <cell r="AJ64">
            <v>122571</v>
          </cell>
          <cell r="AK64" t="str">
            <v>2(2)/1/3</v>
          </cell>
          <cell r="AL64" t="str">
            <v>造園</v>
          </cell>
          <cell r="AM64" t="str">
            <v>一般</v>
          </cell>
          <cell r="AN64">
            <v>626</v>
          </cell>
          <cell r="AO64">
            <v>23486</v>
          </cell>
          <cell r="AP64" t="str">
            <v>2(1)//</v>
          </cell>
          <cell r="AQ64" t="str">
            <v>水道施設</v>
          </cell>
          <cell r="AR64" t="str">
            <v>一般</v>
          </cell>
          <cell r="AS64">
            <v>558</v>
          </cell>
          <cell r="AT64">
            <v>1574</v>
          </cell>
          <cell r="AU64" t="str">
            <v>1(1)/1/</v>
          </cell>
          <cell r="AV64" t="str">
            <v/>
          </cell>
          <cell r="AW64" t="str">
            <v/>
          </cell>
          <cell r="AX64" t="str">
            <v/>
          </cell>
          <cell r="AY64" t="str">
            <v/>
          </cell>
          <cell r="AZ64" t="str">
            <v/>
          </cell>
          <cell r="BA64" t="str">
            <v>伊丹市</v>
          </cell>
          <cell r="BB64" t="str">
            <v/>
          </cell>
          <cell r="CR64">
            <v>3101</v>
          </cell>
          <cell r="CS64" t="str">
            <v>ｵｷﾞﾉ ﾀｲｿﾞｳ</v>
          </cell>
          <cell r="CT64" t="str">
            <v>荻野  泰造</v>
          </cell>
          <cell r="CU64" t="str">
            <v xml:space="preserve">道路保全課 </v>
          </cell>
          <cell r="CW64">
            <v>3051</v>
          </cell>
          <cell r="CX64" t="str">
            <v>副主幹</v>
          </cell>
          <cell r="CY64" t="str">
            <v>道路保全課長</v>
          </cell>
        </row>
        <row r="65">
          <cell r="B65">
            <v>301</v>
          </cell>
          <cell r="C65" t="str">
            <v>(株)コーアツ</v>
          </cell>
          <cell r="D65" t="str">
            <v>072-782-8562</v>
          </cell>
          <cell r="E65" t="str">
            <v>664-0836</v>
          </cell>
          <cell r="F65" t="str">
            <v>兵庫県伊丹市北本町1-310</v>
          </cell>
          <cell r="G65" t="str">
            <v>伊丹市</v>
          </cell>
          <cell r="H65" t="str">
            <v>大阪支社</v>
          </cell>
          <cell r="I65" t="str">
            <v>取締役支社長 矢吹　英政</v>
          </cell>
          <cell r="J65" t="str">
            <v>兵庫県伊丹市</v>
          </cell>
          <cell r="K65" t="str">
            <v>072-782-8211</v>
          </cell>
          <cell r="L65" t="str">
            <v>y_hayashi@koatsu.co.jp</v>
          </cell>
          <cell r="M65" t="str">
            <v>ｺｰｱﾂ</v>
          </cell>
          <cell r="N65" t="str">
            <v>有</v>
          </cell>
          <cell r="O65">
            <v>58</v>
          </cell>
          <cell r="P65">
            <v>254</v>
          </cell>
          <cell r="Q65">
            <v>2140001078292</v>
          </cell>
          <cell r="R65">
            <v>60000</v>
          </cell>
          <cell r="S65">
            <v>11359738</v>
          </cell>
          <cell r="T65">
            <v>8159000</v>
          </cell>
          <cell r="V65" t="str">
            <v>cb869892</v>
          </cell>
          <cell r="W65" t="str">
            <v>ee488176</v>
          </cell>
          <cell r="X65" t="str">
            <v>消</v>
          </cell>
          <cell r="Y65" t="str">
            <v>消</v>
          </cell>
          <cell r="Z65" t="str">
            <v/>
          </cell>
          <cell r="AA65" t="str">
            <v>消防施設</v>
          </cell>
          <cell r="AB65" t="str">
            <v/>
          </cell>
          <cell r="AC65" t="str">
            <v/>
          </cell>
          <cell r="AD65" t="str">
            <v/>
          </cell>
          <cell r="AE65">
            <v>43008</v>
          </cell>
          <cell r="AF65" t="str">
            <v/>
          </cell>
          <cell r="AG65" t="str">
            <v>消防施設</v>
          </cell>
          <cell r="AH65" t="str">
            <v>一般</v>
          </cell>
          <cell r="AI65">
            <v>1202</v>
          </cell>
          <cell r="AJ65">
            <v>5631343</v>
          </cell>
          <cell r="AK65" t="str">
            <v>0(0)/124/0</v>
          </cell>
          <cell r="AL65" t="str">
            <v/>
          </cell>
          <cell r="AM65" t="str">
            <v/>
          </cell>
          <cell r="AN65" t="str">
            <v/>
          </cell>
          <cell r="AO65" t="str">
            <v/>
          </cell>
          <cell r="AP65" t="str">
            <v/>
          </cell>
          <cell r="AQ65" t="str">
            <v/>
          </cell>
          <cell r="AR65" t="str">
            <v/>
          </cell>
          <cell r="AS65" t="str">
            <v/>
          </cell>
          <cell r="AT65" t="str">
            <v/>
          </cell>
          <cell r="AU65" t="str">
            <v/>
          </cell>
          <cell r="AV65" t="str">
            <v/>
          </cell>
          <cell r="AW65" t="str">
            <v/>
          </cell>
          <cell r="AX65" t="str">
            <v/>
          </cell>
          <cell r="AY65" t="str">
            <v/>
          </cell>
          <cell r="AZ65" t="str">
            <v/>
          </cell>
          <cell r="BA65" t="str">
            <v>伊丹市</v>
          </cell>
          <cell r="BB65" t="str">
            <v/>
          </cell>
          <cell r="CR65">
            <v>3102</v>
          </cell>
          <cell r="CS65" t="str">
            <v>ｶﾜﾊﾞﾀ ﾖｼﾋﾛ</v>
          </cell>
          <cell r="CT65" t="str">
            <v>川畑  芳弘</v>
          </cell>
          <cell r="CU65" t="str">
            <v xml:space="preserve">道路保全課 </v>
          </cell>
          <cell r="CW65">
            <v>3040</v>
          </cell>
          <cell r="CX65" t="str">
            <v>主査</v>
          </cell>
          <cell r="CY65" t="str">
            <v>道路保全課長</v>
          </cell>
        </row>
        <row r="66">
          <cell r="B66">
            <v>306</v>
          </cell>
          <cell r="C66" t="str">
            <v>(株)平澤建設</v>
          </cell>
          <cell r="D66" t="str">
            <v>072-772-0733</v>
          </cell>
          <cell r="E66" t="str">
            <v>664-0851</v>
          </cell>
          <cell r="F66" t="str">
            <v>兵庫県伊丹市中央4-4-17</v>
          </cell>
          <cell r="G66" t="str">
            <v>伊丹市</v>
          </cell>
          <cell r="H66" t="str">
            <v/>
          </cell>
          <cell r="I66" t="str">
            <v>代表取締役 林　正姫</v>
          </cell>
          <cell r="J66" t="str">
            <v>本店</v>
          </cell>
          <cell r="K66" t="str">
            <v>072-772-0131</v>
          </cell>
          <cell r="L66" t="str">
            <v>hirasawa@dune.ocn.ne.jp</v>
          </cell>
          <cell r="M66" t="str">
            <v>ﾋﾗｻﾜｹﾝｾﾂ</v>
          </cell>
          <cell r="N66" t="str">
            <v>無</v>
          </cell>
          <cell r="O66">
            <v>33</v>
          </cell>
          <cell r="P66">
            <v>2</v>
          </cell>
          <cell r="Q66">
            <v>1140001078847</v>
          </cell>
          <cell r="R66">
            <v>10000</v>
          </cell>
          <cell r="S66">
            <v>7963</v>
          </cell>
          <cell r="T66">
            <v>35752</v>
          </cell>
          <cell r="V66" t="str">
            <v>ks184157</v>
          </cell>
          <cell r="W66" t="str">
            <v>xn478627</v>
          </cell>
          <cell r="X66" t="str">
            <v>土舗水</v>
          </cell>
          <cell r="Y66" t="str">
            <v>土舗水</v>
          </cell>
          <cell r="Z66" t="str">
            <v/>
          </cell>
          <cell r="AA66" t="str">
            <v>土木一式</v>
          </cell>
          <cell r="AB66" t="str">
            <v>舗装</v>
          </cell>
          <cell r="AC66" t="str">
            <v>水道施設</v>
          </cell>
          <cell r="AD66" t="str">
            <v/>
          </cell>
          <cell r="AE66">
            <v>43451</v>
          </cell>
          <cell r="AF66" t="str">
            <v/>
          </cell>
          <cell r="AG66" t="str">
            <v>土木一式</v>
          </cell>
          <cell r="AH66" t="str">
            <v>一般</v>
          </cell>
          <cell r="AI66">
            <v>718</v>
          </cell>
          <cell r="AJ66">
            <v>21833</v>
          </cell>
          <cell r="AK66" t="str">
            <v>1(1)//</v>
          </cell>
          <cell r="AL66" t="str">
            <v>舗装</v>
          </cell>
          <cell r="AM66" t="str">
            <v>一般</v>
          </cell>
          <cell r="AN66">
            <v>638</v>
          </cell>
          <cell r="AO66" t="str">
            <v/>
          </cell>
          <cell r="AP66" t="str">
            <v>0(0)//</v>
          </cell>
          <cell r="AQ66" t="str">
            <v>水道施設</v>
          </cell>
          <cell r="AR66" t="str">
            <v>一般</v>
          </cell>
          <cell r="AS66">
            <v>711</v>
          </cell>
          <cell r="AT66">
            <v>15446</v>
          </cell>
          <cell r="AU66" t="str">
            <v>1(1)//</v>
          </cell>
          <cell r="AV66" t="str">
            <v/>
          </cell>
          <cell r="AW66" t="str">
            <v/>
          </cell>
          <cell r="AX66" t="str">
            <v/>
          </cell>
          <cell r="AY66" t="str">
            <v/>
          </cell>
          <cell r="AZ66" t="str">
            <v/>
          </cell>
          <cell r="BA66" t="str">
            <v>伊丹市</v>
          </cell>
          <cell r="BB66" t="str">
            <v/>
          </cell>
          <cell r="CR66">
            <v>3105</v>
          </cell>
          <cell r="CS66" t="str">
            <v>ｻｶｶﾞﾐ ﾋｻｶｽﾞ</v>
          </cell>
          <cell r="CT66" t="str">
            <v>坂上  寿和</v>
          </cell>
          <cell r="CU66" t="str">
            <v>公園課</v>
          </cell>
          <cell r="CW66" t="str">
            <v xml:space="preserve"> </v>
          </cell>
          <cell r="CX66" t="str">
            <v xml:space="preserve"> </v>
          </cell>
          <cell r="CY66" t="str">
            <v>公園課長</v>
          </cell>
        </row>
        <row r="67">
          <cell r="B67">
            <v>314</v>
          </cell>
          <cell r="C67" t="str">
            <v>(株)アサヒ</v>
          </cell>
          <cell r="D67" t="str">
            <v>072-777-9278</v>
          </cell>
          <cell r="E67" t="str">
            <v>664-0024</v>
          </cell>
          <cell r="F67" t="str">
            <v>兵庫県伊丹市松ヶ丘4-21-3</v>
          </cell>
          <cell r="G67" t="str">
            <v>伊丹市</v>
          </cell>
          <cell r="H67" t="str">
            <v/>
          </cell>
          <cell r="I67" t="str">
            <v>代表取締役 朝日　剛史</v>
          </cell>
          <cell r="J67" t="str">
            <v>本店</v>
          </cell>
          <cell r="K67" t="str">
            <v>072-777-9276</v>
          </cell>
          <cell r="L67" t="str">
            <v>asahi01@quartz.ocn.ne.jp</v>
          </cell>
          <cell r="M67" t="str">
            <v>ｱｻﾋ</v>
          </cell>
          <cell r="N67" t="str">
            <v>無</v>
          </cell>
          <cell r="O67">
            <v>38</v>
          </cell>
          <cell r="P67">
            <v>3</v>
          </cell>
          <cell r="Q67">
            <v>5140001077944</v>
          </cell>
          <cell r="R67">
            <v>10000</v>
          </cell>
          <cell r="S67">
            <v>-3393</v>
          </cell>
          <cell r="T67">
            <v>118453</v>
          </cell>
          <cell r="V67" t="str">
            <v>bh464877</v>
          </cell>
          <cell r="W67" t="str">
            <v>kz395381</v>
          </cell>
          <cell r="X67" t="str">
            <v>建内</v>
          </cell>
          <cell r="Y67" t="str">
            <v>建内</v>
          </cell>
          <cell r="Z67" t="str">
            <v/>
          </cell>
          <cell r="AA67" t="str">
            <v>建築一式</v>
          </cell>
          <cell r="AB67" t="str">
            <v>内装仕上</v>
          </cell>
          <cell r="AC67" t="str">
            <v/>
          </cell>
          <cell r="AD67" t="str">
            <v/>
          </cell>
          <cell r="AE67">
            <v>43220</v>
          </cell>
          <cell r="AF67" t="str">
            <v>希望しない</v>
          </cell>
          <cell r="AG67" t="str">
            <v>建築一式</v>
          </cell>
          <cell r="AH67" t="str">
            <v>一般</v>
          </cell>
          <cell r="AI67">
            <v>658</v>
          </cell>
          <cell r="AJ67">
            <v>97303</v>
          </cell>
          <cell r="AK67" t="str">
            <v>0(0)/1/1</v>
          </cell>
          <cell r="AL67" t="str">
            <v>内装仕上</v>
          </cell>
          <cell r="AM67" t="str">
            <v>一般</v>
          </cell>
          <cell r="AN67">
            <v>606</v>
          </cell>
          <cell r="AO67">
            <v>13060</v>
          </cell>
          <cell r="AP67" t="str">
            <v>0(0)/1/1</v>
          </cell>
          <cell r="AQ67" t="str">
            <v/>
          </cell>
          <cell r="AR67" t="str">
            <v/>
          </cell>
          <cell r="AS67" t="str">
            <v/>
          </cell>
          <cell r="AT67" t="str">
            <v/>
          </cell>
          <cell r="AU67" t="str">
            <v/>
          </cell>
          <cell r="AV67" t="str">
            <v/>
          </cell>
          <cell r="AW67" t="str">
            <v/>
          </cell>
          <cell r="AX67" t="str">
            <v/>
          </cell>
          <cell r="AY67" t="str">
            <v/>
          </cell>
          <cell r="AZ67" t="str">
            <v/>
          </cell>
          <cell r="BA67" t="str">
            <v>伊丹市</v>
          </cell>
          <cell r="BB67" t="str">
            <v/>
          </cell>
          <cell r="CR67">
            <v>3107</v>
          </cell>
          <cell r="CS67" t="str">
            <v>ｵｶﾀﾞ ｷｲﾁ</v>
          </cell>
          <cell r="CT67" t="str">
            <v>岡田  喜一</v>
          </cell>
          <cell r="CU67" t="str">
            <v>総務課</v>
          </cell>
          <cell r="CW67" t="str">
            <v xml:space="preserve"> </v>
          </cell>
          <cell r="CX67" t="str">
            <v xml:space="preserve"> </v>
          </cell>
          <cell r="CY67" t="str">
            <v>総務課長</v>
          </cell>
        </row>
        <row r="68">
          <cell r="B68">
            <v>318</v>
          </cell>
          <cell r="C68" t="str">
            <v>(株)関西衛生工業所</v>
          </cell>
          <cell r="D68" t="str">
            <v>072-777-6966</v>
          </cell>
          <cell r="E68" t="str">
            <v>664-0839</v>
          </cell>
          <cell r="F68" t="str">
            <v>兵庫県伊丹市桑津1-1-12</v>
          </cell>
          <cell r="G68" t="str">
            <v>伊丹市</v>
          </cell>
          <cell r="H68" t="str">
            <v/>
          </cell>
          <cell r="I68" t="str">
            <v>代表取締役 鈴木　みどり</v>
          </cell>
          <cell r="J68" t="str">
            <v>本店</v>
          </cell>
          <cell r="K68" t="str">
            <v>072-785-2832</v>
          </cell>
          <cell r="L68" t="str">
            <v>kansaieisei@yahoo.co.jp</v>
          </cell>
          <cell r="M68" t="str">
            <v>ｶﾝｻｲｴｲｾｲｺｳｷﾞｮｳｼｮ</v>
          </cell>
          <cell r="N68" t="str">
            <v>無</v>
          </cell>
          <cell r="O68">
            <v>33</v>
          </cell>
          <cell r="P68">
            <v>10</v>
          </cell>
          <cell r="Q68">
            <v>9140001078187</v>
          </cell>
          <cell r="R68">
            <v>10000</v>
          </cell>
          <cell r="S68">
            <v>20511</v>
          </cell>
          <cell r="T68">
            <v>106710</v>
          </cell>
          <cell r="V68" t="str">
            <v>ad757249</v>
          </cell>
          <cell r="W68" t="str">
            <v>qr564406</v>
          </cell>
          <cell r="X68" t="str">
            <v>土と管舗浚水</v>
          </cell>
          <cell r="Y68" t="str">
            <v>土と管舗浚水</v>
          </cell>
          <cell r="Z68" t="str">
            <v/>
          </cell>
          <cell r="AA68" t="str">
            <v>管</v>
          </cell>
          <cell r="AB68" t="str">
            <v>土木一式</v>
          </cell>
          <cell r="AC68" t="str">
            <v>水道施設</v>
          </cell>
          <cell r="AD68" t="str">
            <v>とび土工</v>
          </cell>
          <cell r="AE68">
            <v>43220</v>
          </cell>
          <cell r="AF68" t="str">
            <v>希望しない</v>
          </cell>
          <cell r="AG68" t="str">
            <v>管</v>
          </cell>
          <cell r="AH68" t="str">
            <v>一般</v>
          </cell>
          <cell r="AI68">
            <v>559</v>
          </cell>
          <cell r="AJ68">
            <v>2647</v>
          </cell>
          <cell r="AK68" t="str">
            <v>0(0)/0/2</v>
          </cell>
          <cell r="AL68" t="str">
            <v>土木一式</v>
          </cell>
          <cell r="AM68" t="str">
            <v>一般</v>
          </cell>
          <cell r="AN68">
            <v>558</v>
          </cell>
          <cell r="AO68" t="str">
            <v/>
          </cell>
          <cell r="AP68" t="str">
            <v>1(1)/0/0</v>
          </cell>
          <cell r="AQ68" t="str">
            <v>水道施設</v>
          </cell>
          <cell r="AR68" t="str">
            <v>一般</v>
          </cell>
          <cell r="AS68">
            <v>544</v>
          </cell>
          <cell r="AT68" t="str">
            <v/>
          </cell>
          <cell r="AU68" t="str">
            <v>0(0)/0/0</v>
          </cell>
          <cell r="AV68" t="str">
            <v>とび土工</v>
          </cell>
          <cell r="AW68" t="str">
            <v>一般</v>
          </cell>
          <cell r="AX68">
            <v>544</v>
          </cell>
          <cell r="AY68" t="str">
            <v/>
          </cell>
          <cell r="AZ68" t="str">
            <v>0(0)/0/0</v>
          </cell>
          <cell r="BA68" t="str">
            <v>伊丹市</v>
          </cell>
          <cell r="BB68" t="str">
            <v/>
          </cell>
          <cell r="CR68">
            <v>3108</v>
          </cell>
          <cell r="CS68" t="str">
            <v>ｱｻﾔﾏ ﾔｽｵ</v>
          </cell>
          <cell r="CT68" t="str">
            <v>朝山  保男</v>
          </cell>
          <cell r="CU68" t="str">
            <v>施設課</v>
          </cell>
          <cell r="CW68">
            <v>3626</v>
          </cell>
          <cell r="CX68" t="str">
            <v xml:space="preserve"> </v>
          </cell>
          <cell r="CY68" t="str">
            <v>施設課長</v>
          </cell>
        </row>
        <row r="69">
          <cell r="B69">
            <v>335</v>
          </cell>
          <cell r="C69" t="str">
            <v>谷工務店</v>
          </cell>
          <cell r="D69" t="str">
            <v>072-770-1939</v>
          </cell>
          <cell r="E69" t="str">
            <v>664-0031</v>
          </cell>
          <cell r="F69" t="str">
            <v>伊丹市荻野西2丁目6番1号</v>
          </cell>
          <cell r="G69" t="str">
            <v>伊丹市</v>
          </cell>
          <cell r="H69" t="str">
            <v/>
          </cell>
          <cell r="I69" t="str">
            <v>代表者　 山花　優一</v>
          </cell>
          <cell r="J69" t="str">
            <v>本店</v>
          </cell>
          <cell r="K69" t="str">
            <v>0797-81-2484</v>
          </cell>
          <cell r="L69" t="str">
            <v/>
          </cell>
          <cell r="M69" t="str">
            <v>ﾀﾆｺｳﾑﾃﾝ</v>
          </cell>
          <cell r="N69" t="str">
            <v>無</v>
          </cell>
          <cell r="O69" t="str">
            <v/>
          </cell>
          <cell r="P69" t="str">
            <v/>
          </cell>
          <cell r="Q69" t="str">
            <v/>
          </cell>
          <cell r="R69" t="str">
            <v/>
          </cell>
          <cell r="S69" t="str">
            <v/>
          </cell>
          <cell r="T69" t="str">
            <v/>
          </cell>
          <cell r="V69" t="str">
            <v>tj542369</v>
          </cell>
          <cell r="W69" t="str">
            <v>wa150117</v>
          </cell>
          <cell r="X69" t="str">
            <v>土と管舗浚水</v>
          </cell>
          <cell r="Y69" t="str">
            <v>土と管舗浚水</v>
          </cell>
          <cell r="Z69" t="str">
            <v/>
          </cell>
          <cell r="AA69" t="str">
            <v>土木</v>
          </cell>
          <cell r="AB69" t="str">
            <v>舗装</v>
          </cell>
          <cell r="AC69" t="str">
            <v/>
          </cell>
          <cell r="AD69" t="str">
            <v/>
          </cell>
          <cell r="AE69" t="str">
            <v/>
          </cell>
          <cell r="AF69" t="str">
            <v/>
          </cell>
          <cell r="AG69" t="str">
            <v>土木</v>
          </cell>
          <cell r="AH69" t="str">
            <v/>
          </cell>
          <cell r="AI69" t="str">
            <v/>
          </cell>
          <cell r="AJ69" t="str">
            <v/>
          </cell>
          <cell r="AK69" t="str">
            <v>0(0)/0/</v>
          </cell>
          <cell r="AL69" t="str">
            <v>舗装</v>
          </cell>
          <cell r="AM69" t="str">
            <v/>
          </cell>
          <cell r="AN69" t="str">
            <v/>
          </cell>
          <cell r="AO69" t="str">
            <v/>
          </cell>
          <cell r="AP69" t="str">
            <v>0(0)/0/0</v>
          </cell>
          <cell r="AQ69" t="str">
            <v/>
          </cell>
          <cell r="AR69" t="str">
            <v/>
          </cell>
          <cell r="AS69" t="str">
            <v/>
          </cell>
          <cell r="AT69" t="str">
            <v/>
          </cell>
          <cell r="AU69" t="str">
            <v/>
          </cell>
          <cell r="AV69" t="str">
            <v/>
          </cell>
          <cell r="AW69" t="str">
            <v/>
          </cell>
          <cell r="AX69" t="str">
            <v/>
          </cell>
          <cell r="AY69" t="str">
            <v/>
          </cell>
          <cell r="AZ69" t="str">
            <v/>
          </cell>
          <cell r="BA69" t="str">
            <v>伊丹市</v>
          </cell>
          <cell r="BB69" t="str">
            <v/>
          </cell>
          <cell r="CR69">
            <v>3111</v>
          </cell>
          <cell r="CS69" t="str">
            <v>ｲﾘｴ ﾄｷｵ</v>
          </cell>
          <cell r="CT69" t="str">
            <v>入江  時雄</v>
          </cell>
          <cell r="CU69" t="str">
            <v>環境保全課</v>
          </cell>
          <cell r="CW69">
            <v>2826</v>
          </cell>
          <cell r="CX69" t="str">
            <v xml:space="preserve"> </v>
          </cell>
          <cell r="CY69" t="str">
            <v>環境保全課長</v>
          </cell>
        </row>
        <row r="70">
          <cell r="B70">
            <v>349</v>
          </cell>
          <cell r="C70" t="str">
            <v>(株)イタヘル</v>
          </cell>
          <cell r="D70" t="str">
            <v>072-777-2209</v>
          </cell>
          <cell r="E70" t="str">
            <v>664-0013</v>
          </cell>
          <cell r="F70" t="str">
            <v>兵庫県伊丹市瑞穂町6-53</v>
          </cell>
          <cell r="G70" t="str">
            <v>伊丹市</v>
          </cell>
          <cell r="H70" t="str">
            <v/>
          </cell>
          <cell r="I70" t="str">
            <v>代表取締役 村田　康人</v>
          </cell>
          <cell r="J70" t="str">
            <v>本店</v>
          </cell>
          <cell r="K70" t="str">
            <v>072-777-2133</v>
          </cell>
          <cell r="L70" t="str">
            <v>itahel-yatto@tempo.ocn.ne.jp</v>
          </cell>
          <cell r="M70" t="str">
            <v>ｲﾀﾍﾙ</v>
          </cell>
          <cell r="N70" t="str">
            <v>無</v>
          </cell>
          <cell r="O70">
            <v>30</v>
          </cell>
          <cell r="P70">
            <v>9</v>
          </cell>
          <cell r="Q70">
            <v>8140001078056</v>
          </cell>
          <cell r="R70">
            <v>40000</v>
          </cell>
          <cell r="S70">
            <v>95393</v>
          </cell>
          <cell r="T70">
            <v>112282</v>
          </cell>
          <cell r="V70" t="str">
            <v>vz224046</v>
          </cell>
          <cell r="W70" t="str">
            <v>kd950011</v>
          </cell>
          <cell r="X70" t="str">
            <v>土と石鋼舗浚水管</v>
          </cell>
          <cell r="Y70" t="str">
            <v>土と石鋼舗浚水</v>
          </cell>
          <cell r="Z70" t="str">
            <v>管</v>
          </cell>
          <cell r="AA70" t="str">
            <v>管</v>
          </cell>
          <cell r="AB70" t="str">
            <v>水道施設</v>
          </cell>
          <cell r="AC70" t="str">
            <v>土木一式</v>
          </cell>
          <cell r="AD70" t="str">
            <v/>
          </cell>
          <cell r="AE70">
            <v>43190</v>
          </cell>
          <cell r="AF70" t="str">
            <v>希望する</v>
          </cell>
          <cell r="AG70" t="str">
            <v>管</v>
          </cell>
          <cell r="AH70" t="str">
            <v>特定</v>
          </cell>
          <cell r="AI70">
            <v>852</v>
          </cell>
          <cell r="AJ70">
            <v>132795</v>
          </cell>
          <cell r="AK70" t="str">
            <v>3(3)/1/1</v>
          </cell>
          <cell r="AL70" t="str">
            <v>水道施設</v>
          </cell>
          <cell r="AM70" t="str">
            <v>一般</v>
          </cell>
          <cell r="AN70">
            <v>691</v>
          </cell>
          <cell r="AO70" t="str">
            <v/>
          </cell>
          <cell r="AP70" t="str">
            <v>0(0)/1/1</v>
          </cell>
          <cell r="AQ70" t="str">
            <v>土木一式</v>
          </cell>
          <cell r="AR70" t="str">
            <v>一般</v>
          </cell>
          <cell r="AS70">
            <v>683</v>
          </cell>
          <cell r="AT70" t="str">
            <v/>
          </cell>
          <cell r="AU70" t="str">
            <v>0(0)/0/0</v>
          </cell>
          <cell r="AV70" t="str">
            <v/>
          </cell>
          <cell r="AW70" t="str">
            <v/>
          </cell>
          <cell r="AX70" t="str">
            <v/>
          </cell>
          <cell r="AY70" t="str">
            <v/>
          </cell>
          <cell r="AZ70" t="str">
            <v/>
          </cell>
          <cell r="BA70" t="str">
            <v>伊丹市</v>
          </cell>
          <cell r="BB70" t="str">
            <v/>
          </cell>
          <cell r="CR70">
            <v>3114</v>
          </cell>
          <cell r="CS70" t="str">
            <v>ｷﾑﾗ ﾏｻｶｽﾞ</v>
          </cell>
          <cell r="CT70" t="str">
            <v>木村  正和</v>
          </cell>
          <cell r="CU70" t="str">
            <v>空港政策課</v>
          </cell>
          <cell r="CW70">
            <v>2838</v>
          </cell>
          <cell r="CX70" t="str">
            <v xml:space="preserve"> </v>
          </cell>
          <cell r="CY70" t="str">
            <v>空港政策課長</v>
          </cell>
        </row>
        <row r="71">
          <cell r="B71">
            <v>356</v>
          </cell>
          <cell r="C71" t="str">
            <v>(株)旭興産</v>
          </cell>
          <cell r="D71" t="str">
            <v>072-782-5621</v>
          </cell>
          <cell r="E71" t="str">
            <v>664-0844</v>
          </cell>
          <cell r="F71" t="str">
            <v>兵庫県伊丹市口酒井1-4-3</v>
          </cell>
          <cell r="G71" t="str">
            <v>伊丹市</v>
          </cell>
          <cell r="H71" t="str">
            <v/>
          </cell>
          <cell r="I71" t="str">
            <v>代表取締役 氏田　一朗</v>
          </cell>
          <cell r="J71" t="str">
            <v>本店</v>
          </cell>
          <cell r="K71" t="str">
            <v>072-782-5616</v>
          </cell>
          <cell r="L71" t="str">
            <v>f-ujita@hcc6.bai.ne.jp</v>
          </cell>
          <cell r="M71" t="str">
            <v>ｱｻﾋｺｳｻﾝ</v>
          </cell>
          <cell r="N71" t="str">
            <v>無</v>
          </cell>
          <cell r="O71">
            <v>29</v>
          </cell>
          <cell r="P71">
            <v>1</v>
          </cell>
          <cell r="Q71">
            <v>4140001077945</v>
          </cell>
          <cell r="R71">
            <v>10000</v>
          </cell>
          <cell r="S71">
            <v>6041</v>
          </cell>
          <cell r="T71">
            <v>32811</v>
          </cell>
          <cell r="V71" t="str">
            <v>ua189144</v>
          </cell>
          <cell r="W71" t="str">
            <v>ny522253</v>
          </cell>
          <cell r="X71" t="str">
            <v>土園</v>
          </cell>
          <cell r="Y71" t="str">
            <v>土園</v>
          </cell>
          <cell r="Z71" t="str">
            <v/>
          </cell>
          <cell r="AA71" t="str">
            <v>造園</v>
          </cell>
          <cell r="AB71" t="str">
            <v>土木一式</v>
          </cell>
          <cell r="AC71" t="str">
            <v/>
          </cell>
          <cell r="AD71" t="str">
            <v/>
          </cell>
          <cell r="AE71">
            <v>43131</v>
          </cell>
          <cell r="AF71" t="str">
            <v>希望しない</v>
          </cell>
          <cell r="AG71" t="str">
            <v>造園</v>
          </cell>
          <cell r="AH71" t="str">
            <v>一般</v>
          </cell>
          <cell r="AI71">
            <v>676</v>
          </cell>
          <cell r="AJ71">
            <v>32811</v>
          </cell>
          <cell r="AK71" t="str">
            <v>0(0)/1/0</v>
          </cell>
          <cell r="AL71" t="str">
            <v>土木一式</v>
          </cell>
          <cell r="AM71" t="str">
            <v>一般</v>
          </cell>
          <cell r="AN71">
            <v>605</v>
          </cell>
          <cell r="AO71" t="str">
            <v/>
          </cell>
          <cell r="AP71" t="str">
            <v>0(0)/1/0</v>
          </cell>
          <cell r="AQ71" t="str">
            <v/>
          </cell>
          <cell r="AR71" t="str">
            <v/>
          </cell>
          <cell r="AS71" t="str">
            <v/>
          </cell>
          <cell r="AT71" t="str">
            <v/>
          </cell>
          <cell r="AU71" t="str">
            <v/>
          </cell>
          <cell r="AV71" t="str">
            <v/>
          </cell>
          <cell r="AW71" t="str">
            <v/>
          </cell>
          <cell r="AX71" t="str">
            <v/>
          </cell>
          <cell r="AY71" t="str">
            <v/>
          </cell>
          <cell r="AZ71" t="str">
            <v/>
          </cell>
          <cell r="BA71" t="str">
            <v>伊丹市</v>
          </cell>
          <cell r="BB71" t="str">
            <v/>
          </cell>
          <cell r="CR71">
            <v>3115</v>
          </cell>
          <cell r="CS71" t="str">
            <v>ﾃﾙﾔ ﾋﾛｼ</v>
          </cell>
          <cell r="CT71" t="str">
            <v>照屋  弘</v>
          </cell>
          <cell r="CU71" t="str">
            <v>営繕課</v>
          </cell>
          <cell r="CW71">
            <v>3325</v>
          </cell>
          <cell r="CY71" t="str">
            <v>営繕課長</v>
          </cell>
        </row>
        <row r="72">
          <cell r="B72">
            <v>357</v>
          </cell>
          <cell r="C72" t="str">
            <v>山中室内装飾</v>
          </cell>
          <cell r="D72" t="str">
            <v>072-782-6593</v>
          </cell>
          <cell r="E72" t="str">
            <v>664-0003</v>
          </cell>
          <cell r="F72" t="str">
            <v>兵庫県伊丹市大野3-3</v>
          </cell>
          <cell r="G72" t="str">
            <v>伊丹市</v>
          </cell>
          <cell r="H72" t="str">
            <v/>
          </cell>
          <cell r="I72" t="str">
            <v>　 山中　恒四</v>
          </cell>
          <cell r="J72" t="str">
            <v>本店</v>
          </cell>
          <cell r="K72" t="str">
            <v>072-775-3470</v>
          </cell>
          <cell r="L72" t="str">
            <v/>
          </cell>
          <cell r="M72" t="str">
            <v>ﾔﾏﾅｶｼﾂﾅｲｿｳｼﾖｸ</v>
          </cell>
          <cell r="N72" t="str">
            <v>無</v>
          </cell>
          <cell r="O72">
            <v>45</v>
          </cell>
          <cell r="P72">
            <v>1</v>
          </cell>
          <cell r="Q72" t="str">
            <v/>
          </cell>
          <cell r="R72" t="str">
            <v/>
          </cell>
          <cell r="S72">
            <v>33403</v>
          </cell>
          <cell r="T72">
            <v>3662</v>
          </cell>
          <cell r="V72" t="str">
            <v>ss366806</v>
          </cell>
          <cell r="W72" t="str">
            <v>ze501763</v>
          </cell>
          <cell r="X72" t="str">
            <v>土園</v>
          </cell>
          <cell r="Y72" t="str">
            <v>土園</v>
          </cell>
          <cell r="Z72" t="str">
            <v/>
          </cell>
          <cell r="AA72" t="str">
            <v>内装仕上</v>
          </cell>
          <cell r="AB72" t="str">
            <v/>
          </cell>
          <cell r="AC72" t="str">
            <v/>
          </cell>
          <cell r="AD72" t="str">
            <v/>
          </cell>
          <cell r="AE72">
            <v>43100</v>
          </cell>
          <cell r="AF72" t="str">
            <v>希望しない</v>
          </cell>
          <cell r="AG72" t="str">
            <v>内装仕上</v>
          </cell>
          <cell r="AH72" t="str">
            <v>一般</v>
          </cell>
          <cell r="AI72">
            <v>564</v>
          </cell>
          <cell r="AJ72">
            <v>4147</v>
          </cell>
          <cell r="AK72" t="str">
            <v>0(0)/0/1</v>
          </cell>
          <cell r="AL72" t="str">
            <v/>
          </cell>
          <cell r="AM72" t="str">
            <v/>
          </cell>
          <cell r="AN72" t="str">
            <v/>
          </cell>
          <cell r="AO72" t="str">
            <v/>
          </cell>
          <cell r="AP72" t="str">
            <v/>
          </cell>
          <cell r="AQ72" t="str">
            <v/>
          </cell>
          <cell r="AR72" t="str">
            <v/>
          </cell>
          <cell r="AS72" t="str">
            <v/>
          </cell>
          <cell r="AT72" t="str">
            <v/>
          </cell>
          <cell r="AU72" t="str">
            <v/>
          </cell>
          <cell r="AV72" t="str">
            <v/>
          </cell>
          <cell r="AW72" t="str">
            <v/>
          </cell>
          <cell r="AX72" t="str">
            <v/>
          </cell>
          <cell r="AY72" t="str">
            <v/>
          </cell>
          <cell r="AZ72" t="str">
            <v/>
          </cell>
          <cell r="BA72" t="str">
            <v>伊丹市</v>
          </cell>
          <cell r="BB72" t="str">
            <v/>
          </cell>
          <cell r="CR72">
            <v>3126</v>
          </cell>
          <cell r="CS72" t="str">
            <v>ﾀｶﾊﾀ ｽｽﾑ</v>
          </cell>
          <cell r="CT72" t="str">
            <v>高畑  進</v>
          </cell>
          <cell r="CU72" t="str">
            <v>市民課</v>
          </cell>
          <cell r="CW72" t="str">
            <v xml:space="preserve"> </v>
          </cell>
          <cell r="CX72" t="str">
            <v>主幹</v>
          </cell>
          <cell r="CY72" t="str">
            <v>市民課長</v>
          </cell>
        </row>
        <row r="73">
          <cell r="B73">
            <v>365</v>
          </cell>
          <cell r="C73" t="str">
            <v>企業組合伊丹市雇用福祉事業団</v>
          </cell>
          <cell r="D73" t="str">
            <v>072-777-0663</v>
          </cell>
          <cell r="E73" t="str">
            <v>664-0023</v>
          </cell>
          <cell r="F73" t="str">
            <v>兵庫県伊丹市中野西1‐141</v>
          </cell>
          <cell r="G73" t="str">
            <v>伊丹市</v>
          </cell>
          <cell r="H73" t="str">
            <v/>
          </cell>
          <cell r="I73" t="str">
            <v>代表理事 高木　哲次</v>
          </cell>
          <cell r="J73" t="str">
            <v>本店</v>
          </cell>
          <cell r="K73" t="str">
            <v>072-770-4639</v>
          </cell>
          <cell r="L73" t="str">
            <v>itami@iwc.or.jp</v>
          </cell>
          <cell r="M73" t="str">
            <v>ｷｷﾞｮｳｸﾐｱｲｲﾀﾐｼｺﾖｳﾌｸｼｼﾞｷﾞｮｳﾀﾞﾝ</v>
          </cell>
          <cell r="N73" t="str">
            <v>無</v>
          </cell>
          <cell r="O73">
            <v>28</v>
          </cell>
          <cell r="P73">
            <v>64</v>
          </cell>
          <cell r="Q73">
            <v>2140005018146</v>
          </cell>
          <cell r="R73">
            <v>38310</v>
          </cell>
          <cell r="S73">
            <v>44475</v>
          </cell>
          <cell r="T73">
            <v>180768</v>
          </cell>
          <cell r="V73" t="str">
            <v>ap401953</v>
          </cell>
          <cell r="W73" t="str">
            <v>cj474708</v>
          </cell>
          <cell r="X73" t="str">
            <v>園</v>
          </cell>
          <cell r="Y73" t="str">
            <v>園</v>
          </cell>
          <cell r="Z73" t="str">
            <v/>
          </cell>
          <cell r="AA73" t="str">
            <v>造園</v>
          </cell>
          <cell r="AB73" t="str">
            <v/>
          </cell>
          <cell r="AC73" t="str">
            <v/>
          </cell>
          <cell r="AD73" t="str">
            <v/>
          </cell>
          <cell r="AE73">
            <v>43008</v>
          </cell>
          <cell r="AF73" t="str">
            <v>希望しない</v>
          </cell>
          <cell r="AG73" t="str">
            <v>造園</v>
          </cell>
          <cell r="AH73" t="str">
            <v>一般</v>
          </cell>
          <cell r="AI73">
            <v>631</v>
          </cell>
          <cell r="AJ73">
            <v>42960</v>
          </cell>
          <cell r="AK73" t="str">
            <v>()/1/</v>
          </cell>
          <cell r="AL73" t="str">
            <v/>
          </cell>
          <cell r="AM73" t="str">
            <v/>
          </cell>
          <cell r="AN73" t="str">
            <v/>
          </cell>
          <cell r="AO73" t="str">
            <v/>
          </cell>
          <cell r="AP73" t="str">
            <v/>
          </cell>
          <cell r="AQ73" t="str">
            <v/>
          </cell>
          <cell r="AR73" t="str">
            <v/>
          </cell>
          <cell r="AS73" t="str">
            <v/>
          </cell>
          <cell r="AT73" t="str">
            <v/>
          </cell>
          <cell r="AU73" t="str">
            <v/>
          </cell>
          <cell r="AV73" t="str">
            <v/>
          </cell>
          <cell r="AW73" t="str">
            <v/>
          </cell>
          <cell r="AX73" t="str">
            <v/>
          </cell>
          <cell r="AY73" t="str">
            <v/>
          </cell>
          <cell r="AZ73" t="str">
            <v/>
          </cell>
          <cell r="BA73" t="str">
            <v>伊丹市</v>
          </cell>
          <cell r="BB73" t="str">
            <v/>
          </cell>
          <cell r="CR73">
            <v>3126</v>
          </cell>
          <cell r="CS73" t="str">
            <v>ﾀｶﾊﾀ ｽｽﾑ</v>
          </cell>
          <cell r="CT73" t="str">
            <v>高畑  進</v>
          </cell>
          <cell r="CU73" t="str">
            <v>市民課</v>
          </cell>
          <cell r="CW73" t="str">
            <v xml:space="preserve"> </v>
          </cell>
          <cell r="CX73" t="str">
            <v>（兼）所長</v>
          </cell>
          <cell r="CY73" t="str">
            <v>市民課長</v>
          </cell>
        </row>
        <row r="74">
          <cell r="B74">
            <v>366</v>
          </cell>
          <cell r="C74" t="str">
            <v>前田造園土木</v>
          </cell>
          <cell r="D74" t="str">
            <v>072-779-0608</v>
          </cell>
          <cell r="E74" t="str">
            <v>664-0881</v>
          </cell>
          <cell r="F74" t="str">
            <v>兵庫県伊丹市昆陽5丁目71番地</v>
          </cell>
          <cell r="G74" t="str">
            <v>伊丹市</v>
          </cell>
          <cell r="H74" t="str">
            <v/>
          </cell>
          <cell r="I74" t="str">
            <v>代表者　 前田　和成</v>
          </cell>
          <cell r="J74" t="str">
            <v>本店</v>
          </cell>
          <cell r="K74" t="str">
            <v>072-779-0180</v>
          </cell>
          <cell r="L74" t="str">
            <v>maeda_zouen@almond.ocn.ne.jp</v>
          </cell>
          <cell r="M74" t="str">
            <v>ﾏｴﾀﾞｿﾞｳｴﾝﾄﾞﾎﾞｸ</v>
          </cell>
          <cell r="N74" t="str">
            <v>無</v>
          </cell>
          <cell r="O74">
            <v>19</v>
          </cell>
          <cell r="P74">
            <v>4</v>
          </cell>
          <cell r="Q74" t="str">
            <v/>
          </cell>
          <cell r="R74">
            <v>24404</v>
          </cell>
          <cell r="S74">
            <v>24501</v>
          </cell>
          <cell r="T74">
            <v>41016</v>
          </cell>
          <cell r="V74" t="str">
            <v>rv166745</v>
          </cell>
          <cell r="W74" t="str">
            <v>nh994008</v>
          </cell>
          <cell r="X74" t="str">
            <v>園</v>
          </cell>
          <cell r="Y74" t="str">
            <v>園</v>
          </cell>
          <cell r="Z74" t="str">
            <v/>
          </cell>
          <cell r="AA74" t="str">
            <v>造園</v>
          </cell>
          <cell r="AB74" t="str">
            <v/>
          </cell>
          <cell r="AC74" t="str">
            <v/>
          </cell>
          <cell r="AD74" t="str">
            <v/>
          </cell>
          <cell r="AE74">
            <v>43100</v>
          </cell>
          <cell r="AF74" t="str">
            <v>希望しない</v>
          </cell>
          <cell r="AG74" t="str">
            <v>造園</v>
          </cell>
          <cell r="AH74" t="str">
            <v/>
          </cell>
          <cell r="AI74">
            <v>735</v>
          </cell>
          <cell r="AJ74" t="str">
            <v/>
          </cell>
          <cell r="AK74" t="str">
            <v>2()/1/</v>
          </cell>
          <cell r="AL74" t="str">
            <v/>
          </cell>
          <cell r="AM74" t="str">
            <v/>
          </cell>
          <cell r="AN74" t="str">
            <v/>
          </cell>
          <cell r="AO74" t="str">
            <v/>
          </cell>
          <cell r="AP74" t="str">
            <v/>
          </cell>
          <cell r="AQ74" t="str">
            <v/>
          </cell>
          <cell r="AR74" t="str">
            <v/>
          </cell>
          <cell r="AS74" t="str">
            <v/>
          </cell>
          <cell r="AT74" t="str">
            <v/>
          </cell>
          <cell r="AU74" t="str">
            <v/>
          </cell>
          <cell r="AV74" t="str">
            <v/>
          </cell>
          <cell r="AW74" t="str">
            <v/>
          </cell>
          <cell r="AX74" t="str">
            <v/>
          </cell>
          <cell r="AY74" t="str">
            <v/>
          </cell>
          <cell r="AZ74" t="str">
            <v/>
          </cell>
          <cell r="BA74" t="str">
            <v>伊丹市</v>
          </cell>
          <cell r="BB74" t="str">
            <v/>
          </cell>
          <cell r="CR74">
            <v>3133</v>
          </cell>
          <cell r="CS74" t="str">
            <v>ﾌｸﾓﾄ ﾄｼｱｷ</v>
          </cell>
          <cell r="CT74" t="str">
            <v>福元  利昭</v>
          </cell>
          <cell r="CU74" t="str">
            <v>西消防署</v>
          </cell>
          <cell r="CW74">
            <v>6680241</v>
          </cell>
          <cell r="CX74" t="str">
            <v>副署長</v>
          </cell>
          <cell r="CY74" t="str">
            <v>西消防署長</v>
          </cell>
        </row>
        <row r="75">
          <cell r="B75">
            <v>368</v>
          </cell>
          <cell r="C75" t="str">
            <v>(株)山富電設</v>
          </cell>
          <cell r="D75" t="str">
            <v>072-783-2991</v>
          </cell>
          <cell r="E75" t="str">
            <v>664-0007</v>
          </cell>
          <cell r="F75" t="str">
            <v>兵庫県伊丹市北野5-6-12</v>
          </cell>
          <cell r="G75" t="str">
            <v>伊丹市</v>
          </cell>
          <cell r="H75" t="str">
            <v/>
          </cell>
          <cell r="I75" t="str">
            <v>代表取締役 山村　信介</v>
          </cell>
          <cell r="J75" t="str">
            <v>本店</v>
          </cell>
          <cell r="K75" t="str">
            <v>072-770-6447</v>
          </cell>
          <cell r="L75" t="str">
            <v>yamatomi-im@world.odn.ne.jp</v>
          </cell>
          <cell r="M75" t="str">
            <v>ﾔﾏﾄﾐﾃﾞﾝｾﾂ</v>
          </cell>
          <cell r="N75" t="str">
            <v>無</v>
          </cell>
          <cell r="O75">
            <v>27</v>
          </cell>
          <cell r="P75">
            <v>5</v>
          </cell>
          <cell r="Q75">
            <v>3140001079050</v>
          </cell>
          <cell r="R75">
            <v>20000</v>
          </cell>
          <cell r="S75">
            <v>384082</v>
          </cell>
          <cell r="T75">
            <v>201862</v>
          </cell>
          <cell r="V75" t="str">
            <v>uj208154</v>
          </cell>
          <cell r="W75" t="str">
            <v>mc493487</v>
          </cell>
          <cell r="X75" t="str">
            <v>電</v>
          </cell>
          <cell r="Y75" t="str">
            <v/>
          </cell>
          <cell r="Z75" t="str">
            <v>電</v>
          </cell>
          <cell r="AA75" t="str">
            <v>電気</v>
          </cell>
          <cell r="AB75" t="str">
            <v/>
          </cell>
          <cell r="AC75" t="str">
            <v/>
          </cell>
          <cell r="AD75" t="str">
            <v/>
          </cell>
          <cell r="AE75">
            <v>43008</v>
          </cell>
          <cell r="AF75" t="str">
            <v>希望しない</v>
          </cell>
          <cell r="AG75" t="str">
            <v>電気</v>
          </cell>
          <cell r="AH75" t="str">
            <v>特定</v>
          </cell>
          <cell r="AI75">
            <v>810</v>
          </cell>
          <cell r="AJ75">
            <v>231021</v>
          </cell>
          <cell r="AK75" t="str">
            <v>2(1)/0/0</v>
          </cell>
          <cell r="AL75" t="str">
            <v/>
          </cell>
          <cell r="AM75" t="str">
            <v/>
          </cell>
          <cell r="AN75" t="str">
            <v/>
          </cell>
          <cell r="AO75" t="str">
            <v/>
          </cell>
          <cell r="AP75" t="str">
            <v/>
          </cell>
          <cell r="AQ75" t="str">
            <v/>
          </cell>
          <cell r="AR75" t="str">
            <v/>
          </cell>
          <cell r="AS75" t="str">
            <v/>
          </cell>
          <cell r="AT75" t="str">
            <v/>
          </cell>
          <cell r="AU75" t="str">
            <v/>
          </cell>
          <cell r="AV75" t="str">
            <v/>
          </cell>
          <cell r="AW75" t="str">
            <v/>
          </cell>
          <cell r="AX75" t="str">
            <v/>
          </cell>
          <cell r="AY75" t="str">
            <v/>
          </cell>
          <cell r="AZ75" t="str">
            <v/>
          </cell>
          <cell r="BA75" t="str">
            <v>伊丹市</v>
          </cell>
          <cell r="BB75" t="str">
            <v/>
          </cell>
          <cell r="CR75">
            <v>3181</v>
          </cell>
          <cell r="CS75" t="str">
            <v>ﾏﾂﾓﾄ ｴﾐｺ</v>
          </cell>
          <cell r="CT75" t="str">
            <v>松本  恵美子</v>
          </cell>
          <cell r="CU75" t="str">
            <v>総合教育センター</v>
          </cell>
          <cell r="CW75" t="str">
            <v xml:space="preserve"> </v>
          </cell>
          <cell r="CX75" t="str">
            <v xml:space="preserve"> </v>
          </cell>
          <cell r="CY75" t="str">
            <v>総合教育センター長</v>
          </cell>
        </row>
        <row r="76">
          <cell r="B76">
            <v>383</v>
          </cell>
          <cell r="C76" t="str">
            <v>(有)吉本鉄工</v>
          </cell>
          <cell r="D76" t="str">
            <v>072-782-6525</v>
          </cell>
          <cell r="E76" t="str">
            <v>664-0842</v>
          </cell>
          <cell r="F76" t="str">
            <v>兵庫県伊丹市森本8-18-1</v>
          </cell>
          <cell r="G76" t="str">
            <v>伊丹市</v>
          </cell>
          <cell r="H76" t="str">
            <v/>
          </cell>
          <cell r="I76" t="str">
            <v>代表取締役 吉本　基祥</v>
          </cell>
          <cell r="J76" t="str">
            <v>本店</v>
          </cell>
          <cell r="K76" t="str">
            <v>072-782-3399</v>
          </cell>
          <cell r="L76" t="str">
            <v>yoshimototosteel@zeus.eonet.ne.jp</v>
          </cell>
          <cell r="M76" t="str">
            <v>ﾖｼﾓﾄﾃｯｺｳ</v>
          </cell>
          <cell r="N76" t="str">
            <v>無</v>
          </cell>
          <cell r="O76">
            <v>41</v>
          </cell>
          <cell r="P76">
            <v>3</v>
          </cell>
          <cell r="Q76">
            <v>3140002066147</v>
          </cell>
          <cell r="R76">
            <v>5000</v>
          </cell>
          <cell r="S76">
            <v>19866</v>
          </cell>
          <cell r="T76">
            <v>147439</v>
          </cell>
          <cell r="V76" t="str">
            <v>zx298601</v>
          </cell>
          <cell r="W76" t="str">
            <v>bt863433</v>
          </cell>
          <cell r="X76" t="str">
            <v>建鋼</v>
          </cell>
          <cell r="Y76" t="str">
            <v>建鋼</v>
          </cell>
          <cell r="Z76" t="str">
            <v/>
          </cell>
          <cell r="AA76" t="str">
            <v>建築一式</v>
          </cell>
          <cell r="AB76" t="str">
            <v>鋼構造物</v>
          </cell>
          <cell r="AC76" t="str">
            <v/>
          </cell>
          <cell r="AD76" t="str">
            <v/>
          </cell>
          <cell r="AE76">
            <v>43220</v>
          </cell>
          <cell r="AF76" t="str">
            <v>希望しない</v>
          </cell>
          <cell r="AG76" t="str">
            <v>建築一式</v>
          </cell>
          <cell r="AH76" t="str">
            <v>一般</v>
          </cell>
          <cell r="AI76">
            <v>629</v>
          </cell>
          <cell r="AJ76">
            <v>110833</v>
          </cell>
          <cell r="AK76" t="str">
            <v>0(0)/0/3</v>
          </cell>
          <cell r="AL76" t="str">
            <v>鋼構造物</v>
          </cell>
          <cell r="AM76" t="str">
            <v>一般</v>
          </cell>
          <cell r="AN76">
            <v>604</v>
          </cell>
          <cell r="AO76">
            <v>31464</v>
          </cell>
          <cell r="AP76" t="str">
            <v>0(0)/0/3</v>
          </cell>
          <cell r="AQ76" t="str">
            <v/>
          </cell>
          <cell r="AR76" t="str">
            <v/>
          </cell>
          <cell r="AS76" t="str">
            <v/>
          </cell>
          <cell r="AT76" t="str">
            <v/>
          </cell>
          <cell r="AU76" t="str">
            <v/>
          </cell>
          <cell r="AV76" t="str">
            <v/>
          </cell>
          <cell r="AW76" t="str">
            <v/>
          </cell>
          <cell r="AX76" t="str">
            <v/>
          </cell>
          <cell r="AY76" t="str">
            <v/>
          </cell>
          <cell r="AZ76" t="str">
            <v/>
          </cell>
          <cell r="BA76" t="str">
            <v>伊丹市</v>
          </cell>
          <cell r="BB76" t="str">
            <v/>
          </cell>
          <cell r="CR76">
            <v>3183</v>
          </cell>
          <cell r="CS76" t="str">
            <v>ﾊﾅｲ ｻﾁﾖ</v>
          </cell>
          <cell r="CT76" t="str">
            <v>花井  祐代</v>
          </cell>
          <cell r="CU76" t="str">
            <v>図書館</v>
          </cell>
          <cell r="CW76">
            <v>5112</v>
          </cell>
          <cell r="CX76" t="str">
            <v xml:space="preserve"> </v>
          </cell>
          <cell r="CY76" t="str">
            <v>図書館長</v>
          </cell>
        </row>
        <row r="77">
          <cell r="B77">
            <v>386</v>
          </cell>
          <cell r="C77" t="str">
            <v>(株)双葉工業</v>
          </cell>
          <cell r="D77" t="str">
            <v>072-782-5547</v>
          </cell>
          <cell r="E77" t="str">
            <v>664-0006</v>
          </cell>
          <cell r="F77" t="str">
            <v>兵庫県伊丹市鴻池4-3-18</v>
          </cell>
          <cell r="G77" t="str">
            <v>伊丹市</v>
          </cell>
          <cell r="H77" t="str">
            <v/>
          </cell>
          <cell r="I77" t="str">
            <v>代表取締役　 齊藤　均</v>
          </cell>
          <cell r="J77" t="str">
            <v>本店</v>
          </cell>
          <cell r="K77" t="str">
            <v>072-782-4751</v>
          </cell>
          <cell r="L77" t="str">
            <v>info.futaba@ark.ocn.ne.jp</v>
          </cell>
          <cell r="M77" t="str">
            <v>ﾌﾀﾊﾞｺｳｷﾞﾖｳ</v>
          </cell>
          <cell r="N77" t="str">
            <v>無</v>
          </cell>
          <cell r="O77">
            <v>26</v>
          </cell>
          <cell r="P77">
            <v>10</v>
          </cell>
          <cell r="Q77">
            <v>2140000000000</v>
          </cell>
          <cell r="R77">
            <v>20000</v>
          </cell>
          <cell r="S77">
            <v>66537</v>
          </cell>
          <cell r="T77">
            <v>331110</v>
          </cell>
          <cell r="V77" t="str">
            <v>mr750028</v>
          </cell>
          <cell r="W77" t="str">
            <v>hu922167</v>
          </cell>
          <cell r="X77" t="str">
            <v>建鋼</v>
          </cell>
          <cell r="Y77" t="str">
            <v>建鋼</v>
          </cell>
          <cell r="Z77" t="str">
            <v/>
          </cell>
          <cell r="AA77" t="str">
            <v>建築一式</v>
          </cell>
          <cell r="AB77" t="str">
            <v>鋼構造物</v>
          </cell>
          <cell r="AC77" t="str">
            <v/>
          </cell>
          <cell r="AD77" t="str">
            <v/>
          </cell>
          <cell r="AE77">
            <v>43190</v>
          </cell>
          <cell r="AF77" t="str">
            <v>希望しない</v>
          </cell>
          <cell r="AG77" t="str">
            <v>建築一式</v>
          </cell>
          <cell r="AH77" t="str">
            <v>特定</v>
          </cell>
          <cell r="AI77">
            <v>690</v>
          </cell>
          <cell r="AJ77">
            <v>157298</v>
          </cell>
          <cell r="AK77" t="str">
            <v>1(1)/1/3</v>
          </cell>
          <cell r="AL77" t="str">
            <v>鋼構造物</v>
          </cell>
          <cell r="AM77" t="str">
            <v>特定</v>
          </cell>
          <cell r="AN77">
            <v>651</v>
          </cell>
          <cell r="AO77">
            <v>113366</v>
          </cell>
          <cell r="AP77" t="str">
            <v>1(1)/0/3</v>
          </cell>
          <cell r="AQ77" t="str">
            <v/>
          </cell>
          <cell r="AR77" t="str">
            <v/>
          </cell>
          <cell r="AS77" t="str">
            <v/>
          </cell>
          <cell r="AT77" t="str">
            <v/>
          </cell>
          <cell r="AU77" t="str">
            <v/>
          </cell>
          <cell r="AV77" t="str">
            <v/>
          </cell>
          <cell r="AW77" t="str">
            <v/>
          </cell>
          <cell r="AX77" t="str">
            <v/>
          </cell>
          <cell r="AY77" t="str">
            <v/>
          </cell>
          <cell r="AZ77" t="str">
            <v/>
          </cell>
          <cell r="BA77" t="str">
            <v>伊丹市</v>
          </cell>
          <cell r="BB77" t="str">
            <v/>
          </cell>
          <cell r="CR77">
            <v>3220</v>
          </cell>
          <cell r="CS77" t="str">
            <v>ﾆｼｵ ｸﾆｺ</v>
          </cell>
          <cell r="CT77" t="str">
            <v>西尾  邦子</v>
          </cell>
          <cell r="CU77" t="str">
            <v xml:space="preserve"> </v>
          </cell>
          <cell r="CW77">
            <v>3524</v>
          </cell>
          <cell r="CX77" t="str">
            <v xml:space="preserve"> </v>
          </cell>
          <cell r="CY77" t="str">
            <v>　</v>
          </cell>
        </row>
        <row r="78">
          <cell r="B78">
            <v>387</v>
          </cell>
          <cell r="C78" t="str">
            <v>オカムネ建設</v>
          </cell>
          <cell r="D78" t="str">
            <v>072-784-8398</v>
          </cell>
          <cell r="E78" t="str">
            <v>664-0881</v>
          </cell>
          <cell r="F78" t="str">
            <v>兵庫県伊丹市昆陽南3-14-32</v>
          </cell>
          <cell r="G78" t="str">
            <v>伊丹市</v>
          </cell>
          <cell r="H78" t="str">
            <v/>
          </cell>
          <cell r="I78" t="str">
            <v>代表者 岡田　棟雄</v>
          </cell>
          <cell r="J78" t="str">
            <v>本店</v>
          </cell>
          <cell r="K78" t="str">
            <v>072-784-8398</v>
          </cell>
          <cell r="L78" t="str">
            <v/>
          </cell>
          <cell r="M78" t="str">
            <v>ｵｶﾑﾈｹﾝｾﾂ</v>
          </cell>
          <cell r="N78" t="str">
            <v>無</v>
          </cell>
          <cell r="O78">
            <v>24</v>
          </cell>
          <cell r="P78">
            <v>1</v>
          </cell>
          <cell r="Q78" t="str">
            <v/>
          </cell>
          <cell r="R78" t="str">
            <v/>
          </cell>
          <cell r="S78">
            <v>2626</v>
          </cell>
          <cell r="T78">
            <v>17857</v>
          </cell>
          <cell r="V78" t="str">
            <v>ux706810</v>
          </cell>
          <cell r="W78" t="str">
            <v>sb760512</v>
          </cell>
          <cell r="X78" t="str">
            <v>土と舗</v>
          </cell>
          <cell r="Y78" t="str">
            <v>土と舗</v>
          </cell>
          <cell r="Z78" t="str">
            <v/>
          </cell>
          <cell r="AA78" t="str">
            <v>土木一式</v>
          </cell>
          <cell r="AB78" t="str">
            <v>舗装</v>
          </cell>
          <cell r="AC78" t="str">
            <v>とび土工</v>
          </cell>
          <cell r="AD78" t="str">
            <v/>
          </cell>
          <cell r="AE78">
            <v>43100</v>
          </cell>
          <cell r="AF78" t="str">
            <v>希望しない</v>
          </cell>
          <cell r="AG78" t="str">
            <v>土木一式</v>
          </cell>
          <cell r="AH78" t="str">
            <v>一般</v>
          </cell>
          <cell r="AI78">
            <v>600</v>
          </cell>
          <cell r="AJ78">
            <v>20274</v>
          </cell>
          <cell r="AK78" t="str">
            <v>0(0)/1/0</v>
          </cell>
          <cell r="AL78" t="str">
            <v>舗装</v>
          </cell>
          <cell r="AM78" t="str">
            <v>一般</v>
          </cell>
          <cell r="AN78">
            <v>536</v>
          </cell>
          <cell r="AO78" t="str">
            <v/>
          </cell>
          <cell r="AP78" t="str">
            <v>0(0)/1/0</v>
          </cell>
          <cell r="AQ78" t="str">
            <v>とび土工</v>
          </cell>
          <cell r="AR78" t="str">
            <v>一般</v>
          </cell>
          <cell r="AS78">
            <v>531</v>
          </cell>
          <cell r="AT78" t="str">
            <v/>
          </cell>
          <cell r="AU78" t="str">
            <v>0(0)/0/0</v>
          </cell>
          <cell r="AV78" t="str">
            <v/>
          </cell>
          <cell r="AW78" t="str">
            <v/>
          </cell>
          <cell r="AX78" t="str">
            <v/>
          </cell>
          <cell r="AY78" t="str">
            <v/>
          </cell>
          <cell r="AZ78" t="str">
            <v/>
          </cell>
          <cell r="BA78" t="str">
            <v>伊丹市</v>
          </cell>
          <cell r="BB78" t="str">
            <v/>
          </cell>
          <cell r="CR78">
            <v>3220</v>
          </cell>
          <cell r="CS78" t="str">
            <v>ﾆｼｵ ｸﾆｺ</v>
          </cell>
          <cell r="CT78" t="str">
            <v>西尾  邦子</v>
          </cell>
          <cell r="CU78" t="str">
            <v xml:space="preserve"> </v>
          </cell>
          <cell r="CW78">
            <v>3524</v>
          </cell>
          <cell r="CX78" t="str">
            <v xml:space="preserve"> </v>
          </cell>
          <cell r="CY78" t="str">
            <v>　</v>
          </cell>
        </row>
        <row r="79">
          <cell r="B79">
            <v>389</v>
          </cell>
          <cell r="C79" t="str">
            <v>(有)メイカン</v>
          </cell>
          <cell r="D79" t="str">
            <v>072-785-3555</v>
          </cell>
          <cell r="E79" t="str">
            <v>664-0842</v>
          </cell>
          <cell r="F79" t="str">
            <v>兵庫県伊丹市森本1-53-4</v>
          </cell>
          <cell r="G79" t="str">
            <v>伊丹市</v>
          </cell>
          <cell r="H79" t="str">
            <v/>
          </cell>
          <cell r="I79" t="str">
            <v>代表者 岡田　棟雄</v>
          </cell>
          <cell r="J79" t="str">
            <v>本店</v>
          </cell>
          <cell r="K79" t="str">
            <v>072-785-2230</v>
          </cell>
          <cell r="L79" t="str">
            <v>meik@dolphin.ocn.ne.jp</v>
          </cell>
          <cell r="M79" t="str">
            <v>ﾒｲｶﾝ</v>
          </cell>
          <cell r="N79" t="str">
            <v>無</v>
          </cell>
          <cell r="O79">
            <v>27</v>
          </cell>
          <cell r="P79">
            <v>10</v>
          </cell>
          <cell r="Q79">
            <v>2140002064102</v>
          </cell>
          <cell r="R79">
            <v>15750</v>
          </cell>
          <cell r="S79">
            <v>12347</v>
          </cell>
          <cell r="T79">
            <v>402264</v>
          </cell>
          <cell r="V79" t="str">
            <v>gz777712</v>
          </cell>
          <cell r="W79" t="str">
            <v>eg472883</v>
          </cell>
          <cell r="X79" t="str">
            <v>管塗防</v>
          </cell>
          <cell r="Y79" t="str">
            <v>管塗防</v>
          </cell>
          <cell r="Z79" t="str">
            <v/>
          </cell>
          <cell r="AA79" t="str">
            <v>管</v>
          </cell>
          <cell r="AB79" t="str">
            <v>防水</v>
          </cell>
          <cell r="AC79" t="str">
            <v>塗装</v>
          </cell>
          <cell r="AD79" t="str">
            <v/>
          </cell>
          <cell r="AE79">
            <v>43190</v>
          </cell>
          <cell r="AF79" t="str">
            <v/>
          </cell>
          <cell r="AG79" t="str">
            <v>管</v>
          </cell>
          <cell r="AH79" t="str">
            <v>一般</v>
          </cell>
          <cell r="AI79">
            <v>681</v>
          </cell>
          <cell r="AJ79">
            <v>190861</v>
          </cell>
          <cell r="AK79" t="str">
            <v>1(1)/3/0</v>
          </cell>
          <cell r="AL79" t="str">
            <v>防水</v>
          </cell>
          <cell r="AM79" t="str">
            <v>一般</v>
          </cell>
          <cell r="AN79">
            <v>602</v>
          </cell>
          <cell r="AO79">
            <v>14010</v>
          </cell>
          <cell r="AP79" t="str">
            <v>0(0)/3/0</v>
          </cell>
          <cell r="AQ79" t="str">
            <v>塗装</v>
          </cell>
          <cell r="AR79" t="str">
            <v>一般</v>
          </cell>
          <cell r="AS79">
            <v>563</v>
          </cell>
          <cell r="AT79">
            <v>7404</v>
          </cell>
          <cell r="AU79" t="str">
            <v>0(0)/1/0</v>
          </cell>
          <cell r="AV79" t="str">
            <v/>
          </cell>
          <cell r="AW79" t="str">
            <v/>
          </cell>
          <cell r="AX79" t="str">
            <v/>
          </cell>
          <cell r="AY79" t="str">
            <v/>
          </cell>
          <cell r="AZ79" t="str">
            <v/>
          </cell>
          <cell r="BA79" t="str">
            <v>伊丹市</v>
          </cell>
          <cell r="BB79" t="str">
            <v/>
          </cell>
          <cell r="CR79">
            <v>3220</v>
          </cell>
          <cell r="CS79" t="str">
            <v>ﾆｼｵ ｸﾆｺ</v>
          </cell>
          <cell r="CT79" t="str">
            <v>西尾  邦子</v>
          </cell>
          <cell r="CU79" t="str">
            <v xml:space="preserve"> </v>
          </cell>
          <cell r="CW79">
            <v>3524</v>
          </cell>
          <cell r="CX79" t="str">
            <v xml:space="preserve"> </v>
          </cell>
          <cell r="CY79" t="str">
            <v>　</v>
          </cell>
        </row>
        <row r="80">
          <cell r="B80">
            <v>408</v>
          </cell>
          <cell r="C80" t="str">
            <v>(有)大内土木興業</v>
          </cell>
          <cell r="D80" t="str">
            <v>072-775-3538</v>
          </cell>
          <cell r="E80" t="str">
            <v>664-0898</v>
          </cell>
          <cell r="F80" t="str">
            <v>兵庫県伊丹市千僧3-132-2</v>
          </cell>
          <cell r="G80" t="str">
            <v>伊丹市</v>
          </cell>
          <cell r="H80" t="str">
            <v/>
          </cell>
          <cell r="I80" t="str">
            <v>代表取締役 森山　鐘泰</v>
          </cell>
          <cell r="J80" t="str">
            <v>本店</v>
          </cell>
          <cell r="K80" t="str">
            <v>072-777-1229</v>
          </cell>
          <cell r="L80" t="str">
            <v>spvr3p59@movie.ocn.ne.jp</v>
          </cell>
          <cell r="M80" t="str">
            <v>ｵｵｳﾁﾄﾞﾎﾞｸｺｳｷﾞｮｳ</v>
          </cell>
          <cell r="N80" t="str">
            <v>無</v>
          </cell>
          <cell r="O80">
            <v>23</v>
          </cell>
          <cell r="P80">
            <v>1</v>
          </cell>
          <cell r="Q80">
            <v>8140002063338</v>
          </cell>
          <cell r="R80">
            <v>3000</v>
          </cell>
          <cell r="S80">
            <v>-3257</v>
          </cell>
          <cell r="T80">
            <v>46013</v>
          </cell>
          <cell r="V80" t="str">
            <v>vc432211</v>
          </cell>
          <cell r="W80" t="str">
            <v>yw741520</v>
          </cell>
          <cell r="X80" t="str">
            <v>土</v>
          </cell>
          <cell r="Y80" t="str">
            <v>土</v>
          </cell>
          <cell r="Z80" t="str">
            <v/>
          </cell>
          <cell r="AA80" t="str">
            <v>土木一式</v>
          </cell>
          <cell r="AB80" t="str">
            <v/>
          </cell>
          <cell r="AC80" t="str">
            <v/>
          </cell>
          <cell r="AD80" t="str">
            <v/>
          </cell>
          <cell r="AE80">
            <v>43190</v>
          </cell>
          <cell r="AF80" t="str">
            <v>希望しない</v>
          </cell>
          <cell r="AG80" t="str">
            <v>土木一式</v>
          </cell>
          <cell r="AH80" t="str">
            <v>一般</v>
          </cell>
          <cell r="AI80">
            <v>587</v>
          </cell>
          <cell r="AJ80">
            <v>29851</v>
          </cell>
          <cell r="AK80" t="str">
            <v>0(0)/0/1</v>
          </cell>
          <cell r="AL80" t="str">
            <v/>
          </cell>
          <cell r="AM80" t="str">
            <v/>
          </cell>
          <cell r="AN80" t="str">
            <v/>
          </cell>
          <cell r="AO80" t="str">
            <v/>
          </cell>
          <cell r="AP80" t="str">
            <v/>
          </cell>
          <cell r="AQ80" t="str">
            <v/>
          </cell>
          <cell r="AR80" t="str">
            <v/>
          </cell>
          <cell r="AS80" t="str">
            <v/>
          </cell>
          <cell r="AT80" t="str">
            <v/>
          </cell>
          <cell r="AU80" t="str">
            <v/>
          </cell>
          <cell r="AV80" t="str">
            <v/>
          </cell>
          <cell r="AW80" t="str">
            <v/>
          </cell>
          <cell r="AX80" t="str">
            <v/>
          </cell>
          <cell r="AY80" t="str">
            <v/>
          </cell>
          <cell r="AZ80" t="str">
            <v/>
          </cell>
          <cell r="BA80" t="str">
            <v>伊丹市</v>
          </cell>
          <cell r="BB80" t="str">
            <v/>
          </cell>
          <cell r="CR80">
            <v>3223</v>
          </cell>
          <cell r="CS80" t="str">
            <v>おうあｓ</v>
          </cell>
          <cell r="CT80" t="str">
            <v>宮北  守</v>
          </cell>
          <cell r="CU80" t="str">
            <v>運輸サービス課</v>
          </cell>
          <cell r="CW80">
            <v>6750</v>
          </cell>
          <cell r="CX80" t="str">
            <v xml:space="preserve"> </v>
          </cell>
          <cell r="CY80" t="str">
            <v>運輸サービス課長</v>
          </cell>
        </row>
        <row r="81">
          <cell r="B81">
            <v>411</v>
          </cell>
          <cell r="C81" t="str">
            <v>(株)宮本商店</v>
          </cell>
          <cell r="D81" t="str">
            <v>072-785-4722</v>
          </cell>
          <cell r="E81" t="str">
            <v>664-0832</v>
          </cell>
          <cell r="F81" t="str">
            <v>兵庫県伊丹市下河原3-3-22</v>
          </cell>
          <cell r="G81" t="str">
            <v>伊丹市</v>
          </cell>
          <cell r="H81" t="str">
            <v/>
          </cell>
          <cell r="I81" t="str">
            <v>代表取締役 宮本　辰雄</v>
          </cell>
          <cell r="J81" t="str">
            <v>本店</v>
          </cell>
          <cell r="K81" t="str">
            <v>072-785-4723</v>
          </cell>
          <cell r="L81" t="str">
            <v>const@miyamotosyoten.com</v>
          </cell>
          <cell r="M81" t="str">
            <v>ﾐﾔﾓﾄｼｮｳﾃﾝ</v>
          </cell>
          <cell r="N81" t="str">
            <v>無</v>
          </cell>
          <cell r="O81">
            <v>23</v>
          </cell>
          <cell r="P81">
            <v>5</v>
          </cell>
          <cell r="Q81">
            <v>1140001078995</v>
          </cell>
          <cell r="R81">
            <v>40000</v>
          </cell>
          <cell r="S81">
            <v>54596</v>
          </cell>
          <cell r="T81">
            <v>425535</v>
          </cell>
          <cell r="V81" t="str">
            <v>bx442812</v>
          </cell>
          <cell r="W81" t="str">
            <v>xp427243</v>
          </cell>
          <cell r="X81" t="str">
            <v>土と舗水解</v>
          </cell>
          <cell r="Y81" t="str">
            <v/>
          </cell>
          <cell r="Z81" t="str">
            <v>土と舗水解</v>
          </cell>
          <cell r="AA81" t="str">
            <v>土木一式</v>
          </cell>
          <cell r="AB81" t="str">
            <v>水道施設</v>
          </cell>
          <cell r="AC81" t="str">
            <v>舗装</v>
          </cell>
          <cell r="AD81" t="str">
            <v>解体</v>
          </cell>
          <cell r="AE81">
            <v>43251</v>
          </cell>
          <cell r="AF81" t="str">
            <v>希望しない</v>
          </cell>
          <cell r="AG81" t="str">
            <v>土木一式</v>
          </cell>
          <cell r="AH81" t="str">
            <v>特定</v>
          </cell>
          <cell r="AI81">
            <v>849</v>
          </cell>
          <cell r="AJ81">
            <v>453941</v>
          </cell>
          <cell r="AK81" t="str">
            <v>2(2)/2/0</v>
          </cell>
          <cell r="AL81" t="str">
            <v>水道施設</v>
          </cell>
          <cell r="AM81" t="str">
            <v>特定</v>
          </cell>
          <cell r="AN81">
            <v>758</v>
          </cell>
          <cell r="AO81">
            <v>38825</v>
          </cell>
          <cell r="AP81" t="str">
            <v>2(2)/1/0</v>
          </cell>
          <cell r="AQ81" t="str">
            <v>舗装</v>
          </cell>
          <cell r="AR81" t="str">
            <v>特定</v>
          </cell>
          <cell r="AS81">
            <v>733</v>
          </cell>
          <cell r="AT81">
            <v>12571</v>
          </cell>
          <cell r="AU81" t="str">
            <v>2(2)/1/0</v>
          </cell>
          <cell r="AV81" t="str">
            <v>解体</v>
          </cell>
          <cell r="AW81" t="str">
            <v>特定</v>
          </cell>
          <cell r="AX81">
            <v>645</v>
          </cell>
          <cell r="AY81" t="str">
            <v/>
          </cell>
          <cell r="AZ81" t="str">
            <v>0(0)/0/0</v>
          </cell>
          <cell r="BA81" t="str">
            <v>伊丹市</v>
          </cell>
          <cell r="BB81" t="str">
            <v/>
          </cell>
          <cell r="CR81">
            <v>3267</v>
          </cell>
          <cell r="CS81" t="str">
            <v>ﾊｼﾓﾄ ｼﾕﾝｼﾞ</v>
          </cell>
          <cell r="CT81" t="str">
            <v>橋本  俊司</v>
          </cell>
          <cell r="CU81" t="str">
            <v>都市安全企画課</v>
          </cell>
          <cell r="CW81">
            <v>2149</v>
          </cell>
          <cell r="CX81" t="str">
            <v xml:space="preserve"> </v>
          </cell>
          <cell r="CY81" t="str">
            <v>都市安全企画課長</v>
          </cell>
        </row>
        <row r="82">
          <cell r="B82">
            <v>412</v>
          </cell>
          <cell r="C82" t="str">
            <v>マックス</v>
          </cell>
          <cell r="D82" t="str">
            <v>072-782-4884</v>
          </cell>
          <cell r="E82" t="str">
            <v>664-0858</v>
          </cell>
          <cell r="F82" t="str">
            <v>兵庫県伊丹市西台三丁目9-22</v>
          </cell>
          <cell r="G82" t="str">
            <v>伊丹市</v>
          </cell>
          <cell r="H82" t="str">
            <v/>
          </cell>
          <cell r="I82" t="str">
            <v xml:space="preserve"> 高山　政治</v>
          </cell>
          <cell r="J82" t="str">
            <v>本店</v>
          </cell>
          <cell r="K82" t="str">
            <v>072-782-4885</v>
          </cell>
          <cell r="L82" t="str">
            <v>itami@chic.ocn.ne.jp</v>
          </cell>
          <cell r="M82" t="str">
            <v>ﾏｯｸｽ</v>
          </cell>
          <cell r="N82" t="str">
            <v>無</v>
          </cell>
          <cell r="O82">
            <v>21</v>
          </cell>
          <cell r="P82">
            <v>3</v>
          </cell>
          <cell r="Q82" t="str">
            <v/>
          </cell>
          <cell r="R82">
            <v>4913</v>
          </cell>
          <cell r="S82">
            <v>4472</v>
          </cell>
          <cell r="T82">
            <v>28206</v>
          </cell>
          <cell r="V82" t="str">
            <v>xb789701</v>
          </cell>
          <cell r="W82" t="str">
            <v>pa819030</v>
          </cell>
          <cell r="X82" t="str">
            <v>土と舗水</v>
          </cell>
          <cell r="Y82" t="str">
            <v>土と舗水</v>
          </cell>
          <cell r="Z82" t="str">
            <v/>
          </cell>
          <cell r="AA82" t="str">
            <v>水道施設</v>
          </cell>
          <cell r="AB82" t="str">
            <v>とび土工</v>
          </cell>
          <cell r="AC82" t="str">
            <v>舗装</v>
          </cell>
          <cell r="AD82" t="str">
            <v/>
          </cell>
          <cell r="AE82">
            <v>42926</v>
          </cell>
          <cell r="AF82" t="str">
            <v/>
          </cell>
          <cell r="AG82" t="str">
            <v>水道施設</v>
          </cell>
          <cell r="AH82" t="str">
            <v>一般</v>
          </cell>
          <cell r="AI82">
            <v>584</v>
          </cell>
          <cell r="AJ82">
            <v>18509</v>
          </cell>
          <cell r="AK82" t="str">
            <v>0(0)/1/0</v>
          </cell>
          <cell r="AL82" t="str">
            <v>とび土工</v>
          </cell>
          <cell r="AM82" t="str">
            <v>一般</v>
          </cell>
          <cell r="AN82">
            <v>578</v>
          </cell>
          <cell r="AO82">
            <v>11534</v>
          </cell>
          <cell r="AP82" t="str">
            <v>0(0)/1/0</v>
          </cell>
          <cell r="AQ82" t="str">
            <v>舗装</v>
          </cell>
          <cell r="AR82" t="str">
            <v>一般</v>
          </cell>
          <cell r="AS82">
            <v>544</v>
          </cell>
          <cell r="AT82">
            <v>4284</v>
          </cell>
          <cell r="AU82" t="str">
            <v>0(0)/1/0</v>
          </cell>
          <cell r="AV82" t="str">
            <v/>
          </cell>
          <cell r="AW82" t="str">
            <v/>
          </cell>
          <cell r="AX82" t="str">
            <v/>
          </cell>
          <cell r="AY82" t="str">
            <v/>
          </cell>
          <cell r="AZ82" t="str">
            <v/>
          </cell>
          <cell r="BA82" t="str">
            <v>伊丹市</v>
          </cell>
          <cell r="BB82" t="str">
            <v/>
          </cell>
          <cell r="CR82">
            <v>3287</v>
          </cell>
          <cell r="CS82" t="str">
            <v>ﾊﾅﾜ ﾐﾂﾙ</v>
          </cell>
          <cell r="CT82" t="str">
            <v>花輪  満</v>
          </cell>
          <cell r="CU82" t="str">
            <v>生活環境課</v>
          </cell>
          <cell r="CW82" t="str">
            <v>782-2176</v>
          </cell>
          <cell r="CX82" t="str">
            <v xml:space="preserve"> </v>
          </cell>
          <cell r="CY82" t="str">
            <v>生活環境課長</v>
          </cell>
        </row>
        <row r="83">
          <cell r="B83">
            <v>418</v>
          </cell>
          <cell r="C83" t="str">
            <v>(有)インテリア大鹿商事</v>
          </cell>
          <cell r="D83" t="str">
            <v>072-770-0364</v>
          </cell>
          <cell r="E83" t="str">
            <v>664-0013</v>
          </cell>
          <cell r="F83" t="str">
            <v>兵庫県伊丹市瑞穂町3-28</v>
          </cell>
          <cell r="G83" t="str">
            <v>伊丹市</v>
          </cell>
          <cell r="H83" t="str">
            <v/>
          </cell>
          <cell r="I83" t="str">
            <v>代表取締役 坂上　努</v>
          </cell>
          <cell r="J83" t="str">
            <v>本店</v>
          </cell>
          <cell r="K83" t="str">
            <v>072-770-8758</v>
          </cell>
          <cell r="L83" t="str">
            <v>i-ojika@estate.ocn.ne.jp</v>
          </cell>
          <cell r="M83" t="str">
            <v>ｲﾝﾃﾘｱｵｵｼﾞｶｼｮｳｼﾞ</v>
          </cell>
          <cell r="N83" t="str">
            <v>無</v>
          </cell>
          <cell r="O83">
            <v>35</v>
          </cell>
          <cell r="P83">
            <v>3</v>
          </cell>
          <cell r="Q83">
            <v>8140002063263</v>
          </cell>
          <cell r="R83">
            <v>5000</v>
          </cell>
          <cell r="S83">
            <v>-12901</v>
          </cell>
          <cell r="T83">
            <v>110033</v>
          </cell>
          <cell r="V83" t="str">
            <v>au981870</v>
          </cell>
          <cell r="W83" t="str">
            <v>hh416112</v>
          </cell>
          <cell r="X83" t="str">
            <v>大内</v>
          </cell>
          <cell r="Y83" t="str">
            <v>大内</v>
          </cell>
          <cell r="Z83" t="str">
            <v/>
          </cell>
          <cell r="AA83" t="str">
            <v>内装仕上</v>
          </cell>
          <cell r="AB83" t="str">
            <v>大工</v>
          </cell>
          <cell r="AC83" t="str">
            <v/>
          </cell>
          <cell r="AD83" t="str">
            <v/>
          </cell>
          <cell r="AE83">
            <v>42978</v>
          </cell>
          <cell r="AF83" t="str">
            <v>希望しない</v>
          </cell>
          <cell r="AG83" t="str">
            <v>内装仕上</v>
          </cell>
          <cell r="AH83" t="str">
            <v>一般</v>
          </cell>
          <cell r="AI83">
            <v>596</v>
          </cell>
          <cell r="AJ83">
            <v>112367</v>
          </cell>
          <cell r="AK83" t="str">
            <v>0(0)/0/3</v>
          </cell>
          <cell r="AL83" t="str">
            <v>大工</v>
          </cell>
          <cell r="AM83" t="str">
            <v>一般</v>
          </cell>
          <cell r="AN83">
            <v>491</v>
          </cell>
          <cell r="AO83" t="str">
            <v/>
          </cell>
          <cell r="AP83" t="str">
            <v>0(0)/0/2</v>
          </cell>
          <cell r="AQ83" t="str">
            <v/>
          </cell>
          <cell r="AR83" t="str">
            <v/>
          </cell>
          <cell r="AS83" t="str">
            <v/>
          </cell>
          <cell r="AT83" t="str">
            <v/>
          </cell>
          <cell r="AU83" t="str">
            <v/>
          </cell>
          <cell r="AV83" t="str">
            <v/>
          </cell>
          <cell r="AW83" t="str">
            <v/>
          </cell>
          <cell r="AX83" t="str">
            <v/>
          </cell>
          <cell r="AY83" t="str">
            <v/>
          </cell>
          <cell r="AZ83" t="str">
            <v/>
          </cell>
          <cell r="BA83" t="str">
            <v>伊丹市</v>
          </cell>
          <cell r="BB83" t="str">
            <v/>
          </cell>
          <cell r="CR83">
            <v>3297</v>
          </cell>
          <cell r="CS83" t="str">
            <v>ｺﾀﾞﾏ ﾋﾃﾞｼﾞ</v>
          </cell>
          <cell r="CT83" t="str">
            <v>児玉  英次</v>
          </cell>
          <cell r="CU83" t="str">
            <v>公園課</v>
          </cell>
          <cell r="CW83" t="str">
            <v>779-0525</v>
          </cell>
          <cell r="CX83" t="str">
            <v xml:space="preserve"> </v>
          </cell>
          <cell r="CY83" t="str">
            <v>公園課長</v>
          </cell>
        </row>
        <row r="84">
          <cell r="B84">
            <v>430</v>
          </cell>
          <cell r="C84" t="str">
            <v>荒牧バラ公園管理(株)</v>
          </cell>
          <cell r="D84" t="str">
            <v>072-781-1574</v>
          </cell>
          <cell r="E84" t="str">
            <v>664-0001</v>
          </cell>
          <cell r="F84" t="str">
            <v>兵庫県伊丹市荒牧3-4-1</v>
          </cell>
          <cell r="G84" t="str">
            <v>伊丹市</v>
          </cell>
          <cell r="H84" t="str">
            <v/>
          </cell>
          <cell r="I84" t="str">
            <v>代表取締役 山中　寛</v>
          </cell>
          <cell r="J84" t="str">
            <v>本店</v>
          </cell>
          <cell r="K84" t="str">
            <v>072-785-5766</v>
          </cell>
          <cell r="L84" t="str">
            <v>hgd50901@hccb.bai.ne.jp</v>
          </cell>
          <cell r="M84" t="str">
            <v>ｱﾗﾏｷﾊﾞﾗｺｳｴﾝｶﾝﾘ</v>
          </cell>
          <cell r="N84" t="str">
            <v>無</v>
          </cell>
          <cell r="O84">
            <v>20</v>
          </cell>
          <cell r="P84">
            <v>2</v>
          </cell>
          <cell r="Q84">
            <v>3140001077970</v>
          </cell>
          <cell r="R84">
            <v>10000</v>
          </cell>
          <cell r="S84">
            <v>22856</v>
          </cell>
          <cell r="T84">
            <v>37398</v>
          </cell>
          <cell r="V84" t="str">
            <v>qt332004</v>
          </cell>
          <cell r="W84" t="str">
            <v>yg437703</v>
          </cell>
          <cell r="X84" t="str">
            <v>土園</v>
          </cell>
          <cell r="Y84" t="str">
            <v>土園</v>
          </cell>
          <cell r="Z84" t="str">
            <v/>
          </cell>
          <cell r="AA84" t="str">
            <v>造園</v>
          </cell>
          <cell r="AB84" t="str">
            <v>土木一式</v>
          </cell>
          <cell r="AC84" t="str">
            <v/>
          </cell>
          <cell r="AD84" t="str">
            <v/>
          </cell>
          <cell r="AE84">
            <v>43251</v>
          </cell>
          <cell r="AF84" t="str">
            <v>希望しない</v>
          </cell>
          <cell r="AG84" t="str">
            <v>造園</v>
          </cell>
          <cell r="AH84" t="str">
            <v>一般</v>
          </cell>
          <cell r="AI84">
            <v>572</v>
          </cell>
          <cell r="AJ84">
            <v>359</v>
          </cell>
          <cell r="AK84" t="str">
            <v>0(0)/2/0</v>
          </cell>
          <cell r="AL84" t="str">
            <v>土木一式</v>
          </cell>
          <cell r="AM84" t="str">
            <v>一般</v>
          </cell>
          <cell r="AN84">
            <v>563</v>
          </cell>
          <cell r="AO84" t="str">
            <v/>
          </cell>
          <cell r="AP84" t="str">
            <v>0(0)/0/1</v>
          </cell>
          <cell r="AQ84" t="str">
            <v/>
          </cell>
          <cell r="AR84" t="str">
            <v/>
          </cell>
          <cell r="AS84" t="str">
            <v/>
          </cell>
          <cell r="AT84" t="str">
            <v/>
          </cell>
          <cell r="AU84" t="str">
            <v/>
          </cell>
          <cell r="AV84" t="str">
            <v/>
          </cell>
          <cell r="AW84" t="str">
            <v/>
          </cell>
          <cell r="AX84" t="str">
            <v/>
          </cell>
          <cell r="AY84" t="str">
            <v/>
          </cell>
          <cell r="AZ84" t="str">
            <v/>
          </cell>
          <cell r="BA84" t="str">
            <v>伊丹市</v>
          </cell>
          <cell r="BB84" t="str">
            <v/>
          </cell>
          <cell r="CR84">
            <v>3308</v>
          </cell>
          <cell r="CS84" t="str">
            <v>ﾅｶｼﾞﾏ ｲｵﾘ</v>
          </cell>
          <cell r="CT84" t="str">
            <v>中島  井織</v>
          </cell>
          <cell r="CU84" t="str">
            <v>保育課</v>
          </cell>
          <cell r="CW84">
            <v>2673</v>
          </cell>
          <cell r="CX84" t="str">
            <v xml:space="preserve"> </v>
          </cell>
          <cell r="CY84" t="str">
            <v>保育課長</v>
          </cell>
        </row>
        <row r="85">
          <cell r="B85">
            <v>434</v>
          </cell>
          <cell r="C85" t="str">
            <v>サンアイ建設(株)</v>
          </cell>
          <cell r="D85" t="str">
            <v>072-783-8435</v>
          </cell>
          <cell r="E85" t="str">
            <v>664-0894</v>
          </cell>
          <cell r="F85" t="str">
            <v>兵庫県伊丹市清水2-4-12-203</v>
          </cell>
          <cell r="G85" t="str">
            <v>伊丹市</v>
          </cell>
          <cell r="H85" t="str">
            <v/>
          </cell>
          <cell r="I85" t="str">
            <v>代表取締役 大土井　豊彦</v>
          </cell>
          <cell r="J85" t="str">
            <v>本店</v>
          </cell>
          <cell r="K85" t="str">
            <v>072-783-8475</v>
          </cell>
          <cell r="L85" t="str">
            <v>sanaikensetsu@k4.dion.ne.jp</v>
          </cell>
          <cell r="M85" t="str">
            <v>ｻﾝｱｲｹﾝｾﾂ</v>
          </cell>
          <cell r="N85" t="str">
            <v>無</v>
          </cell>
          <cell r="O85">
            <v>20</v>
          </cell>
          <cell r="P85">
            <v>3</v>
          </cell>
          <cell r="Q85">
            <v>4140001079966</v>
          </cell>
          <cell r="R85">
            <v>20000</v>
          </cell>
          <cell r="S85">
            <v>70873</v>
          </cell>
          <cell r="T85">
            <v>113196</v>
          </cell>
          <cell r="V85" t="str">
            <v>vq965792</v>
          </cell>
          <cell r="W85" t="str">
            <v>dz456607</v>
          </cell>
          <cell r="X85" t="str">
            <v>土舗浚水建大と石屋タ鋼鉄板ガ塗防内熱具</v>
          </cell>
          <cell r="Y85" t="str">
            <v>土舗浚水</v>
          </cell>
          <cell r="Z85" t="str">
            <v>建大と石屋タ鋼鉄板ガ塗防内熱具</v>
          </cell>
          <cell r="AA85" t="str">
            <v>建築一式</v>
          </cell>
          <cell r="AB85" t="str">
            <v>防水</v>
          </cell>
          <cell r="AC85" t="str">
            <v>塗装</v>
          </cell>
          <cell r="AD85" t="str">
            <v>土木一式</v>
          </cell>
          <cell r="AE85">
            <v>43190</v>
          </cell>
          <cell r="AF85" t="str">
            <v>希望しない</v>
          </cell>
          <cell r="AG85" t="str">
            <v>建築一式</v>
          </cell>
          <cell r="AH85" t="str">
            <v>特定</v>
          </cell>
          <cell r="AI85">
            <v>699</v>
          </cell>
          <cell r="AJ85">
            <v>164295</v>
          </cell>
          <cell r="AK85" t="str">
            <v>1(1)//1</v>
          </cell>
          <cell r="AL85" t="str">
            <v>防水</v>
          </cell>
          <cell r="AM85" t="str">
            <v>特定</v>
          </cell>
          <cell r="AN85">
            <v>574</v>
          </cell>
          <cell r="AO85">
            <v>3027</v>
          </cell>
          <cell r="AP85" t="str">
            <v>0(0)/1/0</v>
          </cell>
          <cell r="AQ85" t="str">
            <v>塗装</v>
          </cell>
          <cell r="AR85" t="str">
            <v>特定</v>
          </cell>
          <cell r="AS85">
            <v>579</v>
          </cell>
          <cell r="AT85">
            <v>3933</v>
          </cell>
          <cell r="AU85" t="str">
            <v>0(0)/0/0</v>
          </cell>
          <cell r="AV85" t="str">
            <v>土木一式</v>
          </cell>
          <cell r="AW85" t="str">
            <v>一般</v>
          </cell>
          <cell r="AX85">
            <v>571</v>
          </cell>
          <cell r="AY85">
            <v>1150</v>
          </cell>
          <cell r="AZ85" t="str">
            <v>0(0)/1/0</v>
          </cell>
          <cell r="BA85" t="str">
            <v>伊丹市</v>
          </cell>
          <cell r="BB85" t="str">
            <v/>
          </cell>
          <cell r="CR85">
            <v>3310</v>
          </cell>
          <cell r="CS85" t="str">
            <v>ｻｶｶﾞﾐ ｼﾖｳｼﾞ</v>
          </cell>
          <cell r="CT85" t="str">
            <v>阪上  昭次</v>
          </cell>
          <cell r="CU85" t="str">
            <v xml:space="preserve"> </v>
          </cell>
          <cell r="CW85">
            <v>3941</v>
          </cell>
          <cell r="CX85" t="str">
            <v>水道事業管理者</v>
          </cell>
          <cell r="CY85" t="str">
            <v>　</v>
          </cell>
        </row>
        <row r="86">
          <cell r="B86">
            <v>439</v>
          </cell>
          <cell r="C86" t="str">
            <v>(株)ＴＴＮコーポレーション</v>
          </cell>
          <cell r="D86" t="str">
            <v>072-785-1058</v>
          </cell>
          <cell r="E86" t="str">
            <v>664-0831</v>
          </cell>
          <cell r="F86" t="str">
            <v>兵庫県伊丹市北伊丹9‐80‐3</v>
          </cell>
          <cell r="G86" t="str">
            <v>伊丹市</v>
          </cell>
          <cell r="H86" t="str">
            <v/>
          </cell>
          <cell r="I86" t="str">
            <v>代表取締役 辻野　佳秀</v>
          </cell>
          <cell r="J86" t="str">
            <v>本店</v>
          </cell>
          <cell r="K86" t="str">
            <v>072-778-0997</v>
          </cell>
          <cell r="L86" t="str">
            <v/>
          </cell>
          <cell r="M86" t="str">
            <v>ﾃｨﾃｨｴﾇｺｰﾎﾟﾚｰｼｮﾝ</v>
          </cell>
          <cell r="N86" t="str">
            <v>無</v>
          </cell>
          <cell r="O86">
            <v>29</v>
          </cell>
          <cell r="P86">
            <v>356</v>
          </cell>
          <cell r="Q86">
            <v>9140001078625</v>
          </cell>
          <cell r="R86">
            <v>30000</v>
          </cell>
          <cell r="S86">
            <v>271441</v>
          </cell>
          <cell r="T86">
            <v>5731808</v>
          </cell>
          <cell r="V86" t="str">
            <v>ar297539</v>
          </cell>
          <cell r="W86" t="str">
            <v>cu474825</v>
          </cell>
          <cell r="X86" t="str">
            <v>土舗浚水建大と石屋タ鋼鉄板ガ塗防内熱具</v>
          </cell>
          <cell r="Y86" t="str">
            <v>土舗浚水</v>
          </cell>
          <cell r="Z86" t="str">
            <v>建大と石屋タ鋼鉄板ガ塗防内熱具</v>
          </cell>
          <cell r="AA86" t="str">
            <v>内装仕上</v>
          </cell>
          <cell r="AB86" t="str">
            <v>建築一式</v>
          </cell>
          <cell r="AC86" t="str">
            <v/>
          </cell>
          <cell r="AD86" t="str">
            <v/>
          </cell>
          <cell r="AE86">
            <v>43159</v>
          </cell>
          <cell r="AF86" t="str">
            <v>希望しない</v>
          </cell>
          <cell r="AG86" t="str">
            <v>内装仕上</v>
          </cell>
          <cell r="AH86" t="str">
            <v>一般</v>
          </cell>
          <cell r="AI86">
            <v>971</v>
          </cell>
          <cell r="AJ86">
            <v>5551621</v>
          </cell>
          <cell r="AK86" t="str">
            <v>1(0)/1/19</v>
          </cell>
          <cell r="AL86" t="str">
            <v>建築一式</v>
          </cell>
          <cell r="AM86" t="str">
            <v>一般</v>
          </cell>
          <cell r="AN86">
            <v>706</v>
          </cell>
          <cell r="AO86">
            <v>26600</v>
          </cell>
          <cell r="AP86" t="str">
            <v>1(0)/1/0</v>
          </cell>
          <cell r="AQ86" t="str">
            <v/>
          </cell>
          <cell r="AR86" t="str">
            <v/>
          </cell>
          <cell r="AS86" t="str">
            <v/>
          </cell>
          <cell r="AT86" t="str">
            <v/>
          </cell>
          <cell r="AU86" t="str">
            <v/>
          </cell>
          <cell r="AV86" t="str">
            <v/>
          </cell>
          <cell r="AW86" t="str">
            <v/>
          </cell>
          <cell r="AX86" t="str">
            <v/>
          </cell>
          <cell r="AY86" t="str">
            <v/>
          </cell>
          <cell r="AZ86" t="str">
            <v/>
          </cell>
          <cell r="BA86" t="str">
            <v>伊丹市</v>
          </cell>
          <cell r="BB86" t="str">
            <v/>
          </cell>
          <cell r="CR86">
            <v>3389</v>
          </cell>
          <cell r="CS86" t="str">
            <v>ｳｴﾀﾞ ﾋﾄﾐ</v>
          </cell>
          <cell r="CT86" t="str">
            <v>上田  ひとみ</v>
          </cell>
          <cell r="CU86" t="str">
            <v>人権啓発センター</v>
          </cell>
          <cell r="CW86" t="str">
            <v xml:space="preserve"> </v>
          </cell>
          <cell r="CX86" t="str">
            <v xml:space="preserve"> </v>
          </cell>
          <cell r="CY86" t="str">
            <v>人権啓発センター長</v>
          </cell>
        </row>
        <row r="87">
          <cell r="B87">
            <v>440</v>
          </cell>
          <cell r="C87" t="str">
            <v>エスエス工業(株)</v>
          </cell>
          <cell r="D87" t="str">
            <v>072-782-9622</v>
          </cell>
          <cell r="E87" t="str">
            <v>664-0839</v>
          </cell>
          <cell r="F87" t="str">
            <v>兵庫県伊丹市伊丹市桑津4-2-21</v>
          </cell>
          <cell r="G87" t="str">
            <v>伊丹市</v>
          </cell>
          <cell r="H87" t="str">
            <v/>
          </cell>
          <cell r="I87" t="str">
            <v>代表取締役 蝉平　定夫</v>
          </cell>
          <cell r="J87" t="str">
            <v>本店</v>
          </cell>
          <cell r="K87" t="str">
            <v>072-782-9638</v>
          </cell>
          <cell r="L87" t="str">
            <v>esu.esu@mocha.ocn.ne.jp</v>
          </cell>
          <cell r="M87" t="str">
            <v>ｴｽｴｽｺｳｷﾞｮｳ</v>
          </cell>
          <cell r="N87" t="str">
            <v>無</v>
          </cell>
          <cell r="O87">
            <v>27</v>
          </cell>
          <cell r="P87">
            <v>8</v>
          </cell>
          <cell r="Q87">
            <v>2140001078111</v>
          </cell>
          <cell r="R87">
            <v>10000</v>
          </cell>
          <cell r="S87">
            <v>561</v>
          </cell>
          <cell r="T87">
            <v>148044</v>
          </cell>
          <cell r="V87" t="str">
            <v>wq970624</v>
          </cell>
          <cell r="W87" t="str">
            <v>wr431813</v>
          </cell>
          <cell r="X87" t="str">
            <v>土と舗水</v>
          </cell>
          <cell r="Y87" t="str">
            <v>土と舗水</v>
          </cell>
          <cell r="Z87" t="str">
            <v/>
          </cell>
          <cell r="AA87" t="str">
            <v>舗装</v>
          </cell>
          <cell r="AB87" t="str">
            <v>土木一式</v>
          </cell>
          <cell r="AC87" t="str">
            <v>水道施設</v>
          </cell>
          <cell r="AD87" t="str">
            <v>とび土工</v>
          </cell>
          <cell r="AE87">
            <v>43343</v>
          </cell>
          <cell r="AF87" t="str">
            <v>希望しない</v>
          </cell>
          <cell r="AG87" t="str">
            <v>舗装</v>
          </cell>
          <cell r="AH87" t="str">
            <v>一般</v>
          </cell>
          <cell r="AI87">
            <v>577</v>
          </cell>
          <cell r="AJ87">
            <v>97619</v>
          </cell>
          <cell r="AK87" t="str">
            <v>0(0)/3/0</v>
          </cell>
          <cell r="AL87" t="str">
            <v>土木一式</v>
          </cell>
          <cell r="AM87" t="str">
            <v>一般</v>
          </cell>
          <cell r="AN87">
            <v>561</v>
          </cell>
          <cell r="AO87">
            <v>51573</v>
          </cell>
          <cell r="AP87" t="str">
            <v>0(0)/3/0</v>
          </cell>
          <cell r="AQ87" t="str">
            <v>水道施設</v>
          </cell>
          <cell r="AR87" t="str">
            <v>一般</v>
          </cell>
          <cell r="AS87" t="str">
            <v/>
          </cell>
          <cell r="AT87" t="str">
            <v/>
          </cell>
          <cell r="AU87" t="str">
            <v>0(0)/3/0</v>
          </cell>
          <cell r="AV87" t="str">
            <v>とび土工</v>
          </cell>
          <cell r="AW87" t="str">
            <v>一般</v>
          </cell>
          <cell r="AX87" t="str">
            <v/>
          </cell>
          <cell r="AY87" t="str">
            <v/>
          </cell>
          <cell r="AZ87" t="str">
            <v>0(0)/3/0</v>
          </cell>
          <cell r="BA87" t="str">
            <v>伊丹市</v>
          </cell>
          <cell r="BB87" t="str">
            <v/>
          </cell>
          <cell r="CR87">
            <v>3311</v>
          </cell>
          <cell r="CS87" t="str">
            <v>ﾊｼﾓﾄ ﾀﾂｵ</v>
          </cell>
          <cell r="CT87" t="str">
            <v>橋本  辰雄</v>
          </cell>
          <cell r="CU87" t="str">
            <v xml:space="preserve"> </v>
          </cell>
          <cell r="CW87">
            <v>3506</v>
          </cell>
          <cell r="CX87" t="str">
            <v xml:space="preserve"> </v>
          </cell>
          <cell r="CY87" t="str">
            <v>　</v>
          </cell>
        </row>
        <row r="88">
          <cell r="B88">
            <v>441</v>
          </cell>
          <cell r="C88" t="str">
            <v>阪神シャッターコウギョウ(株)</v>
          </cell>
          <cell r="D88" t="str">
            <v>072-781-2523</v>
          </cell>
          <cell r="E88" t="str">
            <v>664-0028</v>
          </cell>
          <cell r="F88" t="str">
            <v>兵庫県伊丹市西野7-61</v>
          </cell>
          <cell r="G88" t="str">
            <v>伊丹市</v>
          </cell>
          <cell r="H88" t="str">
            <v/>
          </cell>
          <cell r="I88" t="str">
            <v>社長 地頭　義明</v>
          </cell>
          <cell r="J88" t="str">
            <v>本店</v>
          </cell>
          <cell r="K88" t="str">
            <v>072-781-3574</v>
          </cell>
          <cell r="L88" t="str">
            <v>hanshin.s@beige.plala.or.jp</v>
          </cell>
          <cell r="M88" t="str">
            <v>ﾊﾝｼﾝｼｬｯﾀｰｺｳｷﾞｮｳ</v>
          </cell>
          <cell r="N88" t="str">
            <v>無</v>
          </cell>
          <cell r="O88">
            <v>53</v>
          </cell>
          <cell r="P88">
            <v>10</v>
          </cell>
          <cell r="Q88">
            <v>7140001078791</v>
          </cell>
          <cell r="R88">
            <v>1000</v>
          </cell>
          <cell r="S88">
            <v>31588</v>
          </cell>
          <cell r="T88">
            <v>112466</v>
          </cell>
          <cell r="V88" t="str">
            <v>ju815771</v>
          </cell>
          <cell r="W88" t="str">
            <v>pw917759</v>
          </cell>
          <cell r="X88" t="str">
            <v>土と舗水</v>
          </cell>
          <cell r="Y88" t="str">
            <v>土と舗水</v>
          </cell>
          <cell r="Z88" t="str">
            <v/>
          </cell>
          <cell r="AA88" t="str">
            <v>建具</v>
          </cell>
          <cell r="AB88" t="str">
            <v/>
          </cell>
          <cell r="AC88" t="str">
            <v/>
          </cell>
          <cell r="AD88" t="str">
            <v/>
          </cell>
          <cell r="AE88">
            <v>42063</v>
          </cell>
          <cell r="AF88" t="str">
            <v>希望しない</v>
          </cell>
          <cell r="AG88" t="str">
            <v>建具</v>
          </cell>
          <cell r="AH88" t="str">
            <v>一般</v>
          </cell>
          <cell r="AI88">
            <v>709</v>
          </cell>
          <cell r="AJ88">
            <v>28479</v>
          </cell>
          <cell r="AK88" t="str">
            <v>0(0)/0/1</v>
          </cell>
          <cell r="AL88" t="str">
            <v/>
          </cell>
          <cell r="AM88" t="str">
            <v/>
          </cell>
          <cell r="AN88" t="str">
            <v/>
          </cell>
          <cell r="AO88" t="str">
            <v/>
          </cell>
          <cell r="AP88" t="str">
            <v/>
          </cell>
          <cell r="AQ88" t="str">
            <v/>
          </cell>
          <cell r="AR88" t="str">
            <v/>
          </cell>
          <cell r="AS88" t="str">
            <v/>
          </cell>
          <cell r="AT88" t="str">
            <v/>
          </cell>
          <cell r="AU88" t="str">
            <v/>
          </cell>
          <cell r="AV88" t="str">
            <v/>
          </cell>
          <cell r="AW88" t="str">
            <v/>
          </cell>
          <cell r="AX88" t="str">
            <v/>
          </cell>
          <cell r="AY88" t="str">
            <v/>
          </cell>
          <cell r="AZ88" t="str">
            <v/>
          </cell>
          <cell r="BA88" t="str">
            <v>伊丹市</v>
          </cell>
          <cell r="BB88" t="str">
            <v/>
          </cell>
          <cell r="CR88">
            <v>3312</v>
          </cell>
          <cell r="CS88" t="str">
            <v>ｵｵｲｴ ﾀﾂｵ</v>
          </cell>
          <cell r="CT88" t="str">
            <v>大家  達夫</v>
          </cell>
          <cell r="CU88" t="str">
            <v>市民相談課</v>
          </cell>
          <cell r="CW88">
            <v>2131</v>
          </cell>
          <cell r="CX88" t="str">
            <v xml:space="preserve"> </v>
          </cell>
          <cell r="CY88" t="str">
            <v>市民相談課長</v>
          </cell>
        </row>
        <row r="89">
          <cell r="B89">
            <v>449</v>
          </cell>
          <cell r="C89" t="str">
            <v>(株)山本総合防災</v>
          </cell>
          <cell r="D89" t="str">
            <v>072-781-4474</v>
          </cell>
          <cell r="E89" t="str">
            <v>664-0006</v>
          </cell>
          <cell r="F89" t="str">
            <v>兵庫県伊丹市鴻池3-5-18</v>
          </cell>
          <cell r="G89" t="str">
            <v>伊丹市</v>
          </cell>
          <cell r="H89" t="str">
            <v/>
          </cell>
          <cell r="I89" t="str">
            <v>代表取締役 山本　泰幸</v>
          </cell>
          <cell r="J89" t="str">
            <v>本店</v>
          </cell>
          <cell r="K89" t="str">
            <v>072-781-9319</v>
          </cell>
          <cell r="L89" t="str">
            <v>yamamotosougoubousai@ceres.ocn.ne.jp</v>
          </cell>
          <cell r="M89" t="str">
            <v>ﾔﾏﾓﾄｿｳｺﾞｳﾎﾞｳｻｲ</v>
          </cell>
          <cell r="N89" t="str">
            <v>無</v>
          </cell>
          <cell r="O89">
            <v>21</v>
          </cell>
          <cell r="P89">
            <v>21</v>
          </cell>
          <cell r="Q89">
            <v>1140001079060</v>
          </cell>
          <cell r="R89">
            <v>10000</v>
          </cell>
          <cell r="S89">
            <v>67218</v>
          </cell>
          <cell r="T89">
            <v>474229</v>
          </cell>
          <cell r="V89" t="str">
            <v>uk145372</v>
          </cell>
          <cell r="W89" t="str">
            <v>cd535062</v>
          </cell>
          <cell r="X89" t="str">
            <v>電消</v>
          </cell>
          <cell r="Y89" t="str">
            <v>電消</v>
          </cell>
          <cell r="Z89" t="str">
            <v/>
          </cell>
          <cell r="AA89" t="str">
            <v>消防施設</v>
          </cell>
          <cell r="AB89" t="str">
            <v>電気</v>
          </cell>
          <cell r="AC89" t="str">
            <v/>
          </cell>
          <cell r="AD89" t="str">
            <v/>
          </cell>
          <cell r="AE89">
            <v>43220</v>
          </cell>
          <cell r="AF89" t="str">
            <v/>
          </cell>
          <cell r="AG89" t="str">
            <v>消防施設</v>
          </cell>
          <cell r="AH89" t="str">
            <v>一般</v>
          </cell>
          <cell r="AI89">
            <v>745</v>
          </cell>
          <cell r="AJ89">
            <v>339268</v>
          </cell>
          <cell r="AK89" t="str">
            <v>0(0)/20/0</v>
          </cell>
          <cell r="AL89" t="str">
            <v>電気</v>
          </cell>
          <cell r="AM89" t="str">
            <v>一般</v>
          </cell>
          <cell r="AN89">
            <v>577</v>
          </cell>
          <cell r="AO89">
            <v>4837</v>
          </cell>
          <cell r="AP89" t="str">
            <v>0(0)/1/5</v>
          </cell>
          <cell r="AQ89" t="str">
            <v/>
          </cell>
          <cell r="AR89" t="str">
            <v/>
          </cell>
          <cell r="AS89" t="str">
            <v/>
          </cell>
          <cell r="AT89" t="str">
            <v/>
          </cell>
          <cell r="AU89" t="str">
            <v/>
          </cell>
          <cell r="AV89" t="str">
            <v/>
          </cell>
          <cell r="AW89" t="str">
            <v/>
          </cell>
          <cell r="AX89" t="str">
            <v/>
          </cell>
          <cell r="AY89" t="str">
            <v/>
          </cell>
          <cell r="AZ89" t="str">
            <v/>
          </cell>
          <cell r="BA89" t="str">
            <v>伊丹市</v>
          </cell>
          <cell r="BB89" t="str">
            <v/>
          </cell>
          <cell r="CR89">
            <v>3313</v>
          </cell>
          <cell r="CS89" t="str">
            <v>ﾏﾂｶﾄﾞ ﾏﾓﾙ</v>
          </cell>
          <cell r="CT89" t="str">
            <v>松門  司</v>
          </cell>
          <cell r="CU89" t="str">
            <v>事業課</v>
          </cell>
          <cell r="CW89" t="str">
            <v xml:space="preserve"> </v>
          </cell>
          <cell r="CX89" t="str">
            <v xml:space="preserve"> </v>
          </cell>
          <cell r="CY89" t="str">
            <v>事業課長</v>
          </cell>
        </row>
        <row r="90">
          <cell r="B90">
            <v>453</v>
          </cell>
          <cell r="C90" t="str">
            <v>(株)丹生</v>
          </cell>
          <cell r="D90" t="str">
            <v>072-781-1827</v>
          </cell>
          <cell r="E90" t="str">
            <v>664-0028</v>
          </cell>
          <cell r="F90" t="str">
            <v>兵庫県伊丹市西野3-196</v>
          </cell>
          <cell r="G90" t="str">
            <v>伊丹市</v>
          </cell>
          <cell r="H90" t="str">
            <v/>
          </cell>
          <cell r="I90" t="str">
            <v>代表取締役 丸山　勝美</v>
          </cell>
          <cell r="J90" t="str">
            <v>本店</v>
          </cell>
          <cell r="K90" t="str">
            <v>072-777-1554</v>
          </cell>
          <cell r="L90" t="str">
            <v>tansei@soleil.ocn.ne.jp</v>
          </cell>
          <cell r="M90" t="str">
            <v>ﾀﾝｾｲ</v>
          </cell>
          <cell r="N90" t="str">
            <v>無</v>
          </cell>
          <cell r="O90">
            <v>47</v>
          </cell>
          <cell r="P90">
            <v>7</v>
          </cell>
          <cell r="Q90">
            <v>8140001078584</v>
          </cell>
          <cell r="R90">
            <v>30000</v>
          </cell>
          <cell r="S90">
            <v>19869</v>
          </cell>
          <cell r="T90">
            <v>504505</v>
          </cell>
          <cell r="V90" t="str">
            <v>mf791188</v>
          </cell>
          <cell r="W90" t="str">
            <v>tg155917</v>
          </cell>
          <cell r="X90" t="str">
            <v>建</v>
          </cell>
          <cell r="Y90" t="str">
            <v>建</v>
          </cell>
          <cell r="Z90" t="str">
            <v/>
          </cell>
          <cell r="AA90" t="str">
            <v>建築一式</v>
          </cell>
          <cell r="AB90" t="str">
            <v/>
          </cell>
          <cell r="AC90" t="str">
            <v/>
          </cell>
          <cell r="AD90" t="str">
            <v/>
          </cell>
          <cell r="AE90">
            <v>43281</v>
          </cell>
          <cell r="AF90" t="str">
            <v>希望しない</v>
          </cell>
          <cell r="AG90" t="str">
            <v>建築一式</v>
          </cell>
          <cell r="AH90" t="str">
            <v>一般</v>
          </cell>
          <cell r="AI90">
            <v>735</v>
          </cell>
          <cell r="AJ90">
            <v>393124</v>
          </cell>
          <cell r="AK90" t="str">
            <v>2(1)/3/0</v>
          </cell>
          <cell r="AL90" t="str">
            <v/>
          </cell>
          <cell r="AM90" t="str">
            <v/>
          </cell>
          <cell r="AN90" t="str">
            <v/>
          </cell>
          <cell r="AO90" t="str">
            <v/>
          </cell>
          <cell r="AP90" t="str">
            <v/>
          </cell>
          <cell r="AQ90" t="str">
            <v/>
          </cell>
          <cell r="AR90" t="str">
            <v/>
          </cell>
          <cell r="AS90" t="str">
            <v/>
          </cell>
          <cell r="AT90" t="str">
            <v/>
          </cell>
          <cell r="AU90" t="str">
            <v/>
          </cell>
          <cell r="AV90" t="str">
            <v/>
          </cell>
          <cell r="AW90" t="str">
            <v/>
          </cell>
          <cell r="AX90" t="str">
            <v/>
          </cell>
          <cell r="AY90" t="str">
            <v/>
          </cell>
          <cell r="AZ90" t="str">
            <v/>
          </cell>
          <cell r="BA90" t="str">
            <v>伊丹市</v>
          </cell>
          <cell r="BB90" t="str">
            <v/>
          </cell>
          <cell r="CR90">
            <v>3314</v>
          </cell>
          <cell r="CS90" t="str">
            <v>ﾔｽﾀﾞ ｺｳｼﾞ</v>
          </cell>
          <cell r="CT90" t="str">
            <v>保田  好司</v>
          </cell>
          <cell r="CU90" t="str">
            <v>生活支援課</v>
          </cell>
          <cell r="CW90">
            <v>2524</v>
          </cell>
          <cell r="CX90" t="str">
            <v xml:space="preserve"> </v>
          </cell>
          <cell r="CY90" t="str">
            <v>生活支援課長</v>
          </cell>
        </row>
        <row r="91">
          <cell r="B91">
            <v>459</v>
          </cell>
          <cell r="C91" t="str">
            <v>(有)松盛園</v>
          </cell>
          <cell r="D91" t="str">
            <v>078-783-3693</v>
          </cell>
          <cell r="E91" t="str">
            <v>664-0022</v>
          </cell>
          <cell r="F91" t="str">
            <v>兵庫県伊丹市中野東1-364</v>
          </cell>
          <cell r="G91" t="str">
            <v>伊丹市</v>
          </cell>
          <cell r="H91" t="str">
            <v/>
          </cell>
          <cell r="I91" t="str">
            <v>代表取締役 勝山　明彦</v>
          </cell>
          <cell r="J91" t="str">
            <v>本店</v>
          </cell>
          <cell r="K91" t="str">
            <v>078-779-0618</v>
          </cell>
          <cell r="L91" t="str">
            <v>kouji-syouseien@beach.ocn.ne.jp</v>
          </cell>
          <cell r="M91" t="str">
            <v>ｼｮｳｾｲｴﾝ</v>
          </cell>
          <cell r="N91" t="str">
            <v>無</v>
          </cell>
          <cell r="O91">
            <v>20</v>
          </cell>
          <cell r="P91">
            <v>9</v>
          </cell>
          <cell r="Q91">
            <v>3140002063623</v>
          </cell>
          <cell r="R91">
            <v>3000</v>
          </cell>
          <cell r="S91">
            <v>-130164</v>
          </cell>
          <cell r="T91">
            <v>154185</v>
          </cell>
          <cell r="V91" t="str">
            <v>va627090</v>
          </cell>
          <cell r="W91" t="str">
            <v>xm370985</v>
          </cell>
          <cell r="X91" t="str">
            <v>土園</v>
          </cell>
          <cell r="Y91" t="str">
            <v>土園</v>
          </cell>
          <cell r="Z91" t="str">
            <v/>
          </cell>
          <cell r="AA91" t="str">
            <v>造園</v>
          </cell>
          <cell r="AB91" t="str">
            <v/>
          </cell>
          <cell r="AC91" t="str">
            <v/>
          </cell>
          <cell r="AD91" t="str">
            <v/>
          </cell>
          <cell r="AE91">
            <v>43343</v>
          </cell>
          <cell r="AF91" t="str">
            <v/>
          </cell>
          <cell r="AG91" t="str">
            <v>造園</v>
          </cell>
          <cell r="AH91" t="str">
            <v>一般</v>
          </cell>
          <cell r="AI91">
            <v>490</v>
          </cell>
          <cell r="AJ91">
            <v>54263</v>
          </cell>
          <cell r="AK91" t="str">
            <v>1(0)/0/2</v>
          </cell>
          <cell r="AL91" t="str">
            <v/>
          </cell>
          <cell r="AM91" t="str">
            <v/>
          </cell>
          <cell r="AN91" t="str">
            <v/>
          </cell>
          <cell r="AO91" t="str">
            <v/>
          </cell>
          <cell r="AP91" t="str">
            <v/>
          </cell>
          <cell r="AQ91" t="str">
            <v/>
          </cell>
          <cell r="AR91" t="str">
            <v/>
          </cell>
          <cell r="AS91" t="str">
            <v/>
          </cell>
          <cell r="AT91" t="str">
            <v/>
          </cell>
          <cell r="AU91" t="str">
            <v/>
          </cell>
          <cell r="AV91" t="str">
            <v/>
          </cell>
          <cell r="AW91" t="str">
            <v/>
          </cell>
          <cell r="AX91" t="str">
            <v/>
          </cell>
          <cell r="AY91" t="str">
            <v/>
          </cell>
          <cell r="AZ91" t="str">
            <v/>
          </cell>
          <cell r="BA91" t="str">
            <v>伊丹市</v>
          </cell>
          <cell r="BB91" t="str">
            <v/>
          </cell>
          <cell r="CR91">
            <v>3316</v>
          </cell>
          <cell r="CS91" t="str">
            <v>ｵｵｴ ﾘﾖｳｼﾞ</v>
          </cell>
          <cell r="CT91" t="str">
            <v>大江  量次</v>
          </cell>
          <cell r="CU91" t="str">
            <v>収納管理課</v>
          </cell>
          <cell r="CW91">
            <v>2374</v>
          </cell>
          <cell r="CX91" t="str">
            <v xml:space="preserve"> </v>
          </cell>
          <cell r="CY91" t="str">
            <v>収納管理課長</v>
          </cell>
        </row>
        <row r="92">
          <cell r="B92">
            <v>466</v>
          </cell>
          <cell r="C92" t="str">
            <v>(有)明和工務店</v>
          </cell>
          <cell r="D92" t="str">
            <v>06-6491-3537</v>
          </cell>
          <cell r="E92" t="str">
            <v>661-0953</v>
          </cell>
          <cell r="F92" t="str">
            <v>兵庫県尼崎市東園田町3-68-10</v>
          </cell>
          <cell r="G92" t="str">
            <v>尼崎市</v>
          </cell>
          <cell r="H92" t="str">
            <v/>
          </cell>
          <cell r="I92" t="str">
            <v>代表取締役 和山　千晶</v>
          </cell>
          <cell r="J92" t="str">
            <v>本店</v>
          </cell>
          <cell r="K92" t="str">
            <v>06-6491-3537</v>
          </cell>
          <cell r="L92" t="str">
            <v>meiwakoumuten1005@earth.ocn.ne.jp</v>
          </cell>
          <cell r="M92" t="str">
            <v>ﾒｲﾜｺｳﾑﾃﾝ</v>
          </cell>
          <cell r="N92" t="str">
            <v>無</v>
          </cell>
          <cell r="O92">
            <v>18</v>
          </cell>
          <cell r="P92">
            <v>5</v>
          </cell>
          <cell r="Q92">
            <v>7140002061012</v>
          </cell>
          <cell r="R92">
            <v>40600</v>
          </cell>
          <cell r="S92">
            <v>49181</v>
          </cell>
          <cell r="T92">
            <v>523400</v>
          </cell>
          <cell r="V92" t="str">
            <v>mv460787</v>
          </cell>
          <cell r="W92" t="str">
            <v>er780323</v>
          </cell>
          <cell r="X92" t="str">
            <v>土建と石管鋼舗浚塗園水</v>
          </cell>
          <cell r="Y92" t="str">
            <v/>
          </cell>
          <cell r="Z92" t="str">
            <v>土建と石管鋼舗浚塗園水</v>
          </cell>
          <cell r="AA92" t="str">
            <v>土木一式</v>
          </cell>
          <cell r="AB92" t="str">
            <v>水道施設</v>
          </cell>
          <cell r="AC92" t="str">
            <v>舗装</v>
          </cell>
          <cell r="AD92" t="str">
            <v>管</v>
          </cell>
          <cell r="AE92">
            <v>43312</v>
          </cell>
          <cell r="AF92" t="str">
            <v/>
          </cell>
          <cell r="AG92" t="str">
            <v>土木一式</v>
          </cell>
          <cell r="AH92" t="str">
            <v>特定</v>
          </cell>
          <cell r="AI92">
            <v>770</v>
          </cell>
          <cell r="AJ92">
            <v>543850</v>
          </cell>
          <cell r="AK92" t="str">
            <v>2(2)/1/0</v>
          </cell>
          <cell r="AL92" t="str">
            <v>水道施設</v>
          </cell>
          <cell r="AM92" t="str">
            <v>特定</v>
          </cell>
          <cell r="AN92">
            <v>576</v>
          </cell>
          <cell r="AO92" t="str">
            <v/>
          </cell>
          <cell r="AP92" t="str">
            <v>0(0)/0/0</v>
          </cell>
          <cell r="AQ92" t="str">
            <v>舗装</v>
          </cell>
          <cell r="AR92" t="str">
            <v>特定</v>
          </cell>
          <cell r="AS92">
            <v>669</v>
          </cell>
          <cell r="AT92">
            <v>28537</v>
          </cell>
          <cell r="AU92" t="str">
            <v>2(2)/1/0</v>
          </cell>
          <cell r="AV92" t="str">
            <v>管</v>
          </cell>
          <cell r="AW92" t="str">
            <v>特定</v>
          </cell>
          <cell r="AX92">
            <v>576</v>
          </cell>
          <cell r="AY92" t="str">
            <v/>
          </cell>
          <cell r="AZ92" t="str">
            <v>0(0)/0/0</v>
          </cell>
          <cell r="BA92" t="str">
            <v>兵庫県</v>
          </cell>
        </row>
        <row r="93">
          <cell r="B93">
            <v>474</v>
          </cell>
          <cell r="C93" t="str">
            <v>(株)三研</v>
          </cell>
          <cell r="D93" t="str">
            <v>072-772-1780</v>
          </cell>
          <cell r="E93" t="str">
            <v>664-0843</v>
          </cell>
          <cell r="F93" t="str">
            <v>兵庫県伊丹市岩屋1-7-1</v>
          </cell>
          <cell r="G93" t="str">
            <v>伊丹市</v>
          </cell>
          <cell r="H93" t="str">
            <v/>
          </cell>
          <cell r="I93" t="str">
            <v>代表取締役 大西　博文</v>
          </cell>
          <cell r="J93" t="str">
            <v>本店</v>
          </cell>
          <cell r="K93" t="str">
            <v>072-785-3559</v>
          </cell>
          <cell r="L93" t="str">
            <v>sanken@k3.dion.ne.jp</v>
          </cell>
          <cell r="M93" t="str">
            <v>ｻﾝｹﾝ</v>
          </cell>
          <cell r="N93" t="str">
            <v>無</v>
          </cell>
          <cell r="O93">
            <v>24</v>
          </cell>
          <cell r="P93">
            <v>3</v>
          </cell>
          <cell r="Q93">
            <v>6140002063538</v>
          </cell>
          <cell r="R93">
            <v>5000</v>
          </cell>
          <cell r="S93">
            <v>-20377</v>
          </cell>
          <cell r="T93">
            <v>165092</v>
          </cell>
          <cell r="V93" t="str">
            <v>fh517078</v>
          </cell>
          <cell r="W93" t="str">
            <v>kt297460</v>
          </cell>
          <cell r="X93" t="str">
            <v>土と石管鋼舗浚塗水</v>
          </cell>
          <cell r="Y93" t="str">
            <v>土と石管鋼舗浚塗水</v>
          </cell>
          <cell r="Z93" t="str">
            <v/>
          </cell>
          <cell r="AA93" t="str">
            <v>管</v>
          </cell>
          <cell r="AB93" t="str">
            <v>土木一式</v>
          </cell>
          <cell r="AC93" t="str">
            <v>水道施設</v>
          </cell>
          <cell r="AD93" t="str">
            <v>舗装</v>
          </cell>
          <cell r="AE93">
            <v>43281</v>
          </cell>
          <cell r="AF93" t="str">
            <v>希望しない</v>
          </cell>
          <cell r="AG93" t="str">
            <v>管</v>
          </cell>
          <cell r="AH93" t="str">
            <v>一般</v>
          </cell>
          <cell r="AI93">
            <v>595</v>
          </cell>
          <cell r="AJ93">
            <v>24166</v>
          </cell>
          <cell r="AK93" t="str">
            <v>1(0)/1/1</v>
          </cell>
          <cell r="AL93" t="str">
            <v>土木一式</v>
          </cell>
          <cell r="AM93" t="str">
            <v>一般</v>
          </cell>
          <cell r="AN93">
            <v>617</v>
          </cell>
          <cell r="AO93">
            <v>83437</v>
          </cell>
          <cell r="AP93" t="str">
            <v>2(1)/0/0</v>
          </cell>
          <cell r="AQ93" t="str">
            <v>水道施設</v>
          </cell>
          <cell r="AR93" t="str">
            <v>一般</v>
          </cell>
          <cell r="AS93">
            <v>512</v>
          </cell>
          <cell r="AT93">
            <v>827</v>
          </cell>
          <cell r="AU93" t="str">
            <v>0(0)/0/0</v>
          </cell>
          <cell r="AV93" t="str">
            <v>舗装</v>
          </cell>
          <cell r="AW93" t="str">
            <v>一般</v>
          </cell>
          <cell r="AX93">
            <v>509</v>
          </cell>
          <cell r="AY93" t="str">
            <v/>
          </cell>
          <cell r="AZ93" t="str">
            <v>0(0)/0/0</v>
          </cell>
          <cell r="BA93" t="str">
            <v>伊丹市</v>
          </cell>
          <cell r="BB93" t="str">
            <v/>
          </cell>
          <cell r="CR93">
            <v>3317</v>
          </cell>
          <cell r="CS93" t="str">
            <v>ﾌｼﾞﾜﾗ ﾖｼｱｷ</v>
          </cell>
          <cell r="CT93" t="str">
            <v>藤原  美彰</v>
          </cell>
          <cell r="CU93" t="str">
            <v>地域・高年福祉課</v>
          </cell>
          <cell r="CW93">
            <v>2518</v>
          </cell>
          <cell r="CX93" t="str">
            <v xml:space="preserve"> </v>
          </cell>
          <cell r="CY93" t="str">
            <v>地域・高年福祉課長</v>
          </cell>
        </row>
        <row r="94">
          <cell r="B94">
            <v>491</v>
          </cell>
          <cell r="C94" t="str">
            <v>(株)電建西</v>
          </cell>
          <cell r="D94" t="str">
            <v>072-780-3215</v>
          </cell>
          <cell r="E94" t="str">
            <v>664-0001</v>
          </cell>
          <cell r="F94" t="str">
            <v>兵庫県伊丹市荒牧7-2-10</v>
          </cell>
          <cell r="G94" t="str">
            <v>伊丹市</v>
          </cell>
          <cell r="H94" t="str">
            <v/>
          </cell>
          <cell r="I94" t="str">
            <v>代表取締役　 西　勲</v>
          </cell>
          <cell r="J94" t="str">
            <v>本店</v>
          </cell>
          <cell r="K94" t="str">
            <v>072-780-3216</v>
          </cell>
          <cell r="L94" t="str">
            <v>osaka6786-0008@rainbow.plala.or.jp</v>
          </cell>
          <cell r="M94" t="str">
            <v>ﾃﾞﾝｹﾝﾆｼ</v>
          </cell>
          <cell r="N94" t="str">
            <v>無</v>
          </cell>
          <cell r="O94">
            <v>17</v>
          </cell>
          <cell r="P94">
            <v>4</v>
          </cell>
          <cell r="Q94">
            <v>3140000000000</v>
          </cell>
          <cell r="R94">
            <v>10000</v>
          </cell>
          <cell r="S94">
            <v>3497</v>
          </cell>
          <cell r="T94">
            <v>217247</v>
          </cell>
          <cell r="V94" t="str">
            <v>gj160849</v>
          </cell>
          <cell r="W94" t="str">
            <v>ah141827</v>
          </cell>
          <cell r="X94" t="str">
            <v>土と石管鋼舗浚塗水</v>
          </cell>
          <cell r="Y94" t="str">
            <v>土と石管鋼舗浚塗水</v>
          </cell>
          <cell r="Z94" t="str">
            <v/>
          </cell>
          <cell r="AA94" t="str">
            <v>電気</v>
          </cell>
          <cell r="AB94" t="str">
            <v>消防施設</v>
          </cell>
          <cell r="AC94" t="str">
            <v/>
          </cell>
          <cell r="AD94" t="str">
            <v/>
          </cell>
          <cell r="AE94">
            <v>42978</v>
          </cell>
          <cell r="AF94" t="str">
            <v>希望しない</v>
          </cell>
          <cell r="AG94" t="str">
            <v>電気</v>
          </cell>
          <cell r="AH94" t="str">
            <v>一般</v>
          </cell>
          <cell r="AI94">
            <v>588</v>
          </cell>
          <cell r="AJ94">
            <v>201010</v>
          </cell>
          <cell r="AK94" t="str">
            <v>0(0)/1/0</v>
          </cell>
          <cell r="AL94" t="str">
            <v>消防施設</v>
          </cell>
          <cell r="AM94" t="str">
            <v>一般</v>
          </cell>
          <cell r="AN94">
            <v>485</v>
          </cell>
          <cell r="AO94" t="str">
            <v/>
          </cell>
          <cell r="AP94" t="str">
            <v>0(0)/1/0</v>
          </cell>
          <cell r="AQ94" t="str">
            <v/>
          </cell>
          <cell r="AR94" t="str">
            <v/>
          </cell>
          <cell r="AS94" t="str">
            <v/>
          </cell>
          <cell r="AT94" t="str">
            <v/>
          </cell>
          <cell r="AU94" t="str">
            <v/>
          </cell>
          <cell r="AV94" t="str">
            <v/>
          </cell>
          <cell r="AW94" t="str">
            <v/>
          </cell>
          <cell r="AX94" t="str">
            <v/>
          </cell>
          <cell r="AY94" t="str">
            <v/>
          </cell>
          <cell r="AZ94" t="str">
            <v/>
          </cell>
          <cell r="BA94" t="str">
            <v>伊丹市</v>
          </cell>
          <cell r="BB94" t="str">
            <v/>
          </cell>
          <cell r="CR94">
            <v>3318</v>
          </cell>
          <cell r="CS94" t="str">
            <v>ｶﾜﾑﾗ ﾀｶｷﾖ</v>
          </cell>
          <cell r="CT94" t="str">
            <v>川村　貴清</v>
          </cell>
          <cell r="CU94" t="str">
            <v xml:space="preserve"> </v>
          </cell>
          <cell r="CW94" t="str">
            <v xml:space="preserve"> </v>
          </cell>
          <cell r="CX94" t="str">
            <v>副市長</v>
          </cell>
          <cell r="CY94" t="str">
            <v>　</v>
          </cell>
        </row>
        <row r="95">
          <cell r="B95">
            <v>492</v>
          </cell>
          <cell r="C95" t="str">
            <v>(有)リンコウ</v>
          </cell>
          <cell r="D95" t="str">
            <v>072-782-6512</v>
          </cell>
          <cell r="E95" t="str">
            <v>664-0839</v>
          </cell>
          <cell r="F95" t="str">
            <v>兵庫県伊丹市桑津2-5-1-2階</v>
          </cell>
          <cell r="G95" t="str">
            <v>伊丹市</v>
          </cell>
          <cell r="H95" t="str">
            <v/>
          </cell>
          <cell r="I95" t="str">
            <v>取締役 林　浩男</v>
          </cell>
          <cell r="J95" t="str">
            <v>本店</v>
          </cell>
          <cell r="K95" t="str">
            <v>072-784-0659</v>
          </cell>
          <cell r="L95" t="str">
            <v>ykrinkou@yahoo.co.jp</v>
          </cell>
          <cell r="M95" t="str">
            <v>ﾘﾝｺｳ</v>
          </cell>
          <cell r="N95" t="str">
            <v>無</v>
          </cell>
          <cell r="O95">
            <v>14</v>
          </cell>
          <cell r="P95">
            <v>2</v>
          </cell>
          <cell r="Q95">
            <v>6140002063389</v>
          </cell>
          <cell r="R95">
            <v>3000</v>
          </cell>
          <cell r="S95">
            <v>400</v>
          </cell>
          <cell r="T95">
            <v>33925</v>
          </cell>
          <cell r="V95" t="str">
            <v>mr232684</v>
          </cell>
          <cell r="W95" t="str">
            <v>ff122441</v>
          </cell>
          <cell r="X95" t="str">
            <v>土と鋼舗浚水</v>
          </cell>
          <cell r="Y95" t="str">
            <v>土と鋼舗浚水</v>
          </cell>
          <cell r="Z95" t="str">
            <v/>
          </cell>
          <cell r="AA95" t="str">
            <v>土木一式</v>
          </cell>
          <cell r="AB95" t="str">
            <v>水道施設</v>
          </cell>
          <cell r="AC95" t="str">
            <v>舗装</v>
          </cell>
          <cell r="AD95" t="str">
            <v>とび土工</v>
          </cell>
          <cell r="AE95">
            <v>43234</v>
          </cell>
          <cell r="AF95" t="str">
            <v>希望しない</v>
          </cell>
          <cell r="AG95" t="str">
            <v>土木一式</v>
          </cell>
          <cell r="AH95" t="str">
            <v>一般</v>
          </cell>
          <cell r="AI95">
            <v>536</v>
          </cell>
          <cell r="AJ95">
            <v>20105</v>
          </cell>
          <cell r="AK95" t="str">
            <v>0(0)/1/1</v>
          </cell>
          <cell r="AL95" t="str">
            <v>水道施設</v>
          </cell>
          <cell r="AM95" t="str">
            <v>一般</v>
          </cell>
          <cell r="AN95">
            <v>496</v>
          </cell>
          <cell r="AO95">
            <v>5335</v>
          </cell>
          <cell r="AP95" t="str">
            <v>0(0)/1/0</v>
          </cell>
          <cell r="AQ95" t="str">
            <v>舗装</v>
          </cell>
          <cell r="AR95" t="str">
            <v>一般</v>
          </cell>
          <cell r="AS95">
            <v>465</v>
          </cell>
          <cell r="AT95" t="str">
            <v/>
          </cell>
          <cell r="AU95" t="str">
            <v>0(0)/0/0</v>
          </cell>
          <cell r="AV95" t="str">
            <v>とび土工</v>
          </cell>
          <cell r="AW95" t="str">
            <v>一般</v>
          </cell>
          <cell r="AX95">
            <v>465</v>
          </cell>
          <cell r="AY95" t="str">
            <v/>
          </cell>
          <cell r="AZ95" t="str">
            <v>0(0)/0/0</v>
          </cell>
          <cell r="BA95" t="str">
            <v>伊丹市</v>
          </cell>
          <cell r="BB95" t="str">
            <v/>
          </cell>
          <cell r="CR95">
            <v>3318</v>
          </cell>
          <cell r="CS95" t="str">
            <v xml:space="preserve"> </v>
          </cell>
          <cell r="CT95" t="str">
            <v>川村  貴清</v>
          </cell>
          <cell r="CU95" t="str">
            <v>伊丹スポーツセンター</v>
          </cell>
          <cell r="CW95" t="str">
            <v xml:space="preserve"> </v>
          </cell>
          <cell r="CX95" t="str">
            <v>理事長</v>
          </cell>
          <cell r="CY95" t="str">
            <v>伊丹スポーツセンター長</v>
          </cell>
        </row>
        <row r="96">
          <cell r="B96">
            <v>493</v>
          </cell>
          <cell r="C96" t="str">
            <v>(株)田原工夢店</v>
          </cell>
          <cell r="D96" t="str">
            <v>072-784-1050</v>
          </cell>
          <cell r="E96" t="str">
            <v>664-0854</v>
          </cell>
          <cell r="F96" t="str">
            <v>兵庫県伊丹市南町2-3-10</v>
          </cell>
          <cell r="G96" t="str">
            <v>伊丹市</v>
          </cell>
          <cell r="H96" t="str">
            <v/>
          </cell>
          <cell r="I96" t="str">
            <v>代表取締役 田原　義隆</v>
          </cell>
          <cell r="J96" t="str">
            <v>本店</v>
          </cell>
          <cell r="K96" t="str">
            <v>072-784-6883</v>
          </cell>
          <cell r="L96" t="str">
            <v>nrg53187@nifty.com</v>
          </cell>
          <cell r="M96" t="str">
            <v>ﾀﾊﾗｺｳﾑﾃﾝ</v>
          </cell>
          <cell r="N96" t="str">
            <v>無</v>
          </cell>
          <cell r="O96">
            <v>19</v>
          </cell>
          <cell r="P96">
            <v>5</v>
          </cell>
          <cell r="Q96">
            <v>1140001091065</v>
          </cell>
          <cell r="R96">
            <v>5000</v>
          </cell>
          <cell r="S96">
            <v>1134</v>
          </cell>
          <cell r="T96">
            <v>101988</v>
          </cell>
          <cell r="V96" t="str">
            <v>uy232784</v>
          </cell>
          <cell r="W96" t="str">
            <v>ux389212</v>
          </cell>
          <cell r="X96" t="str">
            <v>建</v>
          </cell>
          <cell r="Y96" t="str">
            <v>建</v>
          </cell>
          <cell r="Z96" t="str">
            <v/>
          </cell>
          <cell r="AA96" t="str">
            <v>建築一式</v>
          </cell>
          <cell r="AB96" t="str">
            <v>解体</v>
          </cell>
          <cell r="AC96" t="str">
            <v/>
          </cell>
          <cell r="AD96" t="str">
            <v/>
          </cell>
          <cell r="AE96">
            <v>43251</v>
          </cell>
          <cell r="AF96" t="str">
            <v>希望しない</v>
          </cell>
          <cell r="AG96" t="str">
            <v>建築一式</v>
          </cell>
          <cell r="AH96" t="str">
            <v>一般</v>
          </cell>
          <cell r="AI96">
            <v>629</v>
          </cell>
          <cell r="AJ96">
            <v>98707</v>
          </cell>
          <cell r="AK96" t="str">
            <v>()/1/2</v>
          </cell>
          <cell r="AL96" t="str">
            <v>解体</v>
          </cell>
          <cell r="AM96" t="str">
            <v>一般</v>
          </cell>
          <cell r="AN96" t="str">
            <v/>
          </cell>
          <cell r="AO96">
            <v>1533</v>
          </cell>
          <cell r="AP96" t="str">
            <v/>
          </cell>
          <cell r="AQ96" t="str">
            <v/>
          </cell>
          <cell r="AR96" t="str">
            <v/>
          </cell>
          <cell r="AS96" t="str">
            <v/>
          </cell>
          <cell r="AT96" t="str">
            <v/>
          </cell>
          <cell r="AU96" t="str">
            <v/>
          </cell>
          <cell r="AV96" t="str">
            <v/>
          </cell>
          <cell r="AW96" t="str">
            <v/>
          </cell>
          <cell r="AX96" t="str">
            <v/>
          </cell>
          <cell r="AY96" t="str">
            <v/>
          </cell>
          <cell r="AZ96" t="str">
            <v/>
          </cell>
          <cell r="BA96" t="str">
            <v>伊丹市</v>
          </cell>
          <cell r="BB96" t="str">
            <v/>
          </cell>
          <cell r="CR96">
            <v>3322</v>
          </cell>
          <cell r="CS96" t="str">
            <v>ｶﾜﾓﾄ ﾏｻｵﾐ</v>
          </cell>
          <cell r="CT96" t="str">
            <v>川本  雅臣</v>
          </cell>
          <cell r="CU96" t="str">
            <v>同和・人権推進課</v>
          </cell>
          <cell r="CW96">
            <v>2178</v>
          </cell>
          <cell r="CX96" t="str">
            <v xml:space="preserve"> </v>
          </cell>
          <cell r="CY96" t="str">
            <v>同和・人権推進課長</v>
          </cell>
        </row>
        <row r="97">
          <cell r="B97">
            <v>498</v>
          </cell>
          <cell r="C97" t="str">
            <v>(有)防災アラーム</v>
          </cell>
          <cell r="D97" t="str">
            <v>072-778-5353</v>
          </cell>
          <cell r="E97" t="str">
            <v>664-0875</v>
          </cell>
          <cell r="F97" t="str">
            <v>兵庫県伊丹市野間北5-11-9</v>
          </cell>
          <cell r="G97" t="str">
            <v>伊丹市</v>
          </cell>
          <cell r="H97" t="str">
            <v/>
          </cell>
          <cell r="I97" t="str">
            <v>代表取締役 吉永　力</v>
          </cell>
          <cell r="J97" t="str">
            <v>本店</v>
          </cell>
          <cell r="K97" t="str">
            <v>072-778-5354</v>
          </cell>
          <cell r="L97" t="str">
            <v>bousai-alarm@muse.ocn.ne.jp</v>
          </cell>
          <cell r="M97" t="str">
            <v>ﾎﾞｳｻｲｱﾗｰﾑ</v>
          </cell>
          <cell r="N97" t="str">
            <v>無</v>
          </cell>
          <cell r="O97">
            <v>13</v>
          </cell>
          <cell r="P97">
            <v>6</v>
          </cell>
          <cell r="Q97">
            <v>3140002065751</v>
          </cell>
          <cell r="R97">
            <v>3000</v>
          </cell>
          <cell r="S97">
            <v>11170</v>
          </cell>
          <cell r="T97">
            <v>134034</v>
          </cell>
          <cell r="V97" t="str">
            <v>vm584241</v>
          </cell>
          <cell r="W97" t="str">
            <v>vr846809</v>
          </cell>
          <cell r="X97" t="str">
            <v>消</v>
          </cell>
          <cell r="Y97" t="str">
            <v>消</v>
          </cell>
          <cell r="Z97" t="str">
            <v/>
          </cell>
          <cell r="AA97" t="str">
            <v>消防施設</v>
          </cell>
          <cell r="AB97" t="str">
            <v/>
          </cell>
          <cell r="AC97" t="str">
            <v/>
          </cell>
          <cell r="AD97" t="str">
            <v/>
          </cell>
          <cell r="AE97">
            <v>43039</v>
          </cell>
          <cell r="AF97" t="str">
            <v/>
          </cell>
          <cell r="AG97" t="str">
            <v>消防施設</v>
          </cell>
          <cell r="AH97" t="str">
            <v>一般</v>
          </cell>
          <cell r="AI97">
            <v>678</v>
          </cell>
          <cell r="AJ97">
            <v>77389</v>
          </cell>
          <cell r="AK97" t="str">
            <v>0(0)/5/0</v>
          </cell>
          <cell r="AL97" t="str">
            <v/>
          </cell>
          <cell r="AM97" t="str">
            <v/>
          </cell>
          <cell r="AN97" t="str">
            <v/>
          </cell>
          <cell r="AO97" t="str">
            <v/>
          </cell>
          <cell r="AP97" t="str">
            <v/>
          </cell>
          <cell r="AQ97" t="str">
            <v/>
          </cell>
          <cell r="AR97" t="str">
            <v/>
          </cell>
          <cell r="AS97" t="str">
            <v/>
          </cell>
          <cell r="AT97" t="str">
            <v/>
          </cell>
          <cell r="AU97" t="str">
            <v/>
          </cell>
          <cell r="AV97" t="str">
            <v/>
          </cell>
          <cell r="AW97" t="str">
            <v/>
          </cell>
          <cell r="AX97" t="str">
            <v/>
          </cell>
          <cell r="AY97" t="str">
            <v/>
          </cell>
          <cell r="AZ97" t="str">
            <v/>
          </cell>
          <cell r="BA97" t="str">
            <v>伊丹市</v>
          </cell>
          <cell r="BB97" t="str">
            <v/>
          </cell>
          <cell r="CR97">
            <v>3325</v>
          </cell>
          <cell r="CS97" t="str">
            <v>ｷﾀﾞ ﾕｷｵ</v>
          </cell>
          <cell r="CT97" t="str">
            <v>木田  幸夫</v>
          </cell>
          <cell r="CU97" t="str">
            <v>農業政策課</v>
          </cell>
          <cell r="CW97" t="str">
            <v xml:space="preserve"> </v>
          </cell>
          <cell r="CX97" t="str">
            <v xml:space="preserve"> </v>
          </cell>
          <cell r="CY97" t="str">
            <v>農業政策課長</v>
          </cell>
        </row>
        <row r="98">
          <cell r="B98">
            <v>501</v>
          </cell>
          <cell r="C98" t="str">
            <v>アサヒ機設(株)</v>
          </cell>
          <cell r="D98" t="str">
            <v>072-787-8370</v>
          </cell>
          <cell r="E98" t="str">
            <v>664-0001</v>
          </cell>
          <cell r="F98" t="str">
            <v>兵庫県伊丹市荒牧6-28-26</v>
          </cell>
          <cell r="G98" t="str">
            <v>伊丹市</v>
          </cell>
          <cell r="H98" t="str">
            <v/>
          </cell>
          <cell r="I98" t="str">
            <v>代表取締役 大西　裕</v>
          </cell>
          <cell r="J98" t="str">
            <v>本店</v>
          </cell>
          <cell r="K98" t="str">
            <v>072-772-8611</v>
          </cell>
          <cell r="L98" t="str">
            <v>asahikisetu@hcc5.bai.ne.jp</v>
          </cell>
          <cell r="M98" t="str">
            <v>ｱｻﾋｷｾﾂ</v>
          </cell>
          <cell r="N98" t="str">
            <v>無</v>
          </cell>
          <cell r="O98">
            <v>23</v>
          </cell>
          <cell r="P98">
            <v>11</v>
          </cell>
          <cell r="Q98">
            <v>7140001079939</v>
          </cell>
          <cell r="R98">
            <v>10000</v>
          </cell>
          <cell r="S98">
            <v>67234</v>
          </cell>
          <cell r="T98">
            <v>265980</v>
          </cell>
          <cell r="V98" t="str">
            <v>mn656781</v>
          </cell>
          <cell r="W98" t="str">
            <v>ga846083</v>
          </cell>
          <cell r="X98" t="str">
            <v>建と電管板内熱</v>
          </cell>
          <cell r="Y98" t="str">
            <v>建と電管板内熱</v>
          </cell>
          <cell r="Z98" t="str">
            <v/>
          </cell>
          <cell r="AA98" t="str">
            <v>管</v>
          </cell>
          <cell r="AB98" t="str">
            <v/>
          </cell>
          <cell r="AC98" t="str">
            <v/>
          </cell>
          <cell r="AD98" t="str">
            <v/>
          </cell>
          <cell r="AE98">
            <v>42978</v>
          </cell>
          <cell r="AF98" t="str">
            <v>希望しない</v>
          </cell>
          <cell r="AG98" t="str">
            <v>管</v>
          </cell>
          <cell r="AH98" t="str">
            <v>一般</v>
          </cell>
          <cell r="AI98">
            <v>749</v>
          </cell>
          <cell r="AJ98">
            <v>273148</v>
          </cell>
          <cell r="AK98" t="str">
            <v>1(0)/1/2</v>
          </cell>
          <cell r="AL98" t="str">
            <v/>
          </cell>
          <cell r="AM98" t="str">
            <v/>
          </cell>
          <cell r="AN98" t="str">
            <v/>
          </cell>
          <cell r="AO98" t="str">
            <v/>
          </cell>
          <cell r="AP98" t="str">
            <v/>
          </cell>
          <cell r="AQ98" t="str">
            <v/>
          </cell>
          <cell r="AR98" t="str">
            <v/>
          </cell>
          <cell r="AS98" t="str">
            <v/>
          </cell>
          <cell r="AT98" t="str">
            <v/>
          </cell>
          <cell r="AU98" t="str">
            <v/>
          </cell>
          <cell r="AV98" t="str">
            <v/>
          </cell>
          <cell r="AW98" t="str">
            <v/>
          </cell>
          <cell r="AX98" t="str">
            <v/>
          </cell>
          <cell r="AY98" t="str">
            <v/>
          </cell>
          <cell r="AZ98" t="str">
            <v/>
          </cell>
          <cell r="BA98" t="str">
            <v>伊丹市</v>
          </cell>
          <cell r="BB98" t="str">
            <v/>
          </cell>
          <cell r="CR98">
            <v>3327</v>
          </cell>
          <cell r="CS98" t="str">
            <v>ｳｴﾉ ﾏｻﾌﾐ</v>
          </cell>
          <cell r="CT98" t="str">
            <v>上野  雅史</v>
          </cell>
          <cell r="CU98" t="str">
            <v>介護保険課</v>
          </cell>
          <cell r="CW98">
            <v>2719</v>
          </cell>
          <cell r="CX98" t="str">
            <v xml:space="preserve"> </v>
          </cell>
          <cell r="CY98" t="str">
            <v>介護保険課長</v>
          </cell>
        </row>
        <row r="99">
          <cell r="B99">
            <v>508</v>
          </cell>
          <cell r="C99" t="str">
            <v>野本興業</v>
          </cell>
          <cell r="D99" t="str">
            <v>072-779-1623</v>
          </cell>
          <cell r="E99" t="str">
            <v>664-0006</v>
          </cell>
          <cell r="F99" t="str">
            <v>兵庫県伊丹市鴻池2丁目5-3</v>
          </cell>
          <cell r="G99" t="str">
            <v>伊丹市</v>
          </cell>
          <cell r="H99" t="str">
            <v/>
          </cell>
          <cell r="I99" t="str">
            <v>代表者 野本　敦也</v>
          </cell>
          <cell r="J99" t="str">
            <v>本店</v>
          </cell>
          <cell r="K99" t="str">
            <v>072-779-1660</v>
          </cell>
          <cell r="L99" t="str">
            <v>nomoto-k-5@bca.bai.ne.jp</v>
          </cell>
          <cell r="M99" t="str">
            <v>ﾉﾓﾄｺｳｷﾞﾖｳ</v>
          </cell>
          <cell r="N99" t="str">
            <v>無</v>
          </cell>
          <cell r="O99">
            <v>15</v>
          </cell>
          <cell r="P99">
            <v>4</v>
          </cell>
          <cell r="Q99" t="str">
            <v/>
          </cell>
          <cell r="R99" t="str">
            <v/>
          </cell>
          <cell r="S99">
            <v>48273</v>
          </cell>
          <cell r="T99">
            <v>130457</v>
          </cell>
          <cell r="V99" t="str">
            <v>ys779950</v>
          </cell>
          <cell r="W99" t="str">
            <v>ks346674</v>
          </cell>
          <cell r="X99" t="str">
            <v>土と石鋼舗浚塗水</v>
          </cell>
          <cell r="Y99" t="str">
            <v>土と石鋼舗浚塗水</v>
          </cell>
          <cell r="Z99" t="str">
            <v/>
          </cell>
          <cell r="AA99" t="str">
            <v>土木一式</v>
          </cell>
          <cell r="AB99" t="str">
            <v>舗装</v>
          </cell>
          <cell r="AC99" t="str">
            <v>水道施設</v>
          </cell>
          <cell r="AD99" t="str">
            <v/>
          </cell>
          <cell r="AE99">
            <v>43100</v>
          </cell>
          <cell r="AF99" t="str">
            <v/>
          </cell>
          <cell r="AG99" t="str">
            <v>土木一式</v>
          </cell>
          <cell r="AH99" t="str">
            <v>一般</v>
          </cell>
          <cell r="AI99">
            <v>686</v>
          </cell>
          <cell r="AJ99">
            <v>116164</v>
          </cell>
          <cell r="AK99" t="str">
            <v>1(1)/1/</v>
          </cell>
          <cell r="AL99" t="str">
            <v>舗装</v>
          </cell>
          <cell r="AM99" t="str">
            <v>一般</v>
          </cell>
          <cell r="AN99">
            <v>631</v>
          </cell>
          <cell r="AO99">
            <v>10332</v>
          </cell>
          <cell r="AP99" t="str">
            <v>1(1)/1/</v>
          </cell>
          <cell r="AQ99" t="str">
            <v>水道施設</v>
          </cell>
          <cell r="AR99" t="str">
            <v>一般</v>
          </cell>
          <cell r="AS99">
            <v>586</v>
          </cell>
          <cell r="AT99">
            <v>2625</v>
          </cell>
          <cell r="AU99" t="str">
            <v/>
          </cell>
          <cell r="AV99" t="str">
            <v/>
          </cell>
          <cell r="AW99" t="str">
            <v/>
          </cell>
          <cell r="AX99" t="str">
            <v/>
          </cell>
          <cell r="AY99" t="str">
            <v/>
          </cell>
          <cell r="AZ99" t="str">
            <v/>
          </cell>
          <cell r="BA99" t="str">
            <v>伊丹市</v>
          </cell>
          <cell r="BB99" t="str">
            <v/>
          </cell>
          <cell r="CR99">
            <v>3328</v>
          </cell>
          <cell r="CS99" t="str">
            <v>ﾔﾀﾞ ﾖｼﾉﾘ</v>
          </cell>
          <cell r="CT99" t="str">
            <v>矢田  義則</v>
          </cell>
          <cell r="CU99" t="str">
            <v>生活支援課</v>
          </cell>
          <cell r="CW99">
            <v>2549</v>
          </cell>
          <cell r="CX99" t="str">
            <v xml:space="preserve"> </v>
          </cell>
          <cell r="CY99" t="str">
            <v>生活支援課長</v>
          </cell>
        </row>
        <row r="100">
          <cell r="B100">
            <v>514</v>
          </cell>
          <cell r="C100" t="str">
            <v>アクアナカニシ(株)</v>
          </cell>
          <cell r="D100" t="str">
            <v>072-781-6319</v>
          </cell>
          <cell r="E100" t="str">
            <v>664-0891</v>
          </cell>
          <cell r="F100" t="str">
            <v>兵庫県伊丹市北園3-4</v>
          </cell>
          <cell r="G100" t="str">
            <v>伊丹市</v>
          </cell>
          <cell r="H100" t="str">
            <v/>
          </cell>
          <cell r="I100" t="str">
            <v>代表取締役 中井　鉄也</v>
          </cell>
          <cell r="J100" t="str">
            <v>本店</v>
          </cell>
          <cell r="K100" t="str">
            <v>072-784-8702</v>
          </cell>
          <cell r="L100" t="str">
            <v>aquanakanishi@bcb.bai.ne.jp</v>
          </cell>
          <cell r="M100" t="str">
            <v>ｱｸｱﾅｶﾆｼ</v>
          </cell>
          <cell r="N100" t="str">
            <v>無</v>
          </cell>
          <cell r="O100">
            <v>11</v>
          </cell>
          <cell r="P100">
            <v>1</v>
          </cell>
          <cell r="Q100">
            <v>3140001080149</v>
          </cell>
          <cell r="R100">
            <v>70000</v>
          </cell>
          <cell r="S100">
            <v>66456</v>
          </cell>
          <cell r="T100">
            <v>58320</v>
          </cell>
          <cell r="V100" t="str">
            <v>kd322507</v>
          </cell>
          <cell r="W100" t="str">
            <v>as251430</v>
          </cell>
          <cell r="X100" t="str">
            <v>土管水</v>
          </cell>
          <cell r="Y100" t="str">
            <v>土管水</v>
          </cell>
          <cell r="Z100" t="str">
            <v/>
          </cell>
          <cell r="AA100" t="str">
            <v>水道施設</v>
          </cell>
          <cell r="AB100" t="str">
            <v>管</v>
          </cell>
          <cell r="AC100" t="str">
            <v>土木一式</v>
          </cell>
          <cell r="AD100" t="str">
            <v/>
          </cell>
          <cell r="AE100">
            <v>43251</v>
          </cell>
          <cell r="AF100" t="str">
            <v>希望しない</v>
          </cell>
          <cell r="AG100" t="str">
            <v>水道施設</v>
          </cell>
          <cell r="AH100" t="str">
            <v>一般</v>
          </cell>
          <cell r="AI100">
            <v>634</v>
          </cell>
          <cell r="AJ100">
            <v>33641</v>
          </cell>
          <cell r="AK100" t="str">
            <v>1(1)/0/0</v>
          </cell>
          <cell r="AL100" t="str">
            <v>管</v>
          </cell>
          <cell r="AM100" t="str">
            <v>一般</v>
          </cell>
          <cell r="AN100">
            <v>616</v>
          </cell>
          <cell r="AO100">
            <v>30945</v>
          </cell>
          <cell r="AP100" t="str">
            <v>1(1)/0/0</v>
          </cell>
          <cell r="AQ100" t="str">
            <v>土木一式</v>
          </cell>
          <cell r="AR100" t="str">
            <v>一般</v>
          </cell>
          <cell r="AS100">
            <v>546</v>
          </cell>
          <cell r="AT100" t="str">
            <v/>
          </cell>
          <cell r="AU100" t="str">
            <v>0(0)/0/0</v>
          </cell>
          <cell r="AV100" t="str">
            <v/>
          </cell>
          <cell r="AW100" t="str">
            <v/>
          </cell>
          <cell r="AX100" t="str">
            <v/>
          </cell>
          <cell r="AY100" t="str">
            <v/>
          </cell>
          <cell r="AZ100" t="str">
            <v/>
          </cell>
          <cell r="BA100" t="str">
            <v>伊丹市</v>
          </cell>
          <cell r="BB100" t="str">
            <v/>
          </cell>
          <cell r="CR100">
            <v>3329</v>
          </cell>
          <cell r="CS100" t="str">
            <v>ｻｶｳｴ ﾏｻﾋﾛ</v>
          </cell>
          <cell r="CT100" t="str">
            <v>坂上  正博</v>
          </cell>
          <cell r="CU100" t="str">
            <v>管財課</v>
          </cell>
          <cell r="CW100">
            <v>2455</v>
          </cell>
          <cell r="CX100" t="str">
            <v xml:space="preserve"> </v>
          </cell>
          <cell r="CY100" t="str">
            <v>管財課長</v>
          </cell>
        </row>
        <row r="101">
          <cell r="B101">
            <v>521</v>
          </cell>
          <cell r="C101" t="str">
            <v>(有)七福</v>
          </cell>
          <cell r="D101" t="str">
            <v>072-783-5678</v>
          </cell>
          <cell r="E101" t="str">
            <v>664-0017</v>
          </cell>
          <cell r="F101" t="str">
            <v>兵庫県伊丹市瑞ヶ丘3-19-1</v>
          </cell>
          <cell r="G101" t="str">
            <v>伊丹市</v>
          </cell>
          <cell r="H101" t="str">
            <v/>
          </cell>
          <cell r="I101" t="str">
            <v>代表取締役　 増見　和也</v>
          </cell>
          <cell r="J101" t="str">
            <v>本店</v>
          </cell>
          <cell r="K101" t="str">
            <v>072-783-5811</v>
          </cell>
          <cell r="L101" t="str">
            <v>waterworks@hichifuku.jp</v>
          </cell>
          <cell r="M101" t="str">
            <v>ﾋﾁﾌｸ</v>
          </cell>
          <cell r="N101" t="str">
            <v>無</v>
          </cell>
          <cell r="O101">
            <v>20</v>
          </cell>
          <cell r="P101">
            <v>12</v>
          </cell>
          <cell r="Q101">
            <v>8140000000000</v>
          </cell>
          <cell r="R101">
            <v>3000</v>
          </cell>
          <cell r="S101">
            <v>51571</v>
          </cell>
          <cell r="T101">
            <v>154221</v>
          </cell>
          <cell r="V101" t="str">
            <v>jv720080</v>
          </cell>
          <cell r="W101" t="str">
            <v>cj668783</v>
          </cell>
          <cell r="X101" t="str">
            <v>土管水</v>
          </cell>
          <cell r="Y101" t="str">
            <v>土管水</v>
          </cell>
          <cell r="Z101" t="str">
            <v/>
          </cell>
          <cell r="AA101" t="str">
            <v>管</v>
          </cell>
          <cell r="AB101" t="str">
            <v/>
          </cell>
          <cell r="AC101" t="str">
            <v/>
          </cell>
          <cell r="AD101" t="str">
            <v/>
          </cell>
          <cell r="AE101">
            <v>43312</v>
          </cell>
          <cell r="AF101" t="str">
            <v>反転工法</v>
          </cell>
          <cell r="AG101" t="str">
            <v>管</v>
          </cell>
          <cell r="AH101" t="str">
            <v>一般</v>
          </cell>
          <cell r="AI101">
            <v>567</v>
          </cell>
          <cell r="AJ101">
            <v>139550</v>
          </cell>
          <cell r="AK101" t="str">
            <v>0(0)/0/1</v>
          </cell>
          <cell r="AL101" t="str">
            <v/>
          </cell>
          <cell r="AM101" t="str">
            <v/>
          </cell>
          <cell r="AN101" t="str">
            <v/>
          </cell>
          <cell r="AO101" t="str">
            <v/>
          </cell>
          <cell r="AP101" t="str">
            <v/>
          </cell>
          <cell r="AQ101" t="str">
            <v/>
          </cell>
          <cell r="AR101" t="str">
            <v/>
          </cell>
          <cell r="AS101" t="str">
            <v/>
          </cell>
          <cell r="AT101" t="str">
            <v/>
          </cell>
          <cell r="AU101" t="str">
            <v/>
          </cell>
          <cell r="AV101" t="str">
            <v/>
          </cell>
          <cell r="AW101" t="str">
            <v/>
          </cell>
          <cell r="AX101" t="str">
            <v/>
          </cell>
          <cell r="AY101" t="str">
            <v/>
          </cell>
          <cell r="AZ101" t="str">
            <v/>
          </cell>
          <cell r="BA101" t="str">
            <v>伊丹市</v>
          </cell>
          <cell r="BB101" t="str">
            <v/>
          </cell>
          <cell r="CR101">
            <v>3330</v>
          </cell>
          <cell r="CS101" t="str">
            <v>ｶﾜﾄ ｺｼﾛｳ</v>
          </cell>
          <cell r="CT101" t="str">
            <v>川戸  小史郎</v>
          </cell>
          <cell r="CU101" t="str">
            <v>市民課</v>
          </cell>
          <cell r="CW101" t="str">
            <v xml:space="preserve"> </v>
          </cell>
          <cell r="CX101" t="str">
            <v xml:space="preserve"> </v>
          </cell>
          <cell r="CY101" t="str">
            <v>市民課長</v>
          </cell>
        </row>
        <row r="102">
          <cell r="B102">
            <v>523</v>
          </cell>
          <cell r="C102" t="str">
            <v>(株)芳栄ホーム</v>
          </cell>
          <cell r="D102" t="str">
            <v>072-773-1964</v>
          </cell>
          <cell r="E102" t="str">
            <v>664-0898</v>
          </cell>
          <cell r="F102" t="str">
            <v>兵庫県伊丹市千僧6-197-6</v>
          </cell>
          <cell r="G102" t="str">
            <v>伊丹市</v>
          </cell>
          <cell r="H102" t="str">
            <v/>
          </cell>
          <cell r="I102" t="str">
            <v>代表取締役 近間　剛</v>
          </cell>
          <cell r="J102" t="str">
            <v>本店</v>
          </cell>
          <cell r="K102" t="str">
            <v>072-773-0419</v>
          </cell>
          <cell r="L102" t="str">
            <v>info@houeihome.co.jp</v>
          </cell>
          <cell r="M102" t="str">
            <v>ﾎｳｴｲﾎｰﾑ</v>
          </cell>
          <cell r="N102" t="str">
            <v>無</v>
          </cell>
          <cell r="O102">
            <v>28</v>
          </cell>
          <cell r="P102">
            <v>15</v>
          </cell>
          <cell r="Q102">
            <v>7140001078899</v>
          </cell>
          <cell r="R102">
            <v>10000</v>
          </cell>
          <cell r="S102">
            <v>79329</v>
          </cell>
          <cell r="T102">
            <v>617720</v>
          </cell>
          <cell r="V102" t="str">
            <v>fg643965</v>
          </cell>
          <cell r="W102" t="str">
            <v>dg381005</v>
          </cell>
          <cell r="X102" t="str">
            <v>建</v>
          </cell>
          <cell r="Y102" t="str">
            <v>建</v>
          </cell>
          <cell r="Z102" t="str">
            <v/>
          </cell>
          <cell r="AA102" t="str">
            <v>建築一式</v>
          </cell>
          <cell r="AB102" t="str">
            <v/>
          </cell>
          <cell r="AC102" t="str">
            <v/>
          </cell>
          <cell r="AD102" t="str">
            <v/>
          </cell>
          <cell r="AE102">
            <v>43312</v>
          </cell>
          <cell r="AF102" t="str">
            <v/>
          </cell>
          <cell r="AG102" t="str">
            <v>建築一式</v>
          </cell>
          <cell r="AH102" t="str">
            <v>一般</v>
          </cell>
          <cell r="AI102">
            <v>727</v>
          </cell>
          <cell r="AJ102">
            <v>274657</v>
          </cell>
          <cell r="AK102" t="str">
            <v>0(0)/3/5</v>
          </cell>
          <cell r="AL102" t="str">
            <v/>
          </cell>
          <cell r="AM102" t="str">
            <v/>
          </cell>
          <cell r="AN102" t="str">
            <v/>
          </cell>
          <cell r="AO102" t="str">
            <v/>
          </cell>
          <cell r="AP102" t="str">
            <v/>
          </cell>
          <cell r="AQ102" t="str">
            <v/>
          </cell>
          <cell r="AR102" t="str">
            <v/>
          </cell>
          <cell r="AS102" t="str">
            <v/>
          </cell>
          <cell r="AT102" t="str">
            <v/>
          </cell>
          <cell r="AU102" t="str">
            <v/>
          </cell>
          <cell r="AV102" t="str">
            <v/>
          </cell>
          <cell r="AW102" t="str">
            <v/>
          </cell>
          <cell r="AX102" t="str">
            <v/>
          </cell>
          <cell r="AY102" t="str">
            <v/>
          </cell>
          <cell r="AZ102" t="str">
            <v/>
          </cell>
          <cell r="BA102" t="str">
            <v>伊丹市</v>
          </cell>
          <cell r="BB102" t="str">
            <v/>
          </cell>
          <cell r="CR102">
            <v>3334</v>
          </cell>
          <cell r="CS102" t="str">
            <v>ｲﾄｳ ﾔｽｵ</v>
          </cell>
          <cell r="CT102" t="str">
            <v>伊藤  康夫</v>
          </cell>
          <cell r="CU102" t="str">
            <v>生活支援課</v>
          </cell>
          <cell r="CW102">
            <v>2502</v>
          </cell>
          <cell r="CX102" t="str">
            <v xml:space="preserve"> </v>
          </cell>
          <cell r="CY102" t="str">
            <v>生活支援課長</v>
          </cell>
        </row>
        <row r="103">
          <cell r="B103">
            <v>524</v>
          </cell>
          <cell r="C103" t="str">
            <v>ハードグラス工業(株)</v>
          </cell>
          <cell r="D103" t="str">
            <v>072-784-2506</v>
          </cell>
          <cell r="E103" t="str">
            <v>664-0831</v>
          </cell>
          <cell r="F103" t="str">
            <v>兵庫県伊丹市北伊丹7-79</v>
          </cell>
          <cell r="G103" t="str">
            <v>伊丹市</v>
          </cell>
          <cell r="H103" t="str">
            <v/>
          </cell>
          <cell r="I103" t="str">
            <v>代表取締役 下岡　嵩</v>
          </cell>
          <cell r="J103" t="str">
            <v>本店</v>
          </cell>
          <cell r="K103" t="str">
            <v>072-770-7400</v>
          </cell>
          <cell r="L103" t="str">
            <v>hard.kanri@dream.com</v>
          </cell>
          <cell r="M103" t="str">
            <v>ﾊｰﾄﾞｸﾞﾗｽｺｳｷﾞｮｳ</v>
          </cell>
          <cell r="N103" t="str">
            <v>無</v>
          </cell>
          <cell r="O103">
            <v>40</v>
          </cell>
          <cell r="P103">
            <v>228</v>
          </cell>
          <cell r="Q103">
            <v>9140001078773</v>
          </cell>
          <cell r="R103">
            <v>201200</v>
          </cell>
          <cell r="S103">
            <v>1293377</v>
          </cell>
          <cell r="T103">
            <v>4005980</v>
          </cell>
          <cell r="V103" t="str">
            <v>jn133672</v>
          </cell>
          <cell r="W103" t="str">
            <v>xc760537</v>
          </cell>
          <cell r="X103" t="str">
            <v>建ガ内具</v>
          </cell>
          <cell r="Y103" t="str">
            <v>建ガ内具</v>
          </cell>
          <cell r="Z103" t="str">
            <v/>
          </cell>
          <cell r="AA103" t="str">
            <v>建築一式</v>
          </cell>
          <cell r="AB103" t="str">
            <v/>
          </cell>
          <cell r="AC103" t="str">
            <v/>
          </cell>
          <cell r="AD103" t="str">
            <v/>
          </cell>
          <cell r="AE103">
            <v>43190</v>
          </cell>
          <cell r="AF103" t="str">
            <v>希望しない</v>
          </cell>
          <cell r="AG103" t="str">
            <v>建築一式</v>
          </cell>
          <cell r="AH103" t="str">
            <v>一般</v>
          </cell>
          <cell r="AI103">
            <v>774</v>
          </cell>
          <cell r="AJ103">
            <v>741965</v>
          </cell>
          <cell r="AK103" t="str">
            <v>0(0)/1/0</v>
          </cell>
          <cell r="AL103" t="str">
            <v/>
          </cell>
          <cell r="AM103" t="str">
            <v/>
          </cell>
          <cell r="AN103" t="str">
            <v/>
          </cell>
          <cell r="AO103" t="str">
            <v/>
          </cell>
          <cell r="AP103" t="str">
            <v/>
          </cell>
          <cell r="AQ103" t="str">
            <v/>
          </cell>
          <cell r="AR103" t="str">
            <v/>
          </cell>
          <cell r="AS103" t="str">
            <v/>
          </cell>
          <cell r="AT103" t="str">
            <v/>
          </cell>
          <cell r="AU103" t="str">
            <v/>
          </cell>
          <cell r="AV103" t="str">
            <v/>
          </cell>
          <cell r="AW103" t="str">
            <v/>
          </cell>
          <cell r="AX103" t="str">
            <v/>
          </cell>
          <cell r="AY103" t="str">
            <v/>
          </cell>
          <cell r="AZ103" t="str">
            <v/>
          </cell>
          <cell r="BA103" t="str">
            <v>伊丹市</v>
          </cell>
          <cell r="BB103" t="str">
            <v/>
          </cell>
          <cell r="CR103">
            <v>3335</v>
          </cell>
          <cell r="CS103" t="str">
            <v>ｺﾝﾄﾞｳ ﾔｽﾋﾛ</v>
          </cell>
          <cell r="CT103" t="str">
            <v>近藤  康博</v>
          </cell>
          <cell r="CU103" t="str">
            <v>後期医療福祉課</v>
          </cell>
          <cell r="CW103">
            <v>2749</v>
          </cell>
          <cell r="CX103" t="str">
            <v xml:space="preserve"> </v>
          </cell>
          <cell r="CY103" t="str">
            <v>後期医療福祉課長</v>
          </cell>
        </row>
        <row r="104">
          <cell r="B104">
            <v>525</v>
          </cell>
          <cell r="C104" t="str">
            <v>(株)神田組</v>
          </cell>
          <cell r="D104" t="str">
            <v>072-779-5680</v>
          </cell>
          <cell r="E104" t="str">
            <v>664-0888</v>
          </cell>
          <cell r="F104" t="str">
            <v>兵庫県伊丹市昆陽南5-8-7</v>
          </cell>
          <cell r="G104" t="str">
            <v>伊丹市</v>
          </cell>
          <cell r="H104" t="str">
            <v/>
          </cell>
          <cell r="I104" t="str">
            <v>代表取締役 神田　智博</v>
          </cell>
          <cell r="J104" t="str">
            <v>本店</v>
          </cell>
          <cell r="K104" t="str">
            <v>072-779-5676</v>
          </cell>
          <cell r="L104" t="str">
            <v>tomohiro@kandagumi.jp</v>
          </cell>
          <cell r="M104" t="str">
            <v>ｶﾝﾀﾞｸﾞﾐ</v>
          </cell>
          <cell r="N104" t="str">
            <v>無</v>
          </cell>
          <cell r="O104">
            <v>10</v>
          </cell>
          <cell r="P104">
            <v>12</v>
          </cell>
          <cell r="Q104">
            <v>4140001080692</v>
          </cell>
          <cell r="R104">
            <v>5000</v>
          </cell>
          <cell r="S104">
            <v>1432</v>
          </cell>
          <cell r="T104">
            <v>320408</v>
          </cell>
          <cell r="V104" t="str">
            <v>up396361</v>
          </cell>
          <cell r="W104" t="str">
            <v>hn976180</v>
          </cell>
          <cell r="X104" t="str">
            <v>土建大と石屋タ鋼鉄舗浚塗内水解</v>
          </cell>
          <cell r="Y104" t="str">
            <v>土建大と石屋タ鋼鉄舗浚塗内水解</v>
          </cell>
          <cell r="Z104" t="str">
            <v/>
          </cell>
          <cell r="AA104" t="str">
            <v>建築一式</v>
          </cell>
          <cell r="AB104" t="str">
            <v>土木一式</v>
          </cell>
          <cell r="AC104" t="str">
            <v>とび土工</v>
          </cell>
          <cell r="AD104" t="str">
            <v/>
          </cell>
          <cell r="AE104">
            <v>43008</v>
          </cell>
          <cell r="AF104" t="str">
            <v>希望しない</v>
          </cell>
          <cell r="AG104" t="str">
            <v>建築一式</v>
          </cell>
          <cell r="AH104" t="str">
            <v>一般</v>
          </cell>
          <cell r="AI104">
            <v>627</v>
          </cell>
          <cell r="AJ104">
            <v>247934</v>
          </cell>
          <cell r="AK104" t="str">
            <v>1(0)/1/1</v>
          </cell>
          <cell r="AL104" t="str">
            <v>土木一式</v>
          </cell>
          <cell r="AM104" t="str">
            <v>一般</v>
          </cell>
          <cell r="AN104">
            <v>572</v>
          </cell>
          <cell r="AO104">
            <v>15526</v>
          </cell>
          <cell r="AP104" t="str">
            <v>2(0)/1/0</v>
          </cell>
          <cell r="AQ104" t="str">
            <v>とび土工</v>
          </cell>
          <cell r="AR104" t="str">
            <v>一般</v>
          </cell>
          <cell r="AS104">
            <v>566</v>
          </cell>
          <cell r="AT104">
            <v>42680</v>
          </cell>
          <cell r="AU104" t="str">
            <v>0(0)/1/0</v>
          </cell>
          <cell r="AV104" t="str">
            <v/>
          </cell>
          <cell r="AW104" t="str">
            <v/>
          </cell>
          <cell r="AX104" t="str">
            <v/>
          </cell>
          <cell r="AY104" t="str">
            <v/>
          </cell>
          <cell r="AZ104" t="str">
            <v/>
          </cell>
          <cell r="BA104" t="str">
            <v>伊丹市</v>
          </cell>
          <cell r="BB104" t="str">
            <v/>
          </cell>
          <cell r="CR104">
            <v>3338</v>
          </cell>
          <cell r="CS104" t="str">
            <v>ｵｶﾓﾄ ﾀｹｵ</v>
          </cell>
          <cell r="CT104" t="str">
            <v>岡本  健夫</v>
          </cell>
          <cell r="CU104" t="str">
            <v>事業課</v>
          </cell>
          <cell r="CW104" t="str">
            <v xml:space="preserve"> </v>
          </cell>
          <cell r="CX104" t="str">
            <v xml:space="preserve"> </v>
          </cell>
          <cell r="CY104" t="str">
            <v>事業課長</v>
          </cell>
        </row>
        <row r="105">
          <cell r="B105">
            <v>527</v>
          </cell>
          <cell r="C105" t="str">
            <v>(株)マエダコンストラクション</v>
          </cell>
          <cell r="D105" t="str">
            <v>072-764-5825</v>
          </cell>
          <cell r="E105" t="str">
            <v>664-0026</v>
          </cell>
          <cell r="F105" t="str">
            <v>兵庫県伊丹市寺本5-41</v>
          </cell>
          <cell r="G105" t="str">
            <v>伊丹市</v>
          </cell>
          <cell r="H105" t="str">
            <v/>
          </cell>
          <cell r="I105" t="str">
            <v>代表取締役 前田　文雄</v>
          </cell>
          <cell r="J105" t="str">
            <v>本店</v>
          </cell>
          <cell r="K105" t="str">
            <v>072-764-5826</v>
          </cell>
          <cell r="L105" t="str">
            <v>maeda.crs@athena.ocn.ne.jp</v>
          </cell>
          <cell r="M105" t="str">
            <v>ﾏｴﾀﾞｺﾝｽﾄﾗｸｼｮﾝ</v>
          </cell>
          <cell r="N105" t="str">
            <v>無</v>
          </cell>
          <cell r="O105">
            <v>10</v>
          </cell>
          <cell r="P105">
            <v>3</v>
          </cell>
          <cell r="Q105">
            <v>1140001080852</v>
          </cell>
          <cell r="R105">
            <v>3100</v>
          </cell>
          <cell r="S105">
            <v>4858</v>
          </cell>
          <cell r="T105">
            <v>48473</v>
          </cell>
          <cell r="V105" t="str">
            <v>yh637450</v>
          </cell>
          <cell r="W105" t="str">
            <v>tz162864</v>
          </cell>
          <cell r="X105" t="str">
            <v>土と石鋼舗浚水解</v>
          </cell>
          <cell r="Y105" t="str">
            <v>土と石鋼舗浚水解</v>
          </cell>
          <cell r="Z105" t="str">
            <v/>
          </cell>
          <cell r="AA105" t="str">
            <v>舗装</v>
          </cell>
          <cell r="AB105" t="str">
            <v>土木一式</v>
          </cell>
          <cell r="AC105" t="str">
            <v>とび土工</v>
          </cell>
          <cell r="AD105" t="str">
            <v>水道施設</v>
          </cell>
          <cell r="AE105">
            <v>43220</v>
          </cell>
          <cell r="AF105" t="str">
            <v>希望しない</v>
          </cell>
          <cell r="AG105" t="str">
            <v>舗装</v>
          </cell>
          <cell r="AH105" t="str">
            <v>一般</v>
          </cell>
          <cell r="AI105">
            <v>585</v>
          </cell>
          <cell r="AJ105">
            <v>41363</v>
          </cell>
          <cell r="AK105" t="str">
            <v>0(0)/1/2</v>
          </cell>
          <cell r="AL105" t="str">
            <v>土木一式</v>
          </cell>
          <cell r="AM105" t="str">
            <v>一般</v>
          </cell>
          <cell r="AN105">
            <v>541</v>
          </cell>
          <cell r="AO105">
            <v>5709</v>
          </cell>
          <cell r="AP105" t="str">
            <v>0(0)/1/0</v>
          </cell>
          <cell r="AQ105" t="str">
            <v>とび土工</v>
          </cell>
          <cell r="AR105" t="str">
            <v>一般</v>
          </cell>
          <cell r="AS105">
            <v>514</v>
          </cell>
          <cell r="AT105" t="str">
            <v/>
          </cell>
          <cell r="AU105" t="str">
            <v>0(0)/0/0</v>
          </cell>
          <cell r="AV105" t="str">
            <v>水道施設</v>
          </cell>
          <cell r="AW105" t="str">
            <v>一般</v>
          </cell>
          <cell r="AX105">
            <v>514</v>
          </cell>
          <cell r="AY105" t="str">
            <v/>
          </cell>
          <cell r="AZ105" t="str">
            <v>0(0)/0/0</v>
          </cell>
          <cell r="BA105" t="str">
            <v>伊丹市</v>
          </cell>
          <cell r="BB105" t="str">
            <v/>
          </cell>
          <cell r="CR105">
            <v>3340</v>
          </cell>
          <cell r="CS105" t="str">
            <v>ｳﾁﾎﾞﾘ ｹﾝｼﾞ</v>
          </cell>
          <cell r="CT105" t="str">
            <v>内堀  憲司</v>
          </cell>
          <cell r="CU105" t="str">
            <v>国保年金課</v>
          </cell>
          <cell r="CW105">
            <v>2635</v>
          </cell>
          <cell r="CX105" t="str">
            <v xml:space="preserve"> </v>
          </cell>
          <cell r="CY105" t="str">
            <v>国保年金課長</v>
          </cell>
        </row>
        <row r="106">
          <cell r="B106">
            <v>529</v>
          </cell>
          <cell r="C106" t="str">
            <v>(株)古結鉄工所</v>
          </cell>
          <cell r="D106" t="str">
            <v>072-770-2210</v>
          </cell>
          <cell r="E106" t="str">
            <v>664-0837</v>
          </cell>
          <cell r="F106" t="str">
            <v>兵庫県伊丹市北河原5‐1‐10</v>
          </cell>
          <cell r="G106" t="str">
            <v>伊丹市</v>
          </cell>
          <cell r="H106" t="str">
            <v/>
          </cell>
          <cell r="I106" t="str">
            <v>代表取締役 古結　泰司</v>
          </cell>
          <cell r="J106" t="str">
            <v>本店</v>
          </cell>
          <cell r="K106" t="str">
            <v>072-772-6623</v>
          </cell>
          <cell r="L106" t="str">
            <v>matsumoto@ceres.ocn.ne.jp</v>
          </cell>
          <cell r="M106" t="str">
            <v>ｺｹﾞﾂﾃｯｺｳｼｮ</v>
          </cell>
          <cell r="N106" t="str">
            <v>無</v>
          </cell>
          <cell r="O106">
            <v>48</v>
          </cell>
          <cell r="P106">
            <v>24</v>
          </cell>
          <cell r="Q106">
            <v>7140001078321</v>
          </cell>
          <cell r="R106">
            <v>90000</v>
          </cell>
          <cell r="S106">
            <v>709561</v>
          </cell>
          <cell r="T106">
            <v>2011650</v>
          </cell>
          <cell r="V106" t="str">
            <v>ns380248</v>
          </cell>
          <cell r="W106" t="str">
            <v>be401251</v>
          </cell>
          <cell r="X106" t="str">
            <v>建と鋼</v>
          </cell>
          <cell r="Y106" t="str">
            <v>建と鋼</v>
          </cell>
          <cell r="Z106" t="str">
            <v/>
          </cell>
          <cell r="AA106" t="str">
            <v>鋼構造物</v>
          </cell>
          <cell r="AB106" t="str">
            <v/>
          </cell>
          <cell r="AC106" t="str">
            <v/>
          </cell>
          <cell r="AD106" t="str">
            <v/>
          </cell>
          <cell r="AE106">
            <v>43190</v>
          </cell>
          <cell r="AF106" t="str">
            <v>希望しない</v>
          </cell>
          <cell r="AG106" t="str">
            <v>鋼構造物</v>
          </cell>
          <cell r="AH106" t="str">
            <v>一般</v>
          </cell>
          <cell r="AI106">
            <v>825</v>
          </cell>
          <cell r="AJ106">
            <v>1430246</v>
          </cell>
          <cell r="AK106" t="str">
            <v>1(1)/1/4</v>
          </cell>
          <cell r="AL106" t="str">
            <v/>
          </cell>
          <cell r="AM106" t="str">
            <v/>
          </cell>
          <cell r="AN106" t="str">
            <v/>
          </cell>
          <cell r="AO106" t="str">
            <v/>
          </cell>
          <cell r="AP106" t="str">
            <v/>
          </cell>
          <cell r="AQ106" t="str">
            <v/>
          </cell>
          <cell r="AR106" t="str">
            <v/>
          </cell>
          <cell r="AS106" t="str">
            <v/>
          </cell>
          <cell r="AT106" t="str">
            <v/>
          </cell>
          <cell r="AU106" t="str">
            <v/>
          </cell>
          <cell r="AV106" t="str">
            <v/>
          </cell>
          <cell r="AW106" t="str">
            <v/>
          </cell>
          <cell r="AX106" t="str">
            <v/>
          </cell>
          <cell r="AY106" t="str">
            <v/>
          </cell>
          <cell r="AZ106" t="str">
            <v/>
          </cell>
          <cell r="BA106" t="str">
            <v>伊丹市</v>
          </cell>
          <cell r="BB106" t="str">
            <v/>
          </cell>
          <cell r="CR106">
            <v>3348</v>
          </cell>
          <cell r="CS106" t="str">
            <v>ﾅｶﾞｲ ﾐｷｵ</v>
          </cell>
          <cell r="CT106" t="str">
            <v>長井  幹夫</v>
          </cell>
          <cell r="CU106" t="str">
            <v>浄水課</v>
          </cell>
          <cell r="CW106" t="str">
            <v xml:space="preserve"> </v>
          </cell>
          <cell r="CX106" t="str">
            <v xml:space="preserve"> </v>
          </cell>
          <cell r="CY106" t="str">
            <v>浄水課長</v>
          </cell>
        </row>
        <row r="107">
          <cell r="B107">
            <v>531</v>
          </cell>
          <cell r="C107" t="str">
            <v>三協住建設備(株)</v>
          </cell>
          <cell r="D107" t="str">
            <v>072-783-2816</v>
          </cell>
          <cell r="E107" t="str">
            <v>664-0025</v>
          </cell>
          <cell r="F107" t="str">
            <v>兵庫県伊丹市奥畑2-227</v>
          </cell>
          <cell r="G107" t="str">
            <v>伊丹市</v>
          </cell>
          <cell r="H107" t="str">
            <v/>
          </cell>
          <cell r="I107" t="str">
            <v>代表取締役 長嶋　正雄</v>
          </cell>
          <cell r="J107" t="str">
            <v>本店</v>
          </cell>
          <cell r="K107" t="str">
            <v>072-777-9782</v>
          </cell>
          <cell r="L107" t="str">
            <v>info@sankyo-itami.com</v>
          </cell>
          <cell r="M107" t="str">
            <v>ｻﾝｷｮｳｼﾞｭｳｹﾝｾﾂﾋﾞ</v>
          </cell>
          <cell r="N107" t="str">
            <v>無</v>
          </cell>
          <cell r="O107">
            <v>34</v>
          </cell>
          <cell r="P107">
            <v>9</v>
          </cell>
          <cell r="Q107">
            <v>9140001078369</v>
          </cell>
          <cell r="R107">
            <v>10000</v>
          </cell>
          <cell r="S107">
            <v>37138</v>
          </cell>
          <cell r="T107">
            <v>114585</v>
          </cell>
          <cell r="V107" t="str">
            <v>us926401</v>
          </cell>
          <cell r="W107" t="str">
            <v>zd359199</v>
          </cell>
          <cell r="X107" t="str">
            <v>建大屋管タ鋼塗防内</v>
          </cell>
          <cell r="Y107" t="str">
            <v>建大屋管タ鋼塗防内</v>
          </cell>
          <cell r="Z107" t="str">
            <v/>
          </cell>
          <cell r="AA107" t="str">
            <v>建築一式</v>
          </cell>
          <cell r="AB107" t="str">
            <v>管</v>
          </cell>
          <cell r="AC107" t="str">
            <v>塗装</v>
          </cell>
          <cell r="AD107" t="str">
            <v>防水</v>
          </cell>
          <cell r="AE107">
            <v>43220</v>
          </cell>
          <cell r="AF107" t="str">
            <v/>
          </cell>
          <cell r="AG107" t="str">
            <v>建築一式</v>
          </cell>
          <cell r="AH107" t="str">
            <v>一般</v>
          </cell>
          <cell r="AI107">
            <v>652</v>
          </cell>
          <cell r="AJ107">
            <v>105360</v>
          </cell>
          <cell r="AK107" t="str">
            <v>1(1)//1</v>
          </cell>
          <cell r="AL107" t="str">
            <v>管</v>
          </cell>
          <cell r="AM107" t="str">
            <v>一般</v>
          </cell>
          <cell r="AN107">
            <v>546</v>
          </cell>
          <cell r="AO107">
            <v>2701</v>
          </cell>
          <cell r="AP107" t="str">
            <v>()/1/1</v>
          </cell>
          <cell r="AQ107" t="str">
            <v>塗装</v>
          </cell>
          <cell r="AR107" t="str">
            <v>一般</v>
          </cell>
          <cell r="AS107">
            <v>569</v>
          </cell>
          <cell r="AT107">
            <v>8293</v>
          </cell>
          <cell r="AU107" t="str">
            <v/>
          </cell>
          <cell r="AV107" t="str">
            <v>防水</v>
          </cell>
          <cell r="AW107" t="str">
            <v>一般</v>
          </cell>
          <cell r="AX107">
            <v>552</v>
          </cell>
          <cell r="AY107">
            <v>4363</v>
          </cell>
          <cell r="AZ107" t="str">
            <v/>
          </cell>
          <cell r="BA107" t="str">
            <v>伊丹市</v>
          </cell>
          <cell r="BB107" t="str">
            <v/>
          </cell>
          <cell r="CR107">
            <v>3349</v>
          </cell>
          <cell r="CS107" t="str">
            <v>ｱｻﾉ ﾃﾂｼ</v>
          </cell>
          <cell r="CT107" t="str">
            <v>浅野  哲司</v>
          </cell>
          <cell r="CU107" t="str">
            <v>都市安全企画課</v>
          </cell>
          <cell r="CW107">
            <v>2145</v>
          </cell>
          <cell r="CX107" t="str">
            <v xml:space="preserve"> </v>
          </cell>
          <cell r="CY107" t="str">
            <v>都市安全企画課長</v>
          </cell>
        </row>
        <row r="108">
          <cell r="B108">
            <v>533</v>
          </cell>
          <cell r="C108" t="str">
            <v>和光エンジニア(株)</v>
          </cell>
          <cell r="D108" t="str">
            <v>072-783-2515</v>
          </cell>
          <cell r="E108" t="str">
            <v>664-0028</v>
          </cell>
          <cell r="F108" t="str">
            <v>兵庫県伊丹市西野5-319</v>
          </cell>
          <cell r="G108" t="str">
            <v>伊丹市</v>
          </cell>
          <cell r="H108" t="str">
            <v/>
          </cell>
          <cell r="I108" t="str">
            <v>代表取締役 林　輝男</v>
          </cell>
          <cell r="J108" t="str">
            <v>本店</v>
          </cell>
          <cell r="K108" t="str">
            <v>072-772-6499</v>
          </cell>
          <cell r="L108" t="str">
            <v>wakou-engineer@mist.ocn.ne.jp</v>
          </cell>
          <cell r="M108" t="str">
            <v>ﾜｺｳｴﾝｼﾞﾆｱ</v>
          </cell>
          <cell r="N108" t="str">
            <v>無</v>
          </cell>
          <cell r="O108">
            <v>30</v>
          </cell>
          <cell r="P108">
            <v>10</v>
          </cell>
          <cell r="Q108">
            <v>3140001083564</v>
          </cell>
          <cell r="R108">
            <v>10000</v>
          </cell>
          <cell r="S108">
            <v>92157</v>
          </cell>
          <cell r="T108">
            <v>437609</v>
          </cell>
          <cell r="V108" t="str">
            <v>wz578285</v>
          </cell>
          <cell r="W108" t="str">
            <v>wz276263</v>
          </cell>
          <cell r="X108" t="str">
            <v>電</v>
          </cell>
          <cell r="Y108" t="str">
            <v>電</v>
          </cell>
          <cell r="Z108" t="str">
            <v/>
          </cell>
          <cell r="AA108" t="str">
            <v>電気</v>
          </cell>
          <cell r="AB108" t="str">
            <v/>
          </cell>
          <cell r="AC108" t="str">
            <v/>
          </cell>
          <cell r="AD108" t="str">
            <v/>
          </cell>
          <cell r="AE108">
            <v>43373</v>
          </cell>
          <cell r="AF108" t="str">
            <v/>
          </cell>
          <cell r="AG108" t="str">
            <v>電気</v>
          </cell>
          <cell r="AH108" t="str">
            <v>一般</v>
          </cell>
          <cell r="AI108">
            <v>825</v>
          </cell>
          <cell r="AJ108">
            <v>414676</v>
          </cell>
          <cell r="AK108" t="str">
            <v>1(1)/2/3</v>
          </cell>
          <cell r="AL108" t="str">
            <v/>
          </cell>
          <cell r="AM108" t="str">
            <v/>
          </cell>
          <cell r="AN108" t="str">
            <v/>
          </cell>
          <cell r="AO108" t="str">
            <v/>
          </cell>
          <cell r="AP108" t="str">
            <v/>
          </cell>
          <cell r="AQ108" t="str">
            <v/>
          </cell>
          <cell r="AR108" t="str">
            <v/>
          </cell>
          <cell r="AS108" t="str">
            <v/>
          </cell>
          <cell r="AT108" t="str">
            <v/>
          </cell>
          <cell r="AU108" t="str">
            <v/>
          </cell>
          <cell r="AV108" t="str">
            <v/>
          </cell>
          <cell r="AW108" t="str">
            <v/>
          </cell>
          <cell r="AX108" t="str">
            <v/>
          </cell>
          <cell r="AY108" t="str">
            <v/>
          </cell>
          <cell r="AZ108" t="str">
            <v/>
          </cell>
          <cell r="BA108" t="str">
            <v>伊丹市</v>
          </cell>
        </row>
        <row r="109">
          <cell r="B109">
            <v>536</v>
          </cell>
          <cell r="C109" t="str">
            <v>西菱電機(株)</v>
          </cell>
          <cell r="D109" t="str">
            <v>06-4797-7601</v>
          </cell>
          <cell r="E109" t="str">
            <v>530-0004</v>
          </cell>
          <cell r="F109" t="str">
            <v>大阪府大阪市北区堂島浜2-2-8</v>
          </cell>
          <cell r="G109" t="str">
            <v>伊丹市</v>
          </cell>
          <cell r="H109" t="str">
            <v>大阪支社</v>
          </cell>
          <cell r="I109" t="str">
            <v>支社長 川端　真史</v>
          </cell>
          <cell r="J109" t="str">
            <v>兵庫県伊丹市</v>
          </cell>
          <cell r="K109" t="str">
            <v>06-4797-7633</v>
          </cell>
          <cell r="L109" t="str">
            <v>e-nyusatsu@seiryodenki.co.jp</v>
          </cell>
          <cell r="M109" t="str">
            <v>ｾｲﾘｮｳﾃﾞﾝｷ</v>
          </cell>
          <cell r="N109" t="str">
            <v>有</v>
          </cell>
          <cell r="O109">
            <v>44</v>
          </cell>
          <cell r="P109">
            <v>420</v>
          </cell>
          <cell r="Q109">
            <v>1140001078509</v>
          </cell>
          <cell r="R109">
            <v>523018</v>
          </cell>
          <cell r="S109">
            <v>4759651</v>
          </cell>
          <cell r="T109" t="str">
            <v/>
          </cell>
          <cell r="V109" t="str">
            <v>tt295365</v>
          </cell>
          <cell r="W109" t="str">
            <v>uj586737</v>
          </cell>
          <cell r="X109" t="str">
            <v>機(電)(機)(通)電通</v>
          </cell>
          <cell r="Y109" t="str">
            <v>機(電)(機)(通)</v>
          </cell>
          <cell r="Z109" t="str">
            <v>電通</v>
          </cell>
          <cell r="AA109" t="str">
            <v>電気通信</v>
          </cell>
          <cell r="AB109" t="str">
            <v>電気</v>
          </cell>
          <cell r="AC109" t="str">
            <v>機械器具</v>
          </cell>
          <cell r="AD109" t="str">
            <v/>
          </cell>
          <cell r="AE109">
            <v>43190</v>
          </cell>
          <cell r="AF109" t="str">
            <v>希望しない</v>
          </cell>
          <cell r="AG109" t="str">
            <v>電気通信</v>
          </cell>
          <cell r="AH109" t="str">
            <v>特定</v>
          </cell>
          <cell r="AI109">
            <v>1153</v>
          </cell>
          <cell r="AJ109">
            <v>1508295</v>
          </cell>
          <cell r="AK109" t="str">
            <v>1(0)/0/121</v>
          </cell>
          <cell r="AL109" t="str">
            <v>電気</v>
          </cell>
          <cell r="AM109" t="str">
            <v>特定</v>
          </cell>
          <cell r="AN109">
            <v>1054</v>
          </cell>
          <cell r="AO109">
            <v>55609</v>
          </cell>
          <cell r="AP109" t="str">
            <v>31(31)/21/34</v>
          </cell>
          <cell r="AQ109" t="str">
            <v>機械器具</v>
          </cell>
          <cell r="AR109" t="str">
            <v>一般</v>
          </cell>
          <cell r="AS109">
            <v>814</v>
          </cell>
          <cell r="AT109">
            <v>817</v>
          </cell>
          <cell r="AU109" t="str">
            <v>0(0)/0/6</v>
          </cell>
          <cell r="AV109" t="str">
            <v/>
          </cell>
          <cell r="AW109" t="str">
            <v/>
          </cell>
          <cell r="AX109" t="str">
            <v/>
          </cell>
          <cell r="AY109" t="str">
            <v/>
          </cell>
          <cell r="AZ109" t="str">
            <v/>
          </cell>
          <cell r="BA109" t="str">
            <v>伊丹市</v>
          </cell>
          <cell r="BB109" t="str">
            <v/>
          </cell>
          <cell r="CR109">
            <v>3350</v>
          </cell>
          <cell r="CS109" t="str">
            <v>ﾂｼﾞﾓﾄ ﾏｻｲﾁ</v>
          </cell>
          <cell r="CT109" t="str">
            <v>辻本  勝一</v>
          </cell>
          <cell r="CU109" t="str">
            <v>公民館</v>
          </cell>
          <cell r="CW109">
            <v>5815</v>
          </cell>
          <cell r="CX109" t="str">
            <v>主査</v>
          </cell>
          <cell r="CY109" t="str">
            <v>公民館長</v>
          </cell>
        </row>
        <row r="110">
          <cell r="B110">
            <v>541</v>
          </cell>
          <cell r="C110" t="str">
            <v>(株)禎建</v>
          </cell>
          <cell r="D110" t="str">
            <v>072-785-9664</v>
          </cell>
          <cell r="E110" t="str">
            <v>664-0839</v>
          </cell>
          <cell r="F110" t="str">
            <v>兵庫県伊丹市桑津1-7-8</v>
          </cell>
          <cell r="G110" t="str">
            <v>伊丹市</v>
          </cell>
          <cell r="H110" t="str">
            <v/>
          </cell>
          <cell r="I110" t="str">
            <v>代表取締役 山下　禎英</v>
          </cell>
          <cell r="J110" t="str">
            <v>本店</v>
          </cell>
          <cell r="K110" t="str">
            <v>072-785-9774</v>
          </cell>
          <cell r="L110" t="str">
            <v>kuu_0104@yahoo.co.jp</v>
          </cell>
          <cell r="M110" t="str">
            <v>ﾃｲｹﾝ</v>
          </cell>
          <cell r="N110" t="str">
            <v>無</v>
          </cell>
          <cell r="O110">
            <v>8</v>
          </cell>
          <cell r="P110">
            <v>7</v>
          </cell>
          <cell r="Q110">
            <v>8140001094425</v>
          </cell>
          <cell r="R110">
            <v>5000</v>
          </cell>
          <cell r="S110">
            <v>-1474</v>
          </cell>
          <cell r="T110">
            <v>226720</v>
          </cell>
          <cell r="V110" t="str">
            <v>yg368367</v>
          </cell>
          <cell r="W110" t="str">
            <v>xv668142</v>
          </cell>
          <cell r="X110" t="str">
            <v>土と石鋼舗浚塗水</v>
          </cell>
          <cell r="Y110" t="str">
            <v>土と石鋼舗浚塗水</v>
          </cell>
          <cell r="Z110" t="str">
            <v/>
          </cell>
          <cell r="AA110" t="str">
            <v>水道施設</v>
          </cell>
          <cell r="AB110" t="str">
            <v>土木一式</v>
          </cell>
          <cell r="AC110" t="str">
            <v>舗装</v>
          </cell>
          <cell r="AD110" t="str">
            <v/>
          </cell>
          <cell r="AE110">
            <v>43281</v>
          </cell>
          <cell r="AF110" t="str">
            <v>希望しない</v>
          </cell>
          <cell r="AG110" t="str">
            <v>水道施設</v>
          </cell>
          <cell r="AH110" t="str">
            <v/>
          </cell>
          <cell r="AI110" t="str">
            <v>一般</v>
          </cell>
          <cell r="AJ110">
            <v>675</v>
          </cell>
          <cell r="AK110" t="str">
            <v>3(3)/0/0</v>
          </cell>
          <cell r="AL110" t="str">
            <v>土木一式</v>
          </cell>
          <cell r="AM110" t="str">
            <v/>
          </cell>
          <cell r="AN110" t="str">
            <v>一般</v>
          </cell>
          <cell r="AO110">
            <v>602</v>
          </cell>
          <cell r="AP110" t="str">
            <v>3(3)/1/0</v>
          </cell>
          <cell r="AQ110" t="str">
            <v>舗装</v>
          </cell>
          <cell r="AR110" t="str">
            <v/>
          </cell>
          <cell r="AS110" t="str">
            <v>一般</v>
          </cell>
          <cell r="AT110">
            <v>536</v>
          </cell>
          <cell r="AU110" t="str">
            <v>0(0)/1/0</v>
          </cell>
          <cell r="AV110" t="str">
            <v/>
          </cell>
          <cell r="AW110" t="str">
            <v/>
          </cell>
          <cell r="AX110" t="str">
            <v/>
          </cell>
          <cell r="AY110" t="str">
            <v/>
          </cell>
          <cell r="AZ110" t="str">
            <v/>
          </cell>
          <cell r="BA110" t="str">
            <v>伊丹市</v>
          </cell>
          <cell r="BB110" t="str">
            <v/>
          </cell>
          <cell r="CR110">
            <v>3351</v>
          </cell>
          <cell r="CS110" t="str">
            <v>ﾖｼﾀﾞ ﾀﾀﾞﾋｺ</v>
          </cell>
          <cell r="CT110" t="str">
            <v>吉田  唯彦</v>
          </cell>
          <cell r="CU110" t="str">
            <v>選挙管理委員会事務局</v>
          </cell>
          <cell r="CW110">
            <v>3507</v>
          </cell>
          <cell r="CX110" t="str">
            <v>主査</v>
          </cell>
          <cell r="CY110" t="str">
            <v>　</v>
          </cell>
        </row>
        <row r="111">
          <cell r="B111">
            <v>544</v>
          </cell>
          <cell r="C111" t="str">
            <v>(株)ビルドプラス</v>
          </cell>
          <cell r="D111" t="str">
            <v>072-767-6507</v>
          </cell>
          <cell r="E111" t="str">
            <v>664-0022</v>
          </cell>
          <cell r="F111" t="str">
            <v>兵庫県伊丹市中野東1-363-103</v>
          </cell>
          <cell r="G111" t="str">
            <v>伊丹市</v>
          </cell>
          <cell r="H111" t="str">
            <v/>
          </cell>
          <cell r="I111" t="str">
            <v>代表取締役 赤田　紀佳</v>
          </cell>
          <cell r="J111" t="str">
            <v>本店</v>
          </cell>
          <cell r="K111" t="str">
            <v>072-767-6506</v>
          </cell>
          <cell r="L111" t="str">
            <v>akada@build-plus.net</v>
          </cell>
          <cell r="M111" t="str">
            <v>ﾋﾞﾙﾄﾞﾌﾟﾗｽ</v>
          </cell>
          <cell r="N111" t="str">
            <v>無</v>
          </cell>
          <cell r="O111">
            <v>1</v>
          </cell>
          <cell r="P111">
            <v>4</v>
          </cell>
          <cell r="Q111">
            <v>6140001110893</v>
          </cell>
          <cell r="R111">
            <v>5000</v>
          </cell>
          <cell r="S111">
            <v>15631</v>
          </cell>
          <cell r="T111">
            <v>77851</v>
          </cell>
          <cell r="V111" t="str">
            <v>jp313175</v>
          </cell>
          <cell r="W111" t="str">
            <v>vd377397</v>
          </cell>
          <cell r="X111" t="str">
            <v>土と石鋼舗浚園水</v>
          </cell>
          <cell r="Y111" t="str">
            <v>土と石鋼舗浚園水</v>
          </cell>
          <cell r="Z111" t="str">
            <v/>
          </cell>
          <cell r="AA111" t="str">
            <v>土木一式</v>
          </cell>
          <cell r="AB111" t="str">
            <v>造園</v>
          </cell>
          <cell r="AC111" t="str">
            <v>水道施設</v>
          </cell>
          <cell r="AD111" t="str">
            <v>石</v>
          </cell>
          <cell r="AE111">
            <v>43100</v>
          </cell>
          <cell r="AF111" t="str">
            <v/>
          </cell>
          <cell r="AG111" t="str">
            <v>土木一式</v>
          </cell>
          <cell r="AH111" t="str">
            <v>一般</v>
          </cell>
          <cell r="AI111">
            <v>659</v>
          </cell>
          <cell r="AJ111">
            <v>56060</v>
          </cell>
          <cell r="AK111" t="str">
            <v>2(2)//</v>
          </cell>
          <cell r="AL111" t="str">
            <v>造園</v>
          </cell>
          <cell r="AM111" t="str">
            <v>一般</v>
          </cell>
          <cell r="AN111">
            <v>582</v>
          </cell>
          <cell r="AO111" t="str">
            <v/>
          </cell>
          <cell r="AP111" t="str">
            <v>()/1/</v>
          </cell>
          <cell r="AQ111" t="str">
            <v>水道施設</v>
          </cell>
          <cell r="AR111" t="str">
            <v>一般</v>
          </cell>
          <cell r="AS111">
            <v>562</v>
          </cell>
          <cell r="AT111" t="str">
            <v/>
          </cell>
          <cell r="AU111" t="str">
            <v>2(2)//</v>
          </cell>
          <cell r="AV111" t="str">
            <v>石</v>
          </cell>
          <cell r="AW111" t="str">
            <v>一般</v>
          </cell>
          <cell r="AX111">
            <v>562</v>
          </cell>
          <cell r="AY111" t="str">
            <v/>
          </cell>
          <cell r="AZ111" t="str">
            <v>1()//</v>
          </cell>
          <cell r="BA111" t="str">
            <v>伊丹市</v>
          </cell>
          <cell r="BB111" t="str">
            <v/>
          </cell>
          <cell r="CR111">
            <v>3352</v>
          </cell>
          <cell r="CS111" t="str">
            <v>ｱｶﾓﾄ ﾁﾖｺ</v>
          </cell>
          <cell r="CT111" t="str">
            <v>赤元  千代子</v>
          </cell>
          <cell r="CU111" t="str">
            <v>市民相談課</v>
          </cell>
          <cell r="CW111">
            <v>2129</v>
          </cell>
          <cell r="CX111" t="str">
            <v>課長</v>
          </cell>
          <cell r="CY111" t="str">
            <v>市民相談課長</v>
          </cell>
        </row>
        <row r="112">
          <cell r="B112">
            <v>545</v>
          </cell>
          <cell r="C112" t="str">
            <v>ＬｉＶエンヂニアリング(株)</v>
          </cell>
          <cell r="D112" t="str">
            <v>072-785-9114</v>
          </cell>
          <cell r="E112" t="str">
            <v>664-0022</v>
          </cell>
          <cell r="F112" t="str">
            <v>兵庫県伊丹市中野東3-130</v>
          </cell>
          <cell r="G112" t="str">
            <v>伊丹市</v>
          </cell>
          <cell r="H112" t="str">
            <v/>
          </cell>
          <cell r="I112" t="str">
            <v>代表取締役　 橋本　剛志</v>
          </cell>
          <cell r="J112" t="str">
            <v>本店</v>
          </cell>
          <cell r="K112" t="str">
            <v>072-785-9115</v>
          </cell>
          <cell r="L112" t="str">
            <v>yamamoto@liv-eng.co.jp</v>
          </cell>
          <cell r="M112" t="str">
            <v>ﾘﾌﾞｴﾝﾁﾞﾆｱﾘﾝｸﾞ</v>
          </cell>
          <cell r="N112" t="str">
            <v>無</v>
          </cell>
          <cell r="O112">
            <v>9</v>
          </cell>
          <cell r="P112">
            <v>19</v>
          </cell>
          <cell r="Q112">
            <v>4140000000000</v>
          </cell>
          <cell r="R112">
            <v>20000</v>
          </cell>
          <cell r="S112">
            <v>128277</v>
          </cell>
          <cell r="T112">
            <v>535072</v>
          </cell>
          <cell r="V112" t="str">
            <v>wn541699</v>
          </cell>
          <cell r="W112" t="str">
            <v>vx320635</v>
          </cell>
          <cell r="X112" t="str">
            <v>土と石鋼舗浚園水</v>
          </cell>
          <cell r="Y112" t="str">
            <v>土と石鋼舗浚園水</v>
          </cell>
          <cell r="Z112" t="str">
            <v/>
          </cell>
          <cell r="AA112" t="str">
            <v>電気</v>
          </cell>
          <cell r="AB112" t="str">
            <v/>
          </cell>
          <cell r="AC112" t="str">
            <v/>
          </cell>
          <cell r="AD112" t="str">
            <v/>
          </cell>
          <cell r="AE112">
            <v>43251</v>
          </cell>
          <cell r="AF112" t="str">
            <v>希望しない</v>
          </cell>
          <cell r="AG112" t="str">
            <v>電気</v>
          </cell>
          <cell r="AH112" t="str">
            <v>特定</v>
          </cell>
          <cell r="AI112">
            <v>813</v>
          </cell>
          <cell r="AJ112">
            <v>521125</v>
          </cell>
          <cell r="AK112" t="str">
            <v>4(4)/3/3</v>
          </cell>
          <cell r="AL112" t="str">
            <v/>
          </cell>
          <cell r="AM112" t="str">
            <v/>
          </cell>
          <cell r="AN112" t="str">
            <v/>
          </cell>
          <cell r="AO112" t="str">
            <v/>
          </cell>
          <cell r="AP112" t="str">
            <v/>
          </cell>
          <cell r="AQ112" t="str">
            <v/>
          </cell>
          <cell r="AR112" t="str">
            <v/>
          </cell>
          <cell r="AS112" t="str">
            <v/>
          </cell>
          <cell r="AT112" t="str">
            <v/>
          </cell>
          <cell r="AU112" t="str">
            <v/>
          </cell>
          <cell r="AV112" t="str">
            <v/>
          </cell>
          <cell r="AW112" t="str">
            <v/>
          </cell>
          <cell r="AX112" t="str">
            <v/>
          </cell>
          <cell r="AY112" t="str">
            <v/>
          </cell>
          <cell r="AZ112" t="str">
            <v/>
          </cell>
          <cell r="BA112" t="str">
            <v>伊丹市</v>
          </cell>
          <cell r="BB112" t="str">
            <v/>
          </cell>
          <cell r="CR112">
            <v>3353</v>
          </cell>
          <cell r="CS112" t="str">
            <v>ﾀｸﾞﾁ ｸﾐｺ</v>
          </cell>
          <cell r="CT112" t="str">
            <v>田口  久美子</v>
          </cell>
          <cell r="CU112" t="str">
            <v>市民課</v>
          </cell>
          <cell r="CW112">
            <v>2623</v>
          </cell>
          <cell r="CX112" t="str">
            <v>副主査</v>
          </cell>
          <cell r="CY112" t="str">
            <v>市民課長</v>
          </cell>
        </row>
        <row r="113">
          <cell r="B113">
            <v>546</v>
          </cell>
          <cell r="C113" t="str">
            <v>(株)モンデン</v>
          </cell>
          <cell r="D113" t="str">
            <v>072-773-6616</v>
          </cell>
          <cell r="E113" t="str">
            <v>664-0844</v>
          </cell>
          <cell r="F113" t="str">
            <v>兵庫県伊丹市口酒井2-9-10</v>
          </cell>
          <cell r="G113" t="str">
            <v>伊丹市</v>
          </cell>
          <cell r="H113" t="str">
            <v/>
          </cell>
          <cell r="I113" t="str">
            <v>代表取締役 西谷　裕樹</v>
          </cell>
          <cell r="J113" t="str">
            <v>本店</v>
          </cell>
          <cell r="K113" t="str">
            <v>072-773-6617</v>
          </cell>
          <cell r="L113" t="str">
            <v>monden-nishitani@ad.auone-net.jp</v>
          </cell>
          <cell r="M113" t="str">
            <v>ﾓﾝﾃﾞﾝ</v>
          </cell>
          <cell r="N113" t="str">
            <v>無</v>
          </cell>
          <cell r="O113">
            <v>18</v>
          </cell>
          <cell r="P113">
            <v>5</v>
          </cell>
          <cell r="Q113">
            <v>9140001079838</v>
          </cell>
          <cell r="R113">
            <v>10000</v>
          </cell>
          <cell r="S113">
            <v>25154</v>
          </cell>
          <cell r="T113">
            <v>99725</v>
          </cell>
          <cell r="V113" t="str">
            <v>xs594515</v>
          </cell>
          <cell r="W113" t="str">
            <v>nq258791</v>
          </cell>
          <cell r="X113" t="str">
            <v>土建と鋼鉄舗防内水</v>
          </cell>
          <cell r="Y113" t="str">
            <v>土建と鋼鉄舗防内水</v>
          </cell>
          <cell r="Z113" t="str">
            <v/>
          </cell>
          <cell r="AA113" t="str">
            <v>とび土工</v>
          </cell>
          <cell r="AB113" t="str">
            <v>建築一式</v>
          </cell>
          <cell r="AC113" t="str">
            <v/>
          </cell>
          <cell r="AD113" t="str">
            <v/>
          </cell>
          <cell r="AE113">
            <v>43555</v>
          </cell>
          <cell r="AF113" t="str">
            <v>希望しない</v>
          </cell>
          <cell r="AG113" t="str">
            <v>とび土工</v>
          </cell>
          <cell r="AH113" t="str">
            <v>一般</v>
          </cell>
          <cell r="AI113">
            <v>621</v>
          </cell>
          <cell r="AJ113">
            <v>29024</v>
          </cell>
          <cell r="AK113" t="str">
            <v>1(0)/2/0</v>
          </cell>
          <cell r="AL113" t="str">
            <v>建築一式</v>
          </cell>
          <cell r="AM113" t="str">
            <v>一般</v>
          </cell>
          <cell r="AN113">
            <v>593</v>
          </cell>
          <cell r="AO113">
            <v>9835</v>
          </cell>
          <cell r="AP113" t="str">
            <v>1(0)/0/0</v>
          </cell>
          <cell r="AQ113" t="str">
            <v/>
          </cell>
          <cell r="AR113" t="str">
            <v/>
          </cell>
          <cell r="AS113" t="str">
            <v/>
          </cell>
          <cell r="AT113" t="str">
            <v/>
          </cell>
          <cell r="AU113" t="str">
            <v/>
          </cell>
          <cell r="AV113" t="str">
            <v/>
          </cell>
          <cell r="AW113" t="str">
            <v/>
          </cell>
          <cell r="AX113" t="str">
            <v/>
          </cell>
          <cell r="AY113" t="str">
            <v/>
          </cell>
          <cell r="AZ113" t="str">
            <v/>
          </cell>
          <cell r="BA113" t="str">
            <v>伊丹市</v>
          </cell>
        </row>
        <row r="114">
          <cell r="B114">
            <v>548</v>
          </cell>
          <cell r="C114" t="str">
            <v>(株)やのせつび</v>
          </cell>
          <cell r="D114" t="str">
            <v>072-772-8599</v>
          </cell>
          <cell r="E114" t="str">
            <v>664-0028</v>
          </cell>
          <cell r="F114" t="str">
            <v>兵庫県伊丹市西野2-489</v>
          </cell>
          <cell r="G114" t="str">
            <v>伊丹市</v>
          </cell>
          <cell r="H114" t="str">
            <v/>
          </cell>
          <cell r="I114" t="str">
            <v>代表取締役社長 矢野　竜巳</v>
          </cell>
          <cell r="J114" t="str">
            <v>本店</v>
          </cell>
          <cell r="K114" t="str">
            <v>072-772-8599</v>
          </cell>
          <cell r="L114" t="str">
            <v>yanosetsubi@bcb.bai.ne.jp</v>
          </cell>
          <cell r="M114" t="str">
            <v>ﾔﾉｾﾂﾋﾞ</v>
          </cell>
          <cell r="N114" t="str">
            <v>無</v>
          </cell>
          <cell r="O114">
            <v>4</v>
          </cell>
          <cell r="P114">
            <v>2</v>
          </cell>
          <cell r="Q114">
            <v>7140001109514</v>
          </cell>
          <cell r="R114">
            <v>5000</v>
          </cell>
          <cell r="S114">
            <v>-4904</v>
          </cell>
          <cell r="T114">
            <v>27012</v>
          </cell>
          <cell r="V114" t="str">
            <v>xx165518</v>
          </cell>
          <cell r="W114" t="str">
            <v>wp170740</v>
          </cell>
          <cell r="X114" t="str">
            <v>土管水</v>
          </cell>
          <cell r="Y114" t="str">
            <v>土管水</v>
          </cell>
          <cell r="Z114" t="str">
            <v/>
          </cell>
          <cell r="AA114" t="str">
            <v>水道施設</v>
          </cell>
          <cell r="AB114" t="str">
            <v>土木一式</v>
          </cell>
          <cell r="AC114" t="str">
            <v>管</v>
          </cell>
          <cell r="AD114" t="str">
            <v/>
          </cell>
          <cell r="AE114">
            <v>43185</v>
          </cell>
          <cell r="AF114" t="str">
            <v/>
          </cell>
          <cell r="AG114" t="str">
            <v>水道施設</v>
          </cell>
          <cell r="AH114" t="str">
            <v>一般</v>
          </cell>
          <cell r="AI114">
            <v>460</v>
          </cell>
          <cell r="AJ114">
            <v>15935</v>
          </cell>
          <cell r="AK114" t="str">
            <v>()/0/</v>
          </cell>
          <cell r="AL114" t="str">
            <v>土木一式</v>
          </cell>
          <cell r="AM114" t="str">
            <v>一般</v>
          </cell>
          <cell r="AN114">
            <v>455</v>
          </cell>
          <cell r="AO114">
            <v>9455</v>
          </cell>
          <cell r="AP114" t="str">
            <v>()/1/</v>
          </cell>
          <cell r="AQ114" t="str">
            <v>管</v>
          </cell>
          <cell r="AR114" t="str">
            <v>一般</v>
          </cell>
          <cell r="AS114">
            <v>429</v>
          </cell>
          <cell r="AT114">
            <v>5414</v>
          </cell>
          <cell r="AU114" t="str">
            <v>()/1/</v>
          </cell>
          <cell r="AV114" t="str">
            <v/>
          </cell>
          <cell r="AW114" t="str">
            <v/>
          </cell>
          <cell r="AX114" t="str">
            <v/>
          </cell>
          <cell r="AY114" t="str">
            <v/>
          </cell>
          <cell r="AZ114" t="str">
            <v/>
          </cell>
          <cell r="BA114" t="str">
            <v>伊丹市</v>
          </cell>
          <cell r="BB114" t="str">
            <v/>
          </cell>
          <cell r="CR114">
            <v>3356</v>
          </cell>
          <cell r="CS114" t="str">
            <v>ｷﾀﾞ ﾐﾂﾖ</v>
          </cell>
          <cell r="CT114" t="str">
            <v>木田  満代</v>
          </cell>
          <cell r="CU114" t="str">
            <v xml:space="preserve"> </v>
          </cell>
          <cell r="CW114">
            <v>3408</v>
          </cell>
          <cell r="CX114" t="str">
            <v>主査</v>
          </cell>
          <cell r="CY114" t="str">
            <v>　</v>
          </cell>
        </row>
        <row r="115">
          <cell r="B115">
            <v>549</v>
          </cell>
          <cell r="C115" t="str">
            <v>(株)有田電気工業</v>
          </cell>
          <cell r="D115" t="str">
            <v>072-767-7905</v>
          </cell>
          <cell r="E115" t="str">
            <v>664-0873</v>
          </cell>
          <cell r="F115" t="str">
            <v>兵庫県伊丹市野間7-11-6</v>
          </cell>
          <cell r="G115" t="str">
            <v>伊丹市</v>
          </cell>
          <cell r="H115" t="str">
            <v/>
          </cell>
          <cell r="I115" t="str">
            <v>代表取締役 有田　郁雄</v>
          </cell>
          <cell r="J115" t="str">
            <v>本店</v>
          </cell>
          <cell r="K115" t="str">
            <v>072-767-7906</v>
          </cell>
          <cell r="L115" t="str">
            <v>ariden@zg7.so-net.ne.jp</v>
          </cell>
          <cell r="M115" t="str">
            <v>ｱﾘﾀﾃﾞﾝｷｺｳｷﾞｮｳ</v>
          </cell>
          <cell r="N115" t="str">
            <v>無</v>
          </cell>
          <cell r="O115">
            <v>9</v>
          </cell>
          <cell r="P115">
            <v>8</v>
          </cell>
          <cell r="Q115">
            <v>1140001088086</v>
          </cell>
          <cell r="R115">
            <v>5000</v>
          </cell>
          <cell r="S115">
            <v>18270</v>
          </cell>
          <cell r="T115">
            <v>142402</v>
          </cell>
          <cell r="V115" t="str">
            <v>en920666</v>
          </cell>
          <cell r="W115" t="str">
            <v>bn719295</v>
          </cell>
          <cell r="X115" t="str">
            <v>電</v>
          </cell>
          <cell r="Y115" t="str">
            <v>電</v>
          </cell>
          <cell r="Z115" t="str">
            <v/>
          </cell>
          <cell r="AA115" t="str">
            <v>電気</v>
          </cell>
          <cell r="AB115" t="str">
            <v/>
          </cell>
          <cell r="AC115" t="str">
            <v/>
          </cell>
          <cell r="AD115" t="str">
            <v/>
          </cell>
          <cell r="AE115">
            <v>43312</v>
          </cell>
          <cell r="AF115" t="str">
            <v>希望しない</v>
          </cell>
          <cell r="AG115" t="str">
            <v>電気</v>
          </cell>
          <cell r="AH115" t="str">
            <v>一般</v>
          </cell>
          <cell r="AI115">
            <v>619</v>
          </cell>
          <cell r="AJ115">
            <v>145696</v>
          </cell>
          <cell r="AK115" t="str">
            <v>1(1)/3/1</v>
          </cell>
          <cell r="AL115" t="str">
            <v/>
          </cell>
          <cell r="AM115" t="str">
            <v/>
          </cell>
          <cell r="AN115" t="str">
            <v/>
          </cell>
          <cell r="AO115" t="str">
            <v/>
          </cell>
          <cell r="AP115" t="str">
            <v/>
          </cell>
          <cell r="AQ115" t="str">
            <v/>
          </cell>
          <cell r="AR115" t="str">
            <v/>
          </cell>
          <cell r="AS115" t="str">
            <v/>
          </cell>
          <cell r="AT115" t="str">
            <v/>
          </cell>
          <cell r="AU115" t="str">
            <v/>
          </cell>
          <cell r="AV115" t="str">
            <v/>
          </cell>
          <cell r="AW115" t="str">
            <v/>
          </cell>
          <cell r="AX115" t="str">
            <v/>
          </cell>
          <cell r="AY115" t="str">
            <v/>
          </cell>
          <cell r="AZ115" t="str">
            <v/>
          </cell>
          <cell r="BA115" t="str">
            <v>伊丹市</v>
          </cell>
          <cell r="BB115" t="str">
            <v/>
          </cell>
          <cell r="CR115">
            <v>3358</v>
          </cell>
          <cell r="CS115" t="str">
            <v>ｲｴﾓﾄ ﾐﾜｺ</v>
          </cell>
          <cell r="CT115" t="str">
            <v>家本  美和子</v>
          </cell>
          <cell r="CU115" t="str">
            <v>収納管理課</v>
          </cell>
          <cell r="CW115">
            <v>2350</v>
          </cell>
          <cell r="CX115" t="str">
            <v>副主査</v>
          </cell>
          <cell r="CY115" t="str">
            <v>収納管理課長</v>
          </cell>
        </row>
        <row r="116">
          <cell r="B116">
            <v>550</v>
          </cell>
          <cell r="C116" t="str">
            <v>(株)兵建</v>
          </cell>
          <cell r="D116" t="str">
            <v>072-770-2750</v>
          </cell>
          <cell r="E116" t="str">
            <v>664-0864</v>
          </cell>
          <cell r="F116" t="str">
            <v>兵庫県伊丹市安堂寺町6-396</v>
          </cell>
          <cell r="G116" t="str">
            <v>伊丹市</v>
          </cell>
          <cell r="H116" t="str">
            <v/>
          </cell>
          <cell r="I116" t="str">
            <v>代表取締役 徐　幸一</v>
          </cell>
          <cell r="J116" t="str">
            <v>本店</v>
          </cell>
          <cell r="K116" t="str">
            <v>072-770-2751</v>
          </cell>
          <cell r="L116" t="str">
            <v>hyouken@ohshiro.co.jp</v>
          </cell>
          <cell r="M116" t="str">
            <v>ﾋｮｳｹﾝ</v>
          </cell>
          <cell r="N116" t="str">
            <v>無</v>
          </cell>
          <cell r="O116">
            <v>13</v>
          </cell>
          <cell r="P116">
            <v>4</v>
          </cell>
          <cell r="Q116">
            <v>6140001091250</v>
          </cell>
          <cell r="R116">
            <v>10000</v>
          </cell>
          <cell r="S116">
            <v>17253</v>
          </cell>
          <cell r="T116">
            <v>102699</v>
          </cell>
          <cell r="V116" t="str">
            <v>sx594595</v>
          </cell>
          <cell r="W116" t="str">
            <v>nk024876</v>
          </cell>
          <cell r="X116" t="str">
            <v>土と管舗浚水</v>
          </cell>
          <cell r="Y116" t="str">
            <v>土と管舗浚水</v>
          </cell>
          <cell r="Z116" t="str">
            <v/>
          </cell>
          <cell r="AA116" t="str">
            <v>土木一式</v>
          </cell>
          <cell r="AB116" t="str">
            <v>水道施設</v>
          </cell>
          <cell r="AC116" t="str">
            <v>舗装</v>
          </cell>
          <cell r="AD116" t="str">
            <v>浚渫</v>
          </cell>
          <cell r="AE116">
            <v>43281</v>
          </cell>
          <cell r="AF116" t="str">
            <v>希望する</v>
          </cell>
          <cell r="AG116" t="str">
            <v>土木一式</v>
          </cell>
          <cell r="AH116" t="str">
            <v>一般</v>
          </cell>
          <cell r="AI116">
            <v>692</v>
          </cell>
          <cell r="AJ116">
            <v>80301</v>
          </cell>
          <cell r="AK116" t="str">
            <v>0(0)/1/3</v>
          </cell>
          <cell r="AL116" t="str">
            <v>水道施設</v>
          </cell>
          <cell r="AM116" t="str">
            <v>一般</v>
          </cell>
          <cell r="AN116">
            <v>667</v>
          </cell>
          <cell r="AO116">
            <v>22398</v>
          </cell>
          <cell r="AP116" t="str">
            <v>0(0)/1/3</v>
          </cell>
          <cell r="AQ116" t="str">
            <v>舗装</v>
          </cell>
          <cell r="AR116" t="str">
            <v>一般</v>
          </cell>
          <cell r="AS116">
            <v>592</v>
          </cell>
          <cell r="AT116" t="str">
            <v/>
          </cell>
          <cell r="AU116" t="str">
            <v>0(0)/0/0</v>
          </cell>
          <cell r="AV116" t="str">
            <v>浚渫</v>
          </cell>
          <cell r="AW116" t="str">
            <v>一般</v>
          </cell>
          <cell r="AX116">
            <v>592</v>
          </cell>
          <cell r="AY116" t="str">
            <v/>
          </cell>
          <cell r="AZ116" t="str">
            <v>0(0)/0/0</v>
          </cell>
          <cell r="BA116" t="str">
            <v>伊丹市</v>
          </cell>
          <cell r="BB116" t="str">
            <v/>
          </cell>
          <cell r="CR116">
            <v>3363</v>
          </cell>
          <cell r="CS116" t="str">
            <v>ｵｵﾆｼ ﾕｷﾐ</v>
          </cell>
          <cell r="CT116" t="str">
            <v>大西  行美</v>
          </cell>
          <cell r="CU116" t="str">
            <v>消費生活センター</v>
          </cell>
          <cell r="CW116" t="str">
            <v xml:space="preserve"> </v>
          </cell>
          <cell r="CX116" t="str">
            <v>所長</v>
          </cell>
          <cell r="CY116" t="str">
            <v>消費生活センター長</v>
          </cell>
        </row>
        <row r="117">
          <cell r="B117">
            <v>552</v>
          </cell>
          <cell r="C117" t="str">
            <v>神勇工業</v>
          </cell>
          <cell r="D117" t="str">
            <v>072-777-7273</v>
          </cell>
          <cell r="E117" t="str">
            <v>664-0017</v>
          </cell>
          <cell r="F117" t="str">
            <v>兵庫県伊丹市瑞ヶ丘4-31-3</v>
          </cell>
          <cell r="G117" t="str">
            <v>伊丹市</v>
          </cell>
          <cell r="H117" t="str">
            <v/>
          </cell>
          <cell r="I117" t="str">
            <v xml:space="preserve"> 辻田　吉宏</v>
          </cell>
          <cell r="J117" t="str">
            <v>本店</v>
          </cell>
          <cell r="K117" t="str">
            <v>072-777-7273</v>
          </cell>
          <cell r="L117" t="str">
            <v>shinyu-kogyo@gaia.eonet.ne.jp</v>
          </cell>
          <cell r="M117" t="str">
            <v>ｼﾝﾕｳｺｳｷﾞｮｳ</v>
          </cell>
          <cell r="N117" t="str">
            <v>無</v>
          </cell>
          <cell r="O117">
            <v>5</v>
          </cell>
          <cell r="P117">
            <v>4</v>
          </cell>
          <cell r="Q117" t="str">
            <v/>
          </cell>
          <cell r="R117" t="str">
            <v/>
          </cell>
          <cell r="S117">
            <v>6140</v>
          </cell>
          <cell r="T117">
            <v>57568</v>
          </cell>
          <cell r="V117" t="str">
            <v>ef751430</v>
          </cell>
          <cell r="W117" t="str">
            <v>rz994593</v>
          </cell>
          <cell r="X117" t="str">
            <v>管</v>
          </cell>
          <cell r="Y117" t="str">
            <v>管</v>
          </cell>
          <cell r="Z117" t="str">
            <v/>
          </cell>
          <cell r="AA117" t="str">
            <v>管</v>
          </cell>
          <cell r="AB117" t="str">
            <v/>
          </cell>
          <cell r="AC117" t="str">
            <v/>
          </cell>
          <cell r="AD117" t="str">
            <v/>
          </cell>
          <cell r="AE117">
            <v>43100</v>
          </cell>
          <cell r="AF117" t="str">
            <v>希望しない</v>
          </cell>
          <cell r="AG117" t="str">
            <v>管</v>
          </cell>
          <cell r="AH117" t="str">
            <v>一般</v>
          </cell>
          <cell r="AI117">
            <v>586</v>
          </cell>
          <cell r="AJ117">
            <v>49839</v>
          </cell>
          <cell r="AK117" t="str">
            <v>1(0)/0/0</v>
          </cell>
          <cell r="AL117" t="str">
            <v/>
          </cell>
          <cell r="AM117" t="str">
            <v/>
          </cell>
          <cell r="AN117" t="str">
            <v/>
          </cell>
          <cell r="AO117" t="str">
            <v/>
          </cell>
          <cell r="AP117" t="str">
            <v/>
          </cell>
          <cell r="AQ117" t="str">
            <v/>
          </cell>
          <cell r="AR117" t="str">
            <v/>
          </cell>
          <cell r="AS117" t="str">
            <v/>
          </cell>
          <cell r="AT117" t="str">
            <v/>
          </cell>
          <cell r="AU117" t="str">
            <v/>
          </cell>
          <cell r="AV117" t="str">
            <v/>
          </cell>
          <cell r="AW117" t="str">
            <v/>
          </cell>
          <cell r="AX117" t="str">
            <v/>
          </cell>
          <cell r="AY117" t="str">
            <v/>
          </cell>
          <cell r="AZ117" t="str">
            <v/>
          </cell>
          <cell r="BA117" t="str">
            <v>伊丹市</v>
          </cell>
          <cell r="BB117" t="str">
            <v/>
          </cell>
          <cell r="CR117">
            <v>3365</v>
          </cell>
          <cell r="CS117" t="str">
            <v>ｽｷﾞﾓﾄ ｼｽﾞｷﾖ</v>
          </cell>
          <cell r="CT117" t="str">
            <v>杉本  静白</v>
          </cell>
          <cell r="CU117" t="str">
            <v>市民課</v>
          </cell>
          <cell r="CW117" t="str">
            <v xml:space="preserve"> </v>
          </cell>
          <cell r="CX117" t="str">
            <v>室長</v>
          </cell>
          <cell r="CY117" t="str">
            <v>市民課長</v>
          </cell>
        </row>
        <row r="118">
          <cell r="B118">
            <v>554</v>
          </cell>
          <cell r="C118" t="str">
            <v>(株)勝中</v>
          </cell>
          <cell r="D118" t="str">
            <v>072-785-7380</v>
          </cell>
          <cell r="E118" t="str">
            <v>664-0003</v>
          </cell>
          <cell r="F118" t="str">
            <v>兵庫県伊丹市大野2-183-7</v>
          </cell>
          <cell r="G118" t="str">
            <v>伊丹市</v>
          </cell>
          <cell r="H118" t="str">
            <v/>
          </cell>
          <cell r="I118" t="str">
            <v>代表取締役 伊藤　勝三</v>
          </cell>
          <cell r="J118" t="str">
            <v>本店</v>
          </cell>
          <cell r="K118" t="str">
            <v>072-769-5843</v>
          </cell>
          <cell r="L118" t="str">
            <v>katunaka@gmail.com</v>
          </cell>
          <cell r="M118" t="str">
            <v>ｶﾂﾅｶ</v>
          </cell>
          <cell r="N118" t="str">
            <v>無</v>
          </cell>
          <cell r="O118">
            <v>8</v>
          </cell>
          <cell r="P118">
            <v>5</v>
          </cell>
          <cell r="Q118">
            <v>6140001081012</v>
          </cell>
          <cell r="R118">
            <v>3500</v>
          </cell>
          <cell r="S118">
            <v>6166</v>
          </cell>
          <cell r="T118">
            <v>53760</v>
          </cell>
          <cell r="V118" t="str">
            <v>da978081</v>
          </cell>
          <cell r="W118" t="str">
            <v>bj313749</v>
          </cell>
          <cell r="X118" t="str">
            <v>園</v>
          </cell>
          <cell r="Y118" t="str">
            <v>園</v>
          </cell>
          <cell r="Z118" t="str">
            <v/>
          </cell>
          <cell r="AA118" t="str">
            <v>造園</v>
          </cell>
          <cell r="AB118" t="str">
            <v/>
          </cell>
          <cell r="AC118" t="str">
            <v/>
          </cell>
          <cell r="AD118" t="str">
            <v/>
          </cell>
          <cell r="AE118">
            <v>43039</v>
          </cell>
          <cell r="AF118" t="str">
            <v>希望しない</v>
          </cell>
          <cell r="AG118" t="str">
            <v>造園</v>
          </cell>
          <cell r="AH118" t="str">
            <v>一般</v>
          </cell>
          <cell r="AI118">
            <v>579</v>
          </cell>
          <cell r="AJ118">
            <v>56076</v>
          </cell>
          <cell r="AK118" t="str">
            <v>0(0)/2/0</v>
          </cell>
          <cell r="AL118" t="str">
            <v/>
          </cell>
          <cell r="AM118" t="str">
            <v/>
          </cell>
          <cell r="AN118" t="str">
            <v/>
          </cell>
          <cell r="AO118" t="str">
            <v/>
          </cell>
          <cell r="AP118" t="str">
            <v/>
          </cell>
          <cell r="AQ118" t="str">
            <v/>
          </cell>
          <cell r="AR118" t="str">
            <v/>
          </cell>
          <cell r="AS118" t="str">
            <v/>
          </cell>
          <cell r="AT118" t="str">
            <v/>
          </cell>
          <cell r="AU118" t="str">
            <v/>
          </cell>
          <cell r="AV118" t="str">
            <v/>
          </cell>
          <cell r="AW118" t="str">
            <v/>
          </cell>
          <cell r="AX118" t="str">
            <v/>
          </cell>
          <cell r="AY118" t="str">
            <v/>
          </cell>
          <cell r="AZ118" t="str">
            <v/>
          </cell>
          <cell r="BA118" t="str">
            <v>伊丹市</v>
          </cell>
          <cell r="BB118" t="str">
            <v/>
          </cell>
          <cell r="CR118">
            <v>3368</v>
          </cell>
          <cell r="CS118" t="str">
            <v>ﾄﾖﾌｸ ｼｹﾞﾖｼ</v>
          </cell>
          <cell r="CT118" t="str">
            <v>豊福  繁良</v>
          </cell>
          <cell r="CU118" t="str">
            <v>浄水課</v>
          </cell>
          <cell r="CW118" t="str">
            <v xml:space="preserve"> </v>
          </cell>
          <cell r="CX118" t="str">
            <v>課長</v>
          </cell>
          <cell r="CY118" t="str">
            <v>浄水課長</v>
          </cell>
        </row>
        <row r="119">
          <cell r="B119">
            <v>556</v>
          </cell>
          <cell r="C119" t="str">
            <v>(株)大和建設</v>
          </cell>
          <cell r="D119" t="str">
            <v>072-772-3837</v>
          </cell>
          <cell r="E119" t="str">
            <v>664-0886</v>
          </cell>
          <cell r="F119" t="str">
            <v>兵庫県伊丹市昆陽東6-10-6</v>
          </cell>
          <cell r="G119" t="str">
            <v>伊丹市</v>
          </cell>
          <cell r="H119" t="str">
            <v/>
          </cell>
          <cell r="I119" t="str">
            <v>代表取締役 小原　澄子</v>
          </cell>
          <cell r="J119" t="str">
            <v>本店</v>
          </cell>
          <cell r="K119" t="str">
            <v>072-772-3838</v>
          </cell>
          <cell r="L119" t="str">
            <v>daiwakensetsu@bcb.bai.ne.jp</v>
          </cell>
          <cell r="M119" t="str">
            <v>ﾀﾞｲﾜｹﾝｾﾂ</v>
          </cell>
          <cell r="N119" t="str">
            <v>無</v>
          </cell>
          <cell r="O119">
            <v>6</v>
          </cell>
          <cell r="P119">
            <v>18</v>
          </cell>
          <cell r="Q119">
            <v>4140001084090</v>
          </cell>
          <cell r="R119">
            <v>30000</v>
          </cell>
          <cell r="S119">
            <v>121296</v>
          </cell>
          <cell r="T119">
            <v>965221</v>
          </cell>
          <cell r="V119" t="str">
            <v>nq238741</v>
          </cell>
          <cell r="W119" t="str">
            <v>hi326442</v>
          </cell>
          <cell r="X119" t="str">
            <v>土と舗解</v>
          </cell>
          <cell r="Y119" t="str">
            <v/>
          </cell>
          <cell r="Z119" t="str">
            <v>土と舗解</v>
          </cell>
          <cell r="AA119" t="str">
            <v>土木一式</v>
          </cell>
          <cell r="AB119" t="str">
            <v>とび土工</v>
          </cell>
          <cell r="AC119" t="str">
            <v>舗装</v>
          </cell>
          <cell r="AD119" t="str">
            <v>解体</v>
          </cell>
          <cell r="AE119">
            <v>43008</v>
          </cell>
          <cell r="AF119" t="str">
            <v/>
          </cell>
          <cell r="AG119" t="str">
            <v>土木一式</v>
          </cell>
          <cell r="AH119" t="str">
            <v/>
          </cell>
          <cell r="AI119">
            <v>766</v>
          </cell>
          <cell r="AJ119">
            <v>555124</v>
          </cell>
          <cell r="AK119" t="str">
            <v>2(2)/1/8</v>
          </cell>
          <cell r="AL119" t="str">
            <v>とび土工</v>
          </cell>
          <cell r="AM119" t="str">
            <v/>
          </cell>
          <cell r="AN119">
            <v>743</v>
          </cell>
          <cell r="AO119">
            <v>311744</v>
          </cell>
          <cell r="AP119" t="str">
            <v>2(2)/2/5</v>
          </cell>
          <cell r="AQ119" t="str">
            <v>舗装</v>
          </cell>
          <cell r="AR119" t="str">
            <v>特定</v>
          </cell>
          <cell r="AS119">
            <v>607</v>
          </cell>
          <cell r="AT119">
            <v>17664</v>
          </cell>
          <cell r="AU119" t="str">
            <v>0(0)/1/0</v>
          </cell>
          <cell r="AV119" t="str">
            <v>解体</v>
          </cell>
          <cell r="AW119" t="str">
            <v>特定</v>
          </cell>
          <cell r="AX119">
            <v>647</v>
          </cell>
          <cell r="AY119">
            <v>404102</v>
          </cell>
          <cell r="AZ119" t="str">
            <v>2(2)/2/5</v>
          </cell>
          <cell r="BA119" t="str">
            <v>伊丹市</v>
          </cell>
          <cell r="BB119" t="str">
            <v/>
          </cell>
          <cell r="CR119">
            <v>3369</v>
          </cell>
          <cell r="CS119" t="str">
            <v>ﾔﾄﾞﾏﾂ ﾋﾛﾕｷ</v>
          </cell>
          <cell r="CT119" t="str">
            <v>宿松  広幸</v>
          </cell>
          <cell r="CU119" t="str">
            <v>住宅管理課</v>
          </cell>
          <cell r="CW119">
            <v>3315</v>
          </cell>
          <cell r="CX119" t="str">
            <v xml:space="preserve"> </v>
          </cell>
          <cell r="CY119" t="str">
            <v>住宅管理課長</v>
          </cell>
        </row>
        <row r="120">
          <cell r="B120">
            <v>557</v>
          </cell>
          <cell r="C120" t="str">
            <v>(株)奏電工</v>
          </cell>
          <cell r="D120" t="str">
            <v>072-764-7741</v>
          </cell>
          <cell r="E120" t="str">
            <v>664-0028</v>
          </cell>
          <cell r="F120" t="str">
            <v>兵庫県伊丹市西野1-115</v>
          </cell>
          <cell r="G120" t="str">
            <v>伊丹市</v>
          </cell>
          <cell r="H120" t="str">
            <v/>
          </cell>
          <cell r="I120" t="str">
            <v>代表取締役 西村　卓也</v>
          </cell>
          <cell r="J120" t="str">
            <v>本店</v>
          </cell>
          <cell r="K120" t="str">
            <v>072-764-7742</v>
          </cell>
          <cell r="L120" t="str">
            <v>info@sodenko.com</v>
          </cell>
          <cell r="M120" t="str">
            <v>ｿｳﾃﾞﾝｺｳ</v>
          </cell>
          <cell r="N120" t="str">
            <v>無</v>
          </cell>
          <cell r="O120">
            <v>4</v>
          </cell>
          <cell r="P120">
            <v>6</v>
          </cell>
          <cell r="Q120">
            <v>9140001098251</v>
          </cell>
          <cell r="R120">
            <v>5000</v>
          </cell>
          <cell r="S120">
            <v>6096</v>
          </cell>
          <cell r="T120">
            <v>127507</v>
          </cell>
          <cell r="V120" t="str">
            <v>gc744223</v>
          </cell>
          <cell r="W120" t="str">
            <v>yq045287</v>
          </cell>
          <cell r="X120" t="str">
            <v>電消</v>
          </cell>
          <cell r="Y120" t="str">
            <v>電消</v>
          </cell>
          <cell r="Z120" t="str">
            <v/>
          </cell>
          <cell r="AA120" t="str">
            <v>電気</v>
          </cell>
          <cell r="AB120" t="str">
            <v>消防施設</v>
          </cell>
          <cell r="AC120" t="str">
            <v/>
          </cell>
          <cell r="AD120" t="str">
            <v/>
          </cell>
          <cell r="AE120">
            <v>43251</v>
          </cell>
          <cell r="AF120" t="str">
            <v>希望しない</v>
          </cell>
          <cell r="AG120" t="str">
            <v>電気</v>
          </cell>
          <cell r="AH120" t="str">
            <v>一般</v>
          </cell>
          <cell r="AI120">
            <v>638</v>
          </cell>
          <cell r="AJ120">
            <v>121741</v>
          </cell>
          <cell r="AK120" t="str">
            <v>2(2)/0/1</v>
          </cell>
          <cell r="AL120" t="str">
            <v>消防施設</v>
          </cell>
          <cell r="AM120" t="str">
            <v>一般</v>
          </cell>
          <cell r="AN120">
            <v>507</v>
          </cell>
          <cell r="AO120" t="str">
            <v/>
          </cell>
          <cell r="AP120" t="str">
            <v>0(0)/1/0</v>
          </cell>
          <cell r="AQ120" t="str">
            <v/>
          </cell>
          <cell r="AR120" t="str">
            <v/>
          </cell>
          <cell r="AS120" t="str">
            <v/>
          </cell>
          <cell r="AT120" t="str">
            <v/>
          </cell>
          <cell r="AU120" t="str">
            <v/>
          </cell>
          <cell r="AV120" t="str">
            <v/>
          </cell>
          <cell r="AW120" t="str">
            <v/>
          </cell>
          <cell r="AX120" t="str">
            <v/>
          </cell>
          <cell r="AY120" t="str">
            <v/>
          </cell>
          <cell r="AZ120" t="str">
            <v/>
          </cell>
          <cell r="BA120" t="str">
            <v>伊丹市</v>
          </cell>
          <cell r="BB120" t="str">
            <v/>
          </cell>
          <cell r="CR120">
            <v>3370</v>
          </cell>
          <cell r="CS120" t="str">
            <v>ｷﾉｼﾀ ﾕｷﾉﾘ</v>
          </cell>
          <cell r="CT120" t="str">
            <v>木ノ下  行徳</v>
          </cell>
          <cell r="CU120" t="str">
            <v xml:space="preserve"> </v>
          </cell>
          <cell r="CW120">
            <v>2501</v>
          </cell>
          <cell r="CX120" t="str">
            <v>室長</v>
          </cell>
          <cell r="CY120" t="str">
            <v>　</v>
          </cell>
        </row>
        <row r="121">
          <cell r="B121">
            <v>559</v>
          </cell>
          <cell r="C121" t="str">
            <v>マルシンテクノ</v>
          </cell>
          <cell r="D121" t="str">
            <v>072-781-6562</v>
          </cell>
          <cell r="E121" t="str">
            <v>664-0008</v>
          </cell>
          <cell r="F121" t="str">
            <v>兵庫県伊丹市荒牧南四丁目1-31</v>
          </cell>
          <cell r="G121" t="str">
            <v>伊丹市</v>
          </cell>
          <cell r="H121" t="str">
            <v/>
          </cell>
          <cell r="I121" t="str">
            <v xml:space="preserve"> 高山　信治</v>
          </cell>
          <cell r="J121" t="str">
            <v>本店</v>
          </cell>
          <cell r="K121" t="str">
            <v>072-781-6562</v>
          </cell>
          <cell r="L121" t="str">
            <v>itami@chic.ocn.ne.jp</v>
          </cell>
          <cell r="M121" t="str">
            <v>ﾏﾙｼﾝﾃｸﾉ</v>
          </cell>
          <cell r="N121" t="str">
            <v>無</v>
          </cell>
          <cell r="O121">
            <v>3</v>
          </cell>
          <cell r="P121">
            <v>3</v>
          </cell>
          <cell r="Q121" t="str">
            <v/>
          </cell>
          <cell r="R121">
            <v>5753</v>
          </cell>
          <cell r="S121">
            <v>5753</v>
          </cell>
          <cell r="T121">
            <v>62512</v>
          </cell>
          <cell r="V121" t="str">
            <v>nk027846</v>
          </cell>
          <cell r="W121" t="str">
            <v>js313173</v>
          </cell>
          <cell r="X121" t="str">
            <v>土と石鋼舗水</v>
          </cell>
          <cell r="Y121" t="str">
            <v>土と石鋼舗水</v>
          </cell>
          <cell r="Z121" t="str">
            <v/>
          </cell>
          <cell r="AA121" t="str">
            <v>水道施設</v>
          </cell>
          <cell r="AB121" t="str">
            <v>とび土工</v>
          </cell>
          <cell r="AC121" t="str">
            <v>舗装</v>
          </cell>
          <cell r="AD121" t="str">
            <v/>
          </cell>
          <cell r="AE121">
            <v>42925</v>
          </cell>
          <cell r="AF121" t="str">
            <v/>
          </cell>
          <cell r="AG121" t="str">
            <v>水道施設</v>
          </cell>
          <cell r="AH121" t="str">
            <v>一般</v>
          </cell>
          <cell r="AI121">
            <v>574</v>
          </cell>
          <cell r="AJ121">
            <v>21834</v>
          </cell>
          <cell r="AK121" t="str">
            <v>0(0)/1/0</v>
          </cell>
          <cell r="AL121" t="str">
            <v>とび土工</v>
          </cell>
          <cell r="AM121" t="str">
            <v>一般</v>
          </cell>
          <cell r="AN121">
            <v>500</v>
          </cell>
          <cell r="AO121" t="str">
            <v/>
          </cell>
          <cell r="AP121" t="str">
            <v>0(0)/1/0</v>
          </cell>
          <cell r="AQ121" t="str">
            <v>舗装</v>
          </cell>
          <cell r="AR121" t="str">
            <v>一般</v>
          </cell>
          <cell r="AS121">
            <v>492</v>
          </cell>
          <cell r="AT121" t="str">
            <v/>
          </cell>
          <cell r="AU121" t="str">
            <v>0(0)/1/0</v>
          </cell>
          <cell r="AV121" t="str">
            <v/>
          </cell>
          <cell r="AW121" t="str">
            <v/>
          </cell>
          <cell r="AX121" t="str">
            <v/>
          </cell>
          <cell r="AY121" t="str">
            <v/>
          </cell>
          <cell r="AZ121" t="str">
            <v/>
          </cell>
          <cell r="BA121" t="str">
            <v>伊丹市</v>
          </cell>
          <cell r="BB121" t="str">
            <v/>
          </cell>
          <cell r="CR121">
            <v>3371</v>
          </cell>
          <cell r="CS121" t="str">
            <v>ﾀｹﾉ ﾏｻｵ</v>
          </cell>
          <cell r="CT121" t="str">
            <v>竹野  政雄</v>
          </cell>
          <cell r="CU121" t="str">
            <v>営繕課</v>
          </cell>
          <cell r="CW121">
            <v>3330</v>
          </cell>
          <cell r="CX121" t="str">
            <v>主査</v>
          </cell>
          <cell r="CY121" t="str">
            <v>営繕課長</v>
          </cell>
        </row>
        <row r="122">
          <cell r="B122">
            <v>560</v>
          </cell>
          <cell r="C122" t="str">
            <v>(株)井戸源工業</v>
          </cell>
          <cell r="D122" t="str">
            <v>072-781-1839</v>
          </cell>
          <cell r="E122" t="str">
            <v>664-0020</v>
          </cell>
          <cell r="F122" t="str">
            <v>兵庫県伊丹市寺本東2-8-20</v>
          </cell>
          <cell r="G122" t="str">
            <v>伊丹市</v>
          </cell>
          <cell r="H122" t="str">
            <v/>
          </cell>
          <cell r="I122" t="str">
            <v>代表取締役 山本　浩二</v>
          </cell>
          <cell r="J122" t="str">
            <v>本店</v>
          </cell>
          <cell r="K122" t="str">
            <v>072-781-6133</v>
          </cell>
          <cell r="L122" t="str">
            <v>idogen@yellow.plala.or.jp</v>
          </cell>
          <cell r="M122" t="str">
            <v>ｲﾄﾞｹﾞﾝｺｳｷﾞｮｳ</v>
          </cell>
          <cell r="N122" t="str">
            <v>無</v>
          </cell>
          <cell r="O122">
            <v>37</v>
          </cell>
          <cell r="P122">
            <v>4</v>
          </cell>
          <cell r="Q122">
            <v>2140001078053</v>
          </cell>
          <cell r="R122">
            <v>10000</v>
          </cell>
          <cell r="S122">
            <v>-81812</v>
          </cell>
          <cell r="T122">
            <v>32217</v>
          </cell>
          <cell r="V122" t="str">
            <v>fe593614</v>
          </cell>
          <cell r="W122" t="str">
            <v>hu326894</v>
          </cell>
          <cell r="X122" t="str">
            <v>土と石管鋼舗浚塗機井水解</v>
          </cell>
          <cell r="Y122" t="str">
            <v>土と石管鋼舗浚塗機井水解</v>
          </cell>
          <cell r="Z122" t="str">
            <v/>
          </cell>
          <cell r="AA122" t="str">
            <v>さく井</v>
          </cell>
          <cell r="AB122" t="str">
            <v>水道施設</v>
          </cell>
          <cell r="AC122" t="str">
            <v>管</v>
          </cell>
          <cell r="AD122" t="str">
            <v>土木一式</v>
          </cell>
          <cell r="AE122">
            <v>43190</v>
          </cell>
          <cell r="AF122" t="str">
            <v>希望しない</v>
          </cell>
          <cell r="AG122" t="str">
            <v>さく井</v>
          </cell>
          <cell r="AH122" t="str">
            <v>一般</v>
          </cell>
          <cell r="AI122">
            <v>547</v>
          </cell>
          <cell r="AJ122">
            <v>15428</v>
          </cell>
          <cell r="AK122" t="str">
            <v>0(0)/0/3</v>
          </cell>
          <cell r="AL122" t="str">
            <v>水道施設</v>
          </cell>
          <cell r="AM122" t="str">
            <v>一般</v>
          </cell>
          <cell r="AN122">
            <v>488</v>
          </cell>
          <cell r="AO122" t="str">
            <v/>
          </cell>
          <cell r="AP122" t="str">
            <v>0(0)/0/0</v>
          </cell>
          <cell r="AQ122" t="str">
            <v>管</v>
          </cell>
          <cell r="AR122" t="str">
            <v>一般</v>
          </cell>
          <cell r="AS122">
            <v>509</v>
          </cell>
          <cell r="AT122">
            <v>4340</v>
          </cell>
          <cell r="AU122" t="str">
            <v>0(0)/0/0</v>
          </cell>
          <cell r="AV122" t="str">
            <v>土木一式</v>
          </cell>
          <cell r="AW122" t="str">
            <v>一般</v>
          </cell>
          <cell r="AX122">
            <v>545</v>
          </cell>
          <cell r="AY122">
            <v>8905</v>
          </cell>
          <cell r="AZ122" t="str">
            <v>1(0)/0/0</v>
          </cell>
          <cell r="BA122" t="str">
            <v>伊丹市</v>
          </cell>
          <cell r="BB122" t="str">
            <v/>
          </cell>
          <cell r="CR122">
            <v>3372</v>
          </cell>
          <cell r="CS122" t="str">
            <v>ｵｵﾀ ﾋﾃﾞｷ</v>
          </cell>
          <cell r="CT122" t="str">
            <v>太田  英毅</v>
          </cell>
          <cell r="CU122" t="str">
            <v>総合教育センター</v>
          </cell>
          <cell r="CW122">
            <v>3686</v>
          </cell>
          <cell r="CX122" t="str">
            <v>主査</v>
          </cell>
          <cell r="CY122" t="str">
            <v>総合教育センター長</v>
          </cell>
        </row>
        <row r="123">
          <cell r="B123">
            <v>562</v>
          </cell>
          <cell r="C123" t="str">
            <v>(株)吉澤</v>
          </cell>
          <cell r="D123" t="str">
            <v>072-784-5125</v>
          </cell>
          <cell r="E123" t="str">
            <v>664-0855</v>
          </cell>
          <cell r="F123" t="str">
            <v>兵庫県伊丹市御願塚6-9-4</v>
          </cell>
          <cell r="G123" t="str">
            <v>伊丹市</v>
          </cell>
          <cell r="H123" t="str">
            <v/>
          </cell>
          <cell r="I123" t="str">
            <v>代表取締役 吉澤　直子</v>
          </cell>
          <cell r="J123" t="str">
            <v>本店</v>
          </cell>
          <cell r="K123" t="str">
            <v>072-764-5126</v>
          </cell>
          <cell r="L123" t="str">
            <v>kijiyagroup@yahoo.co.jp</v>
          </cell>
          <cell r="M123" t="str">
            <v>ﾖｼｻﾞﾜ</v>
          </cell>
          <cell r="N123" t="str">
            <v>無</v>
          </cell>
          <cell r="O123">
            <v>2</v>
          </cell>
          <cell r="P123">
            <v>7</v>
          </cell>
          <cell r="Q123">
            <v>9130001050130</v>
          </cell>
          <cell r="R123">
            <v>40000</v>
          </cell>
          <cell r="S123">
            <v>42139</v>
          </cell>
          <cell r="T123">
            <v>111872</v>
          </cell>
          <cell r="V123" t="str">
            <v>be104753</v>
          </cell>
          <cell r="W123" t="str">
            <v>he465986</v>
          </cell>
          <cell r="X123" t="str">
            <v>電</v>
          </cell>
          <cell r="Y123" t="str">
            <v/>
          </cell>
          <cell r="Z123" t="str">
            <v>電</v>
          </cell>
          <cell r="AA123" t="str">
            <v>電気</v>
          </cell>
          <cell r="AB123" t="str">
            <v/>
          </cell>
          <cell r="AC123" t="str">
            <v/>
          </cell>
          <cell r="AD123" t="str">
            <v/>
          </cell>
          <cell r="AE123">
            <v>43008</v>
          </cell>
          <cell r="AF123" t="str">
            <v>希望しない</v>
          </cell>
          <cell r="AG123" t="str">
            <v>電気</v>
          </cell>
          <cell r="AH123" t="str">
            <v>特定</v>
          </cell>
          <cell r="AI123">
            <v>613</v>
          </cell>
          <cell r="AJ123">
            <v>83800</v>
          </cell>
          <cell r="AK123" t="str">
            <v>1(1)/1/0</v>
          </cell>
          <cell r="AL123" t="str">
            <v/>
          </cell>
          <cell r="AM123" t="str">
            <v/>
          </cell>
          <cell r="AN123" t="str">
            <v/>
          </cell>
          <cell r="AO123" t="str">
            <v/>
          </cell>
          <cell r="AP123" t="str">
            <v/>
          </cell>
          <cell r="AQ123" t="str">
            <v/>
          </cell>
          <cell r="AR123" t="str">
            <v/>
          </cell>
          <cell r="AS123" t="str">
            <v/>
          </cell>
          <cell r="AT123" t="str">
            <v/>
          </cell>
          <cell r="AU123" t="str">
            <v/>
          </cell>
          <cell r="AV123" t="str">
            <v/>
          </cell>
          <cell r="AW123" t="str">
            <v/>
          </cell>
          <cell r="AX123" t="str">
            <v/>
          </cell>
          <cell r="AY123" t="str">
            <v/>
          </cell>
          <cell r="AZ123" t="str">
            <v/>
          </cell>
          <cell r="BA123" t="str">
            <v>伊丹市</v>
          </cell>
          <cell r="BB123" t="str">
            <v/>
          </cell>
          <cell r="CR123">
            <v>3373</v>
          </cell>
          <cell r="CS123" t="str">
            <v>ﾔﾏｸﾞﾁ ﾏｻｵ</v>
          </cell>
          <cell r="CT123" t="str">
            <v>山口  正夫</v>
          </cell>
          <cell r="CU123" t="str">
            <v>営繕課</v>
          </cell>
          <cell r="CW123">
            <v>3326</v>
          </cell>
          <cell r="CX123" t="str">
            <v>副主査</v>
          </cell>
          <cell r="CY123" t="str">
            <v>営繕課長</v>
          </cell>
        </row>
        <row r="124">
          <cell r="B124">
            <v>563</v>
          </cell>
          <cell r="C124" t="str">
            <v>(有)鳥養工務店</v>
          </cell>
          <cell r="D124" t="str">
            <v>072-770-5348</v>
          </cell>
          <cell r="E124" t="str">
            <v>664-0846</v>
          </cell>
          <cell r="F124" t="str">
            <v>兵庫県伊丹市伊丹3-5-18</v>
          </cell>
          <cell r="G124" t="str">
            <v>伊丹市</v>
          </cell>
          <cell r="H124" t="str">
            <v/>
          </cell>
          <cell r="I124" t="str">
            <v>代表取締役 鳥養　憲次</v>
          </cell>
          <cell r="J124" t="str">
            <v>本店</v>
          </cell>
          <cell r="K124" t="str">
            <v>072-770-5636</v>
          </cell>
          <cell r="L124" t="str">
            <v>makoto@torigai-en.jp</v>
          </cell>
          <cell r="M124" t="str">
            <v>ﾄﾘｶﾞｲｺｳﾑﾃﾝ</v>
          </cell>
          <cell r="N124" t="str">
            <v>無</v>
          </cell>
          <cell r="O124">
            <v>37</v>
          </cell>
          <cell r="P124">
            <v>3</v>
          </cell>
          <cell r="Q124">
            <v>9140002063130</v>
          </cell>
          <cell r="R124">
            <v>5000</v>
          </cell>
          <cell r="S124">
            <v>27612</v>
          </cell>
          <cell r="T124">
            <v>64074</v>
          </cell>
          <cell r="V124" t="str">
            <v>nr361458</v>
          </cell>
          <cell r="W124" t="str">
            <v>mt365472</v>
          </cell>
          <cell r="X124" t="str">
            <v>土建と</v>
          </cell>
          <cell r="Y124" t="str">
            <v>土建と</v>
          </cell>
          <cell r="Z124" t="str">
            <v/>
          </cell>
          <cell r="AA124" t="str">
            <v>建築一式</v>
          </cell>
          <cell r="AB124" t="str">
            <v>土木一式</v>
          </cell>
          <cell r="AC124" t="str">
            <v/>
          </cell>
          <cell r="AD124" t="str">
            <v/>
          </cell>
          <cell r="AE124">
            <v>43008</v>
          </cell>
          <cell r="AF124" t="str">
            <v>希望しない</v>
          </cell>
          <cell r="AG124" t="str">
            <v>建築一式</v>
          </cell>
          <cell r="AH124" t="str">
            <v>一般</v>
          </cell>
          <cell r="AI124">
            <v>589</v>
          </cell>
          <cell r="AJ124">
            <v>52807</v>
          </cell>
          <cell r="AK124" t="str">
            <v>1(0)/1/0</v>
          </cell>
          <cell r="AL124" t="str">
            <v>土木一式</v>
          </cell>
          <cell r="AM124" t="str">
            <v>一般</v>
          </cell>
          <cell r="AN124">
            <v>502</v>
          </cell>
          <cell r="AO124">
            <v>3381</v>
          </cell>
          <cell r="AP124" t="str">
            <v>0(0)/0/1</v>
          </cell>
          <cell r="AQ124" t="str">
            <v/>
          </cell>
          <cell r="AR124" t="str">
            <v/>
          </cell>
          <cell r="AS124" t="str">
            <v/>
          </cell>
          <cell r="AT124" t="str">
            <v/>
          </cell>
          <cell r="AU124" t="str">
            <v/>
          </cell>
          <cell r="AV124" t="str">
            <v/>
          </cell>
          <cell r="AW124" t="str">
            <v/>
          </cell>
          <cell r="AX124" t="str">
            <v/>
          </cell>
          <cell r="AY124" t="str">
            <v/>
          </cell>
          <cell r="AZ124" t="str">
            <v/>
          </cell>
          <cell r="BA124" t="str">
            <v>伊丹市</v>
          </cell>
          <cell r="BB124" t="str">
            <v/>
          </cell>
          <cell r="CR124">
            <v>3374</v>
          </cell>
          <cell r="CS124" t="str">
            <v>ｱｻｸﾏ ﾋｻｵ</v>
          </cell>
          <cell r="CT124" t="str">
            <v>朝隈  久雄</v>
          </cell>
          <cell r="CU124" t="str">
            <v xml:space="preserve"> </v>
          </cell>
          <cell r="CW124">
            <v>3202</v>
          </cell>
          <cell r="CX124" t="str">
            <v>室長</v>
          </cell>
          <cell r="CY124" t="str">
            <v>　</v>
          </cell>
        </row>
        <row r="125">
          <cell r="B125">
            <v>564</v>
          </cell>
          <cell r="C125" t="str">
            <v>有限会社ラムテック</v>
          </cell>
          <cell r="D125" t="str">
            <v>072-787-6492</v>
          </cell>
          <cell r="E125" t="str">
            <v>664-0883</v>
          </cell>
          <cell r="F125" t="str">
            <v>兵庫県伊丹市南鈴原2-205</v>
          </cell>
          <cell r="G125" t="str">
            <v>伊丹市</v>
          </cell>
          <cell r="H125" t="str">
            <v/>
          </cell>
          <cell r="I125" t="str">
            <v>代表取締役　 村上　雅人</v>
          </cell>
          <cell r="J125" t="str">
            <v>本店</v>
          </cell>
          <cell r="K125" t="str">
            <v>072-787-6493</v>
          </cell>
          <cell r="L125" t="str">
            <v>m-murakami@ramtec.co.jp</v>
          </cell>
          <cell r="M125" t="str">
            <v>ﾗﾑﾃﾂｸ</v>
          </cell>
          <cell r="N125" t="str">
            <v>無</v>
          </cell>
          <cell r="O125">
            <v>9</v>
          </cell>
          <cell r="P125">
            <v>9</v>
          </cell>
          <cell r="Q125">
            <v>1140000000000</v>
          </cell>
          <cell r="R125">
            <v>3000</v>
          </cell>
          <cell r="S125">
            <v>-2054</v>
          </cell>
          <cell r="T125">
            <v>114415</v>
          </cell>
          <cell r="V125" t="str">
            <v>fi162914</v>
          </cell>
          <cell r="W125" t="str">
            <v>wj149354</v>
          </cell>
          <cell r="X125" t="str">
            <v>土建と</v>
          </cell>
          <cell r="Y125" t="str">
            <v>土建と</v>
          </cell>
          <cell r="Z125" t="str">
            <v/>
          </cell>
          <cell r="AA125" t="str">
            <v>電気</v>
          </cell>
          <cell r="AB125" t="str">
            <v>電気通信</v>
          </cell>
          <cell r="AC125" t="str">
            <v/>
          </cell>
          <cell r="AD125" t="str">
            <v/>
          </cell>
          <cell r="AE125">
            <v>42916</v>
          </cell>
          <cell r="AF125" t="str">
            <v>希望しない</v>
          </cell>
          <cell r="AG125" t="str">
            <v>電気</v>
          </cell>
          <cell r="AH125" t="str">
            <v>一般</v>
          </cell>
          <cell r="AI125">
            <v>434</v>
          </cell>
          <cell r="AJ125">
            <v>2878</v>
          </cell>
          <cell r="AK125" t="str">
            <v>0(0)/0/2</v>
          </cell>
          <cell r="AL125" t="str">
            <v>電気通信</v>
          </cell>
          <cell r="AM125" t="str">
            <v>一般</v>
          </cell>
          <cell r="AN125">
            <v>562</v>
          </cell>
          <cell r="AO125">
            <v>17275</v>
          </cell>
          <cell r="AP125" t="str">
            <v>0(0)/0/1</v>
          </cell>
          <cell r="AQ125" t="str">
            <v/>
          </cell>
          <cell r="AR125" t="str">
            <v/>
          </cell>
          <cell r="AS125" t="str">
            <v/>
          </cell>
          <cell r="AT125" t="str">
            <v/>
          </cell>
          <cell r="AU125" t="str">
            <v/>
          </cell>
          <cell r="AV125" t="str">
            <v/>
          </cell>
          <cell r="AW125" t="str">
            <v/>
          </cell>
          <cell r="AX125" t="str">
            <v/>
          </cell>
          <cell r="AY125" t="str">
            <v/>
          </cell>
          <cell r="AZ125" t="str">
            <v/>
          </cell>
          <cell r="BA125" t="str">
            <v>伊丹市</v>
          </cell>
          <cell r="BB125" t="str">
            <v/>
          </cell>
          <cell r="CR125">
            <v>3375</v>
          </cell>
          <cell r="CS125" t="str">
            <v>ﾏﾂﾑﾗ ﾀｶｼ</v>
          </cell>
          <cell r="CT125" t="str">
            <v>松村  隆</v>
          </cell>
          <cell r="CU125" t="str">
            <v xml:space="preserve"> </v>
          </cell>
          <cell r="CW125">
            <v>3201</v>
          </cell>
          <cell r="CX125" t="str">
            <v>部長</v>
          </cell>
          <cell r="CY125" t="str">
            <v>　</v>
          </cell>
        </row>
        <row r="126">
          <cell r="B126">
            <v>565</v>
          </cell>
          <cell r="C126" t="str">
            <v>(有)北村開発</v>
          </cell>
          <cell r="D126" t="str">
            <v>072-777-0588</v>
          </cell>
          <cell r="E126" t="str">
            <v>664-0007</v>
          </cell>
          <cell r="F126" t="str">
            <v>兵庫県伊丹市北野1-20-3</v>
          </cell>
          <cell r="G126" t="str">
            <v>伊丹市</v>
          </cell>
          <cell r="H126" t="str">
            <v/>
          </cell>
          <cell r="I126" t="str">
            <v>代表取締役 北村　大輝</v>
          </cell>
          <cell r="J126" t="str">
            <v>本店</v>
          </cell>
          <cell r="K126" t="str">
            <v>072-777-1959</v>
          </cell>
          <cell r="L126" t="str">
            <v>kitamurakaihatu.kitamura.d@gmail.com</v>
          </cell>
          <cell r="M126" t="str">
            <v>ｷﾀﾑﾗｶｲﾊﾂ</v>
          </cell>
          <cell r="N126" t="str">
            <v>無</v>
          </cell>
          <cell r="O126">
            <v>3</v>
          </cell>
          <cell r="P126">
            <v>4</v>
          </cell>
          <cell r="Q126">
            <v>4140002024946</v>
          </cell>
          <cell r="R126">
            <v>3000</v>
          </cell>
          <cell r="S126">
            <v>1926</v>
          </cell>
          <cell r="T126">
            <v>100750</v>
          </cell>
          <cell r="V126" t="str">
            <v>wd139440</v>
          </cell>
          <cell r="W126" t="str">
            <v>cn180975</v>
          </cell>
          <cell r="X126" t="str">
            <v>土と石鋼舗浚水</v>
          </cell>
          <cell r="Y126" t="str">
            <v>土と石鋼舗浚水</v>
          </cell>
          <cell r="Z126" t="str">
            <v/>
          </cell>
          <cell r="AA126" t="str">
            <v>土木一式</v>
          </cell>
          <cell r="AB126" t="str">
            <v>とび土工</v>
          </cell>
          <cell r="AC126" t="str">
            <v/>
          </cell>
          <cell r="AD126" t="str">
            <v/>
          </cell>
          <cell r="AE126">
            <v>43281</v>
          </cell>
          <cell r="AF126" t="str">
            <v>希望しない</v>
          </cell>
          <cell r="AG126" t="str">
            <v>土木一式</v>
          </cell>
          <cell r="AH126" t="str">
            <v>一般</v>
          </cell>
          <cell r="AI126">
            <v>562</v>
          </cell>
          <cell r="AJ126">
            <v>90306</v>
          </cell>
          <cell r="AK126" t="str">
            <v>0(0)/2/0</v>
          </cell>
          <cell r="AL126" t="str">
            <v>とび土工</v>
          </cell>
          <cell r="AM126" t="str">
            <v>一般</v>
          </cell>
          <cell r="AN126">
            <v>541</v>
          </cell>
          <cell r="AO126">
            <v>36906</v>
          </cell>
          <cell r="AP126" t="str">
            <v>0(0)/2/0</v>
          </cell>
          <cell r="AQ126" t="str">
            <v/>
          </cell>
          <cell r="AR126" t="str">
            <v/>
          </cell>
          <cell r="AS126" t="str">
            <v/>
          </cell>
          <cell r="AT126" t="str">
            <v/>
          </cell>
          <cell r="AU126" t="str">
            <v/>
          </cell>
          <cell r="AV126" t="str">
            <v/>
          </cell>
          <cell r="AW126" t="str">
            <v/>
          </cell>
          <cell r="AX126" t="str">
            <v/>
          </cell>
          <cell r="AY126" t="str">
            <v/>
          </cell>
          <cell r="AZ126" t="str">
            <v/>
          </cell>
          <cell r="BA126" t="str">
            <v>伊丹市</v>
          </cell>
          <cell r="BB126" t="str">
            <v/>
          </cell>
          <cell r="CR126">
            <v>3376</v>
          </cell>
          <cell r="CS126" t="str">
            <v>ﾀﾅｶ ﾉﾌﾞｱｷ</v>
          </cell>
          <cell r="CT126" t="str">
            <v>田中  伸明</v>
          </cell>
          <cell r="CU126" t="str">
            <v>用地課</v>
          </cell>
          <cell r="CW126">
            <v>3072</v>
          </cell>
          <cell r="CX126" t="str">
            <v>課長</v>
          </cell>
          <cell r="CY126" t="str">
            <v>用地課長</v>
          </cell>
        </row>
        <row r="127">
          <cell r="B127">
            <v>567</v>
          </cell>
          <cell r="C127" t="str">
            <v>西清建設(株)</v>
          </cell>
          <cell r="D127" t="str">
            <v>072-782-9099</v>
          </cell>
          <cell r="E127" t="str">
            <v>664-0025</v>
          </cell>
          <cell r="F127" t="str">
            <v>兵庫県伊丹市奥畑1-94</v>
          </cell>
          <cell r="G127" t="str">
            <v>伊丹市</v>
          </cell>
          <cell r="H127" t="str">
            <v/>
          </cell>
          <cell r="I127" t="str">
            <v>代表取締役 西垣　哲夫</v>
          </cell>
          <cell r="J127" t="str">
            <v>本店</v>
          </cell>
          <cell r="K127" t="str">
            <v>072-782-9299</v>
          </cell>
          <cell r="L127" t="str">
            <v>nishikiyokensetsu@grace.ocn.ne.jp</v>
          </cell>
          <cell r="M127" t="str">
            <v>ﾆｼｷﾖｹﾝｾﾂ</v>
          </cell>
          <cell r="N127" t="str">
            <v>無</v>
          </cell>
          <cell r="O127">
            <v>9</v>
          </cell>
          <cell r="P127">
            <v>1</v>
          </cell>
          <cell r="Q127">
            <v>2140001094216</v>
          </cell>
          <cell r="R127">
            <v>5000</v>
          </cell>
          <cell r="S127">
            <v>14784</v>
          </cell>
          <cell r="T127">
            <v>98360</v>
          </cell>
          <cell r="V127" t="str">
            <v>rt181765</v>
          </cell>
          <cell r="W127" t="str">
            <v>vz119677</v>
          </cell>
          <cell r="X127" t="str">
            <v>土と舗</v>
          </cell>
          <cell r="Y127" t="str">
            <v>土と舗</v>
          </cell>
          <cell r="Z127" t="str">
            <v/>
          </cell>
          <cell r="AA127" t="str">
            <v>土木一式</v>
          </cell>
          <cell r="AB127" t="str">
            <v>とび土工</v>
          </cell>
          <cell r="AC127" t="str">
            <v>舗装</v>
          </cell>
          <cell r="AD127" t="str">
            <v/>
          </cell>
          <cell r="AE127">
            <v>43220</v>
          </cell>
          <cell r="AF127" t="str">
            <v>希望しない</v>
          </cell>
          <cell r="AG127" t="str">
            <v>土木一式</v>
          </cell>
          <cell r="AH127" t="str">
            <v>一般</v>
          </cell>
          <cell r="AI127">
            <v>592</v>
          </cell>
          <cell r="AJ127">
            <v>85923</v>
          </cell>
          <cell r="AK127" t="str">
            <v>0(0)/1/0</v>
          </cell>
          <cell r="AL127" t="str">
            <v>とび土工</v>
          </cell>
          <cell r="AM127" t="str">
            <v>一般</v>
          </cell>
          <cell r="AN127">
            <v>524</v>
          </cell>
          <cell r="AO127">
            <v>2229</v>
          </cell>
          <cell r="AP127" t="str">
            <v>0(0)/1/0</v>
          </cell>
          <cell r="AQ127" t="str">
            <v>舗装</v>
          </cell>
          <cell r="AR127" t="str">
            <v>一般</v>
          </cell>
          <cell r="AS127">
            <v>515</v>
          </cell>
          <cell r="AT127">
            <v>810</v>
          </cell>
          <cell r="AU127" t="str">
            <v>0(0)/0/0</v>
          </cell>
          <cell r="AV127" t="str">
            <v/>
          </cell>
          <cell r="AW127" t="str">
            <v/>
          </cell>
          <cell r="AX127" t="str">
            <v/>
          </cell>
          <cell r="AY127" t="str">
            <v/>
          </cell>
          <cell r="AZ127" t="str">
            <v/>
          </cell>
          <cell r="BA127" t="str">
            <v>伊丹市</v>
          </cell>
          <cell r="BB127" t="str">
            <v/>
          </cell>
          <cell r="CR127">
            <v>3378</v>
          </cell>
          <cell r="CS127" t="str">
            <v>ｻﾈﾋﾛ ｽﾐｺ</v>
          </cell>
          <cell r="CT127" t="str">
            <v>実広  すみ子</v>
          </cell>
          <cell r="CU127" t="str">
            <v>保育課</v>
          </cell>
          <cell r="CW127" t="str">
            <v xml:space="preserve"> </v>
          </cell>
          <cell r="CX127" t="str">
            <v xml:space="preserve"> </v>
          </cell>
          <cell r="CY127" t="str">
            <v>保育課長</v>
          </cell>
        </row>
        <row r="128">
          <cell r="B128">
            <v>569</v>
          </cell>
          <cell r="C128" t="str">
            <v>エムジェイワン(株)</v>
          </cell>
          <cell r="D128" t="str">
            <v>072-744-0926</v>
          </cell>
          <cell r="E128" t="str">
            <v>664-0027</v>
          </cell>
          <cell r="F128" t="str">
            <v>兵庫県伊丹市池尻1-118</v>
          </cell>
          <cell r="G128" t="str">
            <v>伊丹市</v>
          </cell>
          <cell r="H128" t="str">
            <v/>
          </cell>
          <cell r="I128" t="str">
            <v>代表取締役 元山　義博</v>
          </cell>
          <cell r="J128" t="str">
            <v>本店</v>
          </cell>
          <cell r="K128" t="str">
            <v>072-781-2885</v>
          </cell>
          <cell r="L128" t="str">
            <v>go8989@salsa.ocn.ne.jp</v>
          </cell>
          <cell r="M128" t="str">
            <v>ｴﾑｼﾞｪｲﾜﾝｽﾎﾟｰﾂﾊﾝﾊﾞｲ</v>
          </cell>
          <cell r="N128" t="str">
            <v>無</v>
          </cell>
          <cell r="O128">
            <v>1</v>
          </cell>
          <cell r="P128">
            <v>5</v>
          </cell>
          <cell r="Q128">
            <v>6140001098568</v>
          </cell>
          <cell r="R128">
            <v>5000</v>
          </cell>
          <cell r="S128">
            <v>7225</v>
          </cell>
          <cell r="T128">
            <v>171824</v>
          </cell>
          <cell r="V128" t="str">
            <v>cx178039</v>
          </cell>
          <cell r="W128" t="str">
            <v>wo114508</v>
          </cell>
          <cell r="X128" t="str">
            <v>と消</v>
          </cell>
          <cell r="Y128" t="str">
            <v>と消</v>
          </cell>
          <cell r="Z128" t="str">
            <v/>
          </cell>
          <cell r="AA128" t="str">
            <v>とび土工</v>
          </cell>
          <cell r="AB128" t="str">
            <v>消防施設</v>
          </cell>
          <cell r="AC128" t="str">
            <v/>
          </cell>
          <cell r="AD128" t="str">
            <v/>
          </cell>
          <cell r="AE128">
            <v>42916</v>
          </cell>
          <cell r="AF128" t="str">
            <v>希望しない</v>
          </cell>
          <cell r="AG128" t="str">
            <v>とび土工</v>
          </cell>
          <cell r="AH128" t="str">
            <v>一般</v>
          </cell>
          <cell r="AI128">
            <v>611</v>
          </cell>
          <cell r="AJ128">
            <v>103327</v>
          </cell>
          <cell r="AK128" t="str">
            <v>0(0)/0/1</v>
          </cell>
          <cell r="AL128" t="str">
            <v>消防施設</v>
          </cell>
          <cell r="AM128" t="str">
            <v>一般</v>
          </cell>
          <cell r="AN128">
            <v>506</v>
          </cell>
          <cell r="AO128" t="str">
            <v/>
          </cell>
          <cell r="AP128" t="str">
            <v>0(0)/0/0</v>
          </cell>
          <cell r="AQ128" t="str">
            <v/>
          </cell>
          <cell r="AR128" t="str">
            <v/>
          </cell>
          <cell r="AS128" t="str">
            <v/>
          </cell>
          <cell r="AT128" t="str">
            <v/>
          </cell>
          <cell r="AU128" t="str">
            <v/>
          </cell>
          <cell r="AV128" t="str">
            <v/>
          </cell>
          <cell r="AW128" t="str">
            <v/>
          </cell>
          <cell r="AX128" t="str">
            <v/>
          </cell>
          <cell r="AY128" t="str">
            <v/>
          </cell>
          <cell r="AZ128" t="str">
            <v/>
          </cell>
          <cell r="BA128" t="str">
            <v>伊丹市</v>
          </cell>
          <cell r="BB128" t="str">
            <v/>
          </cell>
          <cell r="CR128">
            <v>3386</v>
          </cell>
          <cell r="CS128" t="str">
            <v>ｻｶｳｴ ｾﾂｺ</v>
          </cell>
          <cell r="CT128" t="str">
            <v>阪上  節子</v>
          </cell>
          <cell r="CU128" t="str">
            <v>こども若者企画課</v>
          </cell>
          <cell r="CW128" t="str">
            <v xml:space="preserve"> </v>
          </cell>
          <cell r="CX128" t="str">
            <v xml:space="preserve"> </v>
          </cell>
          <cell r="CY128" t="str">
            <v>こども若者企画課長</v>
          </cell>
        </row>
        <row r="129">
          <cell r="B129">
            <v>571</v>
          </cell>
          <cell r="C129" t="str">
            <v>新日本管検工業(有)</v>
          </cell>
          <cell r="D129" t="str">
            <v>072-772-1959</v>
          </cell>
          <cell r="E129" t="str">
            <v>664-0852</v>
          </cell>
          <cell r="F129" t="str">
            <v>兵庫県伊丹市南本町7-1-1-606</v>
          </cell>
          <cell r="G129" t="str">
            <v>伊丹市</v>
          </cell>
          <cell r="H129" t="str">
            <v/>
          </cell>
          <cell r="I129" t="str">
            <v>取締役 渡海　優</v>
          </cell>
          <cell r="J129" t="str">
            <v>本店</v>
          </cell>
          <cell r="K129" t="str">
            <v>072-772-1959</v>
          </cell>
          <cell r="L129" t="str">
            <v>shinnihonkanken@gmail.com</v>
          </cell>
          <cell r="M129" t="str">
            <v>ｼﾝﾆﾎﾝｶﾝｹﾝｺｳｷﾞｮｳ</v>
          </cell>
          <cell r="N129" t="str">
            <v>無</v>
          </cell>
          <cell r="O129">
            <v>13</v>
          </cell>
          <cell r="P129">
            <v>1</v>
          </cell>
          <cell r="Q129">
            <v>5140002027816</v>
          </cell>
          <cell r="R129">
            <v>3000</v>
          </cell>
          <cell r="S129">
            <v>6381</v>
          </cell>
          <cell r="T129">
            <v>17703</v>
          </cell>
          <cell r="V129" t="str">
            <v>zq166541</v>
          </cell>
          <cell r="W129" t="str">
            <v>af184511</v>
          </cell>
          <cell r="X129" t="str">
            <v>土と</v>
          </cell>
          <cell r="Y129" t="str">
            <v>土と</v>
          </cell>
          <cell r="Z129" t="str">
            <v/>
          </cell>
          <cell r="AA129" t="str">
            <v>土木一式</v>
          </cell>
          <cell r="AB129" t="str">
            <v>とび土工</v>
          </cell>
          <cell r="AC129" t="str">
            <v/>
          </cell>
          <cell r="AD129" t="str">
            <v/>
          </cell>
          <cell r="AE129">
            <v>43008</v>
          </cell>
          <cell r="AF129" t="str">
            <v/>
          </cell>
          <cell r="AG129" t="str">
            <v>土木一式</v>
          </cell>
          <cell r="AH129" t="str">
            <v>一般</v>
          </cell>
          <cell r="AI129">
            <v>448</v>
          </cell>
          <cell r="AJ129">
            <v>3927</v>
          </cell>
          <cell r="AK129" t="str">
            <v>1(1)//</v>
          </cell>
          <cell r="AL129" t="str">
            <v>とび土工</v>
          </cell>
          <cell r="AM129" t="str">
            <v>一般</v>
          </cell>
          <cell r="AN129">
            <v>408</v>
          </cell>
          <cell r="AO129">
            <v>848</v>
          </cell>
          <cell r="AP129" t="str">
            <v>1(1)//</v>
          </cell>
          <cell r="AQ129" t="str">
            <v/>
          </cell>
          <cell r="AR129" t="str">
            <v/>
          </cell>
          <cell r="AS129" t="str">
            <v/>
          </cell>
          <cell r="AT129" t="str">
            <v/>
          </cell>
          <cell r="AU129" t="str">
            <v/>
          </cell>
          <cell r="AV129" t="str">
            <v/>
          </cell>
          <cell r="AW129" t="str">
            <v/>
          </cell>
          <cell r="AX129" t="str">
            <v/>
          </cell>
          <cell r="AY129" t="str">
            <v/>
          </cell>
          <cell r="AZ129" t="str">
            <v/>
          </cell>
          <cell r="BA129" t="str">
            <v>伊丹市</v>
          </cell>
          <cell r="BB129" t="str">
            <v/>
          </cell>
          <cell r="CR129">
            <v>3412</v>
          </cell>
          <cell r="CS129" t="str">
            <v>ﾌｸﾀﾞ ｷﾖｼ</v>
          </cell>
          <cell r="CT129" t="str">
            <v>福田  清</v>
          </cell>
          <cell r="CU129" t="str">
            <v>国保年金課</v>
          </cell>
          <cell r="CW129">
            <v>2734</v>
          </cell>
          <cell r="CX129" t="str">
            <v xml:space="preserve"> </v>
          </cell>
          <cell r="CY129" t="str">
            <v>国保年金課長</v>
          </cell>
        </row>
        <row r="130">
          <cell r="B130">
            <v>572</v>
          </cell>
          <cell r="C130" t="str">
            <v>(株)グリンブル</v>
          </cell>
          <cell r="D130" t="str">
            <v>072-747-3491</v>
          </cell>
          <cell r="E130" t="str">
            <v>664-0024</v>
          </cell>
          <cell r="F130" t="str">
            <v>兵庫県伊丹市松ヶ丘2-1</v>
          </cell>
          <cell r="G130" t="str">
            <v>伊丹市</v>
          </cell>
          <cell r="H130" t="str">
            <v/>
          </cell>
          <cell r="I130" t="str">
            <v>代表取締役 森川　眞紀</v>
          </cell>
          <cell r="J130" t="str">
            <v>本店</v>
          </cell>
          <cell r="K130" t="str">
            <v>072-747-8291</v>
          </cell>
          <cell r="L130" t="str">
            <v>morikawa@office.eonet.ne.jp</v>
          </cell>
          <cell r="M130" t="str">
            <v>ｸﾞﾘﾝﾌﾞﾙ</v>
          </cell>
          <cell r="N130" t="str">
            <v>無</v>
          </cell>
          <cell r="O130">
            <v>6</v>
          </cell>
          <cell r="P130">
            <v>2</v>
          </cell>
          <cell r="Q130">
            <v>6140001083355</v>
          </cell>
          <cell r="R130">
            <v>1000</v>
          </cell>
          <cell r="S130">
            <v>2791</v>
          </cell>
          <cell r="T130">
            <v>112476</v>
          </cell>
          <cell r="V130" t="str">
            <v>tb177612</v>
          </cell>
          <cell r="W130" t="str">
            <v>yn179018</v>
          </cell>
          <cell r="X130" t="str">
            <v>と</v>
          </cell>
          <cell r="Y130" t="str">
            <v>と</v>
          </cell>
          <cell r="Z130" t="str">
            <v/>
          </cell>
          <cell r="AA130" t="str">
            <v>とび土工</v>
          </cell>
          <cell r="AB130" t="str">
            <v/>
          </cell>
          <cell r="AC130" t="str">
            <v/>
          </cell>
          <cell r="AD130" t="str">
            <v/>
          </cell>
          <cell r="AE130">
            <v>43100</v>
          </cell>
          <cell r="AF130" t="str">
            <v>希望しない</v>
          </cell>
          <cell r="AG130" t="str">
            <v>とび土工</v>
          </cell>
          <cell r="AH130" t="str">
            <v>一般</v>
          </cell>
          <cell r="AI130">
            <v>560</v>
          </cell>
          <cell r="AJ130">
            <v>129783</v>
          </cell>
          <cell r="AK130" t="str">
            <v>0(0)/0/2</v>
          </cell>
          <cell r="AL130" t="str">
            <v/>
          </cell>
          <cell r="AM130" t="str">
            <v/>
          </cell>
          <cell r="AN130" t="str">
            <v/>
          </cell>
          <cell r="AO130" t="str">
            <v/>
          </cell>
          <cell r="AP130" t="str">
            <v/>
          </cell>
          <cell r="AQ130" t="str">
            <v/>
          </cell>
          <cell r="AR130" t="str">
            <v/>
          </cell>
          <cell r="AS130" t="str">
            <v/>
          </cell>
          <cell r="AT130" t="str">
            <v/>
          </cell>
          <cell r="AU130" t="str">
            <v/>
          </cell>
          <cell r="AV130" t="str">
            <v/>
          </cell>
          <cell r="AW130" t="str">
            <v/>
          </cell>
          <cell r="AX130" t="str">
            <v/>
          </cell>
          <cell r="AY130" t="str">
            <v/>
          </cell>
          <cell r="AZ130" t="str">
            <v/>
          </cell>
          <cell r="BA130" t="str">
            <v>伊丹市</v>
          </cell>
          <cell r="BB130" t="str">
            <v/>
          </cell>
          <cell r="CR130">
            <v>3436</v>
          </cell>
          <cell r="CS130" t="str">
            <v>ﾏﾂﾊﾞﾗ ﾀｹｼ</v>
          </cell>
          <cell r="CT130" t="str">
            <v>松原  猛</v>
          </cell>
          <cell r="CU130" t="str">
            <v>東消防署</v>
          </cell>
          <cell r="CW130">
            <v>668325</v>
          </cell>
          <cell r="CX130" t="str">
            <v xml:space="preserve"> </v>
          </cell>
          <cell r="CY130" t="str">
            <v>東消防署長</v>
          </cell>
        </row>
        <row r="131">
          <cell r="B131">
            <v>573</v>
          </cell>
          <cell r="C131" t="str">
            <v>(有)鳥養エンジニアリング</v>
          </cell>
          <cell r="D131" t="str">
            <v>072-770-5348</v>
          </cell>
          <cell r="E131" t="str">
            <v>664-0846</v>
          </cell>
          <cell r="F131" t="str">
            <v>兵庫県伊丹市伊丹3-5-18</v>
          </cell>
          <cell r="G131" t="str">
            <v>伊丹市</v>
          </cell>
          <cell r="H131" t="str">
            <v/>
          </cell>
          <cell r="I131" t="str">
            <v>代表取締役 鳥養　憲次</v>
          </cell>
          <cell r="J131" t="str">
            <v>本店</v>
          </cell>
          <cell r="K131" t="str">
            <v>072-770-5636</v>
          </cell>
          <cell r="L131" t="str">
            <v>makoto@torigai-en.jp</v>
          </cell>
          <cell r="M131" t="str">
            <v>ﾄﾘｶﾞｲｴﾝｼﾞﾆｱﾘﾝｸﾞ</v>
          </cell>
          <cell r="N131" t="str">
            <v>無</v>
          </cell>
          <cell r="O131">
            <v>40</v>
          </cell>
          <cell r="P131">
            <v>2</v>
          </cell>
          <cell r="Q131">
            <v>4140002063795</v>
          </cell>
          <cell r="R131">
            <v>4000</v>
          </cell>
          <cell r="S131">
            <v>5724</v>
          </cell>
          <cell r="T131">
            <v>38631</v>
          </cell>
          <cell r="V131" t="str">
            <v>tq188933</v>
          </cell>
          <cell r="W131" t="str">
            <v>va100604</v>
          </cell>
          <cell r="X131" t="str">
            <v>建大屋電管タ内消</v>
          </cell>
          <cell r="Y131" t="str">
            <v>建大屋電管タ内消</v>
          </cell>
          <cell r="Z131" t="str">
            <v/>
          </cell>
          <cell r="AA131" t="str">
            <v>電気</v>
          </cell>
          <cell r="AB131" t="str">
            <v>管</v>
          </cell>
          <cell r="AC131" t="str">
            <v>建築一式</v>
          </cell>
          <cell r="AD131" t="str">
            <v>大工</v>
          </cell>
          <cell r="AE131">
            <v>43008</v>
          </cell>
          <cell r="AF131" t="str">
            <v>希望しない</v>
          </cell>
          <cell r="AG131" t="str">
            <v>電気</v>
          </cell>
          <cell r="AH131" t="str">
            <v>一般</v>
          </cell>
          <cell r="AI131">
            <v>585</v>
          </cell>
          <cell r="AJ131">
            <v>22553</v>
          </cell>
          <cell r="AK131" t="str">
            <v>1(0)/0/0</v>
          </cell>
          <cell r="AL131" t="str">
            <v>管</v>
          </cell>
          <cell r="AM131" t="str">
            <v>一般</v>
          </cell>
          <cell r="AN131">
            <v>573</v>
          </cell>
          <cell r="AO131">
            <v>12789</v>
          </cell>
          <cell r="AP131" t="str">
            <v>1(0)/0/0</v>
          </cell>
          <cell r="AQ131" t="str">
            <v>建築一式</v>
          </cell>
          <cell r="AR131" t="str">
            <v/>
          </cell>
          <cell r="AS131" t="str">
            <v/>
          </cell>
          <cell r="AT131" t="str">
            <v/>
          </cell>
          <cell r="AU131" t="str">
            <v/>
          </cell>
          <cell r="AV131" t="str">
            <v>大工</v>
          </cell>
          <cell r="AW131" t="str">
            <v/>
          </cell>
          <cell r="AX131" t="str">
            <v/>
          </cell>
          <cell r="AY131" t="str">
            <v/>
          </cell>
          <cell r="AZ131" t="str">
            <v/>
          </cell>
          <cell r="BA131" t="str">
            <v>伊丹市</v>
          </cell>
          <cell r="BB131" t="str">
            <v/>
          </cell>
          <cell r="CR131">
            <v>3438</v>
          </cell>
          <cell r="CS131" t="str">
            <v>ﾖｼｶﾜ ｷﾝﾔ</v>
          </cell>
          <cell r="CT131" t="str">
            <v>吉川  欣也</v>
          </cell>
          <cell r="CU131" t="str">
            <v>警防課</v>
          </cell>
          <cell r="CW131">
            <v>6680317</v>
          </cell>
          <cell r="CX131" t="str">
            <v xml:space="preserve"> </v>
          </cell>
          <cell r="CY131" t="str">
            <v>警防課長</v>
          </cell>
        </row>
        <row r="132">
          <cell r="B132">
            <v>574</v>
          </cell>
          <cell r="C132" t="str">
            <v>(株)ダイイチ</v>
          </cell>
          <cell r="D132" t="str">
            <v>072-782-5138</v>
          </cell>
          <cell r="E132" t="str">
            <v>664-0858</v>
          </cell>
          <cell r="F132" t="str">
            <v>兵庫県伊丹市西台2-5-3</v>
          </cell>
          <cell r="G132" t="str">
            <v>伊丹市</v>
          </cell>
          <cell r="H132" t="str">
            <v/>
          </cell>
          <cell r="I132" t="str">
            <v>代表取締役 岡　博</v>
          </cell>
          <cell r="J132" t="str">
            <v>本店</v>
          </cell>
          <cell r="K132" t="str">
            <v>078-330-8215</v>
          </cell>
          <cell r="L132" t="str">
            <v>info@daiichi2015.co.jp</v>
          </cell>
          <cell r="M132" t="str">
            <v>ﾀﾞｲｲﾁ</v>
          </cell>
          <cell r="N132" t="str">
            <v>無</v>
          </cell>
          <cell r="O132">
            <v>2</v>
          </cell>
          <cell r="P132">
            <v>6</v>
          </cell>
          <cell r="Q132">
            <v>5140001098692</v>
          </cell>
          <cell r="R132">
            <v>5000</v>
          </cell>
          <cell r="S132">
            <v>-1421</v>
          </cell>
          <cell r="T132">
            <v>70410</v>
          </cell>
          <cell r="V132" t="str">
            <v>bq158217</v>
          </cell>
          <cell r="W132" t="str">
            <v>nm137437</v>
          </cell>
          <cell r="X132" t="str">
            <v>土建大左と石屋管タ鋼鉄舗板ガ塗防内熱具水</v>
          </cell>
          <cell r="Y132" t="str">
            <v>土建大左と石屋管タ鋼鉄舗板ガ塗防内熱具水</v>
          </cell>
          <cell r="AA132" t="str">
            <v>建築一式</v>
          </cell>
          <cell r="AB132" t="str">
            <v>とび土工</v>
          </cell>
          <cell r="AC132" t="str">
            <v>内装仕上</v>
          </cell>
          <cell r="AD132" t="str">
            <v/>
          </cell>
          <cell r="AE132">
            <v>43281</v>
          </cell>
          <cell r="AF132" t="str">
            <v>希望しない</v>
          </cell>
          <cell r="AG132" t="str">
            <v>建築一式</v>
          </cell>
          <cell r="AH132" t="str">
            <v>一般</v>
          </cell>
          <cell r="AI132">
            <v>506</v>
          </cell>
          <cell r="AJ132">
            <v>21605</v>
          </cell>
          <cell r="AK132" t="str">
            <v>1(0)/0/1</v>
          </cell>
          <cell r="AL132" t="str">
            <v>とび土工</v>
          </cell>
          <cell r="AM132" t="str">
            <v>一般</v>
          </cell>
          <cell r="AN132">
            <v>481</v>
          </cell>
          <cell r="AO132">
            <v>1141</v>
          </cell>
          <cell r="AP132" t="str">
            <v>0(0)/0/1</v>
          </cell>
          <cell r="AQ132" t="str">
            <v>内装仕上</v>
          </cell>
          <cell r="AR132" t="str">
            <v>一般</v>
          </cell>
          <cell r="AS132">
            <v>486</v>
          </cell>
          <cell r="AT132">
            <v>1011</v>
          </cell>
          <cell r="AU132" t="str">
            <v>1(0)/0/1</v>
          </cell>
          <cell r="AV132" t="str">
            <v/>
          </cell>
          <cell r="AW132" t="str">
            <v/>
          </cell>
          <cell r="AX132" t="str">
            <v/>
          </cell>
          <cell r="AY132" t="str">
            <v/>
          </cell>
          <cell r="AZ132" t="str">
            <v/>
          </cell>
          <cell r="BA132" t="str">
            <v>伊丹市</v>
          </cell>
          <cell r="BB132" t="str">
            <v/>
          </cell>
          <cell r="CR132">
            <v>3492</v>
          </cell>
          <cell r="CS132" t="str">
            <v>ﾏﾂﾓﾄ ｱｷﾄ</v>
          </cell>
          <cell r="CT132" t="str">
            <v>松元  明人</v>
          </cell>
          <cell r="CU132" t="str">
            <v>東消防署</v>
          </cell>
          <cell r="CW132">
            <v>668320</v>
          </cell>
          <cell r="CX132" t="str">
            <v>消防署長</v>
          </cell>
          <cell r="CY132" t="str">
            <v>東消防署長</v>
          </cell>
        </row>
        <row r="133">
          <cell r="B133">
            <v>575</v>
          </cell>
          <cell r="C133" t="str">
            <v>にこにこリフォーム(株)</v>
          </cell>
          <cell r="D133" t="str">
            <v>072-782-5138</v>
          </cell>
          <cell r="E133" t="str">
            <v>664-0892</v>
          </cell>
          <cell r="F133" t="str">
            <v>兵庫県伊丹市高台3-8</v>
          </cell>
          <cell r="G133" t="str">
            <v>伊丹市</v>
          </cell>
          <cell r="H133" t="str">
            <v/>
          </cell>
          <cell r="I133" t="str">
            <v>代表取締役 長石　学</v>
          </cell>
          <cell r="J133" t="str">
            <v>本店</v>
          </cell>
          <cell r="K133" t="str">
            <v>078-330-8215</v>
          </cell>
          <cell r="L133" t="str">
            <v>info@nagaishi.co.jp</v>
          </cell>
          <cell r="M133" t="str">
            <v>ﾆｺﾆｺﾘﾌｫｰﾑ</v>
          </cell>
          <cell r="N133" t="str">
            <v>無</v>
          </cell>
          <cell r="O133">
            <v>6</v>
          </cell>
          <cell r="P133">
            <v>8</v>
          </cell>
          <cell r="Q133">
            <v>9140002063799</v>
          </cell>
          <cell r="R133">
            <v>10000</v>
          </cell>
          <cell r="S133">
            <v>27708</v>
          </cell>
          <cell r="T133">
            <v>343576</v>
          </cell>
          <cell r="V133" t="str">
            <v>jr134056</v>
          </cell>
          <cell r="W133" t="str">
            <v>ij156759</v>
          </cell>
          <cell r="X133" t="str">
            <v>塗</v>
          </cell>
          <cell r="Y133" t="str">
            <v>塗</v>
          </cell>
          <cell r="Z133" t="str">
            <v/>
          </cell>
          <cell r="AA133" t="str">
            <v>塗装</v>
          </cell>
          <cell r="AB133" t="str">
            <v/>
          </cell>
          <cell r="AC133" t="str">
            <v/>
          </cell>
          <cell r="AD133" t="str">
            <v/>
          </cell>
          <cell r="AE133">
            <v>43312</v>
          </cell>
          <cell r="AF133" t="str">
            <v/>
          </cell>
          <cell r="AG133" t="str">
            <v>塗装</v>
          </cell>
          <cell r="AH133" t="str">
            <v>一般</v>
          </cell>
          <cell r="AI133">
            <v>704</v>
          </cell>
          <cell r="AJ133">
            <v>282746</v>
          </cell>
          <cell r="AK133" t="str">
            <v>0(0)/2/0</v>
          </cell>
          <cell r="AL133" t="str">
            <v/>
          </cell>
          <cell r="AM133" t="str">
            <v/>
          </cell>
          <cell r="AN133" t="str">
            <v/>
          </cell>
          <cell r="AO133" t="str">
            <v/>
          </cell>
          <cell r="AP133" t="str">
            <v/>
          </cell>
          <cell r="AQ133" t="str">
            <v/>
          </cell>
          <cell r="AR133" t="str">
            <v/>
          </cell>
          <cell r="AS133" t="str">
            <v/>
          </cell>
          <cell r="AT133" t="str">
            <v/>
          </cell>
          <cell r="AU133" t="str">
            <v/>
          </cell>
          <cell r="AV133" t="str">
            <v/>
          </cell>
          <cell r="AW133" t="str">
            <v/>
          </cell>
          <cell r="AX133" t="str">
            <v/>
          </cell>
          <cell r="AY133" t="str">
            <v/>
          </cell>
          <cell r="AZ133" t="str">
            <v/>
          </cell>
          <cell r="BA133" t="str">
            <v>伊丹市</v>
          </cell>
          <cell r="BB133" t="str">
            <v/>
          </cell>
          <cell r="CR133">
            <v>3496</v>
          </cell>
          <cell r="CS133" t="str">
            <v>ﾆｼｱﾐ ｻﾁﾋｺ</v>
          </cell>
          <cell r="CT133" t="str">
            <v>西網  幸彦</v>
          </cell>
          <cell r="CU133" t="str">
            <v>営業課</v>
          </cell>
          <cell r="CW133" t="str">
            <v xml:space="preserve"> </v>
          </cell>
          <cell r="CX133" t="str">
            <v>副主査</v>
          </cell>
          <cell r="CY133" t="str">
            <v>営業課長</v>
          </cell>
        </row>
        <row r="134">
          <cell r="B134">
            <v>577</v>
          </cell>
          <cell r="C134" t="str">
            <v>株式会社鉄吉</v>
          </cell>
          <cell r="D134" t="str">
            <v>072-777-4304</v>
          </cell>
          <cell r="E134" t="str">
            <v>664-0888</v>
          </cell>
          <cell r="F134" t="str">
            <v>兵庫県伊丹市昆陽南1丁目2番38号4号室</v>
          </cell>
          <cell r="G134" t="str">
            <v>伊丹市</v>
          </cell>
          <cell r="H134" t="str">
            <v/>
          </cell>
          <cell r="I134" t="str">
            <v>代表取締役　 柳田　伸</v>
          </cell>
          <cell r="J134" t="str">
            <v>本店</v>
          </cell>
          <cell r="K134" t="str">
            <v>072-777-4300</v>
          </cell>
          <cell r="L134" t="str">
            <v>info@tetsukichi.co.jp</v>
          </cell>
          <cell r="M134" t="str">
            <v>ﾃﾂｷﾁ</v>
          </cell>
          <cell r="N134" t="str">
            <v>無</v>
          </cell>
          <cell r="O134">
            <v>5</v>
          </cell>
          <cell r="P134">
            <v>9</v>
          </cell>
          <cell r="Q134">
            <v>2140000000000</v>
          </cell>
          <cell r="R134">
            <v>5000</v>
          </cell>
          <cell r="S134">
            <v>39843</v>
          </cell>
          <cell r="T134">
            <v>337260</v>
          </cell>
          <cell r="V134" t="str">
            <v>fp104364</v>
          </cell>
          <cell r="W134" t="str">
            <v>sf186963</v>
          </cell>
          <cell r="X134" t="str">
            <v>塗</v>
          </cell>
          <cell r="Y134" t="str">
            <v>塗</v>
          </cell>
          <cell r="Z134" t="str">
            <v/>
          </cell>
          <cell r="AA134" t="str">
            <v>内装仕上</v>
          </cell>
          <cell r="AB134" t="str">
            <v/>
          </cell>
          <cell r="AC134" t="str">
            <v/>
          </cell>
          <cell r="AD134" t="str">
            <v/>
          </cell>
          <cell r="AE134">
            <v>43008</v>
          </cell>
          <cell r="AF134" t="str">
            <v>無</v>
          </cell>
          <cell r="AG134" t="str">
            <v>内装仕上</v>
          </cell>
          <cell r="AH134" t="str">
            <v>一般</v>
          </cell>
          <cell r="AI134">
            <v>634</v>
          </cell>
          <cell r="AJ134">
            <v>411079</v>
          </cell>
          <cell r="AK134" t="str">
            <v>0(0)/3/0</v>
          </cell>
          <cell r="AL134" t="str">
            <v/>
          </cell>
          <cell r="AM134" t="str">
            <v/>
          </cell>
          <cell r="AN134" t="str">
            <v/>
          </cell>
          <cell r="AO134" t="str">
            <v/>
          </cell>
          <cell r="AP134" t="str">
            <v/>
          </cell>
          <cell r="AQ134" t="str">
            <v/>
          </cell>
          <cell r="AR134" t="str">
            <v/>
          </cell>
          <cell r="AS134" t="str">
            <v/>
          </cell>
          <cell r="AT134" t="str">
            <v/>
          </cell>
          <cell r="AU134" t="str">
            <v/>
          </cell>
          <cell r="AV134" t="str">
            <v/>
          </cell>
          <cell r="AW134" t="str">
            <v/>
          </cell>
          <cell r="AX134" t="str">
            <v/>
          </cell>
          <cell r="AY134" t="str">
            <v/>
          </cell>
          <cell r="AZ134" t="str">
            <v/>
          </cell>
          <cell r="BA134" t="str">
            <v>伊丹市</v>
          </cell>
          <cell r="BB134" t="str">
            <v/>
          </cell>
          <cell r="CR134">
            <v>3505</v>
          </cell>
          <cell r="CS134" t="str">
            <v>ｻｴｷ ﾐｴｺ</v>
          </cell>
          <cell r="CT134" t="str">
            <v>佐伯  美枝子</v>
          </cell>
          <cell r="CU134" t="str">
            <v>健康政策課</v>
          </cell>
          <cell r="CW134">
            <v>2553</v>
          </cell>
          <cell r="CX134" t="str">
            <v xml:space="preserve"> </v>
          </cell>
          <cell r="CY134" t="str">
            <v>健康政策課長</v>
          </cell>
        </row>
        <row r="135">
          <cell r="B135">
            <v>578</v>
          </cell>
          <cell r="C135" t="str">
            <v>楓工業</v>
          </cell>
          <cell r="D135" t="str">
            <v>072-747-4136</v>
          </cell>
          <cell r="E135" t="str">
            <v>664-0027</v>
          </cell>
          <cell r="F135" t="str">
            <v>兵庫県伊丹市池尻7-128-3</v>
          </cell>
          <cell r="G135" t="str">
            <v>伊丹市</v>
          </cell>
          <cell r="H135" t="str">
            <v/>
          </cell>
          <cell r="I135" t="str">
            <v xml:space="preserve"> 金子　雄介</v>
          </cell>
          <cell r="J135" t="str">
            <v>本店</v>
          </cell>
          <cell r="K135" t="str">
            <v>072-746-9393</v>
          </cell>
          <cell r="L135" t="str">
            <v>kaneko3369@bloom.ocn.ne.jp</v>
          </cell>
          <cell r="M135" t="str">
            <v>ｶｴﾃﾞｺｳｷﾞｮｳ</v>
          </cell>
          <cell r="N135" t="str">
            <v>無</v>
          </cell>
          <cell r="O135">
            <v>4</v>
          </cell>
          <cell r="P135">
            <v>1</v>
          </cell>
          <cell r="Q135" t="str">
            <v/>
          </cell>
          <cell r="R135">
            <v>0</v>
          </cell>
          <cell r="S135">
            <v>2905</v>
          </cell>
          <cell r="T135">
            <v>20642</v>
          </cell>
          <cell r="V135" t="str">
            <v>pg102971</v>
          </cell>
          <cell r="W135" t="str">
            <v>nl149136</v>
          </cell>
          <cell r="X135" t="str">
            <v>と</v>
          </cell>
          <cell r="Y135" t="str">
            <v>と</v>
          </cell>
          <cell r="Z135" t="str">
            <v/>
          </cell>
          <cell r="AA135" t="str">
            <v>とび土工</v>
          </cell>
          <cell r="AB135" t="str">
            <v/>
          </cell>
          <cell r="AC135" t="str">
            <v/>
          </cell>
          <cell r="AD135" t="str">
            <v/>
          </cell>
          <cell r="AE135">
            <v>43099</v>
          </cell>
          <cell r="AF135" t="str">
            <v>希望しない</v>
          </cell>
          <cell r="AG135" t="str">
            <v>とび土工</v>
          </cell>
          <cell r="AH135" t="str">
            <v>一般</v>
          </cell>
          <cell r="AI135">
            <v>559</v>
          </cell>
          <cell r="AJ135">
            <v>16549</v>
          </cell>
          <cell r="AK135" t="str">
            <v>()/1/</v>
          </cell>
          <cell r="AL135" t="str">
            <v/>
          </cell>
          <cell r="AM135" t="str">
            <v/>
          </cell>
          <cell r="AN135" t="str">
            <v/>
          </cell>
          <cell r="AO135" t="str">
            <v/>
          </cell>
          <cell r="AP135" t="str">
            <v/>
          </cell>
          <cell r="AQ135" t="str">
            <v/>
          </cell>
          <cell r="AR135" t="str">
            <v/>
          </cell>
          <cell r="AS135" t="str">
            <v/>
          </cell>
          <cell r="AT135" t="str">
            <v/>
          </cell>
          <cell r="AU135" t="str">
            <v/>
          </cell>
          <cell r="AV135" t="str">
            <v/>
          </cell>
          <cell r="AW135" t="str">
            <v/>
          </cell>
          <cell r="AX135" t="str">
            <v/>
          </cell>
          <cell r="AY135" t="str">
            <v/>
          </cell>
          <cell r="AZ135" t="str">
            <v/>
          </cell>
          <cell r="BA135" t="str">
            <v>伊丹市</v>
          </cell>
          <cell r="BB135" t="str">
            <v/>
          </cell>
          <cell r="CR135">
            <v>3506</v>
          </cell>
          <cell r="CS135" t="str">
            <v>ｻｶﾈ ﾀｶﾊﾙ</v>
          </cell>
          <cell r="CT135" t="str">
            <v>坂根  隆治</v>
          </cell>
          <cell r="CU135" t="str">
            <v>公園課</v>
          </cell>
          <cell r="CW135">
            <v>2994</v>
          </cell>
          <cell r="CX135" t="str">
            <v xml:space="preserve"> </v>
          </cell>
          <cell r="CY135" t="str">
            <v>公園課長</v>
          </cell>
        </row>
        <row r="136">
          <cell r="B136">
            <v>579</v>
          </cell>
          <cell r="C136" t="str">
            <v>(株)田中管工</v>
          </cell>
          <cell r="D136" t="str">
            <v>072-764-7710</v>
          </cell>
          <cell r="E136" t="str">
            <v>664-0839</v>
          </cell>
          <cell r="F136" t="str">
            <v>兵庫県伊丹市桑津4‐2‐52</v>
          </cell>
          <cell r="G136" t="str">
            <v>伊丹市</v>
          </cell>
          <cell r="H136" t="str">
            <v/>
          </cell>
          <cell r="I136" t="str">
            <v>代表取締役 田中　裕一</v>
          </cell>
          <cell r="J136" t="str">
            <v>本店</v>
          </cell>
          <cell r="K136" t="str">
            <v>072-764-7712</v>
          </cell>
          <cell r="L136" t="str">
            <v>y.tanaka@tk63.jp</v>
          </cell>
          <cell r="M136" t="str">
            <v>ﾀﾅｶｶﾝｺｳ</v>
          </cell>
          <cell r="N136" t="str">
            <v>無</v>
          </cell>
          <cell r="O136">
            <v>5</v>
          </cell>
          <cell r="P136">
            <v>10</v>
          </cell>
          <cell r="Q136">
            <v>5140001080683</v>
          </cell>
          <cell r="R136">
            <v>5000</v>
          </cell>
          <cell r="S136">
            <v>36378</v>
          </cell>
          <cell r="T136">
            <v>108313</v>
          </cell>
          <cell r="V136" t="str">
            <v>xy109621</v>
          </cell>
          <cell r="W136" t="str">
            <v>sw109695</v>
          </cell>
          <cell r="X136" t="str">
            <v>土と石管鋼舗浚塗水解</v>
          </cell>
          <cell r="Y136" t="str">
            <v>土と石管鋼舗浚塗水解</v>
          </cell>
          <cell r="Z136" t="str">
            <v/>
          </cell>
          <cell r="AA136" t="str">
            <v>水道施設</v>
          </cell>
          <cell r="AB136" t="str">
            <v>舗装</v>
          </cell>
          <cell r="AC136" t="str">
            <v>管</v>
          </cell>
          <cell r="AD136" t="str">
            <v>土木一式</v>
          </cell>
          <cell r="AE136">
            <v>43039</v>
          </cell>
          <cell r="AF136" t="str">
            <v>希望しない</v>
          </cell>
          <cell r="AG136" t="str">
            <v>水道施設</v>
          </cell>
          <cell r="AH136" t="str">
            <v>一般</v>
          </cell>
          <cell r="AI136">
            <v>535</v>
          </cell>
          <cell r="AJ136" t="str">
            <v/>
          </cell>
          <cell r="AK136" t="str">
            <v>0(0)/0/0</v>
          </cell>
          <cell r="AL136" t="str">
            <v>舗装</v>
          </cell>
          <cell r="AM136" t="str">
            <v>一般</v>
          </cell>
          <cell r="AN136">
            <v>540</v>
          </cell>
          <cell r="AO136" t="str">
            <v/>
          </cell>
          <cell r="AP136" t="str">
            <v>0(0)/1/0</v>
          </cell>
          <cell r="AQ136" t="str">
            <v>管</v>
          </cell>
          <cell r="AR136" t="str">
            <v>一般</v>
          </cell>
          <cell r="AS136">
            <v>618</v>
          </cell>
          <cell r="AT136">
            <v>106530</v>
          </cell>
          <cell r="AU136" t="str">
            <v>0(0)/0/1</v>
          </cell>
          <cell r="AV136" t="str">
            <v>土木一式</v>
          </cell>
          <cell r="AW136" t="str">
            <v>一般</v>
          </cell>
          <cell r="AX136">
            <v>540</v>
          </cell>
          <cell r="AY136" t="str">
            <v/>
          </cell>
          <cell r="AZ136" t="str">
            <v>0(0)/1/0</v>
          </cell>
          <cell r="BA136" t="str">
            <v>伊丹市</v>
          </cell>
          <cell r="BB136" t="str">
            <v/>
          </cell>
          <cell r="CR136">
            <v>3517</v>
          </cell>
          <cell r="CS136" t="str">
            <v>ｳｴﾊﾗ ﾉﾎﾞﾙ</v>
          </cell>
          <cell r="CT136" t="str">
            <v>上原  登</v>
          </cell>
          <cell r="CU136" t="str">
            <v>消防総務課</v>
          </cell>
          <cell r="CW136">
            <v>6680201</v>
          </cell>
          <cell r="CX136" t="str">
            <v>消防局長</v>
          </cell>
          <cell r="CY136" t="str">
            <v>消防総務課長</v>
          </cell>
        </row>
        <row r="137">
          <cell r="B137">
            <v>580</v>
          </cell>
          <cell r="C137" t="str">
            <v>(株)三矢電工</v>
          </cell>
          <cell r="D137" t="str">
            <v>072-767-6553</v>
          </cell>
          <cell r="E137" t="str">
            <v>664-0022</v>
          </cell>
          <cell r="F137" t="str">
            <v>兵庫県伊丹市中野東2-62-3-203</v>
          </cell>
          <cell r="G137" t="str">
            <v>伊丹市</v>
          </cell>
          <cell r="H137" t="str">
            <v/>
          </cell>
          <cell r="I137" t="str">
            <v>代表取締役 冨田　頼勝</v>
          </cell>
          <cell r="J137" t="str">
            <v>本店</v>
          </cell>
          <cell r="K137" t="str">
            <v>072-767-6558</v>
          </cell>
          <cell r="L137" t="str">
            <v>mituyadenkou@vanilla.oc.ne.jp</v>
          </cell>
          <cell r="M137" t="str">
            <v>ﾐﾂﾔﾃﾞﾝｺｳ</v>
          </cell>
          <cell r="N137" t="str">
            <v>無</v>
          </cell>
          <cell r="O137">
            <v>4</v>
          </cell>
          <cell r="P137">
            <v>10</v>
          </cell>
          <cell r="Q137">
            <v>4140001088810</v>
          </cell>
          <cell r="R137">
            <v>5000</v>
          </cell>
          <cell r="S137">
            <v>4871</v>
          </cell>
          <cell r="T137">
            <v>122581</v>
          </cell>
          <cell r="V137" t="str">
            <v>eu144297</v>
          </cell>
          <cell r="W137" t="str">
            <v>nv105414</v>
          </cell>
          <cell r="X137" t="str">
            <v>電</v>
          </cell>
          <cell r="Y137" t="str">
            <v>電</v>
          </cell>
          <cell r="Z137" t="str">
            <v/>
          </cell>
          <cell r="AA137" t="str">
            <v>電気</v>
          </cell>
          <cell r="AB137" t="str">
            <v/>
          </cell>
          <cell r="AC137" t="str">
            <v/>
          </cell>
          <cell r="AD137" t="str">
            <v/>
          </cell>
          <cell r="AE137">
            <v>43008</v>
          </cell>
          <cell r="AF137" t="str">
            <v>希望しない</v>
          </cell>
          <cell r="AG137" t="str">
            <v>電気</v>
          </cell>
          <cell r="AH137" t="str">
            <v>一般</v>
          </cell>
          <cell r="AI137">
            <v>599</v>
          </cell>
          <cell r="AJ137">
            <v>118997</v>
          </cell>
          <cell r="AK137" t="str">
            <v>0(0)/4/5</v>
          </cell>
          <cell r="AL137" t="str">
            <v/>
          </cell>
          <cell r="AM137" t="str">
            <v/>
          </cell>
          <cell r="AN137" t="str">
            <v/>
          </cell>
          <cell r="AO137" t="str">
            <v/>
          </cell>
          <cell r="AP137" t="str">
            <v/>
          </cell>
          <cell r="AQ137" t="str">
            <v/>
          </cell>
          <cell r="AR137" t="str">
            <v/>
          </cell>
          <cell r="AS137" t="str">
            <v/>
          </cell>
          <cell r="AT137" t="str">
            <v/>
          </cell>
          <cell r="AU137" t="str">
            <v/>
          </cell>
          <cell r="AV137" t="str">
            <v/>
          </cell>
          <cell r="AW137" t="str">
            <v/>
          </cell>
          <cell r="AX137" t="str">
            <v/>
          </cell>
          <cell r="AY137" t="str">
            <v/>
          </cell>
          <cell r="AZ137" t="str">
            <v/>
          </cell>
          <cell r="BA137" t="str">
            <v>伊丹市</v>
          </cell>
          <cell r="BB137" t="str">
            <v/>
          </cell>
          <cell r="CR137">
            <v>3534</v>
          </cell>
          <cell r="CS137" t="str">
            <v>ｷｼﾓﾄ ﾋﾛｼ</v>
          </cell>
          <cell r="CT137" t="str">
            <v>岸本  洋</v>
          </cell>
          <cell r="CU137" t="str">
            <v>警防課</v>
          </cell>
          <cell r="CW137">
            <v>6680226</v>
          </cell>
          <cell r="CX137" t="str">
            <v xml:space="preserve"> </v>
          </cell>
          <cell r="CY137" t="str">
            <v>警防課長</v>
          </cell>
        </row>
        <row r="138">
          <cell r="B138">
            <v>581</v>
          </cell>
          <cell r="C138" t="str">
            <v>禎建工業</v>
          </cell>
          <cell r="D138" t="str">
            <v>072-747-0228</v>
          </cell>
          <cell r="E138" t="str">
            <v>664-0839</v>
          </cell>
          <cell r="F138" t="str">
            <v>兵庫県伊丹市桑津4-2-53</v>
          </cell>
          <cell r="G138" t="str">
            <v>伊丹市</v>
          </cell>
          <cell r="H138" t="str">
            <v/>
          </cell>
          <cell r="I138" t="str">
            <v>代表 山下　禎英</v>
          </cell>
          <cell r="J138" t="str">
            <v>本店</v>
          </cell>
          <cell r="K138" t="str">
            <v>072-747-0567</v>
          </cell>
          <cell r="L138" t="str">
            <v>kuu_0104@yahoo.co.jp</v>
          </cell>
          <cell r="M138" t="str">
            <v>ﾃｲｹﾝｺｳｷﾞｮｳ</v>
          </cell>
          <cell r="N138" t="str">
            <v>無</v>
          </cell>
          <cell r="O138">
            <v>0</v>
          </cell>
          <cell r="P138">
            <v>2</v>
          </cell>
          <cell r="Q138" t="str">
            <v/>
          </cell>
          <cell r="R138" t="str">
            <v/>
          </cell>
          <cell r="S138">
            <v>6293</v>
          </cell>
          <cell r="T138">
            <v>9023</v>
          </cell>
          <cell r="V138" t="str">
            <v>aj166321</v>
          </cell>
          <cell r="W138" t="str">
            <v>oo150151</v>
          </cell>
          <cell r="X138" t="str">
            <v>土と石鋼舗浚水</v>
          </cell>
          <cell r="Y138" t="str">
            <v>土と石鋼舗浚水</v>
          </cell>
          <cell r="Z138" t="str">
            <v/>
          </cell>
          <cell r="AA138" t="str">
            <v>水道施設</v>
          </cell>
          <cell r="AB138" t="str">
            <v>土木一式</v>
          </cell>
          <cell r="AC138" t="str">
            <v>舗装</v>
          </cell>
          <cell r="AD138" t="str">
            <v/>
          </cell>
          <cell r="AE138">
            <v>43100</v>
          </cell>
          <cell r="AF138" t="str">
            <v>希望しない</v>
          </cell>
          <cell r="AG138" t="str">
            <v>水道施設</v>
          </cell>
          <cell r="AH138" t="str">
            <v>一般</v>
          </cell>
          <cell r="AI138">
            <v>487</v>
          </cell>
          <cell r="AJ138">
            <v>3711</v>
          </cell>
          <cell r="AK138" t="str">
            <v>0(0)/0/0</v>
          </cell>
          <cell r="AL138" t="str">
            <v>土木一式</v>
          </cell>
          <cell r="AM138" t="str">
            <v>一般</v>
          </cell>
          <cell r="AN138">
            <v>483</v>
          </cell>
          <cell r="AO138">
            <v>1217</v>
          </cell>
          <cell r="AP138" t="str">
            <v>0(0)/1/0</v>
          </cell>
          <cell r="AQ138" t="str">
            <v>舗装</v>
          </cell>
          <cell r="AR138" t="str">
            <v>一般</v>
          </cell>
          <cell r="AS138">
            <v>476</v>
          </cell>
          <cell r="AT138">
            <v>570</v>
          </cell>
          <cell r="AU138" t="str">
            <v>0(0)/0/0</v>
          </cell>
          <cell r="AV138" t="str">
            <v/>
          </cell>
          <cell r="AW138" t="str">
            <v/>
          </cell>
          <cell r="AX138" t="str">
            <v/>
          </cell>
          <cell r="AY138" t="str">
            <v/>
          </cell>
          <cell r="AZ138" t="str">
            <v/>
          </cell>
          <cell r="BA138" t="str">
            <v>伊丹市</v>
          </cell>
          <cell r="BB138" t="str">
            <v/>
          </cell>
          <cell r="CR138">
            <v>3550</v>
          </cell>
          <cell r="CS138" t="str">
            <v>ﾓﾘﾀ ﾀｶｼ</v>
          </cell>
          <cell r="CT138" t="str">
            <v>森田  卓</v>
          </cell>
          <cell r="CU138" t="str">
            <v>管財課</v>
          </cell>
          <cell r="CW138">
            <v>2458</v>
          </cell>
          <cell r="CX138" t="str">
            <v xml:space="preserve"> </v>
          </cell>
          <cell r="CY138" t="str">
            <v>管財課長</v>
          </cell>
        </row>
        <row r="139">
          <cell r="B139">
            <v>806</v>
          </cell>
          <cell r="C139" t="str">
            <v>エスティーク(株)</v>
          </cell>
          <cell r="D139" t="str">
            <v>072-777-0619</v>
          </cell>
          <cell r="E139" t="str">
            <v>664-0886</v>
          </cell>
          <cell r="F139" t="str">
            <v>兵庫県伊丹市昆陽東6-4-10</v>
          </cell>
          <cell r="G139" t="str">
            <v>尼崎市</v>
          </cell>
          <cell r="H139" t="str">
            <v>伊丹営業所</v>
          </cell>
          <cell r="I139" t="str">
            <v>伊丹営業所長 前田　克之</v>
          </cell>
          <cell r="J139" t="str">
            <v>兵庫県尼崎市</v>
          </cell>
          <cell r="K139" t="str">
            <v>06-6418-5119</v>
          </cell>
          <cell r="L139" t="str">
            <v>syuraku@ceres.ocn.ne.jp</v>
          </cell>
          <cell r="M139" t="str">
            <v>ｴｽﾃｨｰｸ</v>
          </cell>
          <cell r="N139" t="str">
            <v>有</v>
          </cell>
          <cell r="O139">
            <v>39</v>
          </cell>
          <cell r="P139">
            <v>7</v>
          </cell>
          <cell r="Q139">
            <v>1140001049336</v>
          </cell>
          <cell r="R139">
            <v>50000</v>
          </cell>
          <cell r="S139">
            <v>66559</v>
          </cell>
          <cell r="T139">
            <v>179376</v>
          </cell>
          <cell r="V139" t="str">
            <v>vn600096</v>
          </cell>
          <cell r="W139" t="str">
            <v>ep812474</v>
          </cell>
          <cell r="X139" t="str">
            <v>(建)(大)(左)(と)(石)(屋)(タ)(鋼)(鉄)(板)(ガ)(塗)(防)(内)(熱)(具)建大と石屋タ鋼鉄板ガ塗防内熱具</v>
          </cell>
          <cell r="Y139" t="str">
            <v>(建)(大)(左)(と)(石)(屋)(タ)(鋼)(鉄)(板)(ガ)(塗)(防)(内)(熱)(具)</v>
          </cell>
          <cell r="Z139" t="str">
            <v>建大と石屋タ鋼鉄板ガ塗防内熱具</v>
          </cell>
          <cell r="AA139" t="str">
            <v>建築一式</v>
          </cell>
          <cell r="AB139" t="str">
            <v>塗装</v>
          </cell>
          <cell r="AC139" t="str">
            <v>防水</v>
          </cell>
          <cell r="AD139" t="str">
            <v/>
          </cell>
          <cell r="AE139">
            <v>42947</v>
          </cell>
          <cell r="AF139" t="str">
            <v>希望しない</v>
          </cell>
          <cell r="AG139" t="str">
            <v>建築一式</v>
          </cell>
          <cell r="AH139" t="str">
            <v>特定</v>
          </cell>
          <cell r="AI139">
            <v>716</v>
          </cell>
          <cell r="AJ139">
            <v>92925</v>
          </cell>
          <cell r="AK139" t="str">
            <v>1(1)/0/0</v>
          </cell>
          <cell r="AL139" t="str">
            <v>塗装</v>
          </cell>
          <cell r="AM139" t="str">
            <v>特定</v>
          </cell>
          <cell r="AN139">
            <v>688</v>
          </cell>
          <cell r="AO139">
            <v>39589</v>
          </cell>
          <cell r="AP139" t="str">
            <v>1(1)/1/0</v>
          </cell>
          <cell r="AQ139" t="str">
            <v>防水</v>
          </cell>
          <cell r="AR139" t="str">
            <v>特定</v>
          </cell>
          <cell r="AS139">
            <v>701</v>
          </cell>
          <cell r="AT139">
            <v>40630</v>
          </cell>
          <cell r="AU139" t="str">
            <v>2(2)/0/0</v>
          </cell>
          <cell r="AV139" t="str">
            <v/>
          </cell>
          <cell r="AW139" t="str">
            <v/>
          </cell>
          <cell r="AX139" t="str">
            <v/>
          </cell>
          <cell r="AY139" t="str">
            <v/>
          </cell>
          <cell r="AZ139" t="str">
            <v/>
          </cell>
          <cell r="BA139" t="str">
            <v>兵庫県</v>
          </cell>
          <cell r="BB139">
            <v>0</v>
          </cell>
          <cell r="CR139">
            <v>3562</v>
          </cell>
          <cell r="CS139" t="str">
            <v>ﾆｼｶﾜ ﾄｼｺ</v>
          </cell>
          <cell r="CT139" t="str">
            <v>西川  敏子</v>
          </cell>
          <cell r="CU139" t="str">
            <v>後期医療福祉課</v>
          </cell>
          <cell r="CW139">
            <v>2754</v>
          </cell>
          <cell r="CX139" t="str">
            <v>副主査</v>
          </cell>
          <cell r="CY139" t="str">
            <v>後期医療福祉課長</v>
          </cell>
        </row>
        <row r="140">
          <cell r="B140">
            <v>813</v>
          </cell>
          <cell r="C140" t="str">
            <v>(株)川北電工</v>
          </cell>
          <cell r="D140" t="str">
            <v>072-783-0671</v>
          </cell>
          <cell r="E140" t="str">
            <v>664-0845</v>
          </cell>
          <cell r="F140" t="str">
            <v>兵庫県伊丹市東有岡3-39</v>
          </cell>
          <cell r="G140" t="str">
            <v>鹿児島市</v>
          </cell>
          <cell r="H140" t="str">
            <v>関西支社</v>
          </cell>
          <cell r="I140" t="str">
            <v>関西支社長 下濱　忠彦</v>
          </cell>
          <cell r="J140" t="str">
            <v>鹿児島県鹿児島市</v>
          </cell>
          <cell r="K140" t="str">
            <v>072-783-9034</v>
          </cell>
          <cell r="L140" t="str">
            <v>sakoda@kawakita-denko.co.jp</v>
          </cell>
          <cell r="M140" t="str">
            <v>ｶﾜｷﾀﾃﾞﾝｺｳ</v>
          </cell>
          <cell r="N140" t="str">
            <v>有</v>
          </cell>
          <cell r="O140">
            <v>65</v>
          </cell>
          <cell r="P140">
            <v>322</v>
          </cell>
          <cell r="Q140">
            <v>9340001001228</v>
          </cell>
          <cell r="R140">
            <v>145000</v>
          </cell>
          <cell r="S140">
            <v>6174504</v>
          </cell>
          <cell r="T140">
            <v>6969178</v>
          </cell>
          <cell r="V140" t="str">
            <v>jh213697</v>
          </cell>
          <cell r="W140" t="str">
            <v>rx150959</v>
          </cell>
          <cell r="X140" t="str">
            <v>建管機消(建)(電)(通)土と電鋼塗通水</v>
          </cell>
          <cell r="Y140" t="str">
            <v>建管機消(建)(電)(通)</v>
          </cell>
          <cell r="Z140" t="str">
            <v>土と電鋼塗通水</v>
          </cell>
          <cell r="AA140" t="str">
            <v>電気通信</v>
          </cell>
          <cell r="AB140" t="str">
            <v>電気</v>
          </cell>
          <cell r="AC140" t="str">
            <v/>
          </cell>
          <cell r="AD140" t="str">
            <v/>
          </cell>
          <cell r="AE140">
            <v>43151</v>
          </cell>
          <cell r="AF140" t="str">
            <v/>
          </cell>
          <cell r="AG140" t="str">
            <v>電気通信</v>
          </cell>
          <cell r="AH140" t="str">
            <v>特定</v>
          </cell>
          <cell r="AI140">
            <v>1128</v>
          </cell>
          <cell r="AJ140">
            <v>2540960</v>
          </cell>
          <cell r="AK140" t="str">
            <v>()//95</v>
          </cell>
          <cell r="AL140" t="str">
            <v>電気</v>
          </cell>
          <cell r="AM140" t="str">
            <v>特定</v>
          </cell>
          <cell r="AN140">
            <v>1234</v>
          </cell>
          <cell r="AO140">
            <v>3416697</v>
          </cell>
          <cell r="AP140" t="str">
            <v>58(44)/43/67</v>
          </cell>
          <cell r="AQ140" t="str">
            <v/>
          </cell>
          <cell r="AR140" t="str">
            <v/>
          </cell>
          <cell r="AS140" t="str">
            <v/>
          </cell>
          <cell r="AT140" t="str">
            <v/>
          </cell>
          <cell r="AU140" t="str">
            <v/>
          </cell>
          <cell r="AV140" t="str">
            <v/>
          </cell>
          <cell r="AW140" t="str">
            <v/>
          </cell>
          <cell r="AX140" t="str">
            <v/>
          </cell>
          <cell r="AY140" t="str">
            <v/>
          </cell>
          <cell r="AZ140" t="str">
            <v/>
          </cell>
          <cell r="BA140" t="str">
            <v>鹿児島県</v>
          </cell>
          <cell r="BB140">
            <v>0</v>
          </cell>
          <cell r="CR140">
            <v>3568</v>
          </cell>
          <cell r="CS140" t="str">
            <v>ｶﾂﾔﾏ ﾄｼｱｷ</v>
          </cell>
          <cell r="CT140" t="str">
            <v>勝山  利昭</v>
          </cell>
          <cell r="CU140" t="str">
            <v>公園課</v>
          </cell>
          <cell r="CW140" t="str">
            <v xml:space="preserve"> </v>
          </cell>
          <cell r="CX140" t="str">
            <v xml:space="preserve"> </v>
          </cell>
          <cell r="CY140" t="str">
            <v>公園課長</v>
          </cell>
        </row>
        <row r="141">
          <cell r="B141">
            <v>847</v>
          </cell>
          <cell r="C141" t="str">
            <v>柳生設備(株)</v>
          </cell>
          <cell r="D141" t="str">
            <v>06-6315-7419</v>
          </cell>
          <cell r="E141" t="str">
            <v>530-0054</v>
          </cell>
          <cell r="F141" t="str">
            <v>大阪府大阪市北区南森町2-4-32</v>
          </cell>
          <cell r="G141" t="str">
            <v>大阪市</v>
          </cell>
          <cell r="H141" t="str">
            <v/>
          </cell>
          <cell r="I141" t="str">
            <v>代表取締役 福地　文雄</v>
          </cell>
          <cell r="J141" t="str">
            <v>本店</v>
          </cell>
          <cell r="K141" t="str">
            <v>06-6314-3745</v>
          </cell>
          <cell r="L141" t="str">
            <v>info@yagyu-setsubi.co.jp</v>
          </cell>
          <cell r="M141" t="str">
            <v>ﾔｷﾞｭｳｾﾂﾋﾞ</v>
          </cell>
          <cell r="N141" t="str">
            <v>無</v>
          </cell>
          <cell r="O141">
            <v>38</v>
          </cell>
          <cell r="P141">
            <v>45</v>
          </cell>
          <cell r="Q141">
            <v>3120001071364</v>
          </cell>
          <cell r="R141">
            <v>20000</v>
          </cell>
          <cell r="S141">
            <v>3296768</v>
          </cell>
          <cell r="T141">
            <v>4028033</v>
          </cell>
          <cell r="V141" t="str">
            <v>tt355297</v>
          </cell>
          <cell r="W141" t="str">
            <v>dn524156</v>
          </cell>
          <cell r="X141" t="str">
            <v>機消建電管</v>
          </cell>
          <cell r="Y141" t="str">
            <v>機消</v>
          </cell>
          <cell r="Z141" t="str">
            <v>建電管</v>
          </cell>
          <cell r="AA141" t="str">
            <v>管</v>
          </cell>
          <cell r="AB141" t="str">
            <v>機械器具</v>
          </cell>
          <cell r="AC141" t="str">
            <v>消防施設</v>
          </cell>
          <cell r="AD141" t="str">
            <v>電気</v>
          </cell>
          <cell r="AE141">
            <v>43039</v>
          </cell>
          <cell r="AF141" t="str">
            <v/>
          </cell>
          <cell r="AG141" t="str">
            <v>管</v>
          </cell>
          <cell r="AH141" t="str">
            <v>特定</v>
          </cell>
          <cell r="AI141">
            <v>1200</v>
          </cell>
          <cell r="AJ141">
            <v>3760042</v>
          </cell>
          <cell r="AK141" t="str">
            <v>33(31)/5/5</v>
          </cell>
          <cell r="AL141" t="str">
            <v>機械器具</v>
          </cell>
          <cell r="AM141" t="str">
            <v>一般</v>
          </cell>
          <cell r="AN141">
            <v>791</v>
          </cell>
          <cell r="AO141">
            <v>4875</v>
          </cell>
          <cell r="AP141" t="str">
            <v>0(0)/0/3</v>
          </cell>
          <cell r="AQ141" t="str">
            <v>消防施設</v>
          </cell>
          <cell r="AR141" t="str">
            <v>一般</v>
          </cell>
          <cell r="AS141">
            <v>837</v>
          </cell>
          <cell r="AT141">
            <v>15825</v>
          </cell>
          <cell r="AU141" t="str">
            <v>0(0)/6/0</v>
          </cell>
          <cell r="AV141" t="str">
            <v>電気</v>
          </cell>
          <cell r="AW141" t="str">
            <v>特定</v>
          </cell>
          <cell r="AX141">
            <v>780</v>
          </cell>
          <cell r="AY141" t="str">
            <v/>
          </cell>
          <cell r="AZ141" t="str">
            <v>1(0)/0/0</v>
          </cell>
          <cell r="BA141" t="str">
            <v>大阪府</v>
          </cell>
          <cell r="BB141">
            <v>0</v>
          </cell>
          <cell r="CR141">
            <v>3572</v>
          </cell>
          <cell r="CS141" t="str">
            <v>ｵｶﾀﾞ ﾋﾃﾞｷ</v>
          </cell>
          <cell r="CT141" t="str">
            <v>岡田  英紀</v>
          </cell>
          <cell r="CU141" t="str">
            <v xml:space="preserve"> </v>
          </cell>
          <cell r="CW141">
            <v>3410</v>
          </cell>
          <cell r="CX141" t="str">
            <v xml:space="preserve"> </v>
          </cell>
          <cell r="CY141" t="str">
            <v>　</v>
          </cell>
        </row>
        <row r="142">
          <cell r="B142">
            <v>850</v>
          </cell>
          <cell r="C142" t="str">
            <v>(株)マルツ電波</v>
          </cell>
          <cell r="D142" t="str">
            <v>06-4950-0002</v>
          </cell>
          <cell r="E142" t="str">
            <v>661-0012</v>
          </cell>
          <cell r="F142" t="str">
            <v>兵庫県尼崎市南塚口町7-27-5</v>
          </cell>
          <cell r="G142" t="str">
            <v>福井市</v>
          </cell>
          <cell r="H142" t="str">
            <v>関西支店</v>
          </cell>
          <cell r="I142" t="str">
            <v>支店長 福井　英雄</v>
          </cell>
          <cell r="J142" t="str">
            <v>福井県福井市</v>
          </cell>
          <cell r="K142" t="str">
            <v>06-4950-0003</v>
          </cell>
          <cell r="L142" t="str">
            <v>tokki@marutsu.co.jp</v>
          </cell>
          <cell r="M142" t="str">
            <v>ﾏﾙﾂﾃﾞﾝﾊﾟ</v>
          </cell>
          <cell r="N142" t="str">
            <v>有</v>
          </cell>
          <cell r="O142">
            <v>51</v>
          </cell>
          <cell r="P142">
            <v>194</v>
          </cell>
          <cell r="Q142">
            <v>8210001003972</v>
          </cell>
          <cell r="R142">
            <v>20000</v>
          </cell>
          <cell r="S142">
            <v>1794187</v>
          </cell>
          <cell r="T142">
            <v>6248215</v>
          </cell>
          <cell r="V142" t="str">
            <v>cn544748</v>
          </cell>
          <cell r="W142" t="str">
            <v>cq367876</v>
          </cell>
          <cell r="X142" t="str">
            <v>管鋼機消(電)(通)電通</v>
          </cell>
          <cell r="Y142" t="str">
            <v>管鋼機消(電)(通)</v>
          </cell>
          <cell r="Z142" t="str">
            <v>電通</v>
          </cell>
          <cell r="AA142" t="str">
            <v>電気通信</v>
          </cell>
          <cell r="AB142" t="str">
            <v>電気</v>
          </cell>
          <cell r="AC142" t="str">
            <v/>
          </cell>
          <cell r="AD142" t="str">
            <v/>
          </cell>
          <cell r="AE142">
            <v>43332</v>
          </cell>
          <cell r="AF142" t="str">
            <v>希望しない</v>
          </cell>
          <cell r="AG142" t="str">
            <v>電気通信</v>
          </cell>
          <cell r="AH142" t="str">
            <v>特定</v>
          </cell>
          <cell r="AI142">
            <v>1100</v>
          </cell>
          <cell r="AJ142">
            <v>2131238</v>
          </cell>
          <cell r="AK142" t="str">
            <v>0(0)/0/61</v>
          </cell>
          <cell r="AL142" t="str">
            <v>電気</v>
          </cell>
          <cell r="AM142" t="str">
            <v>特定</v>
          </cell>
          <cell r="AN142">
            <v>1060</v>
          </cell>
          <cell r="AO142">
            <v>265901</v>
          </cell>
          <cell r="AP142" t="str">
            <v>27(27)/17/5</v>
          </cell>
          <cell r="AQ142" t="str">
            <v/>
          </cell>
          <cell r="AR142" t="str">
            <v/>
          </cell>
          <cell r="AS142" t="str">
            <v/>
          </cell>
          <cell r="AT142" t="str">
            <v/>
          </cell>
          <cell r="AU142" t="str">
            <v/>
          </cell>
          <cell r="AV142" t="str">
            <v/>
          </cell>
          <cell r="AW142" t="str">
            <v/>
          </cell>
          <cell r="AX142" t="str">
            <v/>
          </cell>
          <cell r="AY142" t="str">
            <v/>
          </cell>
          <cell r="AZ142" t="str">
            <v/>
          </cell>
          <cell r="BA142" t="str">
            <v>福井県</v>
          </cell>
          <cell r="BB142">
            <v>0</v>
          </cell>
          <cell r="CR142">
            <v>3576</v>
          </cell>
          <cell r="CS142" t="str">
            <v>ﾀｷｳﾁ ﾋﾃﾞｱｷ</v>
          </cell>
          <cell r="CT142" t="str">
            <v>滝内  秀明</v>
          </cell>
          <cell r="CU142" t="str">
            <v>資産税課</v>
          </cell>
          <cell r="CW142">
            <v>2298</v>
          </cell>
          <cell r="CX142" t="str">
            <v xml:space="preserve"> </v>
          </cell>
          <cell r="CY142" t="str">
            <v>資産税課長</v>
          </cell>
        </row>
        <row r="143">
          <cell r="B143">
            <v>2001</v>
          </cell>
          <cell r="C143" t="str">
            <v>(株)アークス</v>
          </cell>
          <cell r="D143" t="str">
            <v>079-568-1944</v>
          </cell>
          <cell r="E143" t="str">
            <v>669-1353</v>
          </cell>
          <cell r="F143" t="str">
            <v>兵庫県三田市東山1142-1</v>
          </cell>
          <cell r="G143" t="str">
            <v>三田市</v>
          </cell>
          <cell r="H143" t="str">
            <v/>
          </cell>
          <cell r="I143" t="str">
            <v>代表取締役 島田　勝彦</v>
          </cell>
          <cell r="J143" t="str">
            <v>本店</v>
          </cell>
          <cell r="K143" t="str">
            <v>079-568-4963</v>
          </cell>
          <cell r="L143" t="str">
            <v>earks@sweet.ocn.ne.jp</v>
          </cell>
          <cell r="M143" t="str">
            <v>ｱｰｸｽ</v>
          </cell>
          <cell r="N143" t="str">
            <v>無</v>
          </cell>
          <cell r="O143">
            <v>25</v>
          </cell>
          <cell r="P143">
            <v>28</v>
          </cell>
          <cell r="Q143">
            <v>5140001066253</v>
          </cell>
          <cell r="R143">
            <v>20000</v>
          </cell>
          <cell r="S143">
            <v>507682</v>
          </cell>
          <cell r="T143">
            <v>307813</v>
          </cell>
          <cell r="V143" t="str">
            <v>tu715757</v>
          </cell>
          <cell r="W143" t="str">
            <v>rs970379</v>
          </cell>
          <cell r="X143" t="str">
            <v>管土と舗浚</v>
          </cell>
          <cell r="Y143" t="str">
            <v>管</v>
          </cell>
          <cell r="Z143" t="str">
            <v>土と舗浚</v>
          </cell>
          <cell r="AA143" t="str">
            <v>土木一式</v>
          </cell>
          <cell r="AB143" t="str">
            <v>舗装</v>
          </cell>
          <cell r="AC143" t="str">
            <v>管</v>
          </cell>
          <cell r="AD143" t="str">
            <v/>
          </cell>
          <cell r="AE143">
            <v>43343</v>
          </cell>
          <cell r="AF143" t="str">
            <v>希望する</v>
          </cell>
          <cell r="AG143" t="str">
            <v>土木一式</v>
          </cell>
          <cell r="AH143" t="str">
            <v>特定</v>
          </cell>
          <cell r="AI143">
            <v>893</v>
          </cell>
          <cell r="AJ143">
            <v>282750</v>
          </cell>
          <cell r="AK143" t="str">
            <v>4(4)/2/14</v>
          </cell>
          <cell r="AL143" t="str">
            <v>舗装</v>
          </cell>
          <cell r="AM143" t="str">
            <v>特定</v>
          </cell>
          <cell r="AN143">
            <v>737</v>
          </cell>
          <cell r="AO143">
            <v>3618</v>
          </cell>
          <cell r="AP143" t="str">
            <v>2(2)/1/0</v>
          </cell>
          <cell r="AQ143" t="str">
            <v>管</v>
          </cell>
          <cell r="AR143" t="str">
            <v>一般</v>
          </cell>
          <cell r="AS143">
            <v>695</v>
          </cell>
          <cell r="AT143">
            <v>290</v>
          </cell>
          <cell r="AU143" t="str">
            <v>0(0)/2/0</v>
          </cell>
          <cell r="AV143" t="str">
            <v/>
          </cell>
          <cell r="AW143" t="str">
            <v/>
          </cell>
          <cell r="AX143" t="str">
            <v/>
          </cell>
          <cell r="AY143" t="str">
            <v/>
          </cell>
          <cell r="AZ143" t="str">
            <v/>
          </cell>
          <cell r="BA143" t="str">
            <v>兵庫県</v>
          </cell>
          <cell r="BB143">
            <v>0</v>
          </cell>
          <cell r="CR143">
            <v>3578</v>
          </cell>
          <cell r="CS143" t="str">
            <v>ﾐﾂﾀﾞ ｷﾖｼ</v>
          </cell>
          <cell r="CT143" t="str">
            <v>満田  潔</v>
          </cell>
          <cell r="CU143" t="str">
            <v>資産税課</v>
          </cell>
          <cell r="CW143">
            <v>2342</v>
          </cell>
          <cell r="CX143" t="str">
            <v xml:space="preserve"> </v>
          </cell>
          <cell r="CY143" t="str">
            <v>資産税課長</v>
          </cell>
        </row>
        <row r="144">
          <cell r="B144">
            <v>2003</v>
          </cell>
          <cell r="C144" t="str">
            <v>アイサワ工業(株)</v>
          </cell>
          <cell r="D144" t="str">
            <v>06-6371-4315</v>
          </cell>
          <cell r="E144" t="str">
            <v>530-0022</v>
          </cell>
          <cell r="F144" t="str">
            <v>大阪府大阪市北区浪花町12番24号</v>
          </cell>
          <cell r="G144" t="str">
            <v>岡山市</v>
          </cell>
          <cell r="H144" t="str">
            <v>大阪支店</v>
          </cell>
          <cell r="I144" t="str">
            <v>取締役支店長 下田　耕二</v>
          </cell>
          <cell r="J144" t="str">
            <v>岡山県岡山市</v>
          </cell>
          <cell r="K144" t="str">
            <v>06-6375-3163</v>
          </cell>
          <cell r="L144" t="str">
            <v>osaka-1@aisawa.co.jp</v>
          </cell>
          <cell r="M144" t="str">
            <v>ｱｲｻﾜｺｳｷﾞｮｳ</v>
          </cell>
          <cell r="N144" t="str">
            <v>有</v>
          </cell>
          <cell r="O144">
            <v>68</v>
          </cell>
          <cell r="P144">
            <v>406</v>
          </cell>
          <cell r="Q144">
            <v>4260001000102</v>
          </cell>
          <cell r="R144">
            <v>1550000</v>
          </cell>
          <cell r="S144">
            <v>25413132</v>
          </cell>
          <cell r="T144">
            <v>31764856</v>
          </cell>
          <cell r="V144" t="str">
            <v>ks639241</v>
          </cell>
          <cell r="W144" t="str">
            <v>um756988</v>
          </cell>
          <cell r="X144" t="str">
            <v>(清)(建)(大)(左)(と)(石)(屋)(タ)(鋼)(鉄)(舗)(浚)(板)(ガ)(塗)(防)(内)(水)土建大と石屋電管タ鋼鉄舗浚板ガ塗防内機熱園具水</v>
          </cell>
          <cell r="Y144" t="str">
            <v>(清)(建)(大)(左)(と)(石)(屋)(タ)(鋼)(鉄)(舗)(浚)(板)(ガ)(塗)(防)(内)(水)</v>
          </cell>
          <cell r="Z144" t="str">
            <v>土建大と石屋電管タ鋼鉄舗浚板ガ塗防内機熱園具水</v>
          </cell>
          <cell r="AA144" t="str">
            <v>土木一式</v>
          </cell>
          <cell r="AB144" t="str">
            <v>建築一式</v>
          </cell>
          <cell r="AC144" t="str">
            <v>水道施設</v>
          </cell>
          <cell r="AD144" t="str">
            <v>とび土工</v>
          </cell>
          <cell r="AE144">
            <v>43251</v>
          </cell>
          <cell r="AF144" t="str">
            <v>希望する</v>
          </cell>
          <cell r="AG144" t="str">
            <v>土木一式</v>
          </cell>
          <cell r="AH144" t="str">
            <v/>
          </cell>
          <cell r="AI144">
            <v>1548</v>
          </cell>
          <cell r="AJ144">
            <v>15944592</v>
          </cell>
          <cell r="AK144" t="str">
            <v>207(187)/5/2</v>
          </cell>
          <cell r="AL144" t="str">
            <v>建築一式</v>
          </cell>
          <cell r="AM144" t="str">
            <v/>
          </cell>
          <cell r="AN144">
            <v>1524</v>
          </cell>
          <cell r="AO144">
            <v>15197390</v>
          </cell>
          <cell r="AP144" t="str">
            <v>129(118)/19/19</v>
          </cell>
          <cell r="AQ144" t="str">
            <v>水道施設</v>
          </cell>
          <cell r="AR144" t="str">
            <v/>
          </cell>
          <cell r="AS144">
            <v>1129</v>
          </cell>
          <cell r="AT144" t="str">
            <v/>
          </cell>
          <cell r="AU144" t="str">
            <v>123(114)/4/0</v>
          </cell>
          <cell r="AV144" t="str">
            <v>とび土工</v>
          </cell>
          <cell r="AW144" t="str">
            <v/>
          </cell>
          <cell r="AX144">
            <v>1241</v>
          </cell>
          <cell r="AY144">
            <v>338680</v>
          </cell>
          <cell r="AZ144" t="str">
            <v>58(54)/0/0</v>
          </cell>
          <cell r="BA144" t="str">
            <v>岡山県</v>
          </cell>
          <cell r="BB144">
            <v>0</v>
          </cell>
          <cell r="CR144">
            <v>3581</v>
          </cell>
          <cell r="CS144" t="str">
            <v>ﾎﾘ ｾﾂｵ</v>
          </cell>
          <cell r="CT144" t="str">
            <v>堀  節雄</v>
          </cell>
          <cell r="CU144" t="str">
            <v>市民課</v>
          </cell>
          <cell r="CW144" t="str">
            <v xml:space="preserve"> </v>
          </cell>
          <cell r="CX144" t="str">
            <v xml:space="preserve"> </v>
          </cell>
          <cell r="CY144" t="str">
            <v>市民課長</v>
          </cell>
        </row>
        <row r="145">
          <cell r="B145">
            <v>2005</v>
          </cell>
          <cell r="C145" t="str">
            <v>(株)愛善商会</v>
          </cell>
          <cell r="D145" t="str">
            <v>06-6966-2371</v>
          </cell>
          <cell r="E145" t="str">
            <v>540-0003</v>
          </cell>
          <cell r="F145" t="str">
            <v>大阪府大阪市中央区森ﾉ宮中央2-8-16</v>
          </cell>
          <cell r="G145" t="str">
            <v>大阪市</v>
          </cell>
          <cell r="H145" t="str">
            <v/>
          </cell>
          <cell r="I145" t="str">
            <v>代表取締役 中島　啓</v>
          </cell>
          <cell r="J145" t="str">
            <v>本店</v>
          </cell>
          <cell r="K145" t="str">
            <v>06-6966-2370</v>
          </cell>
          <cell r="L145" t="str">
            <v>z.nakajima@k-aizen.co.jp</v>
          </cell>
          <cell r="M145" t="str">
            <v>ｱｲｾﾞﾝｼｮｳｶｲ</v>
          </cell>
          <cell r="N145" t="str">
            <v>無</v>
          </cell>
          <cell r="O145">
            <v>24</v>
          </cell>
          <cell r="P145">
            <v>57</v>
          </cell>
          <cell r="Q145">
            <v>6120001073291</v>
          </cell>
          <cell r="R145">
            <v>16000</v>
          </cell>
          <cell r="S145">
            <v>2095981</v>
          </cell>
          <cell r="T145">
            <v>1481499</v>
          </cell>
          <cell r="V145" t="str">
            <v>xe440999</v>
          </cell>
          <cell r="W145" t="str">
            <v>mj167000</v>
          </cell>
          <cell r="X145" t="str">
            <v>機</v>
          </cell>
          <cell r="Y145" t="str">
            <v>機</v>
          </cell>
          <cell r="Z145" t="str">
            <v/>
          </cell>
          <cell r="AA145" t="str">
            <v>機械器具</v>
          </cell>
          <cell r="AB145" t="str">
            <v/>
          </cell>
          <cell r="AC145" t="str">
            <v/>
          </cell>
          <cell r="AD145" t="str">
            <v/>
          </cell>
          <cell r="AE145">
            <v>43008</v>
          </cell>
          <cell r="AF145" t="str">
            <v>希望しない</v>
          </cell>
          <cell r="AG145" t="str">
            <v>機械器具</v>
          </cell>
          <cell r="AH145" t="str">
            <v>一般</v>
          </cell>
          <cell r="AI145">
            <v>744</v>
          </cell>
          <cell r="AJ145">
            <v>110191</v>
          </cell>
          <cell r="AK145" t="str">
            <v>0(0)/0/16</v>
          </cell>
          <cell r="AL145" t="str">
            <v/>
          </cell>
          <cell r="AM145" t="str">
            <v/>
          </cell>
          <cell r="AN145" t="str">
            <v/>
          </cell>
          <cell r="AO145" t="str">
            <v/>
          </cell>
          <cell r="AP145" t="str">
            <v/>
          </cell>
          <cell r="AQ145" t="str">
            <v/>
          </cell>
          <cell r="AR145" t="str">
            <v/>
          </cell>
          <cell r="AS145" t="str">
            <v/>
          </cell>
          <cell r="AT145" t="str">
            <v/>
          </cell>
          <cell r="AU145" t="str">
            <v/>
          </cell>
          <cell r="AV145" t="str">
            <v/>
          </cell>
          <cell r="AW145" t="str">
            <v/>
          </cell>
          <cell r="AX145" t="str">
            <v/>
          </cell>
          <cell r="AY145" t="str">
            <v/>
          </cell>
          <cell r="AZ145" t="str">
            <v/>
          </cell>
          <cell r="BA145" t="str">
            <v>大阪府</v>
          </cell>
          <cell r="BB145">
            <v>0</v>
          </cell>
          <cell r="CR145">
            <v>3582</v>
          </cell>
          <cell r="CS145" t="str">
            <v>ﾀﾅｶ ｱｷﾗ</v>
          </cell>
          <cell r="CT145" t="str">
            <v>田中  晶</v>
          </cell>
          <cell r="CU145" t="str">
            <v>市民課</v>
          </cell>
          <cell r="CW145" t="str">
            <v xml:space="preserve"> </v>
          </cell>
          <cell r="CX145" t="str">
            <v xml:space="preserve"> </v>
          </cell>
          <cell r="CY145" t="str">
            <v>市民課長</v>
          </cell>
        </row>
        <row r="146">
          <cell r="B146">
            <v>2006</v>
          </cell>
          <cell r="C146" t="str">
            <v>愛知時計電機(株)</v>
          </cell>
          <cell r="D146" t="str">
            <v>06-6305-9051</v>
          </cell>
          <cell r="E146" t="str">
            <v>532-0032</v>
          </cell>
          <cell r="F146" t="str">
            <v>大阪府大阪市淀川区三津屋北2-22-5</v>
          </cell>
          <cell r="G146" t="str">
            <v>名古屋市</v>
          </cell>
          <cell r="H146" t="str">
            <v>大阪支店</v>
          </cell>
          <cell r="I146" t="str">
            <v>執行役員支店長　 中水　準二</v>
          </cell>
          <cell r="J146" t="str">
            <v>愛知県名古屋市</v>
          </cell>
          <cell r="K146" t="str">
            <v>06-6305-9061</v>
          </cell>
          <cell r="L146" t="str">
            <v>nyusatsu-osa1@inet1.aichitokei.co.jp</v>
          </cell>
          <cell r="M146" t="str">
            <v>ｱｲﾁﾄｹｲﾃﾞﾝｷ</v>
          </cell>
          <cell r="N146" t="str">
            <v>有</v>
          </cell>
          <cell r="O146">
            <v>49</v>
          </cell>
          <cell r="P146">
            <v>1321</v>
          </cell>
          <cell r="Q146">
            <v>3180000000000</v>
          </cell>
          <cell r="R146">
            <v>3218158</v>
          </cell>
          <cell r="S146">
            <v>27301000</v>
          </cell>
          <cell r="T146">
            <v>47275000</v>
          </cell>
          <cell r="V146" t="str">
            <v>tq119397</v>
          </cell>
          <cell r="W146" t="str">
            <v>rq279087</v>
          </cell>
          <cell r="X146" t="str">
            <v>機</v>
          </cell>
          <cell r="Y146" t="str">
            <v>機</v>
          </cell>
          <cell r="Z146" t="str">
            <v/>
          </cell>
          <cell r="AA146" t="str">
            <v>電気</v>
          </cell>
          <cell r="AB146" t="str">
            <v>電気通信</v>
          </cell>
          <cell r="AC146" t="str">
            <v>管</v>
          </cell>
          <cell r="AD146" t="str">
            <v>機械器具</v>
          </cell>
          <cell r="AE146">
            <v>43190</v>
          </cell>
          <cell r="AF146" t="str">
            <v>希望しない</v>
          </cell>
          <cell r="AG146" t="str">
            <v>電気</v>
          </cell>
          <cell r="AH146" t="str">
            <v>特定</v>
          </cell>
          <cell r="AI146">
            <v>1342</v>
          </cell>
          <cell r="AJ146">
            <v>1570706</v>
          </cell>
          <cell r="AK146" t="str">
            <v>86(56)/53/9</v>
          </cell>
          <cell r="AL146" t="str">
            <v>電気通信</v>
          </cell>
          <cell r="AM146" t="str">
            <v>一般</v>
          </cell>
          <cell r="AN146">
            <v>1227</v>
          </cell>
          <cell r="AO146">
            <v>1798644</v>
          </cell>
          <cell r="AP146" t="str">
            <v>0(0)/0/53</v>
          </cell>
          <cell r="AQ146" t="str">
            <v>管</v>
          </cell>
          <cell r="AR146" t="str">
            <v>一般</v>
          </cell>
          <cell r="AS146">
            <v>1208</v>
          </cell>
          <cell r="AT146">
            <v>401150</v>
          </cell>
          <cell r="AU146" t="str">
            <v>14(8)/35/12</v>
          </cell>
          <cell r="AV146" t="str">
            <v>機械器具</v>
          </cell>
          <cell r="AW146" t="str">
            <v>一般</v>
          </cell>
          <cell r="AX146">
            <v>1101</v>
          </cell>
          <cell r="AY146">
            <v>143587</v>
          </cell>
          <cell r="AZ146" t="str">
            <v>0(0)/0/41</v>
          </cell>
          <cell r="BA146" t="str">
            <v>愛知県</v>
          </cell>
          <cell r="BB146">
            <v>0</v>
          </cell>
          <cell r="CR146">
            <v>3583</v>
          </cell>
          <cell r="CS146" t="str">
            <v>ｷﾀ ｹﾝｲﾁ</v>
          </cell>
          <cell r="CT146" t="str">
            <v>北  健一</v>
          </cell>
          <cell r="CU146" t="str">
            <v>生活支援課</v>
          </cell>
          <cell r="CW146">
            <v>2529</v>
          </cell>
          <cell r="CX146" t="str">
            <v xml:space="preserve"> </v>
          </cell>
          <cell r="CY146" t="str">
            <v>生活支援課長</v>
          </cell>
        </row>
        <row r="147">
          <cell r="B147">
            <v>2007</v>
          </cell>
          <cell r="C147" t="str">
            <v>アイテック(株)</v>
          </cell>
          <cell r="D147" t="str">
            <v>06-6346-0036</v>
          </cell>
          <cell r="E147" t="str">
            <v>530-0001</v>
          </cell>
          <cell r="F147" t="str">
            <v>大阪府大阪市北区梅田3-3-10</v>
          </cell>
          <cell r="G147" t="str">
            <v>大阪市</v>
          </cell>
          <cell r="H147" t="str">
            <v/>
          </cell>
          <cell r="I147" t="str">
            <v>代表取締役 前田　幸治</v>
          </cell>
          <cell r="J147" t="str">
            <v>本店</v>
          </cell>
          <cell r="K147" t="str">
            <v>06-6346-0038</v>
          </cell>
          <cell r="L147" t="str">
            <v>eigyou@aitec-j.com</v>
          </cell>
          <cell r="M147" t="str">
            <v>ｱｲﾃｯｸ</v>
          </cell>
          <cell r="N147" t="str">
            <v>無</v>
          </cell>
          <cell r="O147">
            <v>41</v>
          </cell>
          <cell r="P147">
            <v>1815</v>
          </cell>
          <cell r="Q147">
            <v>2120001095991</v>
          </cell>
          <cell r="R147">
            <v>90000</v>
          </cell>
          <cell r="S147">
            <v>6958740</v>
          </cell>
          <cell r="T147">
            <v>15179614</v>
          </cell>
          <cell r="V147" t="str">
            <v>yk169394</v>
          </cell>
          <cell r="W147" t="str">
            <v>tk105156</v>
          </cell>
          <cell r="X147" t="str">
            <v>土電管鋼機通水消清</v>
          </cell>
          <cell r="Y147" t="str">
            <v>土電管鋼機通水消清</v>
          </cell>
          <cell r="Z147" t="str">
            <v/>
          </cell>
          <cell r="AA147" t="str">
            <v>機械器具</v>
          </cell>
          <cell r="AB147" t="str">
            <v>電気</v>
          </cell>
          <cell r="AC147" t="str">
            <v>水道施設</v>
          </cell>
          <cell r="AD147" t="str">
            <v>管</v>
          </cell>
          <cell r="AE147">
            <v>43190</v>
          </cell>
          <cell r="AF147" t="str">
            <v/>
          </cell>
          <cell r="AG147" t="str">
            <v>機械器具</v>
          </cell>
          <cell r="AH147" t="str">
            <v>一般</v>
          </cell>
          <cell r="AI147">
            <v>862</v>
          </cell>
          <cell r="AJ147">
            <v>56716</v>
          </cell>
          <cell r="AK147" t="str">
            <v>0(0)/0/14</v>
          </cell>
          <cell r="AL147" t="str">
            <v>電気</v>
          </cell>
          <cell r="AM147" t="str">
            <v>一般</v>
          </cell>
          <cell r="AN147">
            <v>860</v>
          </cell>
          <cell r="AO147">
            <v>6665</v>
          </cell>
          <cell r="AP147" t="str">
            <v>4(2)/15/1</v>
          </cell>
          <cell r="AQ147" t="str">
            <v>水道施設</v>
          </cell>
          <cell r="AR147" t="str">
            <v>一般</v>
          </cell>
          <cell r="AS147">
            <v>861</v>
          </cell>
          <cell r="AT147">
            <v>10304</v>
          </cell>
          <cell r="AU147" t="str">
            <v>5(2)/4/4</v>
          </cell>
          <cell r="AV147" t="str">
            <v>管</v>
          </cell>
          <cell r="AW147" t="str">
            <v>一般</v>
          </cell>
          <cell r="AX147">
            <v>851</v>
          </cell>
          <cell r="AY147">
            <v>26992</v>
          </cell>
          <cell r="AZ147" t="str">
            <v>1(1)/3/5</v>
          </cell>
          <cell r="BA147" t="str">
            <v>大阪府</v>
          </cell>
          <cell r="BB147">
            <v>0</v>
          </cell>
          <cell r="CR147">
            <v>3592</v>
          </cell>
          <cell r="CS147" t="str">
            <v>ｼﾐｽﾞ ｵｻﾑ</v>
          </cell>
          <cell r="CT147" t="str">
            <v>清水  修</v>
          </cell>
          <cell r="CU147" t="str">
            <v>管財課</v>
          </cell>
          <cell r="CW147">
            <v>2440</v>
          </cell>
          <cell r="CX147" t="str">
            <v xml:space="preserve"> </v>
          </cell>
          <cell r="CY147" t="str">
            <v>管財課長</v>
          </cell>
        </row>
        <row r="148">
          <cell r="B148">
            <v>2010</v>
          </cell>
          <cell r="C148" t="str">
            <v>青木あすなろ建設(株)</v>
          </cell>
          <cell r="D148" t="str">
            <v>078-251-2361</v>
          </cell>
          <cell r="E148" t="str">
            <v>651-0087</v>
          </cell>
          <cell r="F148" t="str">
            <v>兵庫県神戸市中央区御幸通6-1-15</v>
          </cell>
          <cell r="G148" t="str">
            <v/>
          </cell>
          <cell r="H148" t="str">
            <v>神戸支店</v>
          </cell>
          <cell r="I148" t="str">
            <v>支店長 室谷　英克</v>
          </cell>
          <cell r="J148" t="str">
            <v>東京都</v>
          </cell>
          <cell r="K148" t="str">
            <v>078-252-0940</v>
          </cell>
          <cell r="L148" t="str">
            <v>osaka.d-kobe@aaconst.co.jp</v>
          </cell>
          <cell r="M148" t="str">
            <v>ｱｵｷｱｽﾅﾛｹﾝｾﾂ</v>
          </cell>
          <cell r="N148" t="str">
            <v>有</v>
          </cell>
          <cell r="O148">
            <v>67</v>
          </cell>
          <cell r="P148">
            <v>867</v>
          </cell>
          <cell r="Q148">
            <v>4010401010452</v>
          </cell>
          <cell r="R148">
            <v>5000000</v>
          </cell>
          <cell r="S148">
            <v>48909440</v>
          </cell>
          <cell r="T148">
            <v>153427000</v>
          </cell>
          <cell r="V148" t="str">
            <v>jg494461</v>
          </cell>
          <cell r="W148" t="str">
            <v>sq221750</v>
          </cell>
          <cell r="X148" t="str">
            <v>(清)(建)(大)(と)(石)(屋)(タ)(鋼)(舗)(浚)(内)(水)土建大と石屋電管タ鋼舗浚内機園水解</v>
          </cell>
          <cell r="Y148" t="str">
            <v>(清)(建)(大)(と)(石)(屋)(タ)(鋼)(舗)(浚)(内)(水)</v>
          </cell>
          <cell r="Z148" t="str">
            <v>土建大と石屋電管タ鋼舗浚内機園水解</v>
          </cell>
          <cell r="AA148" t="str">
            <v>建築一式</v>
          </cell>
          <cell r="AB148" t="str">
            <v>土木一式</v>
          </cell>
          <cell r="AC148" t="str">
            <v>水道施設</v>
          </cell>
          <cell r="AD148" t="str">
            <v>とび土工</v>
          </cell>
          <cell r="AE148">
            <v>43190</v>
          </cell>
          <cell r="AF148" t="str">
            <v>希望する</v>
          </cell>
          <cell r="AG148" t="str">
            <v>建築一式</v>
          </cell>
          <cell r="AH148" t="str">
            <v>特定</v>
          </cell>
          <cell r="AI148">
            <v>1661</v>
          </cell>
          <cell r="AJ148">
            <v>34734472</v>
          </cell>
          <cell r="AK148" t="str">
            <v>293(233)/11/45</v>
          </cell>
          <cell r="AL148" t="str">
            <v>土木一式</v>
          </cell>
          <cell r="AM148" t="str">
            <v>特定</v>
          </cell>
          <cell r="AN148">
            <v>1663</v>
          </cell>
          <cell r="AO148">
            <v>33359872</v>
          </cell>
          <cell r="AP148" t="str">
            <v>335(275)/7/14</v>
          </cell>
          <cell r="AQ148" t="str">
            <v>水道施設</v>
          </cell>
          <cell r="AR148" t="str">
            <v>特定</v>
          </cell>
          <cell r="AS148">
            <v>1286</v>
          </cell>
          <cell r="AT148">
            <v>193494</v>
          </cell>
          <cell r="AU148" t="str">
            <v>148(127)/6/0</v>
          </cell>
          <cell r="AV148" t="str">
            <v>とび土工</v>
          </cell>
          <cell r="AW148" t="str">
            <v>特定</v>
          </cell>
          <cell r="AX148">
            <v>1437</v>
          </cell>
          <cell r="AY148">
            <v>12693495</v>
          </cell>
          <cell r="AZ148" t="str">
            <v>133(111)/0/0</v>
          </cell>
          <cell r="BA148" t="str">
            <v>東京都</v>
          </cell>
          <cell r="BB148">
            <v>0</v>
          </cell>
          <cell r="CR148">
            <v>3599</v>
          </cell>
          <cell r="CS148" t="str">
            <v>ｲﾄｳ ﾏｻﾋｺ</v>
          </cell>
          <cell r="CT148" t="str">
            <v>伊藤  雅彦</v>
          </cell>
          <cell r="CU148" t="str">
            <v>まちづくり推進課</v>
          </cell>
          <cell r="CW148">
            <v>2108</v>
          </cell>
          <cell r="CX148" t="str">
            <v xml:space="preserve"> </v>
          </cell>
          <cell r="CY148" t="str">
            <v>まちづくり推進課長</v>
          </cell>
        </row>
        <row r="149">
          <cell r="B149">
            <v>2011</v>
          </cell>
          <cell r="C149" t="str">
            <v>青野スポーツ施設(株)</v>
          </cell>
          <cell r="D149" t="str">
            <v>078-230-8441</v>
          </cell>
          <cell r="E149" t="str">
            <v>650-0002</v>
          </cell>
          <cell r="F149" t="str">
            <v>兵庫県神戸市中央区北野町4-8-2</v>
          </cell>
          <cell r="G149" t="str">
            <v>守口市</v>
          </cell>
          <cell r="H149" t="str">
            <v>神戸支店</v>
          </cell>
          <cell r="I149" t="str">
            <v>神戸支店長 大幸　四郎</v>
          </cell>
          <cell r="J149" t="str">
            <v>大阪府守口市</v>
          </cell>
          <cell r="K149" t="str">
            <v>078-230-8447</v>
          </cell>
          <cell r="L149" t="str">
            <v>info@aono-sports.co.jp</v>
          </cell>
          <cell r="M149" t="str">
            <v>ｱｵﾉｽﾎﾟｰﾂｼｾﾂ</v>
          </cell>
          <cell r="N149" t="str">
            <v>有</v>
          </cell>
          <cell r="O149">
            <v>43</v>
          </cell>
          <cell r="P149">
            <v>15</v>
          </cell>
          <cell r="Q149">
            <v>7120001155163</v>
          </cell>
          <cell r="R149">
            <v>70000</v>
          </cell>
          <cell r="S149">
            <v>70815</v>
          </cell>
          <cell r="T149">
            <v>720623</v>
          </cell>
          <cell r="V149" t="str">
            <v>nf936358</v>
          </cell>
          <cell r="W149" t="str">
            <v>ha169376</v>
          </cell>
          <cell r="X149" t="str">
            <v>建園(清)(と)(石)(鋼)(舗)(浚)(塗)(水)土と石鋼舗浚塗水</v>
          </cell>
          <cell r="Y149" t="str">
            <v>建園(清)(と)(石)(鋼)(舗)(浚)(塗)(水)</v>
          </cell>
          <cell r="Z149" t="str">
            <v>土と石鋼舗浚塗水</v>
          </cell>
          <cell r="AA149" t="str">
            <v>土木一式</v>
          </cell>
          <cell r="AB149" t="str">
            <v>とび土工</v>
          </cell>
          <cell r="AC149" t="str">
            <v>舗装</v>
          </cell>
          <cell r="AD149" t="str">
            <v/>
          </cell>
          <cell r="AE149">
            <v>43190</v>
          </cell>
          <cell r="AF149" t="str">
            <v/>
          </cell>
          <cell r="AG149" t="str">
            <v>土木一式</v>
          </cell>
          <cell r="AH149" t="str">
            <v>特定</v>
          </cell>
          <cell r="AI149">
            <v>918</v>
          </cell>
          <cell r="AJ149">
            <v>552004</v>
          </cell>
          <cell r="AK149" t="str">
            <v>4(3)/1/1</v>
          </cell>
          <cell r="AL149" t="str">
            <v>とび土工</v>
          </cell>
          <cell r="AM149" t="str">
            <v>特定</v>
          </cell>
          <cell r="AN149">
            <v>819</v>
          </cell>
          <cell r="AO149">
            <v>174448</v>
          </cell>
          <cell r="AP149" t="str">
            <v>0(0)/1/0</v>
          </cell>
          <cell r="AQ149" t="str">
            <v>舗装</v>
          </cell>
          <cell r="AR149" t="str">
            <v>特定</v>
          </cell>
          <cell r="AS149">
            <v>818</v>
          </cell>
          <cell r="AT149">
            <v>30537</v>
          </cell>
          <cell r="AU149" t="str">
            <v>4(3)/0/1</v>
          </cell>
          <cell r="AV149" t="str">
            <v/>
          </cell>
          <cell r="AW149" t="str">
            <v/>
          </cell>
          <cell r="AX149" t="str">
            <v/>
          </cell>
          <cell r="AY149" t="str">
            <v/>
          </cell>
          <cell r="AZ149" t="str">
            <v/>
          </cell>
          <cell r="BA149" t="str">
            <v>大阪府</v>
          </cell>
          <cell r="BB149">
            <v>0</v>
          </cell>
          <cell r="CR149">
            <v>3600</v>
          </cell>
          <cell r="CS149" t="str">
            <v>ｼﾉﾊﾗ ｶﾂﾖｼ</v>
          </cell>
          <cell r="CT149" t="str">
            <v>篠原  克良</v>
          </cell>
          <cell r="CU149" t="str">
            <v xml:space="preserve"> </v>
          </cell>
          <cell r="CW149">
            <v>3154</v>
          </cell>
          <cell r="CX149" t="str">
            <v xml:space="preserve"> </v>
          </cell>
          <cell r="CY149" t="str">
            <v>　</v>
          </cell>
        </row>
        <row r="150">
          <cell r="B150">
            <v>2012</v>
          </cell>
          <cell r="C150" t="str">
            <v>アオバ建設工業(株)</v>
          </cell>
          <cell r="D150" t="str">
            <v>06-4863-5555</v>
          </cell>
          <cell r="E150" t="str">
            <v>565-0861</v>
          </cell>
          <cell r="F150" t="str">
            <v>大阪府吹田市高野台4-3-1-107</v>
          </cell>
          <cell r="G150" t="str">
            <v>吹田市</v>
          </cell>
          <cell r="H150" t="str">
            <v/>
          </cell>
          <cell r="I150" t="str">
            <v>代表取締役　 奥谷　栄次</v>
          </cell>
          <cell r="J150" t="str">
            <v>本店</v>
          </cell>
          <cell r="K150" t="str">
            <v>06-4863-5556</v>
          </cell>
          <cell r="L150" t="str">
            <v>aoba@almond.ocn.ne.jp</v>
          </cell>
          <cell r="M150" t="str">
            <v>ｱｵﾊﾞｹﾝｾﾂｺｳｷﾞﾖｳ</v>
          </cell>
          <cell r="N150" t="str">
            <v>無</v>
          </cell>
          <cell r="O150">
            <v>14</v>
          </cell>
          <cell r="P150">
            <v>4</v>
          </cell>
          <cell r="Q150">
            <v>9120900000000</v>
          </cell>
          <cell r="R150">
            <v>8000</v>
          </cell>
          <cell r="S150">
            <v>21635</v>
          </cell>
          <cell r="T150">
            <v>275103</v>
          </cell>
          <cell r="V150" t="str">
            <v>zb989736</v>
          </cell>
          <cell r="W150" t="str">
            <v>yb654949</v>
          </cell>
          <cell r="X150" t="str">
            <v>土建と管鋼舗塗水解</v>
          </cell>
          <cell r="Y150" t="str">
            <v/>
          </cell>
          <cell r="Z150" t="str">
            <v>土建と管鋼舗塗水解</v>
          </cell>
          <cell r="AA150" t="str">
            <v>土木一式</v>
          </cell>
          <cell r="AB150" t="str">
            <v>解体</v>
          </cell>
          <cell r="AC150" t="str">
            <v>建築一式</v>
          </cell>
          <cell r="AD150" t="str">
            <v>舗装</v>
          </cell>
          <cell r="AE150">
            <v>43190</v>
          </cell>
          <cell r="AF150" t="str">
            <v>ＰＦＬ工法</v>
          </cell>
          <cell r="AG150" t="str">
            <v>土木一式</v>
          </cell>
          <cell r="AH150" t="str">
            <v>一般</v>
          </cell>
          <cell r="AI150">
            <v>743</v>
          </cell>
          <cell r="AJ150">
            <v>98828</v>
          </cell>
          <cell r="AK150" t="str">
            <v>3(3)/0/0</v>
          </cell>
          <cell r="AL150" t="str">
            <v>解体</v>
          </cell>
          <cell r="AM150" t="str">
            <v>一般</v>
          </cell>
          <cell r="AN150">
            <v>636</v>
          </cell>
          <cell r="AO150">
            <v>11360</v>
          </cell>
          <cell r="AP150" t="str">
            <v>0(0)/0/0</v>
          </cell>
          <cell r="AQ150" t="str">
            <v>建築一式</v>
          </cell>
          <cell r="AR150" t="str">
            <v>一般</v>
          </cell>
          <cell r="AS150">
            <v>711</v>
          </cell>
          <cell r="AT150">
            <v>71380</v>
          </cell>
          <cell r="AU150" t="str">
            <v>1(1)/1/0</v>
          </cell>
          <cell r="AV150" t="str">
            <v>舗装</v>
          </cell>
          <cell r="AW150" t="str">
            <v>一般</v>
          </cell>
          <cell r="AX150">
            <v>689</v>
          </cell>
          <cell r="AY150">
            <v>15545</v>
          </cell>
          <cell r="AZ150" t="str">
            <v>2(2)/1/0</v>
          </cell>
          <cell r="BA150" t="str">
            <v>大阪府</v>
          </cell>
          <cell r="BB150">
            <v>0</v>
          </cell>
          <cell r="CR150">
            <v>3601</v>
          </cell>
          <cell r="CS150" t="str">
            <v>ｺﾏｶﾞﾐﾈ ﾏｻﾋﾛ</v>
          </cell>
          <cell r="CT150" t="str">
            <v>駒ケ嶺  正裕</v>
          </cell>
          <cell r="CU150" t="str">
            <v>管財課</v>
          </cell>
          <cell r="CW150">
            <v>2441</v>
          </cell>
          <cell r="CX150" t="str">
            <v xml:space="preserve"> </v>
          </cell>
          <cell r="CY150" t="str">
            <v>管財課長</v>
          </cell>
        </row>
        <row r="151">
          <cell r="B151">
            <v>2014</v>
          </cell>
          <cell r="C151" t="str">
            <v>(有)明石環境開発</v>
          </cell>
          <cell r="D151" t="str">
            <v>078-382-3700</v>
          </cell>
          <cell r="E151" t="str">
            <v>650-0015</v>
          </cell>
          <cell r="F151" t="str">
            <v>兵庫県神戸市中央区多聞通2-1-5-402</v>
          </cell>
          <cell r="G151" t="str">
            <v>明石市</v>
          </cell>
          <cell r="H151" t="str">
            <v>神戸支店</v>
          </cell>
          <cell r="I151" t="str">
            <v>支店長 渡邊　昇</v>
          </cell>
          <cell r="J151" t="str">
            <v>兵庫県明石市</v>
          </cell>
          <cell r="K151" t="str">
            <v>078-382-3710</v>
          </cell>
          <cell r="L151" t="str">
            <v>info@akashi-kankyou.jp</v>
          </cell>
          <cell r="M151" t="str">
            <v>ｱｶｼｶﾝｷｮｳｶｲﾊﾂ</v>
          </cell>
          <cell r="N151" t="str">
            <v>有</v>
          </cell>
          <cell r="O151">
            <v>22</v>
          </cell>
          <cell r="P151">
            <v>18</v>
          </cell>
          <cell r="Q151">
            <v>9140002028166</v>
          </cell>
          <cell r="R151">
            <v>5000</v>
          </cell>
          <cell r="S151">
            <v>50619</v>
          </cell>
          <cell r="T151">
            <v>346000</v>
          </cell>
          <cell r="V151" t="str">
            <v>zz616335</v>
          </cell>
          <cell r="W151" t="str">
            <v>qf217529</v>
          </cell>
          <cell r="X151" t="str">
            <v>土と舗浚(清)</v>
          </cell>
          <cell r="Y151" t="str">
            <v>土と舗浚(清)</v>
          </cell>
          <cell r="Z151" t="str">
            <v/>
          </cell>
          <cell r="AA151" t="str">
            <v>土木一式</v>
          </cell>
          <cell r="AB151" t="str">
            <v>浚渫</v>
          </cell>
          <cell r="AC151" t="str">
            <v/>
          </cell>
          <cell r="AD151" t="str">
            <v/>
          </cell>
          <cell r="AE151">
            <v>42978</v>
          </cell>
          <cell r="AF151" t="str">
            <v>希望する</v>
          </cell>
          <cell r="AG151" t="str">
            <v>土木一式</v>
          </cell>
          <cell r="AH151" t="str">
            <v>一般</v>
          </cell>
          <cell r="AI151">
            <v>740</v>
          </cell>
          <cell r="AJ151">
            <v>229307</v>
          </cell>
          <cell r="AK151" t="str">
            <v>1(1)/3/7</v>
          </cell>
          <cell r="AL151" t="str">
            <v>浚渫</v>
          </cell>
          <cell r="AM151" t="str">
            <v>一般</v>
          </cell>
          <cell r="AN151">
            <v>629</v>
          </cell>
          <cell r="AO151">
            <v>12180</v>
          </cell>
          <cell r="AP151" t="str">
            <v>1(1)/4/0</v>
          </cell>
          <cell r="AQ151" t="str">
            <v/>
          </cell>
          <cell r="AR151" t="str">
            <v/>
          </cell>
          <cell r="AS151" t="str">
            <v/>
          </cell>
          <cell r="AT151" t="str">
            <v/>
          </cell>
          <cell r="AU151" t="str">
            <v/>
          </cell>
          <cell r="AV151" t="str">
            <v/>
          </cell>
          <cell r="AW151" t="str">
            <v/>
          </cell>
          <cell r="AX151" t="str">
            <v/>
          </cell>
          <cell r="AY151" t="str">
            <v/>
          </cell>
          <cell r="AZ151" t="str">
            <v/>
          </cell>
          <cell r="BA151" t="str">
            <v>兵庫県</v>
          </cell>
          <cell r="BB151">
            <v>0</v>
          </cell>
          <cell r="CR151">
            <v>3602</v>
          </cell>
          <cell r="CS151" t="str">
            <v>ﾖｺｴ ｷﾖｼ</v>
          </cell>
          <cell r="CT151" t="str">
            <v>横江  清</v>
          </cell>
          <cell r="CU151" t="str">
            <v>工務課</v>
          </cell>
          <cell r="CW151" t="str">
            <v xml:space="preserve"> </v>
          </cell>
          <cell r="CX151" t="str">
            <v>主査</v>
          </cell>
          <cell r="CY151" t="str">
            <v>工務課長</v>
          </cell>
        </row>
        <row r="152">
          <cell r="B152">
            <v>2015</v>
          </cell>
          <cell r="C152" t="str">
            <v>(有)明石浚渫興業</v>
          </cell>
          <cell r="D152" t="str">
            <v>078-949-5131</v>
          </cell>
          <cell r="E152" t="str">
            <v>674-0074</v>
          </cell>
          <cell r="F152" t="str">
            <v>兵庫県明石市魚住町清水2400-9</v>
          </cell>
          <cell r="G152" t="str">
            <v>明石市</v>
          </cell>
          <cell r="H152" t="str">
            <v/>
          </cell>
          <cell r="I152" t="str">
            <v>代表取締役　 吉岡　裕史</v>
          </cell>
          <cell r="J152" t="str">
            <v>本店</v>
          </cell>
          <cell r="K152" t="str">
            <v>078-949-5138</v>
          </cell>
          <cell r="L152" t="str">
            <v>a.s.k@abelia.ocn.ne.jp</v>
          </cell>
          <cell r="M152" t="str">
            <v>ｱｶｼｼﾕﾝｾﾂｺｳｷﾞﾖｳ</v>
          </cell>
          <cell r="N152" t="str">
            <v>無</v>
          </cell>
          <cell r="O152">
            <v>23</v>
          </cell>
          <cell r="P152">
            <v>18</v>
          </cell>
          <cell r="Q152">
            <v>7140000000000</v>
          </cell>
          <cell r="R152">
            <v>3000</v>
          </cell>
          <cell r="S152">
            <v>110546</v>
          </cell>
          <cell r="T152">
            <v>304451</v>
          </cell>
          <cell r="V152" t="str">
            <v>wm894767</v>
          </cell>
          <cell r="W152" t="str">
            <v>xm501236</v>
          </cell>
          <cell r="X152" t="str">
            <v>土と舗浚(清)</v>
          </cell>
          <cell r="Y152" t="str">
            <v>土と舗浚(清)</v>
          </cell>
          <cell r="Z152" t="str">
            <v/>
          </cell>
          <cell r="AA152" t="str">
            <v>土木一式</v>
          </cell>
          <cell r="AB152" t="str">
            <v>浚渫</v>
          </cell>
          <cell r="AC152" t="str">
            <v/>
          </cell>
          <cell r="AD152" t="str">
            <v/>
          </cell>
          <cell r="AE152">
            <v>43008</v>
          </cell>
          <cell r="AF152" t="str">
            <v>セグメント工法</v>
          </cell>
          <cell r="AG152" t="str">
            <v>土木一式</v>
          </cell>
          <cell r="AH152" t="str">
            <v>一般</v>
          </cell>
          <cell r="AI152">
            <v>713</v>
          </cell>
          <cell r="AJ152">
            <v>73882</v>
          </cell>
          <cell r="AK152" t="str">
            <v>0(0)/2/3</v>
          </cell>
          <cell r="AL152" t="str">
            <v>浚渫</v>
          </cell>
          <cell r="AM152" t="str">
            <v>一般</v>
          </cell>
          <cell r="AN152">
            <v>703</v>
          </cell>
          <cell r="AO152">
            <v>60840</v>
          </cell>
          <cell r="AP152" t="str">
            <v>0(0)/2/3</v>
          </cell>
          <cell r="AQ152" t="str">
            <v/>
          </cell>
          <cell r="AR152" t="str">
            <v/>
          </cell>
          <cell r="AS152" t="str">
            <v/>
          </cell>
          <cell r="AT152" t="str">
            <v/>
          </cell>
          <cell r="AU152" t="str">
            <v/>
          </cell>
          <cell r="AV152" t="str">
            <v/>
          </cell>
          <cell r="AW152" t="str">
            <v/>
          </cell>
          <cell r="AX152" t="str">
            <v/>
          </cell>
          <cell r="AY152" t="str">
            <v/>
          </cell>
          <cell r="AZ152" t="str">
            <v/>
          </cell>
          <cell r="BA152" t="str">
            <v>兵庫県</v>
          </cell>
          <cell r="BB152">
            <v>0</v>
          </cell>
          <cell r="CR152">
            <v>3603</v>
          </cell>
          <cell r="CS152" t="str">
            <v>ﾅｶｼﾞﾏ ﾊｼﾞﾒ</v>
          </cell>
          <cell r="CT152" t="str">
            <v>中島  一</v>
          </cell>
          <cell r="CU152" t="str">
            <v>道路建設課</v>
          </cell>
          <cell r="CW152">
            <v>3043</v>
          </cell>
          <cell r="CX152" t="str">
            <v>主査</v>
          </cell>
          <cell r="CY152" t="str">
            <v>道路建設課長</v>
          </cell>
        </row>
        <row r="153">
          <cell r="B153">
            <v>2023</v>
          </cell>
          <cell r="C153" t="str">
            <v>(株)アクトライズ</v>
          </cell>
          <cell r="D153" t="str">
            <v>0798-74-6215</v>
          </cell>
          <cell r="E153" t="str">
            <v>662-0837</v>
          </cell>
          <cell r="F153" t="str">
            <v>兵庫県西宮市広田町12-12</v>
          </cell>
          <cell r="G153" t="str">
            <v>西宮市</v>
          </cell>
          <cell r="H153" t="str">
            <v/>
          </cell>
          <cell r="I153" t="str">
            <v>代表取締役 田中　義郎</v>
          </cell>
          <cell r="J153" t="str">
            <v>本店</v>
          </cell>
          <cell r="K153" t="str">
            <v>0798-74-6216</v>
          </cell>
          <cell r="L153" t="str">
            <v>t.higashiyama@ar-actrise.co.jp</v>
          </cell>
          <cell r="M153" t="str">
            <v>ｱｸﾄﾗｲｽﾞ</v>
          </cell>
          <cell r="N153" t="str">
            <v>無</v>
          </cell>
          <cell r="O153">
            <v>20</v>
          </cell>
          <cell r="P153">
            <v>10</v>
          </cell>
          <cell r="Q153">
            <v>5140001070866</v>
          </cell>
          <cell r="R153">
            <v>10000</v>
          </cell>
          <cell r="S153">
            <v>21982</v>
          </cell>
          <cell r="T153">
            <v>433698</v>
          </cell>
          <cell r="V153" t="str">
            <v>es194608</v>
          </cell>
          <cell r="W153" t="str">
            <v>er848571</v>
          </cell>
          <cell r="X153" t="str">
            <v>電管</v>
          </cell>
          <cell r="Y153" t="str">
            <v>電管</v>
          </cell>
          <cell r="Z153" t="str">
            <v/>
          </cell>
          <cell r="AA153" t="str">
            <v>管</v>
          </cell>
          <cell r="AB153" t="str">
            <v>電気</v>
          </cell>
          <cell r="AC153" t="str">
            <v/>
          </cell>
          <cell r="AD153" t="str">
            <v/>
          </cell>
          <cell r="AE153">
            <v>43039</v>
          </cell>
          <cell r="AF153" t="str">
            <v/>
          </cell>
          <cell r="AG153" t="str">
            <v>管</v>
          </cell>
          <cell r="AH153" t="str">
            <v>一般</v>
          </cell>
          <cell r="AI153">
            <v>651</v>
          </cell>
          <cell r="AJ153">
            <v>179862</v>
          </cell>
          <cell r="AK153" t="str">
            <v>()/3/</v>
          </cell>
          <cell r="AL153" t="str">
            <v>電気</v>
          </cell>
          <cell r="AM153" t="str">
            <v>一般</v>
          </cell>
          <cell r="AN153">
            <v>601</v>
          </cell>
          <cell r="AO153">
            <v>58313</v>
          </cell>
          <cell r="AP153" t="str">
            <v/>
          </cell>
          <cell r="AQ153" t="str">
            <v/>
          </cell>
          <cell r="AR153" t="str">
            <v/>
          </cell>
          <cell r="AS153" t="str">
            <v/>
          </cell>
          <cell r="AT153" t="str">
            <v/>
          </cell>
          <cell r="AU153" t="str">
            <v/>
          </cell>
          <cell r="AV153" t="str">
            <v/>
          </cell>
          <cell r="AW153" t="str">
            <v/>
          </cell>
          <cell r="AX153" t="str">
            <v/>
          </cell>
          <cell r="AY153" t="str">
            <v/>
          </cell>
          <cell r="AZ153" t="str">
            <v/>
          </cell>
          <cell r="BA153" t="str">
            <v>兵庫県</v>
          </cell>
          <cell r="BB153">
            <v>0</v>
          </cell>
          <cell r="CR153">
            <v>3604</v>
          </cell>
          <cell r="CS153" t="str">
            <v>ｻﾄｳ ﾀｶｼ</v>
          </cell>
          <cell r="CT153" t="str">
            <v>佐藤  孝志</v>
          </cell>
          <cell r="CU153" t="str">
            <v>道路建設課</v>
          </cell>
          <cell r="CW153">
            <v>3026</v>
          </cell>
          <cell r="CX153" t="str">
            <v xml:space="preserve"> </v>
          </cell>
          <cell r="CY153" t="str">
            <v>道路建設課長</v>
          </cell>
        </row>
        <row r="154">
          <cell r="B154">
            <v>2024</v>
          </cell>
          <cell r="C154" t="str">
            <v>(株)淺川組</v>
          </cell>
          <cell r="D154" t="str">
            <v>06-6251-1761</v>
          </cell>
          <cell r="E154" t="str">
            <v>542-0083</v>
          </cell>
          <cell r="F154" t="str">
            <v>大阪府大阪市中央区東心斎橋1丁目2-17 第一住建東心斎橋ﾋﾞﾙ内</v>
          </cell>
          <cell r="G154" t="str">
            <v>和歌山市</v>
          </cell>
          <cell r="H154" t="str">
            <v>大阪支店</v>
          </cell>
          <cell r="I154" t="str">
            <v>支店長　 貴志　敏弘</v>
          </cell>
          <cell r="J154" t="str">
            <v>和歌山県和歌山市</v>
          </cell>
          <cell r="K154" t="str">
            <v>06-6252-2632</v>
          </cell>
          <cell r="L154" t="str">
            <v>eiraku-m@asakawagumi.co.jp</v>
          </cell>
          <cell r="M154" t="str">
            <v>ｱｻｶﾜｸﾞﾐ</v>
          </cell>
          <cell r="N154" t="str">
            <v>有</v>
          </cell>
          <cell r="O154">
            <v>68</v>
          </cell>
          <cell r="P154">
            <v>264</v>
          </cell>
          <cell r="Q154">
            <v>4170000000000</v>
          </cell>
          <cell r="R154">
            <v>300000</v>
          </cell>
          <cell r="S154">
            <v>12108614</v>
          </cell>
          <cell r="T154">
            <v>27230579</v>
          </cell>
          <cell r="V154" t="str">
            <v>ky881373</v>
          </cell>
          <cell r="W154" t="str">
            <v>md966051</v>
          </cell>
          <cell r="X154" t="str">
            <v>電管</v>
          </cell>
          <cell r="Y154" t="str">
            <v>電管</v>
          </cell>
          <cell r="Z154" t="str">
            <v/>
          </cell>
          <cell r="AA154" t="str">
            <v>土木一式</v>
          </cell>
          <cell r="AB154" t="str">
            <v>建築一式</v>
          </cell>
          <cell r="AC154" t="str">
            <v>水道施設</v>
          </cell>
          <cell r="AD154" t="str">
            <v>浚渫</v>
          </cell>
          <cell r="AE154">
            <v>43251</v>
          </cell>
          <cell r="AF154" t="str">
            <v>エスピーアール工法</v>
          </cell>
          <cell r="AG154" t="str">
            <v>土木一式</v>
          </cell>
          <cell r="AH154" t="str">
            <v>特定</v>
          </cell>
          <cell r="AI154">
            <v>1398</v>
          </cell>
          <cell r="AJ154">
            <v>9491773</v>
          </cell>
          <cell r="AK154" t="str">
            <v>89(83)/7/0</v>
          </cell>
          <cell r="AL154" t="str">
            <v>建築一式</v>
          </cell>
          <cell r="AM154" t="str">
            <v>特定</v>
          </cell>
          <cell r="AN154">
            <v>1453</v>
          </cell>
          <cell r="AO154">
            <v>17454191</v>
          </cell>
          <cell r="AP154" t="str">
            <v>77(65)/7/0</v>
          </cell>
          <cell r="AQ154" t="str">
            <v>水道施設</v>
          </cell>
          <cell r="AR154" t="str">
            <v>特定</v>
          </cell>
          <cell r="AS154">
            <v>857</v>
          </cell>
          <cell r="AT154" t="str">
            <v/>
          </cell>
          <cell r="AU154" t="str">
            <v>0(0)/0/0</v>
          </cell>
          <cell r="AV154" t="str">
            <v>浚渫</v>
          </cell>
          <cell r="AW154" t="str">
            <v>特定</v>
          </cell>
          <cell r="AX154">
            <v>1155</v>
          </cell>
          <cell r="AY154">
            <v>121650</v>
          </cell>
          <cell r="AZ154" t="str">
            <v>60(57)/0/0</v>
          </cell>
          <cell r="BA154" t="str">
            <v>和歌山県</v>
          </cell>
          <cell r="BB154">
            <v>0</v>
          </cell>
          <cell r="CR154">
            <v>3608</v>
          </cell>
          <cell r="CS154" t="str">
            <v>ﾑﾗｶﾐ ﾕｳｲﾁ</v>
          </cell>
          <cell r="CT154" t="str">
            <v>村上  雄一</v>
          </cell>
          <cell r="CU154" t="str">
            <v xml:space="preserve"> </v>
          </cell>
          <cell r="CW154">
            <v>2100</v>
          </cell>
          <cell r="CX154" t="str">
            <v>部長</v>
          </cell>
          <cell r="CY154" t="str">
            <v>　</v>
          </cell>
        </row>
        <row r="155">
          <cell r="B155">
            <v>2025</v>
          </cell>
          <cell r="C155" t="str">
            <v>(株)淺沼組</v>
          </cell>
          <cell r="D155" t="str">
            <v>078-251-0395</v>
          </cell>
          <cell r="E155" t="str">
            <v>651-0085</v>
          </cell>
          <cell r="F155" t="str">
            <v>兵庫県神戸市中央区八幡通3-1-14</v>
          </cell>
          <cell r="G155" t="str">
            <v>大阪市</v>
          </cell>
          <cell r="H155" t="str">
            <v>神戸支店</v>
          </cell>
          <cell r="I155" t="str">
            <v>支店長 芦田　造</v>
          </cell>
          <cell r="J155" t="str">
            <v>大阪府大阪市</v>
          </cell>
          <cell r="K155" t="str">
            <v>078-261-0243</v>
          </cell>
          <cell r="L155" t="str">
            <v>os-ko-kks@asanuma.co.jp</v>
          </cell>
          <cell r="M155" t="str">
            <v>ｱｻﾇﾏｸﾞﾐ</v>
          </cell>
          <cell r="N155" t="str">
            <v>有</v>
          </cell>
          <cell r="O155">
            <v>68</v>
          </cell>
          <cell r="P155">
            <v>1271</v>
          </cell>
          <cell r="Q155">
            <v>8120001022651</v>
          </cell>
          <cell r="R155">
            <v>9614761</v>
          </cell>
          <cell r="S155">
            <v>35100582</v>
          </cell>
          <cell r="T155">
            <v>143434000</v>
          </cell>
          <cell r="V155" t="str">
            <v>tp988866</v>
          </cell>
          <cell r="W155" t="str">
            <v>ku167574</v>
          </cell>
          <cell r="X155" t="str">
            <v>(清)(建)(と)(鋼)(舗)(浚)(塗)(内)(水)(解)土建と電管鋼舗浚塗防内園水解</v>
          </cell>
          <cell r="Y155" t="str">
            <v>(清)(建)(と)(鋼)(舗)(浚)(塗)(内)(水)(解)</v>
          </cell>
          <cell r="Z155" t="str">
            <v>土建と電管鋼舗浚塗防内園水解</v>
          </cell>
          <cell r="AA155" t="str">
            <v>建築一式</v>
          </cell>
          <cell r="AB155" t="str">
            <v>土木一式</v>
          </cell>
          <cell r="AC155" t="str">
            <v>水道施設</v>
          </cell>
          <cell r="AD155" t="str">
            <v>解体</v>
          </cell>
          <cell r="AE155">
            <v>43190</v>
          </cell>
          <cell r="AF155" t="str">
            <v>希望する</v>
          </cell>
          <cell r="AG155" t="str">
            <v>建築一式</v>
          </cell>
          <cell r="AH155" t="str">
            <v>特定</v>
          </cell>
          <cell r="AI155">
            <v>1830</v>
          </cell>
          <cell r="AJ155">
            <v>111064808</v>
          </cell>
          <cell r="AK155" t="str">
            <v>453(387)/5/130</v>
          </cell>
          <cell r="AL155" t="str">
            <v>土木一式</v>
          </cell>
          <cell r="AM155" t="str">
            <v>特定</v>
          </cell>
          <cell r="AN155">
            <v>1618</v>
          </cell>
          <cell r="AO155">
            <v>24410287</v>
          </cell>
          <cell r="AP155" t="str">
            <v>221(183)/0/17</v>
          </cell>
          <cell r="AQ155" t="str">
            <v>水道施設</v>
          </cell>
          <cell r="AR155" t="str">
            <v>特定</v>
          </cell>
          <cell r="AS155">
            <v>1365</v>
          </cell>
          <cell r="AT155">
            <v>658438</v>
          </cell>
          <cell r="AU155" t="str">
            <v>215(179)/0/2</v>
          </cell>
          <cell r="AV155" t="str">
            <v>解体</v>
          </cell>
          <cell r="AW155" t="str">
            <v>特定</v>
          </cell>
          <cell r="AX155">
            <v>1090</v>
          </cell>
          <cell r="AY155">
            <v>317392</v>
          </cell>
          <cell r="AZ155" t="str">
            <v>0(0)/0/0</v>
          </cell>
          <cell r="BA155" t="str">
            <v>大阪府</v>
          </cell>
          <cell r="BB155" t="str">
            <v>マルイト難波ビル</v>
          </cell>
          <cell r="CR155">
            <v>3608</v>
          </cell>
          <cell r="CS155" t="str">
            <v>ﾑﾗｶﾐ ﾕｳｲﾁ</v>
          </cell>
          <cell r="CT155" t="str">
            <v>村上  雄一</v>
          </cell>
          <cell r="CU155" t="str">
            <v xml:space="preserve"> </v>
          </cell>
          <cell r="CW155">
            <v>2100</v>
          </cell>
          <cell r="CX155" t="str">
            <v>（併）教育長付参事</v>
          </cell>
          <cell r="CY155" t="str">
            <v>　</v>
          </cell>
        </row>
        <row r="156">
          <cell r="B156">
            <v>2027</v>
          </cell>
          <cell r="C156" t="str">
            <v>朝日企業(株)</v>
          </cell>
          <cell r="D156" t="str">
            <v>06-6357-9873</v>
          </cell>
          <cell r="E156" t="str">
            <v>530-0043</v>
          </cell>
          <cell r="F156" t="str">
            <v>大阪府大阪市北区天満二丁目7番30号</v>
          </cell>
          <cell r="G156" t="str">
            <v>大阪市</v>
          </cell>
          <cell r="H156" t="str">
            <v/>
          </cell>
          <cell r="I156" t="str">
            <v>代表取締役社長 村上　博崇</v>
          </cell>
          <cell r="J156" t="str">
            <v>本店</v>
          </cell>
          <cell r="K156" t="str">
            <v>06-6242-6008</v>
          </cell>
          <cell r="L156" t="str">
            <v>k_yokota@asahikigyo.co.jp</v>
          </cell>
          <cell r="M156" t="str">
            <v>ｱｻﾋｷｷﾞｮｳ</v>
          </cell>
          <cell r="N156" t="str">
            <v>無</v>
          </cell>
          <cell r="O156">
            <v>68</v>
          </cell>
          <cell r="P156">
            <v>63</v>
          </cell>
          <cell r="Q156">
            <v>3120001059608</v>
          </cell>
          <cell r="R156">
            <v>100000</v>
          </cell>
          <cell r="S156">
            <v>853126</v>
          </cell>
          <cell r="T156">
            <v>3822117</v>
          </cell>
          <cell r="V156" t="str">
            <v>zt813429</v>
          </cell>
          <cell r="W156" t="str">
            <v>mq282139</v>
          </cell>
          <cell r="X156" t="str">
            <v>土建電管機通水</v>
          </cell>
          <cell r="Y156" t="str">
            <v/>
          </cell>
          <cell r="Z156" t="str">
            <v>土建電管機通水</v>
          </cell>
          <cell r="AA156" t="str">
            <v>機械器具</v>
          </cell>
          <cell r="AB156" t="str">
            <v>電気</v>
          </cell>
          <cell r="AC156" t="str">
            <v>水道施設</v>
          </cell>
          <cell r="AD156" t="str">
            <v>電気通信</v>
          </cell>
          <cell r="AE156">
            <v>43190</v>
          </cell>
          <cell r="AF156" t="str">
            <v>希望しない</v>
          </cell>
          <cell r="AG156" t="str">
            <v>機械器具</v>
          </cell>
          <cell r="AH156" t="str">
            <v>特定</v>
          </cell>
          <cell r="AI156">
            <v>965</v>
          </cell>
          <cell r="AJ156">
            <v>1405399</v>
          </cell>
          <cell r="AK156" t="str">
            <v>0(0)/0/24</v>
          </cell>
          <cell r="AL156" t="str">
            <v>電気</v>
          </cell>
          <cell r="AM156" t="str">
            <v>特定</v>
          </cell>
          <cell r="AN156">
            <v>985</v>
          </cell>
          <cell r="AO156">
            <v>735351</v>
          </cell>
          <cell r="AP156" t="str">
            <v>12(12)/4/1</v>
          </cell>
          <cell r="AQ156" t="str">
            <v>水道施設</v>
          </cell>
          <cell r="AR156" t="str">
            <v>特定</v>
          </cell>
          <cell r="AS156">
            <v>933</v>
          </cell>
          <cell r="AT156">
            <v>272548</v>
          </cell>
          <cell r="AU156" t="str">
            <v>10(10)/1/1</v>
          </cell>
          <cell r="AV156" t="str">
            <v>電気通信</v>
          </cell>
          <cell r="AW156" t="str">
            <v>特定</v>
          </cell>
          <cell r="AX156">
            <v>801</v>
          </cell>
          <cell r="AY156">
            <v>88805</v>
          </cell>
          <cell r="AZ156" t="str">
            <v>0(0)/0/4</v>
          </cell>
          <cell r="BA156" t="str">
            <v>大阪府</v>
          </cell>
          <cell r="BB156">
            <v>0</v>
          </cell>
          <cell r="CR156">
            <v>3609</v>
          </cell>
          <cell r="CS156" t="str">
            <v>ﾋｶﾞｼ ﾀｶﾌﾐ</v>
          </cell>
          <cell r="CT156" t="str">
            <v>東  高文</v>
          </cell>
          <cell r="CU156" t="str">
            <v xml:space="preserve"> </v>
          </cell>
          <cell r="CW156">
            <v>3211</v>
          </cell>
          <cell r="CX156" t="str">
            <v>室長</v>
          </cell>
          <cell r="CY156" t="str">
            <v>　</v>
          </cell>
        </row>
        <row r="157">
          <cell r="B157">
            <v>2029</v>
          </cell>
          <cell r="C157" t="str">
            <v>(株)朝日工業社</v>
          </cell>
          <cell r="D157" t="str">
            <v>078-381-9550</v>
          </cell>
          <cell r="E157" t="str">
            <v>650-0021</v>
          </cell>
          <cell r="F157" t="str">
            <v>兵庫県神戸市中央区三宮町1-9-1</v>
          </cell>
          <cell r="G157" t="str">
            <v/>
          </cell>
          <cell r="H157" t="str">
            <v>神戸営業所</v>
          </cell>
          <cell r="I157" t="str">
            <v>所長 松尾　太郎</v>
          </cell>
          <cell r="J157" t="str">
            <v>東京都</v>
          </cell>
          <cell r="K157" t="str">
            <v>078-381-9680</v>
          </cell>
          <cell r="L157" t="str">
            <v>miwako-dogaki@asahikogyosha.co.jp</v>
          </cell>
          <cell r="M157" t="str">
            <v>ｱｻﾋｺｳｷﾞｮｳｼｬ</v>
          </cell>
          <cell r="N157" t="str">
            <v>有</v>
          </cell>
          <cell r="O157">
            <v>68</v>
          </cell>
          <cell r="P157">
            <v>896</v>
          </cell>
          <cell r="Q157">
            <v>5010401000023</v>
          </cell>
          <cell r="R157">
            <v>3857100</v>
          </cell>
          <cell r="S157">
            <v>28630000</v>
          </cell>
          <cell r="T157">
            <v>73012462</v>
          </cell>
          <cell r="V157" t="str">
            <v>sb151747</v>
          </cell>
          <cell r="W157" t="str">
            <v>fd641426</v>
          </cell>
          <cell r="X157" t="str">
            <v>消(管)(消)建電管機</v>
          </cell>
          <cell r="Y157" t="str">
            <v>消(管)(消)</v>
          </cell>
          <cell r="Z157" t="str">
            <v>建電管機</v>
          </cell>
          <cell r="AA157" t="str">
            <v>管</v>
          </cell>
          <cell r="AB157" t="str">
            <v>消防施設</v>
          </cell>
          <cell r="AC157" t="str">
            <v/>
          </cell>
          <cell r="AD157" t="str">
            <v/>
          </cell>
          <cell r="AE157">
            <v>43190</v>
          </cell>
          <cell r="AF157" t="str">
            <v>希望しない</v>
          </cell>
          <cell r="AG157" t="str">
            <v>管</v>
          </cell>
          <cell r="AH157" t="str">
            <v>特定</v>
          </cell>
          <cell r="AI157">
            <v>1739</v>
          </cell>
          <cell r="AJ157">
            <v>73012462</v>
          </cell>
          <cell r="AK157" t="str">
            <v>511(471)/29/15</v>
          </cell>
          <cell r="AL157" t="str">
            <v>消防施設</v>
          </cell>
          <cell r="AM157" t="str">
            <v>一般</v>
          </cell>
          <cell r="AN157">
            <v>1102</v>
          </cell>
          <cell r="AO157" t="str">
            <v/>
          </cell>
          <cell r="AP157" t="str">
            <v>0(0)/199/0</v>
          </cell>
          <cell r="AQ157" t="str">
            <v/>
          </cell>
          <cell r="AR157" t="str">
            <v/>
          </cell>
          <cell r="AS157" t="str">
            <v/>
          </cell>
          <cell r="AT157" t="str">
            <v/>
          </cell>
          <cell r="AU157" t="str">
            <v/>
          </cell>
          <cell r="AV157" t="str">
            <v/>
          </cell>
          <cell r="AW157" t="str">
            <v/>
          </cell>
          <cell r="AX157" t="str">
            <v/>
          </cell>
          <cell r="AY157" t="str">
            <v/>
          </cell>
          <cell r="AZ157" t="str">
            <v/>
          </cell>
          <cell r="BA157" t="str">
            <v>東京都</v>
          </cell>
          <cell r="BB157">
            <v>0</v>
          </cell>
          <cell r="CR157">
            <v>3609</v>
          </cell>
          <cell r="CS157" t="str">
            <v>ﾋｶﾞｼ ﾀｶﾌﾐ</v>
          </cell>
          <cell r="CT157" t="str">
            <v>東  高文</v>
          </cell>
          <cell r="CU157" t="str">
            <v>都市安全企画課</v>
          </cell>
          <cell r="CW157">
            <v>2145</v>
          </cell>
          <cell r="CY157" t="str">
            <v>都市安全企画課長</v>
          </cell>
        </row>
        <row r="158">
          <cell r="B158">
            <v>2031</v>
          </cell>
          <cell r="C158" t="str">
            <v>旭体育施設(株)</v>
          </cell>
          <cell r="D158" t="str">
            <v>072-722-3100</v>
          </cell>
          <cell r="E158" t="str">
            <v>562-0013</v>
          </cell>
          <cell r="F158" t="str">
            <v>大阪府箕面市坊島1-15-24</v>
          </cell>
          <cell r="G158" t="str">
            <v>箕面市</v>
          </cell>
          <cell r="H158" t="str">
            <v/>
          </cell>
          <cell r="I158" t="str">
            <v>代表取締役 川北　明彦</v>
          </cell>
          <cell r="J158" t="str">
            <v>本店</v>
          </cell>
          <cell r="K158" t="str">
            <v>072-721-8723</v>
          </cell>
          <cell r="L158" t="str">
            <v>asahisportsltd@aol.com</v>
          </cell>
          <cell r="M158" t="str">
            <v>ｱｻﾋﾀｲｲｸｼｾﾂ</v>
          </cell>
          <cell r="N158" t="str">
            <v>無</v>
          </cell>
          <cell r="O158">
            <v>43</v>
          </cell>
          <cell r="P158">
            <v>5</v>
          </cell>
          <cell r="Q158">
            <v>3120901020123</v>
          </cell>
          <cell r="R158">
            <v>18000</v>
          </cell>
          <cell r="S158">
            <v>-14193</v>
          </cell>
          <cell r="T158">
            <v>187834</v>
          </cell>
          <cell r="V158" t="str">
            <v>cu940180</v>
          </cell>
          <cell r="W158" t="str">
            <v>kq950158</v>
          </cell>
          <cell r="X158" t="str">
            <v>土と舗園</v>
          </cell>
          <cell r="Y158" t="str">
            <v>土と舗園</v>
          </cell>
          <cell r="Z158" t="str">
            <v/>
          </cell>
          <cell r="AA158" t="str">
            <v>土木一式</v>
          </cell>
          <cell r="AB158" t="str">
            <v>造園</v>
          </cell>
          <cell r="AC158" t="str">
            <v>舗装</v>
          </cell>
          <cell r="AD158" t="str">
            <v>とび土工</v>
          </cell>
          <cell r="AE158">
            <v>43312</v>
          </cell>
          <cell r="AF158" t="str">
            <v/>
          </cell>
          <cell r="AG158" t="str">
            <v>土木一式</v>
          </cell>
          <cell r="AH158" t="str">
            <v>一般</v>
          </cell>
          <cell r="AI158">
            <v>721</v>
          </cell>
          <cell r="AJ158">
            <v>39357</v>
          </cell>
          <cell r="AK158" t="str">
            <v>3(3)/0/0</v>
          </cell>
          <cell r="AL158" t="str">
            <v>造園</v>
          </cell>
          <cell r="AM158" t="str">
            <v>一般</v>
          </cell>
          <cell r="AN158">
            <v>710</v>
          </cell>
          <cell r="AO158">
            <v>41983</v>
          </cell>
          <cell r="AP158" t="str">
            <v>2(2)/0/1</v>
          </cell>
          <cell r="AQ158" t="str">
            <v>舗装</v>
          </cell>
          <cell r="AR158" t="str">
            <v>一般</v>
          </cell>
          <cell r="AS158">
            <v>655</v>
          </cell>
          <cell r="AT158">
            <v>17123</v>
          </cell>
          <cell r="AU158" t="str">
            <v>0(0)/0/0</v>
          </cell>
          <cell r="AV158" t="str">
            <v>とび土工</v>
          </cell>
          <cell r="AW158" t="str">
            <v>一般</v>
          </cell>
          <cell r="AX158">
            <v>683</v>
          </cell>
          <cell r="AY158">
            <v>54683</v>
          </cell>
          <cell r="AZ158" t="str">
            <v>0(0)/0/0</v>
          </cell>
          <cell r="BA158" t="str">
            <v>大阪府</v>
          </cell>
          <cell r="BB158">
            <v>0</v>
          </cell>
          <cell r="CR158">
            <v>3610</v>
          </cell>
          <cell r="CS158" t="str">
            <v>ｺｻｶ ｺｳｲﾁ</v>
          </cell>
          <cell r="CT158" t="str">
            <v>小坂  浩一</v>
          </cell>
          <cell r="CU158" t="str">
            <v>営繕課</v>
          </cell>
          <cell r="CW158" t="str">
            <v xml:space="preserve"> </v>
          </cell>
          <cell r="CY158" t="str">
            <v>営繕課長</v>
          </cell>
        </row>
        <row r="159">
          <cell r="B159">
            <v>2032</v>
          </cell>
          <cell r="C159" t="str">
            <v>旭電業(株)</v>
          </cell>
          <cell r="D159" t="str">
            <v>078-801-1100</v>
          </cell>
          <cell r="E159" t="str">
            <v>657-0842</v>
          </cell>
          <cell r="F159" t="str">
            <v>兵庫県神戸市灘区船寺通6-1-6</v>
          </cell>
          <cell r="G159" t="str">
            <v/>
          </cell>
          <cell r="H159" t="str">
            <v>神戸支店</v>
          </cell>
          <cell r="I159" t="str">
            <v>支店長 塩田　耕二</v>
          </cell>
          <cell r="J159" t="str">
            <v>東京都</v>
          </cell>
          <cell r="K159" t="str">
            <v>078-801-1432</v>
          </cell>
          <cell r="L159" t="str">
            <v>osaka@asahi-dengyo.co.jp</v>
          </cell>
          <cell r="M159" t="str">
            <v>ｱｻﾋﾃﾞﾝｷﾞｮｳ</v>
          </cell>
          <cell r="N159" t="str">
            <v>有</v>
          </cell>
          <cell r="O159">
            <v>65</v>
          </cell>
          <cell r="P159">
            <v>246</v>
          </cell>
          <cell r="Q159">
            <v>6260001000050</v>
          </cell>
          <cell r="R159">
            <v>90000</v>
          </cell>
          <cell r="S159">
            <v>3930139</v>
          </cell>
          <cell r="T159">
            <v>8963658</v>
          </cell>
          <cell r="V159" t="str">
            <v>hm722146</v>
          </cell>
          <cell r="W159" t="str">
            <v>xa959385</v>
          </cell>
          <cell r="X159" t="str">
            <v>通消(電)(消)土建大と屋電管鋼舗内水</v>
          </cell>
          <cell r="Y159" t="str">
            <v>通消(電)(消)</v>
          </cell>
          <cell r="Z159" t="str">
            <v>土建大と屋電管鋼舗内水</v>
          </cell>
          <cell r="AA159" t="str">
            <v>電気</v>
          </cell>
          <cell r="AB159" t="str">
            <v/>
          </cell>
          <cell r="AC159" t="str">
            <v/>
          </cell>
          <cell r="AD159" t="str">
            <v/>
          </cell>
          <cell r="AE159">
            <v>43008</v>
          </cell>
          <cell r="AF159" t="str">
            <v>希望しない</v>
          </cell>
          <cell r="AG159" t="str">
            <v>電気</v>
          </cell>
          <cell r="AH159" t="str">
            <v>特定</v>
          </cell>
          <cell r="AI159">
            <v>1258</v>
          </cell>
          <cell r="AJ159">
            <v>8950586</v>
          </cell>
          <cell r="AK159" t="str">
            <v>70(66)/30/37</v>
          </cell>
          <cell r="AL159" t="str">
            <v/>
          </cell>
          <cell r="AM159" t="str">
            <v/>
          </cell>
          <cell r="AN159" t="str">
            <v/>
          </cell>
          <cell r="AO159" t="str">
            <v/>
          </cell>
          <cell r="AP159" t="str">
            <v/>
          </cell>
          <cell r="AQ159" t="str">
            <v/>
          </cell>
          <cell r="AR159" t="str">
            <v/>
          </cell>
          <cell r="AS159" t="str">
            <v/>
          </cell>
          <cell r="AT159" t="str">
            <v/>
          </cell>
          <cell r="AU159" t="str">
            <v/>
          </cell>
          <cell r="AV159" t="str">
            <v/>
          </cell>
          <cell r="AW159" t="str">
            <v/>
          </cell>
          <cell r="AX159" t="str">
            <v/>
          </cell>
          <cell r="AY159" t="str">
            <v/>
          </cell>
          <cell r="AZ159" t="str">
            <v/>
          </cell>
          <cell r="BA159" t="str">
            <v>東京都</v>
          </cell>
          <cell r="BB159">
            <v>0</v>
          </cell>
          <cell r="CR159">
            <v>3611</v>
          </cell>
          <cell r="CS159" t="str">
            <v>ｶﾐｼﾞ ﾋﾃﾞﾊﾙ</v>
          </cell>
          <cell r="CT159" t="str">
            <v>上地  秀治</v>
          </cell>
          <cell r="CU159" t="str">
            <v xml:space="preserve"> </v>
          </cell>
          <cell r="CW159">
            <v>2900</v>
          </cell>
          <cell r="CX159" t="str">
            <v>市長付参事</v>
          </cell>
          <cell r="CY159" t="str">
            <v>　</v>
          </cell>
        </row>
        <row r="160">
          <cell r="B160">
            <v>2033</v>
          </cell>
          <cell r="C160" t="str">
            <v>旭電設(株)</v>
          </cell>
          <cell r="D160" t="str">
            <v>06-6951-4631</v>
          </cell>
          <cell r="E160" t="str">
            <v>535-0013</v>
          </cell>
          <cell r="F160" t="str">
            <v>大阪府大阪市旭区森小路2-1-1-201</v>
          </cell>
          <cell r="G160" t="str">
            <v>大阪市</v>
          </cell>
          <cell r="H160" t="str">
            <v/>
          </cell>
          <cell r="I160" t="str">
            <v>代表取締役 橋本　博司</v>
          </cell>
          <cell r="J160" t="str">
            <v>本店</v>
          </cell>
          <cell r="K160" t="str">
            <v>06-6954-6469</v>
          </cell>
          <cell r="L160" t="str">
            <v>honsya@asahiden.co.jp</v>
          </cell>
          <cell r="M160" t="str">
            <v>ｱｻﾋﾃﾞﾝｾﾂ</v>
          </cell>
          <cell r="N160" t="str">
            <v>無</v>
          </cell>
          <cell r="O160">
            <v>57</v>
          </cell>
          <cell r="P160">
            <v>25</v>
          </cell>
          <cell r="Q160">
            <v>1120001000060</v>
          </cell>
          <cell r="R160">
            <v>30000</v>
          </cell>
          <cell r="S160">
            <v>223820</v>
          </cell>
          <cell r="T160">
            <v>553599</v>
          </cell>
          <cell r="V160" t="str">
            <v>dw230555</v>
          </cell>
          <cell r="W160" t="str">
            <v>wb306294</v>
          </cell>
          <cell r="X160" t="str">
            <v>管通消電</v>
          </cell>
          <cell r="Y160" t="str">
            <v>管通消</v>
          </cell>
          <cell r="Z160" t="str">
            <v>電</v>
          </cell>
          <cell r="AA160" t="str">
            <v>電気</v>
          </cell>
          <cell r="AB160" t="str">
            <v>管</v>
          </cell>
          <cell r="AC160" t="str">
            <v>消防施設</v>
          </cell>
          <cell r="AD160" t="str">
            <v>電気通信</v>
          </cell>
          <cell r="AE160">
            <v>43100</v>
          </cell>
          <cell r="AF160" t="str">
            <v>希望しない</v>
          </cell>
          <cell r="AG160" t="str">
            <v>電気</v>
          </cell>
          <cell r="AH160" t="str">
            <v>特定</v>
          </cell>
          <cell r="AI160">
            <v>946</v>
          </cell>
          <cell r="AJ160">
            <v>567693</v>
          </cell>
          <cell r="AK160" t="str">
            <v>7(7)/7/4</v>
          </cell>
          <cell r="AL160" t="str">
            <v>管</v>
          </cell>
          <cell r="AM160" t="str">
            <v>一般</v>
          </cell>
          <cell r="AN160">
            <v>728</v>
          </cell>
          <cell r="AO160">
            <v>19931</v>
          </cell>
          <cell r="AP160" t="str">
            <v>0(0)/1/0</v>
          </cell>
          <cell r="AQ160" t="str">
            <v>消防施設</v>
          </cell>
          <cell r="AR160" t="str">
            <v>一般</v>
          </cell>
          <cell r="AS160">
            <v>770</v>
          </cell>
          <cell r="AT160">
            <v>12154</v>
          </cell>
          <cell r="AU160" t="str">
            <v>0(0)/10/0</v>
          </cell>
          <cell r="AV160" t="str">
            <v>電気通信</v>
          </cell>
          <cell r="AW160" t="str">
            <v>一般</v>
          </cell>
          <cell r="AX160">
            <v>737</v>
          </cell>
          <cell r="AY160">
            <v>18587</v>
          </cell>
          <cell r="AZ160" t="str">
            <v>0(0)/0/0</v>
          </cell>
          <cell r="BA160" t="str">
            <v>大阪府</v>
          </cell>
          <cell r="BB160" t="str">
            <v>サンコー第一ビル</v>
          </cell>
          <cell r="CR160">
            <v>3611</v>
          </cell>
          <cell r="CS160" t="str">
            <v>ｶﾐｼﾞ ﾋﾃﾞﾊﾙ</v>
          </cell>
          <cell r="CT160" t="str">
            <v>上地  秀治</v>
          </cell>
          <cell r="CU160" t="str">
            <v xml:space="preserve"> </v>
          </cell>
          <cell r="CW160">
            <v>2900</v>
          </cell>
          <cell r="CX160" t="str">
            <v>（兼）室長</v>
          </cell>
          <cell r="CY160" t="str">
            <v>　</v>
          </cell>
        </row>
        <row r="161">
          <cell r="B161">
            <v>2034</v>
          </cell>
          <cell r="C161" t="str">
            <v>アサヒネット工業(株)</v>
          </cell>
          <cell r="D161" t="str">
            <v>06-6468-3231</v>
          </cell>
          <cell r="E161" t="str">
            <v>554-0011</v>
          </cell>
          <cell r="F161" t="str">
            <v>大阪府大阪市此花区朝日1-5-9</v>
          </cell>
          <cell r="G161" t="str">
            <v>大阪市</v>
          </cell>
          <cell r="H161" t="str">
            <v/>
          </cell>
          <cell r="I161" t="str">
            <v>代表取締役 羽馬　貞夫</v>
          </cell>
          <cell r="J161" t="str">
            <v>本店</v>
          </cell>
          <cell r="K161" t="str">
            <v>06-6465-5199</v>
          </cell>
          <cell r="L161" t="str">
            <v>asahinet@zeus.eonet.ne.jp</v>
          </cell>
          <cell r="M161" t="str">
            <v>ｱｻﾋﾈｯﾄｺｳｷﾞｮｳ</v>
          </cell>
          <cell r="N161" t="str">
            <v>無</v>
          </cell>
          <cell r="O161">
            <v>44</v>
          </cell>
          <cell r="P161">
            <v>22</v>
          </cell>
          <cell r="Q161">
            <v>5120001026060</v>
          </cell>
          <cell r="R161">
            <v>20000</v>
          </cell>
          <cell r="S161">
            <v>152708</v>
          </cell>
          <cell r="T161">
            <v>733078</v>
          </cell>
          <cell r="V161" t="str">
            <v>db381061</v>
          </cell>
          <cell r="W161" t="str">
            <v>wg933390</v>
          </cell>
          <cell r="X161" t="str">
            <v>鋼土と</v>
          </cell>
          <cell r="Y161" t="str">
            <v>鋼</v>
          </cell>
          <cell r="Z161" t="str">
            <v>土と</v>
          </cell>
          <cell r="AA161" t="str">
            <v>とび土工</v>
          </cell>
          <cell r="AB161" t="str">
            <v/>
          </cell>
          <cell r="AC161" t="str">
            <v/>
          </cell>
          <cell r="AD161" t="str">
            <v/>
          </cell>
          <cell r="AE161">
            <v>43301</v>
          </cell>
          <cell r="AF161" t="str">
            <v/>
          </cell>
          <cell r="AG161" t="str">
            <v>とび土工</v>
          </cell>
          <cell r="AH161" t="str">
            <v>特定</v>
          </cell>
          <cell r="AI161">
            <v>774</v>
          </cell>
          <cell r="AJ161">
            <v>731103</v>
          </cell>
          <cell r="AK161" t="str">
            <v>3(3)/5/5</v>
          </cell>
          <cell r="AL161" t="str">
            <v/>
          </cell>
          <cell r="AM161" t="str">
            <v/>
          </cell>
          <cell r="AN161" t="str">
            <v/>
          </cell>
          <cell r="AO161" t="str">
            <v/>
          </cell>
          <cell r="AP161" t="str">
            <v/>
          </cell>
          <cell r="AQ161" t="str">
            <v/>
          </cell>
          <cell r="AR161" t="str">
            <v/>
          </cell>
          <cell r="AS161" t="str">
            <v/>
          </cell>
          <cell r="AT161" t="str">
            <v/>
          </cell>
          <cell r="AU161" t="str">
            <v/>
          </cell>
          <cell r="AV161" t="str">
            <v/>
          </cell>
          <cell r="AW161" t="str">
            <v/>
          </cell>
          <cell r="AX161" t="str">
            <v/>
          </cell>
          <cell r="AY161" t="str">
            <v/>
          </cell>
          <cell r="AZ161" t="str">
            <v/>
          </cell>
          <cell r="BA161" t="str">
            <v>大阪府</v>
          </cell>
          <cell r="BB161">
            <v>0</v>
          </cell>
          <cell r="CR161">
            <v>3612</v>
          </cell>
          <cell r="CS161" t="str">
            <v>ﾔﾏﾓﾄ ｶｽﾞﾔ</v>
          </cell>
          <cell r="CT161" t="str">
            <v>山本  一也</v>
          </cell>
          <cell r="CU161" t="str">
            <v>都市計画課</v>
          </cell>
          <cell r="CW161">
            <v>3252</v>
          </cell>
          <cell r="CX161" t="str">
            <v>副主査</v>
          </cell>
          <cell r="CY161" t="str">
            <v>都市計画課長</v>
          </cell>
        </row>
        <row r="162">
          <cell r="B162">
            <v>2036</v>
          </cell>
          <cell r="C162" t="str">
            <v>浅海電気(株)</v>
          </cell>
          <cell r="D162" t="str">
            <v>078-441-7860</v>
          </cell>
          <cell r="E162" t="str">
            <v>658-0016</v>
          </cell>
          <cell r="F162" t="str">
            <v>兵庫県神戸市東灘区本山中町1-1-10</v>
          </cell>
          <cell r="G162" t="str">
            <v>大阪市</v>
          </cell>
          <cell r="H162" t="str">
            <v>神戸営業所</v>
          </cell>
          <cell r="I162" t="str">
            <v>所長 松永　卓也</v>
          </cell>
          <cell r="J162" t="str">
            <v>大阪府大阪市</v>
          </cell>
          <cell r="K162" t="str">
            <v>078-441-7853</v>
          </cell>
          <cell r="L162" t="str">
            <v>t-okumura@asamidenki.co.jp</v>
          </cell>
          <cell r="M162" t="str">
            <v>ｱｻﾐﾃﾞﾝｷ</v>
          </cell>
          <cell r="N162" t="str">
            <v>有</v>
          </cell>
          <cell r="O162">
            <v>68</v>
          </cell>
          <cell r="P162">
            <v>360</v>
          </cell>
          <cell r="Q162">
            <v>8120001059958</v>
          </cell>
          <cell r="R162">
            <v>300000</v>
          </cell>
          <cell r="S162">
            <v>6597197</v>
          </cell>
          <cell r="T162">
            <v>22468499</v>
          </cell>
          <cell r="V162" t="str">
            <v>ec196288</v>
          </cell>
          <cell r="W162" t="str">
            <v>xn833008</v>
          </cell>
          <cell r="X162" t="str">
            <v>消電管通</v>
          </cell>
          <cell r="Y162" t="str">
            <v>消</v>
          </cell>
          <cell r="Z162" t="str">
            <v>電管通</v>
          </cell>
          <cell r="AA162" t="str">
            <v>電気</v>
          </cell>
          <cell r="AB162" t="str">
            <v/>
          </cell>
          <cell r="AC162" t="str">
            <v/>
          </cell>
          <cell r="AD162" t="str">
            <v/>
          </cell>
          <cell r="AE162">
            <v>43373</v>
          </cell>
          <cell r="AF162" t="str">
            <v>希望しない</v>
          </cell>
          <cell r="AG162" t="str">
            <v>電気</v>
          </cell>
          <cell r="AH162" t="str">
            <v>特定</v>
          </cell>
          <cell r="AI162">
            <v>1704</v>
          </cell>
          <cell r="AJ162">
            <v>21831736</v>
          </cell>
          <cell r="AK162" t="str">
            <v>142(133)/27/1</v>
          </cell>
          <cell r="AL162" t="str">
            <v/>
          </cell>
          <cell r="AM162" t="str">
            <v/>
          </cell>
          <cell r="AN162" t="str">
            <v/>
          </cell>
          <cell r="AO162" t="str">
            <v/>
          </cell>
          <cell r="AP162" t="str">
            <v/>
          </cell>
          <cell r="AQ162" t="str">
            <v/>
          </cell>
          <cell r="AR162" t="str">
            <v/>
          </cell>
          <cell r="AS162" t="str">
            <v/>
          </cell>
          <cell r="AT162" t="str">
            <v/>
          </cell>
          <cell r="AU162" t="str">
            <v/>
          </cell>
          <cell r="AV162" t="str">
            <v/>
          </cell>
          <cell r="AW162" t="str">
            <v/>
          </cell>
          <cell r="AX162" t="str">
            <v/>
          </cell>
          <cell r="AY162" t="str">
            <v/>
          </cell>
          <cell r="AZ162" t="str">
            <v/>
          </cell>
          <cell r="BA162" t="str">
            <v>大阪府</v>
          </cell>
        </row>
        <row r="163">
          <cell r="B163">
            <v>2037</v>
          </cell>
          <cell r="C163" t="str">
            <v>芦森エンジニアリング(株)</v>
          </cell>
          <cell r="D163" t="str">
            <v>06-6459-6063</v>
          </cell>
          <cell r="E163" t="str">
            <v>550-0001</v>
          </cell>
          <cell r="F163" t="str">
            <v>大阪府大阪市西区土佐堀1-4-8</v>
          </cell>
          <cell r="G163" t="str">
            <v>大阪市</v>
          </cell>
          <cell r="H163" t="str">
            <v>本社</v>
          </cell>
          <cell r="I163" t="str">
            <v>取締役西日本営業部長 吉田　仁</v>
          </cell>
          <cell r="J163" t="str">
            <v>大阪府大阪市</v>
          </cell>
          <cell r="K163" t="str">
            <v>06-6459-6111</v>
          </cell>
          <cell r="L163" t="str">
            <v>keiichi_nakamura@ashimori.co.jp</v>
          </cell>
          <cell r="M163" t="str">
            <v>ｱｼﾓﾘｴﾝｼﾞﾆｱﾘﾝｸﾞ</v>
          </cell>
          <cell r="N163" t="str">
            <v>有</v>
          </cell>
          <cell r="O163">
            <v>37</v>
          </cell>
          <cell r="P163">
            <v>96</v>
          </cell>
          <cell r="Q163">
            <v>7010001036647</v>
          </cell>
          <cell r="R163">
            <v>50000</v>
          </cell>
          <cell r="S163">
            <v>1079528</v>
          </cell>
          <cell r="T163">
            <v>7715284</v>
          </cell>
          <cell r="V163" t="str">
            <v>sh691797</v>
          </cell>
          <cell r="W163" t="str">
            <v>uv509497</v>
          </cell>
          <cell r="X163" t="str">
            <v>(清)(と)(管)(鋼)(舗)(浚)(水)土と管鋼舗浚水</v>
          </cell>
          <cell r="Y163" t="str">
            <v>(清)(と)(管)(鋼)(舗)(浚)(水)</v>
          </cell>
          <cell r="Z163" t="str">
            <v>土と管鋼舗浚水</v>
          </cell>
          <cell r="AA163" t="str">
            <v>土木一式</v>
          </cell>
          <cell r="AB163" t="str">
            <v>管</v>
          </cell>
          <cell r="AC163" t="str">
            <v>水道施設</v>
          </cell>
          <cell r="AD163" t="str">
            <v/>
          </cell>
          <cell r="AE163">
            <v>43190</v>
          </cell>
          <cell r="AF163" t="str">
            <v>希望する</v>
          </cell>
          <cell r="AG163" t="str">
            <v>土木一式</v>
          </cell>
          <cell r="AH163" t="str">
            <v>特定</v>
          </cell>
          <cell r="AI163">
            <v>1167</v>
          </cell>
          <cell r="AJ163">
            <v>5503293</v>
          </cell>
          <cell r="AK163" t="str">
            <v>45(45)/10/6</v>
          </cell>
          <cell r="AL163" t="str">
            <v>管</v>
          </cell>
          <cell r="AM163" t="str">
            <v>特定</v>
          </cell>
          <cell r="AN163">
            <v>946</v>
          </cell>
          <cell r="AO163">
            <v>265859</v>
          </cell>
          <cell r="AP163" t="str">
            <v>11(11)/3/13</v>
          </cell>
          <cell r="AQ163" t="str">
            <v>水道施設</v>
          </cell>
          <cell r="AR163" t="str">
            <v>特定</v>
          </cell>
          <cell r="AS163">
            <v>978</v>
          </cell>
          <cell r="AT163">
            <v>419513</v>
          </cell>
          <cell r="AU163" t="str">
            <v>26(26)/3/0</v>
          </cell>
          <cell r="AV163" t="str">
            <v/>
          </cell>
          <cell r="AW163" t="str">
            <v/>
          </cell>
          <cell r="AX163" t="str">
            <v/>
          </cell>
          <cell r="AY163" t="str">
            <v/>
          </cell>
          <cell r="AZ163" t="str">
            <v/>
          </cell>
          <cell r="BA163" t="str">
            <v>大阪府</v>
          </cell>
          <cell r="BB163">
            <v>0</v>
          </cell>
          <cell r="CR163">
            <v>3613</v>
          </cell>
          <cell r="CS163" t="str">
            <v>ｳﾗﾍﾞ ﾁｶｺ</v>
          </cell>
          <cell r="CT163" t="str">
            <v>浦部  千香子</v>
          </cell>
          <cell r="CU163" t="str">
            <v>社会教育課</v>
          </cell>
          <cell r="CW163">
            <v>3709</v>
          </cell>
          <cell r="CX163" t="str">
            <v>副主査</v>
          </cell>
          <cell r="CY163" t="str">
            <v>社会教育課長</v>
          </cell>
        </row>
        <row r="164">
          <cell r="B164">
            <v>2038</v>
          </cell>
          <cell r="C164" t="str">
            <v>(株)アスノ</v>
          </cell>
          <cell r="D164" t="str">
            <v>079-233-0456</v>
          </cell>
          <cell r="E164" t="str">
            <v>672-8043</v>
          </cell>
          <cell r="F164" t="str">
            <v>兵庫県姫路市飾磨区上野田2-10</v>
          </cell>
          <cell r="G164" t="str">
            <v>姫路市</v>
          </cell>
          <cell r="H164" t="str">
            <v/>
          </cell>
          <cell r="I164" t="str">
            <v>代表取締役 大塚　善基</v>
          </cell>
          <cell r="J164" t="str">
            <v>本店</v>
          </cell>
          <cell r="K164" t="str">
            <v>079-233-2028</v>
          </cell>
          <cell r="L164" t="str">
            <v>usui@asuno-co.com</v>
          </cell>
          <cell r="M164" t="str">
            <v>ｱｽﾉ</v>
          </cell>
          <cell r="N164" t="str">
            <v>無</v>
          </cell>
          <cell r="O164">
            <v>42</v>
          </cell>
          <cell r="P164">
            <v>67</v>
          </cell>
          <cell r="Q164">
            <v>8140001057571</v>
          </cell>
          <cell r="R164">
            <v>60000</v>
          </cell>
          <cell r="S164">
            <v>731885</v>
          </cell>
          <cell r="T164">
            <v>6751149</v>
          </cell>
          <cell r="V164" t="str">
            <v>sv588283</v>
          </cell>
          <cell r="W164" t="str">
            <v>aa327925</v>
          </cell>
          <cell r="X164" t="str">
            <v>建大左屋タ板ガ防内機熱具土と石鋼舗塗園水</v>
          </cell>
          <cell r="Y164" t="str">
            <v>建大左屋タ板ガ防内機熱具</v>
          </cell>
          <cell r="Z164" t="str">
            <v>土と石鋼舗塗園水</v>
          </cell>
          <cell r="AA164" t="str">
            <v>とび土工</v>
          </cell>
          <cell r="AB164" t="str">
            <v>土木一式</v>
          </cell>
          <cell r="AC164" t="str">
            <v>鋼構造物</v>
          </cell>
          <cell r="AD164" t="str">
            <v>建築一式</v>
          </cell>
          <cell r="AE164">
            <v>43089</v>
          </cell>
          <cell r="AF164" t="str">
            <v/>
          </cell>
          <cell r="AG164" t="str">
            <v>とび土工</v>
          </cell>
          <cell r="AH164" t="str">
            <v>特定</v>
          </cell>
          <cell r="AI164">
            <v>957</v>
          </cell>
          <cell r="AJ164">
            <v>1764953</v>
          </cell>
          <cell r="AK164" t="str">
            <v>8(6)/0/13</v>
          </cell>
          <cell r="AL164" t="str">
            <v>土木一式</v>
          </cell>
          <cell r="AM164" t="str">
            <v>特定</v>
          </cell>
          <cell r="AN164">
            <v>791</v>
          </cell>
          <cell r="AO164">
            <v>20080</v>
          </cell>
          <cell r="AP164" t="str">
            <v>7(5)/0/8</v>
          </cell>
          <cell r="AQ164" t="str">
            <v>鋼構造物</v>
          </cell>
          <cell r="AR164" t="str">
            <v>特定</v>
          </cell>
          <cell r="AS164">
            <v>726</v>
          </cell>
          <cell r="AT164">
            <v>49704</v>
          </cell>
          <cell r="AU164" t="str">
            <v>0(0)/0/1</v>
          </cell>
          <cell r="AV164" t="str">
            <v>建築一式</v>
          </cell>
          <cell r="AW164" t="str">
            <v>一般</v>
          </cell>
          <cell r="AX164">
            <v>827</v>
          </cell>
          <cell r="AY164">
            <v>660060</v>
          </cell>
          <cell r="AZ164" t="str">
            <v>0(0)/0/4</v>
          </cell>
          <cell r="BA164" t="str">
            <v>兵庫県</v>
          </cell>
          <cell r="BB164">
            <v>0</v>
          </cell>
          <cell r="CR164">
            <v>3615</v>
          </cell>
          <cell r="CS164" t="str">
            <v>ｺﾀﾞﾏ ｸﾐｺ</v>
          </cell>
          <cell r="CT164" t="str">
            <v>児玉  久美子</v>
          </cell>
          <cell r="CU164" t="str">
            <v>消防総務課</v>
          </cell>
          <cell r="CW164">
            <v>6680209</v>
          </cell>
          <cell r="CX164" t="str">
            <v>副主査</v>
          </cell>
          <cell r="CY164" t="str">
            <v>消防総務課長</v>
          </cell>
        </row>
        <row r="165">
          <cell r="B165">
            <v>2042</v>
          </cell>
          <cell r="C165" t="str">
            <v>(株)安部日鋼工業</v>
          </cell>
          <cell r="D165" t="str">
            <v>06-4868-4731</v>
          </cell>
          <cell r="E165" t="str">
            <v>660-0803</v>
          </cell>
          <cell r="F165" t="str">
            <v>兵庫県尼崎市長洲本通2-2-1</v>
          </cell>
          <cell r="G165" t="str">
            <v>岐阜市</v>
          </cell>
          <cell r="H165" t="str">
            <v>兵庫営業所</v>
          </cell>
          <cell r="I165" t="str">
            <v>所長 森本　幸司</v>
          </cell>
          <cell r="J165" t="str">
            <v>岐阜県岐阜市</v>
          </cell>
          <cell r="K165" t="str">
            <v>06-4868-4730</v>
          </cell>
          <cell r="L165" t="str">
            <v>osaka_eigyou@abe-nikko.co.jp</v>
          </cell>
          <cell r="M165" t="str">
            <v>ｱﾍﾞﾆｯｺｳｺｳｷﾞｮｳ</v>
          </cell>
          <cell r="N165" t="str">
            <v>有</v>
          </cell>
          <cell r="O165">
            <v>66</v>
          </cell>
          <cell r="P165">
            <v>529</v>
          </cell>
          <cell r="Q165">
            <v>3200001000249</v>
          </cell>
          <cell r="R165">
            <v>300000</v>
          </cell>
          <cell r="S165">
            <v>4854489</v>
          </cell>
          <cell r="T165">
            <v>28295999</v>
          </cell>
          <cell r="V165" t="str">
            <v>bq911969</v>
          </cell>
          <cell r="W165" t="str">
            <v>gn730712</v>
          </cell>
          <cell r="X165" t="str">
            <v>(清)(と)(鋼)(舗)(浚)(塗)(水)土建と電管鋼舗浚塗防水解</v>
          </cell>
          <cell r="Y165" t="str">
            <v>(清)(と)(鋼)(舗)(浚)(塗)(水)</v>
          </cell>
          <cell r="Z165" t="str">
            <v>土建と電管鋼舗浚塗防水解</v>
          </cell>
          <cell r="AA165" t="str">
            <v>土木一式</v>
          </cell>
          <cell r="AB165" t="str">
            <v>水道施設</v>
          </cell>
          <cell r="AC165" t="str">
            <v>鋼構造物</v>
          </cell>
          <cell r="AD165" t="str">
            <v>とび土工</v>
          </cell>
          <cell r="AE165">
            <v>43281</v>
          </cell>
          <cell r="AF165" t="str">
            <v/>
          </cell>
          <cell r="AG165" t="str">
            <v>土木一式</v>
          </cell>
          <cell r="AH165" t="str">
            <v>特定</v>
          </cell>
          <cell r="AI165">
            <v>1411</v>
          </cell>
          <cell r="AJ165">
            <v>12207523</v>
          </cell>
          <cell r="AK165" t="str">
            <v>209(197)/16/3</v>
          </cell>
          <cell r="AL165" t="str">
            <v>水道施設</v>
          </cell>
          <cell r="AM165" t="str">
            <v>特定</v>
          </cell>
          <cell r="AN165">
            <v>1345</v>
          </cell>
          <cell r="AO165">
            <v>6351497</v>
          </cell>
          <cell r="AP165" t="str">
            <v>176(166)/13/0</v>
          </cell>
          <cell r="AQ165" t="str">
            <v>鋼構造物</v>
          </cell>
          <cell r="AR165" t="str">
            <v>特定</v>
          </cell>
          <cell r="AS165">
            <v>1028</v>
          </cell>
          <cell r="AT165">
            <v>39967</v>
          </cell>
          <cell r="AU165" t="str">
            <v>32(25)/3/0</v>
          </cell>
          <cell r="AV165" t="str">
            <v>とび土工</v>
          </cell>
          <cell r="AW165" t="str">
            <v>特定</v>
          </cell>
          <cell r="AX165">
            <v>1242</v>
          </cell>
          <cell r="AY165">
            <v>3843110</v>
          </cell>
          <cell r="AZ165" t="str">
            <v>116(107)/5/0</v>
          </cell>
          <cell r="BA165" t="str">
            <v>岐阜県</v>
          </cell>
          <cell r="BB165">
            <v>0</v>
          </cell>
          <cell r="CR165">
            <v>3616</v>
          </cell>
          <cell r="CS165" t="str">
            <v>ﾐﾔﾓﾄ ﾋﾃﾞﾕｷ</v>
          </cell>
          <cell r="CT165" t="str">
            <v>宮本  秀幸</v>
          </cell>
          <cell r="CU165" t="str">
            <v xml:space="preserve"> </v>
          </cell>
          <cell r="CW165" t="str">
            <v xml:space="preserve"> </v>
          </cell>
          <cell r="CX165" t="str">
            <v>参事</v>
          </cell>
          <cell r="CY165" t="str">
            <v>　</v>
          </cell>
        </row>
        <row r="166">
          <cell r="B166">
            <v>2043</v>
          </cell>
          <cell r="C166" t="str">
            <v>(株)尼崎浄水工業所</v>
          </cell>
          <cell r="D166" t="str">
            <v>06-6438-3343</v>
          </cell>
          <cell r="E166" t="str">
            <v>661-0026</v>
          </cell>
          <cell r="F166" t="str">
            <v>兵庫県尼崎市水堂町2-30-2</v>
          </cell>
          <cell r="G166" t="str">
            <v>尼崎市</v>
          </cell>
          <cell r="H166" t="str">
            <v/>
          </cell>
          <cell r="I166" t="str">
            <v>代表取締役 梅本　年幸</v>
          </cell>
          <cell r="J166" t="str">
            <v>本店</v>
          </cell>
          <cell r="K166" t="str">
            <v>06-6438-0358</v>
          </cell>
          <cell r="L166" t="str">
            <v>amajou@bca.bai.ne.jp</v>
          </cell>
          <cell r="M166" t="str">
            <v>ｱﾏｶﾞｻｷｼﾞｮｳｽｲｺｳｷﾞｮｳｼｮ</v>
          </cell>
          <cell r="N166" t="str">
            <v>無</v>
          </cell>
          <cell r="O166">
            <v>42</v>
          </cell>
          <cell r="P166">
            <v>12</v>
          </cell>
          <cell r="Q166">
            <v>4140001047312</v>
          </cell>
          <cell r="R166">
            <v>10000</v>
          </cell>
          <cell r="S166">
            <v>122323</v>
          </cell>
          <cell r="T166">
            <v>113874</v>
          </cell>
          <cell r="V166" t="str">
            <v>kz107273</v>
          </cell>
          <cell r="W166" t="str">
            <v>tt891955</v>
          </cell>
          <cell r="X166" t="str">
            <v>土管浚</v>
          </cell>
          <cell r="Y166" t="str">
            <v>土管浚</v>
          </cell>
          <cell r="Z166" t="str">
            <v/>
          </cell>
          <cell r="AA166" t="str">
            <v>土木一式</v>
          </cell>
          <cell r="AB166" t="str">
            <v>管</v>
          </cell>
          <cell r="AC166" t="str">
            <v>浚渫</v>
          </cell>
          <cell r="AD166" t="str">
            <v/>
          </cell>
          <cell r="AE166">
            <v>43312</v>
          </cell>
          <cell r="AF166" t="str">
            <v>希望する</v>
          </cell>
          <cell r="AG166" t="str">
            <v>土木一式</v>
          </cell>
          <cell r="AH166" t="str">
            <v>一般</v>
          </cell>
          <cell r="AI166">
            <v>750</v>
          </cell>
          <cell r="AJ166">
            <v>81400</v>
          </cell>
          <cell r="AK166" t="str">
            <v>0(0)/1/1</v>
          </cell>
          <cell r="AL166" t="str">
            <v>管</v>
          </cell>
          <cell r="AM166" t="str">
            <v>一般</v>
          </cell>
          <cell r="AN166">
            <v>654</v>
          </cell>
          <cell r="AO166" t="str">
            <v/>
          </cell>
          <cell r="AP166" t="str">
            <v>0(0)/1/2</v>
          </cell>
          <cell r="AQ166" t="str">
            <v>浚渫</v>
          </cell>
          <cell r="AR166" t="str">
            <v>一般</v>
          </cell>
          <cell r="AS166">
            <v>726</v>
          </cell>
          <cell r="AT166">
            <v>34266</v>
          </cell>
          <cell r="AU166" t="str">
            <v>0(0)/1/1</v>
          </cell>
          <cell r="AV166" t="str">
            <v/>
          </cell>
          <cell r="AW166" t="str">
            <v/>
          </cell>
          <cell r="AX166" t="str">
            <v/>
          </cell>
          <cell r="AY166" t="str">
            <v/>
          </cell>
          <cell r="AZ166" t="str">
            <v/>
          </cell>
          <cell r="BA166" t="str">
            <v>兵庫県</v>
          </cell>
          <cell r="BB166">
            <v>0</v>
          </cell>
          <cell r="CR166">
            <v>3620</v>
          </cell>
          <cell r="CS166" t="str">
            <v>ﾅｶﾞﾉ ﾐﾄﾞﾘ</v>
          </cell>
          <cell r="CT166" t="str">
            <v>永野  みどり</v>
          </cell>
          <cell r="CU166" t="str">
            <v>介護保険課</v>
          </cell>
          <cell r="CW166">
            <v>2703</v>
          </cell>
          <cell r="CX166" t="str">
            <v>副主査</v>
          </cell>
          <cell r="CY166" t="str">
            <v>介護保険課長</v>
          </cell>
        </row>
        <row r="167">
          <cell r="B167">
            <v>2044</v>
          </cell>
          <cell r="C167" t="str">
            <v>尼崎電機(株)</v>
          </cell>
          <cell r="D167" t="str">
            <v>06-6409-1141</v>
          </cell>
          <cell r="E167" t="str">
            <v>660-0843</v>
          </cell>
          <cell r="F167" t="str">
            <v>兵庫県尼崎市東海岸町1-46</v>
          </cell>
          <cell r="G167" t="str">
            <v>尼崎市</v>
          </cell>
          <cell r="H167" t="str">
            <v/>
          </cell>
          <cell r="I167" t="str">
            <v>代表取締役 宮井　正昭</v>
          </cell>
          <cell r="J167" t="str">
            <v>本店</v>
          </cell>
          <cell r="K167" t="str">
            <v>06-6409-1146</v>
          </cell>
          <cell r="L167" t="str">
            <v>eigyou@amaden.co.jp</v>
          </cell>
          <cell r="M167" t="str">
            <v>ｱﾏｶﾞｻｷﾃﾞﾝｷ</v>
          </cell>
          <cell r="N167" t="str">
            <v>無</v>
          </cell>
          <cell r="O167">
            <v>50</v>
          </cell>
          <cell r="P167">
            <v>181</v>
          </cell>
          <cell r="Q167">
            <v>7140001047318</v>
          </cell>
          <cell r="R167">
            <v>87000</v>
          </cell>
          <cell r="S167">
            <v>1783468</v>
          </cell>
          <cell r="T167">
            <v>5351829</v>
          </cell>
          <cell r="V167" t="str">
            <v>sv922993</v>
          </cell>
          <cell r="W167" t="str">
            <v>sc427916</v>
          </cell>
          <cell r="X167" t="str">
            <v>と管機通消電</v>
          </cell>
          <cell r="Y167" t="str">
            <v>と管機通消</v>
          </cell>
          <cell r="Z167" t="str">
            <v>電</v>
          </cell>
          <cell r="AA167" t="str">
            <v>電気</v>
          </cell>
          <cell r="AB167" t="str">
            <v>電気通信</v>
          </cell>
          <cell r="AC167" t="str">
            <v/>
          </cell>
          <cell r="AD167" t="str">
            <v/>
          </cell>
          <cell r="AE167">
            <v>42947</v>
          </cell>
          <cell r="AF167" t="str">
            <v>希望しない</v>
          </cell>
          <cell r="AG167" t="str">
            <v>電気</v>
          </cell>
          <cell r="AH167" t="str">
            <v>特定</v>
          </cell>
          <cell r="AI167">
            <v>1167</v>
          </cell>
          <cell r="AJ167">
            <v>5227634</v>
          </cell>
          <cell r="AK167" t="str">
            <v>22(12)/25/49</v>
          </cell>
          <cell r="AL167" t="str">
            <v>電気通信</v>
          </cell>
          <cell r="AM167" t="str">
            <v>一般</v>
          </cell>
          <cell r="AN167">
            <v>853</v>
          </cell>
          <cell r="AO167">
            <v>21315</v>
          </cell>
          <cell r="AP167" t="str">
            <v>0(0)/0/43</v>
          </cell>
          <cell r="AQ167" t="str">
            <v/>
          </cell>
          <cell r="AR167" t="str">
            <v/>
          </cell>
          <cell r="AS167" t="str">
            <v/>
          </cell>
          <cell r="AT167" t="str">
            <v/>
          </cell>
          <cell r="AU167" t="str">
            <v/>
          </cell>
          <cell r="AV167" t="str">
            <v/>
          </cell>
          <cell r="AW167" t="str">
            <v/>
          </cell>
          <cell r="AX167" t="str">
            <v/>
          </cell>
          <cell r="AY167" t="str">
            <v/>
          </cell>
          <cell r="AZ167" t="str">
            <v/>
          </cell>
          <cell r="BA167" t="str">
            <v>兵庫県</v>
          </cell>
          <cell r="BB167">
            <v>0</v>
          </cell>
          <cell r="CR167">
            <v>3622</v>
          </cell>
          <cell r="CS167" t="str">
            <v>ﾋﾗｷ ﾖｳｺ</v>
          </cell>
          <cell r="CT167" t="str">
            <v>平木  洋子</v>
          </cell>
          <cell r="CU167" t="str">
            <v xml:space="preserve"> </v>
          </cell>
          <cell r="CW167">
            <v>2403</v>
          </cell>
          <cell r="CX167" t="str">
            <v>室長</v>
          </cell>
          <cell r="CY167" t="str">
            <v>　</v>
          </cell>
        </row>
        <row r="168">
          <cell r="B168">
            <v>2045</v>
          </cell>
          <cell r="C168" t="str">
            <v>尼崎都市美化推進</v>
          </cell>
          <cell r="D168" t="str">
            <v>06-6488-1341</v>
          </cell>
          <cell r="E168" t="str">
            <v>660-0807</v>
          </cell>
          <cell r="F168" t="str">
            <v>兵庫県尼崎市長洲西通2-8-30</v>
          </cell>
          <cell r="G168" t="str">
            <v>尼崎市</v>
          </cell>
          <cell r="H168" t="str">
            <v/>
          </cell>
          <cell r="I168" t="str">
            <v>代表理事 三嶋　俊一</v>
          </cell>
          <cell r="J168" t="str">
            <v>本店</v>
          </cell>
          <cell r="K168" t="str">
            <v>06-6481-2543</v>
          </cell>
          <cell r="L168" t="str">
            <v>toshibika@atobisu.com</v>
          </cell>
          <cell r="M168" t="str">
            <v>ｱﾏｶﾞｻｷﾄｼﾋﾞｶｽｲｼﾝ</v>
          </cell>
          <cell r="N168" t="str">
            <v>無</v>
          </cell>
          <cell r="O168">
            <v>20</v>
          </cell>
          <cell r="P168">
            <v>22</v>
          </cell>
          <cell r="Q168">
            <v>5140005011528</v>
          </cell>
          <cell r="R168">
            <v>15520</v>
          </cell>
          <cell r="S168">
            <v>5545</v>
          </cell>
          <cell r="T168">
            <v>99299</v>
          </cell>
          <cell r="V168" t="str">
            <v>xj646772</v>
          </cell>
          <cell r="W168" t="str">
            <v>yn486022</v>
          </cell>
          <cell r="X168" t="str">
            <v>園</v>
          </cell>
          <cell r="Y168" t="str">
            <v>園</v>
          </cell>
          <cell r="Z168" t="str">
            <v/>
          </cell>
          <cell r="AA168" t="str">
            <v>造園</v>
          </cell>
          <cell r="AB168" t="str">
            <v/>
          </cell>
          <cell r="AC168" t="str">
            <v/>
          </cell>
          <cell r="AD168" t="str">
            <v/>
          </cell>
          <cell r="AE168">
            <v>43190</v>
          </cell>
          <cell r="AF168" t="str">
            <v>希望しない</v>
          </cell>
          <cell r="AG168" t="str">
            <v>造園</v>
          </cell>
          <cell r="AH168" t="str">
            <v>一般</v>
          </cell>
          <cell r="AI168">
            <v>508</v>
          </cell>
          <cell r="AJ168">
            <v>99269</v>
          </cell>
          <cell r="AK168" t="str">
            <v>()/1/2</v>
          </cell>
          <cell r="AL168" t="str">
            <v/>
          </cell>
          <cell r="AM168" t="str">
            <v/>
          </cell>
          <cell r="AN168" t="str">
            <v/>
          </cell>
          <cell r="AO168" t="str">
            <v/>
          </cell>
          <cell r="AP168" t="str">
            <v/>
          </cell>
          <cell r="AQ168" t="str">
            <v/>
          </cell>
          <cell r="AR168" t="str">
            <v/>
          </cell>
          <cell r="AS168" t="str">
            <v/>
          </cell>
          <cell r="AT168" t="str">
            <v/>
          </cell>
          <cell r="AU168" t="str">
            <v/>
          </cell>
          <cell r="AV168" t="str">
            <v/>
          </cell>
          <cell r="AW168" t="str">
            <v/>
          </cell>
          <cell r="AX168" t="str">
            <v/>
          </cell>
          <cell r="AY168" t="str">
            <v/>
          </cell>
          <cell r="AZ168" t="str">
            <v/>
          </cell>
          <cell r="BA168" t="str">
            <v>兵庫県</v>
          </cell>
          <cell r="BB168">
            <v>0</v>
          </cell>
          <cell r="CR168">
            <v>3623</v>
          </cell>
          <cell r="CS168" t="str">
            <v>ﾖｼﾓﾄ ﾔｽｺ</v>
          </cell>
          <cell r="CT168" t="str">
            <v>吉本  泰子</v>
          </cell>
          <cell r="CU168" t="str">
            <v>市民課</v>
          </cell>
          <cell r="CW168">
            <v>2607</v>
          </cell>
          <cell r="CX168" t="str">
            <v>副主査</v>
          </cell>
          <cell r="CY168" t="str">
            <v>市民課長</v>
          </cell>
        </row>
        <row r="169">
          <cell r="B169">
            <v>2046</v>
          </cell>
          <cell r="C169" t="str">
            <v>アマノ(株)</v>
          </cell>
          <cell r="D169" t="str">
            <v>045-401-1441</v>
          </cell>
          <cell r="E169" t="str">
            <v>222-8558</v>
          </cell>
          <cell r="F169" t="str">
            <v>神奈川県横浜市港北区大豆戸町275</v>
          </cell>
          <cell r="G169" t="str">
            <v>横浜市</v>
          </cell>
          <cell r="H169" t="str">
            <v/>
          </cell>
          <cell r="I169" t="str">
            <v>代表取締役 津田　博之</v>
          </cell>
          <cell r="J169" t="str">
            <v>本店</v>
          </cell>
          <cell r="K169" t="str">
            <v>045-439-1120</v>
          </cell>
          <cell r="L169" t="str">
            <v>amano_kinki@amano.co.jp</v>
          </cell>
          <cell r="M169" t="str">
            <v>ｱﾏﾉ</v>
          </cell>
          <cell r="N169" t="str">
            <v>無</v>
          </cell>
          <cell r="O169">
            <v>40</v>
          </cell>
          <cell r="P169">
            <v>2108</v>
          </cell>
          <cell r="Q169">
            <v>3020001019365</v>
          </cell>
          <cell r="R169">
            <v>18239589</v>
          </cell>
          <cell r="S169">
            <v>99973165</v>
          </cell>
          <cell r="T169">
            <v>124405000</v>
          </cell>
          <cell r="V169" t="str">
            <v>ry484880</v>
          </cell>
          <cell r="W169" t="str">
            <v>ga269858</v>
          </cell>
          <cell r="X169" t="str">
            <v>電管機通</v>
          </cell>
          <cell r="Y169" t="str">
            <v>電管機通</v>
          </cell>
          <cell r="Z169" t="str">
            <v/>
          </cell>
          <cell r="AA169" t="str">
            <v>電気</v>
          </cell>
          <cell r="AB169" t="str">
            <v>機械器具</v>
          </cell>
          <cell r="AC169" t="str">
            <v>電気通信</v>
          </cell>
          <cell r="AD169" t="str">
            <v>管</v>
          </cell>
          <cell r="AE169">
            <v>43190</v>
          </cell>
          <cell r="AF169" t="str">
            <v>希望しない</v>
          </cell>
          <cell r="AG169" t="str">
            <v>電気</v>
          </cell>
          <cell r="AH169" t="str">
            <v>特定</v>
          </cell>
          <cell r="AI169">
            <v>1464</v>
          </cell>
          <cell r="AJ169">
            <v>7800413</v>
          </cell>
          <cell r="AK169" t="str">
            <v>63(61)/5/0</v>
          </cell>
          <cell r="AL169" t="str">
            <v>機械器具</v>
          </cell>
          <cell r="AM169" t="str">
            <v>特定</v>
          </cell>
          <cell r="AN169">
            <v>1291</v>
          </cell>
          <cell r="AO169">
            <v>4494011</v>
          </cell>
          <cell r="AP169" t="str">
            <v>0(0)/0/21</v>
          </cell>
          <cell r="AQ169" t="str">
            <v>電気通信</v>
          </cell>
          <cell r="AR169" t="str">
            <v>特定</v>
          </cell>
          <cell r="AS169">
            <v>1209</v>
          </cell>
          <cell r="AT169">
            <v>1451849</v>
          </cell>
          <cell r="AU169" t="str">
            <v>1(1)/0/9</v>
          </cell>
          <cell r="AV169" t="str">
            <v>管</v>
          </cell>
          <cell r="AW169" t="str">
            <v>特定</v>
          </cell>
          <cell r="AX169">
            <v>1257</v>
          </cell>
          <cell r="AY169">
            <v>467707</v>
          </cell>
          <cell r="AZ169" t="str">
            <v>23(23)/0/0</v>
          </cell>
          <cell r="BA169" t="str">
            <v>神奈川県</v>
          </cell>
          <cell r="BB169">
            <v>0</v>
          </cell>
          <cell r="CR169">
            <v>3624</v>
          </cell>
          <cell r="CS169" t="str">
            <v>ｲﾄｳ ｼﾞﾕﾝｺ</v>
          </cell>
          <cell r="CT169" t="str">
            <v>伊藤  順子</v>
          </cell>
          <cell r="CU169" t="str">
            <v xml:space="preserve">道路保全課 </v>
          </cell>
          <cell r="CW169">
            <v>3055</v>
          </cell>
          <cell r="CX169" t="str">
            <v>副主査</v>
          </cell>
          <cell r="CY169" t="str">
            <v>道路保全課 長</v>
          </cell>
        </row>
        <row r="170">
          <cell r="B170">
            <v>2047</v>
          </cell>
          <cell r="C170" t="str">
            <v>(株)新井組</v>
          </cell>
          <cell r="D170" t="str">
            <v>0798-26-3111</v>
          </cell>
          <cell r="E170" t="str">
            <v>662-8502</v>
          </cell>
          <cell r="F170" t="str">
            <v>兵庫県西宮市池田町12‐20</v>
          </cell>
          <cell r="G170" t="str">
            <v>西宮市</v>
          </cell>
          <cell r="H170" t="str">
            <v/>
          </cell>
          <cell r="I170" t="str">
            <v>代表取締役 倉元　正史</v>
          </cell>
          <cell r="J170" t="str">
            <v>本店</v>
          </cell>
          <cell r="K170" t="str">
            <v>0798-33-6111</v>
          </cell>
          <cell r="L170" t="str">
            <v>arai-kancho2@araigumi.co.jp</v>
          </cell>
          <cell r="M170" t="str">
            <v>ｱﾗｲｸﾞﾐ</v>
          </cell>
          <cell r="N170" t="str">
            <v>無</v>
          </cell>
          <cell r="O170">
            <v>68</v>
          </cell>
          <cell r="P170">
            <v>296</v>
          </cell>
          <cell r="Q170">
            <v>9140001067900</v>
          </cell>
          <cell r="R170">
            <v>320000</v>
          </cell>
          <cell r="S170">
            <v>5093138</v>
          </cell>
          <cell r="T170">
            <v>23831880</v>
          </cell>
          <cell r="V170" t="str">
            <v>eh883269</v>
          </cell>
          <cell r="W170" t="str">
            <v>br263925</v>
          </cell>
          <cell r="X170" t="str">
            <v>土建と電管鋼舗浚防内園水</v>
          </cell>
          <cell r="Y170" t="str">
            <v/>
          </cell>
          <cell r="Z170" t="str">
            <v>土建と電管鋼舗浚防内園水</v>
          </cell>
          <cell r="AA170" t="str">
            <v>土木一式</v>
          </cell>
          <cell r="AB170" t="str">
            <v>建築一式</v>
          </cell>
          <cell r="AC170" t="str">
            <v>水道施設</v>
          </cell>
          <cell r="AD170" t="str">
            <v>防水</v>
          </cell>
          <cell r="AE170">
            <v>43100</v>
          </cell>
          <cell r="AF170" t="str">
            <v>希望する</v>
          </cell>
          <cell r="AG170" t="str">
            <v>土木一式</v>
          </cell>
          <cell r="AH170" t="str">
            <v>特定</v>
          </cell>
          <cell r="AI170">
            <v>1366</v>
          </cell>
          <cell r="AJ170">
            <v>10930549</v>
          </cell>
          <cell r="AK170" t="str">
            <v>132(114)/2/3</v>
          </cell>
          <cell r="AL170" t="str">
            <v>建築一式</v>
          </cell>
          <cell r="AM170" t="str">
            <v>特定</v>
          </cell>
          <cell r="AN170">
            <v>1359</v>
          </cell>
          <cell r="AO170">
            <v>10661653</v>
          </cell>
          <cell r="AP170" t="str">
            <v>120(98)/3/11</v>
          </cell>
          <cell r="AQ170" t="str">
            <v>水道施設</v>
          </cell>
          <cell r="AR170" t="str">
            <v>特定</v>
          </cell>
          <cell r="AS170">
            <v>1087</v>
          </cell>
          <cell r="AT170">
            <v>231318</v>
          </cell>
          <cell r="AU170" t="str">
            <v>38(35)/1/0</v>
          </cell>
          <cell r="AV170" t="str">
            <v>防水</v>
          </cell>
          <cell r="AW170" t="str">
            <v>特定</v>
          </cell>
          <cell r="AX170">
            <v>881</v>
          </cell>
          <cell r="AY170" t="str">
            <v/>
          </cell>
          <cell r="AZ170" t="str">
            <v>10(9)/0/0</v>
          </cell>
          <cell r="BA170" t="str">
            <v>兵庫県</v>
          </cell>
          <cell r="BB170">
            <v>0</v>
          </cell>
          <cell r="CR170">
            <v>3626</v>
          </cell>
          <cell r="CS170" t="str">
            <v>ｲﾜﾀ ﾏﾁｺ</v>
          </cell>
          <cell r="CT170" t="str">
            <v>岩田  眞智子</v>
          </cell>
          <cell r="CU170" t="str">
            <v>スポーツ振興課</v>
          </cell>
          <cell r="CW170">
            <v>3740</v>
          </cell>
          <cell r="CX170" t="str">
            <v>副主査</v>
          </cell>
          <cell r="CY170" t="str">
            <v>スポーツ振興課長</v>
          </cell>
        </row>
        <row r="171">
          <cell r="B171">
            <v>2048</v>
          </cell>
          <cell r="C171" t="str">
            <v>新井建設(株)</v>
          </cell>
          <cell r="D171" t="str">
            <v>078-753-5700</v>
          </cell>
          <cell r="E171" t="str">
            <v>655-0891</v>
          </cell>
          <cell r="F171" t="str">
            <v>兵庫県神戸市垂水区山手4-4-31</v>
          </cell>
          <cell r="G171" t="str">
            <v>大阪市</v>
          </cell>
          <cell r="H171" t="str">
            <v>神戸支店</v>
          </cell>
          <cell r="I171" t="str">
            <v>神戸支店長 新井　浅子</v>
          </cell>
          <cell r="J171" t="str">
            <v>大阪府大阪市</v>
          </cell>
          <cell r="K171" t="str">
            <v>078-753-5701</v>
          </cell>
          <cell r="L171" t="str">
            <v>araikensetu.co@earth.ocn.ne.jp</v>
          </cell>
          <cell r="M171" t="str">
            <v>ｱﾗｲｹﾝｾﾂ</v>
          </cell>
          <cell r="N171" t="str">
            <v>有</v>
          </cell>
          <cell r="O171">
            <v>57</v>
          </cell>
          <cell r="P171">
            <v>19</v>
          </cell>
          <cell r="Q171">
            <v>3120001049138</v>
          </cell>
          <cell r="R171">
            <v>20000</v>
          </cell>
          <cell r="S171">
            <v>74135</v>
          </cell>
          <cell r="T171">
            <v>221812</v>
          </cell>
          <cell r="V171" t="str">
            <v>ym968045</v>
          </cell>
          <cell r="W171" t="str">
            <v>jg761897</v>
          </cell>
          <cell r="X171" t="str">
            <v>管(清)(舗)(浚)土舗浚</v>
          </cell>
          <cell r="Y171" t="str">
            <v>管(清)(舗)(浚)</v>
          </cell>
          <cell r="Z171" t="str">
            <v>土舗浚</v>
          </cell>
          <cell r="AA171" t="str">
            <v>土木一式</v>
          </cell>
          <cell r="AB171" t="str">
            <v>浚渫</v>
          </cell>
          <cell r="AC171" t="str">
            <v/>
          </cell>
          <cell r="AD171" t="str">
            <v/>
          </cell>
          <cell r="AE171">
            <v>43312</v>
          </cell>
          <cell r="AF171" t="str">
            <v>希望する</v>
          </cell>
          <cell r="AG171" t="str">
            <v>土木一式</v>
          </cell>
          <cell r="AH171" t="str">
            <v>特定</v>
          </cell>
          <cell r="AI171">
            <v>814</v>
          </cell>
          <cell r="AJ171">
            <v>89693</v>
          </cell>
          <cell r="AK171" t="str">
            <v>4(3)/1/4</v>
          </cell>
          <cell r="AL171" t="str">
            <v>浚渫</v>
          </cell>
          <cell r="AM171" t="str">
            <v>特定</v>
          </cell>
          <cell r="AN171">
            <v>793</v>
          </cell>
          <cell r="AO171">
            <v>96022</v>
          </cell>
          <cell r="AP171" t="str">
            <v>2(2)/1/2</v>
          </cell>
          <cell r="AQ171" t="str">
            <v/>
          </cell>
          <cell r="AR171" t="str">
            <v/>
          </cell>
          <cell r="AS171" t="str">
            <v/>
          </cell>
          <cell r="AT171" t="str">
            <v/>
          </cell>
          <cell r="AU171" t="str">
            <v/>
          </cell>
          <cell r="AV171" t="str">
            <v/>
          </cell>
          <cell r="AW171" t="str">
            <v/>
          </cell>
          <cell r="AX171" t="str">
            <v/>
          </cell>
          <cell r="AY171" t="str">
            <v/>
          </cell>
          <cell r="AZ171" t="str">
            <v/>
          </cell>
          <cell r="BA171" t="str">
            <v>大阪府</v>
          </cell>
          <cell r="BB171">
            <v>0</v>
          </cell>
          <cell r="CR171">
            <v>3631</v>
          </cell>
          <cell r="CS171" t="str">
            <v>ｺﾏﾂ ｸﾆｺ</v>
          </cell>
          <cell r="CT171" t="str">
            <v>小松  久仁子</v>
          </cell>
          <cell r="CU171" t="str">
            <v>介護保険課</v>
          </cell>
          <cell r="CW171">
            <v>2705</v>
          </cell>
          <cell r="CX171" t="str">
            <v>副主査</v>
          </cell>
          <cell r="CY171" t="str">
            <v>介護保険課長</v>
          </cell>
        </row>
        <row r="172">
          <cell r="B172">
            <v>2049</v>
          </cell>
          <cell r="C172" t="str">
            <v>(有)アラキ工業</v>
          </cell>
          <cell r="D172" t="str">
            <v>072-882-9220</v>
          </cell>
          <cell r="E172" t="str">
            <v>571-0015</v>
          </cell>
          <cell r="F172" t="str">
            <v>大阪府門真市三ﾂ島4-4-5</v>
          </cell>
          <cell r="G172" t="str">
            <v>門真市</v>
          </cell>
          <cell r="H172" t="str">
            <v/>
          </cell>
          <cell r="I172" t="str">
            <v>代表取締役 荒木　秀俊</v>
          </cell>
          <cell r="J172" t="str">
            <v>本店</v>
          </cell>
          <cell r="K172" t="str">
            <v>072-882-9120</v>
          </cell>
          <cell r="L172" t="str">
            <v>arakikogyo@deluxe.ocn.ne.jp</v>
          </cell>
          <cell r="M172" t="str">
            <v>ｱﾗｷｺｳｷﾞｮｳ</v>
          </cell>
          <cell r="N172" t="str">
            <v>無</v>
          </cell>
          <cell r="O172">
            <v>24</v>
          </cell>
          <cell r="P172">
            <v>7</v>
          </cell>
          <cell r="Q172">
            <v>4120002079281</v>
          </cell>
          <cell r="R172">
            <v>10000</v>
          </cell>
          <cell r="S172">
            <v>89106</v>
          </cell>
          <cell r="T172">
            <v>98385</v>
          </cell>
          <cell r="V172" t="str">
            <v>fe362597</v>
          </cell>
          <cell r="W172" t="str">
            <v>nr204569</v>
          </cell>
          <cell r="X172" t="str">
            <v>管機</v>
          </cell>
          <cell r="Y172" t="str">
            <v>管機</v>
          </cell>
          <cell r="Z172" t="str">
            <v/>
          </cell>
          <cell r="AA172" t="str">
            <v>機械器具</v>
          </cell>
          <cell r="AB172" t="str">
            <v>管</v>
          </cell>
          <cell r="AC172" t="str">
            <v/>
          </cell>
          <cell r="AD172" t="str">
            <v/>
          </cell>
          <cell r="AE172">
            <v>43008</v>
          </cell>
          <cell r="AF172" t="str">
            <v/>
          </cell>
          <cell r="AG172" t="str">
            <v>機械器具</v>
          </cell>
          <cell r="AH172" t="str">
            <v>一般</v>
          </cell>
          <cell r="AI172">
            <v>703</v>
          </cell>
          <cell r="AJ172">
            <v>76100</v>
          </cell>
          <cell r="AK172" t="str">
            <v>()//6</v>
          </cell>
          <cell r="AL172" t="str">
            <v>管</v>
          </cell>
          <cell r="AM172" t="str">
            <v>一般</v>
          </cell>
          <cell r="AN172">
            <v>675</v>
          </cell>
          <cell r="AO172">
            <v>8493</v>
          </cell>
          <cell r="AP172" t="str">
            <v>()/3/1</v>
          </cell>
          <cell r="AQ172" t="str">
            <v/>
          </cell>
          <cell r="AR172" t="str">
            <v/>
          </cell>
          <cell r="AS172" t="str">
            <v/>
          </cell>
          <cell r="AT172" t="str">
            <v/>
          </cell>
          <cell r="AU172" t="str">
            <v/>
          </cell>
          <cell r="AV172" t="str">
            <v/>
          </cell>
          <cell r="AW172" t="str">
            <v/>
          </cell>
          <cell r="AX172" t="str">
            <v/>
          </cell>
          <cell r="AY172" t="str">
            <v/>
          </cell>
          <cell r="AZ172" t="str">
            <v/>
          </cell>
          <cell r="BA172" t="str">
            <v>大阪府</v>
          </cell>
          <cell r="BB172">
            <v>0</v>
          </cell>
          <cell r="CR172">
            <v>3632</v>
          </cell>
          <cell r="CS172" t="str">
            <v>ﾌｼﾞｲ ｶｽﾞｺ</v>
          </cell>
          <cell r="CT172" t="str">
            <v>藤井  和子</v>
          </cell>
          <cell r="CU172" t="str">
            <v>都市安全企画課</v>
          </cell>
          <cell r="CW172">
            <v>2160</v>
          </cell>
          <cell r="CX172" t="str">
            <v>副主査</v>
          </cell>
          <cell r="CY172" t="str">
            <v>都市安全企画課長</v>
          </cell>
        </row>
        <row r="173">
          <cell r="B173">
            <v>2054</v>
          </cell>
          <cell r="C173" t="str">
            <v>(株)アレイサービス</v>
          </cell>
          <cell r="D173" t="str">
            <v>06-6726-5801</v>
          </cell>
          <cell r="E173" t="str">
            <v>578-0943</v>
          </cell>
          <cell r="F173" t="str">
            <v>大阪府東大阪市若江南町5-2-38</v>
          </cell>
          <cell r="G173" t="str">
            <v>東大阪市</v>
          </cell>
          <cell r="H173" t="str">
            <v/>
          </cell>
          <cell r="I173" t="str">
            <v>代表取締役 米田　富美雄</v>
          </cell>
          <cell r="J173" t="str">
            <v>本店</v>
          </cell>
          <cell r="K173" t="str">
            <v>06-6726-1019</v>
          </cell>
          <cell r="L173" t="str">
            <v>67265801@arryservice.com</v>
          </cell>
          <cell r="M173" t="str">
            <v>ｱﾚｲｻｰﾋﾞｽ</v>
          </cell>
          <cell r="N173" t="str">
            <v>無</v>
          </cell>
          <cell r="O173">
            <v>23</v>
          </cell>
          <cell r="P173">
            <v>10</v>
          </cell>
          <cell r="Q173">
            <v>5122001000326</v>
          </cell>
          <cell r="R173">
            <v>20000</v>
          </cell>
          <cell r="S173">
            <v>80358</v>
          </cell>
          <cell r="T173">
            <v>193266</v>
          </cell>
          <cell r="V173" t="str">
            <v>nt138242</v>
          </cell>
          <cell r="W173" t="str">
            <v>uy443935</v>
          </cell>
          <cell r="X173" t="str">
            <v>土管浚</v>
          </cell>
          <cell r="Y173" t="str">
            <v/>
          </cell>
          <cell r="Z173" t="str">
            <v>土管浚</v>
          </cell>
          <cell r="AA173" t="str">
            <v>土木一式</v>
          </cell>
          <cell r="AB173" t="str">
            <v>浚渫</v>
          </cell>
          <cell r="AC173" t="str">
            <v>管</v>
          </cell>
          <cell r="AD173" t="str">
            <v/>
          </cell>
          <cell r="AE173">
            <v>43373</v>
          </cell>
          <cell r="AF173" t="str">
            <v>希望する</v>
          </cell>
          <cell r="AG173" t="str">
            <v>土木一式</v>
          </cell>
          <cell r="AH173" t="str">
            <v>特定</v>
          </cell>
          <cell r="AI173">
            <v>758</v>
          </cell>
          <cell r="AJ173">
            <v>87614</v>
          </cell>
          <cell r="AK173" t="str">
            <v>1(1)/3/3</v>
          </cell>
          <cell r="AL173" t="str">
            <v>浚渫</v>
          </cell>
          <cell r="AM173" t="str">
            <v>特定</v>
          </cell>
          <cell r="AN173">
            <v>745</v>
          </cell>
          <cell r="AO173">
            <v>71133</v>
          </cell>
          <cell r="AP173" t="str">
            <v>1(1)/1/0</v>
          </cell>
          <cell r="AQ173" t="str">
            <v>管</v>
          </cell>
          <cell r="AR173" t="str">
            <v>特定</v>
          </cell>
          <cell r="AS173">
            <v>712</v>
          </cell>
          <cell r="AT173">
            <v>32214</v>
          </cell>
          <cell r="AU173" t="str">
            <v>0(0)/2/1</v>
          </cell>
          <cell r="AV173" t="str">
            <v/>
          </cell>
          <cell r="AW173" t="str">
            <v/>
          </cell>
          <cell r="AX173" t="str">
            <v/>
          </cell>
          <cell r="AY173" t="str">
            <v/>
          </cell>
          <cell r="AZ173" t="str">
            <v/>
          </cell>
          <cell r="BA173" t="str">
            <v>大阪府</v>
          </cell>
          <cell r="BB173">
            <v>0</v>
          </cell>
          <cell r="CR173">
            <v>3633</v>
          </cell>
          <cell r="CS173" t="str">
            <v>ｻｶｳｴ ｹﾝｼﾞ</v>
          </cell>
          <cell r="CT173" t="str">
            <v>阪上  健治</v>
          </cell>
          <cell r="CU173" t="str">
            <v>業務課</v>
          </cell>
          <cell r="CW173" t="str">
            <v xml:space="preserve"> </v>
          </cell>
          <cell r="CX173" t="str">
            <v>副主査</v>
          </cell>
          <cell r="CY173" t="str">
            <v>業務課長</v>
          </cell>
        </row>
        <row r="174">
          <cell r="B174">
            <v>2055</v>
          </cell>
          <cell r="C174" t="str">
            <v>淡路土建(株)</v>
          </cell>
          <cell r="D174" t="str">
            <v>078-974-3600</v>
          </cell>
          <cell r="E174" t="str">
            <v>651-2113</v>
          </cell>
          <cell r="F174" t="str">
            <v>兵庫県神戸市西区伊川谷町有瀬金井場1133-1</v>
          </cell>
          <cell r="G174" t="str">
            <v>洲本市</v>
          </cell>
          <cell r="H174" t="str">
            <v>神戸支店</v>
          </cell>
          <cell r="I174" t="str">
            <v>取締役神戸支店長 垣　智博</v>
          </cell>
          <cell r="J174" t="str">
            <v>兵庫県洲本市</v>
          </cell>
          <cell r="K174" t="str">
            <v>078-975-0567</v>
          </cell>
          <cell r="L174" t="str">
            <v>iuchi@awaji-doken.co.jp</v>
          </cell>
          <cell r="M174" t="str">
            <v>ｱﾜｼﾞﾄﾞｹﾝ</v>
          </cell>
          <cell r="N174" t="str">
            <v>有</v>
          </cell>
          <cell r="O174">
            <v>67</v>
          </cell>
          <cell r="P174">
            <v>123</v>
          </cell>
          <cell r="Q174">
            <v>2140001084571</v>
          </cell>
          <cell r="R174">
            <v>96000</v>
          </cell>
          <cell r="S174">
            <v>4983004</v>
          </cell>
          <cell r="T174">
            <v>4327949</v>
          </cell>
          <cell r="V174" t="str">
            <v>uh747009</v>
          </cell>
          <cell r="W174" t="str">
            <v>tt752392</v>
          </cell>
          <cell r="X174" t="str">
            <v>(清)(建)(と)(鋼)(舗)(浚)(水)(解)土建と石電管鋼舗浚園水解</v>
          </cell>
          <cell r="Y174" t="str">
            <v>(清)(建)(と)(鋼)(舗)(浚)(水)(解)</v>
          </cell>
          <cell r="Z174" t="str">
            <v>土建と石電管鋼舗浚園水解</v>
          </cell>
          <cell r="AA174" t="str">
            <v>土木一式</v>
          </cell>
          <cell r="AB174" t="str">
            <v>建築一式</v>
          </cell>
          <cell r="AC174" t="str">
            <v>舗装</v>
          </cell>
          <cell r="AD174" t="str">
            <v>造園</v>
          </cell>
          <cell r="AE174">
            <v>42916</v>
          </cell>
          <cell r="AF174" t="str">
            <v>希望しない</v>
          </cell>
          <cell r="AG174" t="str">
            <v>土木一式</v>
          </cell>
          <cell r="AH174" t="str">
            <v>特定</v>
          </cell>
          <cell r="AI174">
            <v>1154</v>
          </cell>
          <cell r="AJ174">
            <v>1926175</v>
          </cell>
          <cell r="AK174" t="str">
            <v>32(32)/12/2</v>
          </cell>
          <cell r="AL174" t="str">
            <v>建築一式</v>
          </cell>
          <cell r="AM174" t="str">
            <v>特定</v>
          </cell>
          <cell r="AN174">
            <v>1130</v>
          </cell>
          <cell r="AO174">
            <v>2364127</v>
          </cell>
          <cell r="AP174" t="str">
            <v>14(14)/3/3</v>
          </cell>
          <cell r="AQ174" t="str">
            <v>舗装</v>
          </cell>
          <cell r="AR174" t="str">
            <v>特定</v>
          </cell>
          <cell r="AS174">
            <v>1040</v>
          </cell>
          <cell r="AT174">
            <v>203007</v>
          </cell>
          <cell r="AU174" t="str">
            <v>23(23)/11/0</v>
          </cell>
          <cell r="AV174" t="str">
            <v>造園</v>
          </cell>
          <cell r="AW174" t="str">
            <v>特定</v>
          </cell>
          <cell r="AX174">
            <v>816</v>
          </cell>
          <cell r="AY174">
            <v>1327</v>
          </cell>
          <cell r="AZ174" t="str">
            <v>3(3)/0/0</v>
          </cell>
          <cell r="BA174" t="str">
            <v>兵庫県</v>
          </cell>
          <cell r="BB174">
            <v>0</v>
          </cell>
          <cell r="CR174">
            <v>3634</v>
          </cell>
          <cell r="CS174" t="str">
            <v>ﾆｼｶﾜ ｺｳｲﾁ</v>
          </cell>
          <cell r="CT174" t="str">
            <v>西川  孝一</v>
          </cell>
          <cell r="CU174" t="str">
            <v xml:space="preserve"> </v>
          </cell>
          <cell r="CW174">
            <v>3100</v>
          </cell>
          <cell r="CX174" t="str">
            <v>室長</v>
          </cell>
          <cell r="CY174" t="str">
            <v>　</v>
          </cell>
        </row>
        <row r="175">
          <cell r="B175">
            <v>2061</v>
          </cell>
          <cell r="C175" t="str">
            <v>アマナエレン(株)</v>
          </cell>
          <cell r="D175" t="str">
            <v>06-6364-8181</v>
          </cell>
          <cell r="E175" t="str">
            <v>660-0052</v>
          </cell>
          <cell r="F175" t="str">
            <v>大阪府大阪市北区末広町3-21 扇町ｾﾝﾀｰﾋﾞﾙ8階</v>
          </cell>
          <cell r="G175" t="str">
            <v>大津市</v>
          </cell>
          <cell r="H175" t="str">
            <v>大阪支店</v>
          </cell>
          <cell r="I175" t="str">
            <v>取締役大阪支店長　 浅野　考輔</v>
          </cell>
          <cell r="J175" t="str">
            <v>滋賀県大津市</v>
          </cell>
          <cell r="K175" t="str">
            <v>06-6364-8182</v>
          </cell>
          <cell r="L175" t="str">
            <v>info@amanaelen.ne.jp</v>
          </cell>
          <cell r="M175" t="str">
            <v>ｱﾏﾅｴﾚﾝ</v>
          </cell>
          <cell r="N175" t="str">
            <v>有</v>
          </cell>
          <cell r="O175">
            <v>51</v>
          </cell>
          <cell r="P175">
            <v>47</v>
          </cell>
          <cell r="Q175">
            <v>3160000000000</v>
          </cell>
          <cell r="R175">
            <v>50000</v>
          </cell>
          <cell r="S175">
            <v>657561</v>
          </cell>
          <cell r="T175">
            <v>1526283</v>
          </cell>
          <cell r="V175" t="str">
            <v>gc124834</v>
          </cell>
          <cell r="W175" t="str">
            <v>ar496141</v>
          </cell>
          <cell r="X175" t="str">
            <v>(清)(建)(と)(鋼)(舗)(浚)(水)(解)土建と石電管鋼舗浚園水解</v>
          </cell>
          <cell r="Y175" t="str">
            <v>(清)(建)(と)(鋼)(舗)(浚)(水)(解)</v>
          </cell>
          <cell r="Z175" t="str">
            <v>土建と石電管鋼舗浚園水解</v>
          </cell>
          <cell r="AA175" t="str">
            <v>機械器具</v>
          </cell>
          <cell r="AB175" t="str">
            <v>電気</v>
          </cell>
          <cell r="AC175" t="str">
            <v/>
          </cell>
          <cell r="AD175" t="str">
            <v/>
          </cell>
          <cell r="AE175">
            <v>42998</v>
          </cell>
          <cell r="AF175" t="str">
            <v>希望しない</v>
          </cell>
          <cell r="AG175" t="str">
            <v>機械器具</v>
          </cell>
          <cell r="AH175" t="str">
            <v>一般</v>
          </cell>
          <cell r="AI175">
            <v>867</v>
          </cell>
          <cell r="AJ175">
            <v>186538</v>
          </cell>
          <cell r="AK175" t="str">
            <v>0(0)/0/13</v>
          </cell>
          <cell r="AL175" t="str">
            <v>電気</v>
          </cell>
          <cell r="AM175" t="str">
            <v>特定</v>
          </cell>
          <cell r="AN175">
            <v>1020</v>
          </cell>
          <cell r="AO175">
            <v>1029156</v>
          </cell>
          <cell r="AP175" t="str">
            <v>10(10)/2/13</v>
          </cell>
          <cell r="AQ175" t="str">
            <v/>
          </cell>
          <cell r="AR175" t="str">
            <v/>
          </cell>
          <cell r="AS175" t="str">
            <v/>
          </cell>
          <cell r="AT175" t="str">
            <v/>
          </cell>
          <cell r="AU175" t="str">
            <v/>
          </cell>
          <cell r="AV175" t="str">
            <v/>
          </cell>
          <cell r="AW175" t="str">
            <v/>
          </cell>
          <cell r="AX175" t="str">
            <v/>
          </cell>
          <cell r="AY175" t="str">
            <v/>
          </cell>
          <cell r="AZ175" t="str">
            <v/>
          </cell>
          <cell r="BA175" t="str">
            <v>滋賀県</v>
          </cell>
          <cell r="BB175">
            <v>0</v>
          </cell>
          <cell r="CR175">
            <v>3637</v>
          </cell>
          <cell r="CS175" t="str">
            <v>ﾆｼﾑﾗ ﾔｽｺ</v>
          </cell>
          <cell r="CT175" t="str">
            <v>西村  靖子</v>
          </cell>
          <cell r="CU175" t="str">
            <v>保育課</v>
          </cell>
          <cell r="CW175" t="str">
            <v xml:space="preserve"> </v>
          </cell>
          <cell r="CX175" t="str">
            <v>所長</v>
          </cell>
          <cell r="CY175" t="str">
            <v>保育課長</v>
          </cell>
        </row>
        <row r="176">
          <cell r="B176">
            <v>2062</v>
          </cell>
          <cell r="C176" t="str">
            <v>アーベス(株)</v>
          </cell>
          <cell r="D176" t="str">
            <v>078-381-5300</v>
          </cell>
          <cell r="E176" t="str">
            <v>652-0841</v>
          </cell>
          <cell r="F176" t="str">
            <v>兵庫県神戸市兵庫区南仲町2-26</v>
          </cell>
          <cell r="G176" t="str">
            <v>姫路市</v>
          </cell>
          <cell r="H176" t="str">
            <v>神戸営業所</v>
          </cell>
          <cell r="I176" t="str">
            <v>所長 堀部　周一</v>
          </cell>
          <cell r="J176" t="str">
            <v>兵庫県姫路市</v>
          </cell>
          <cell r="K176" t="str">
            <v>078-381-5386</v>
          </cell>
          <cell r="L176" t="str">
            <v>k-kouji@aves.jp</v>
          </cell>
          <cell r="M176" t="str">
            <v>ｱ-ﾍﾞｽ</v>
          </cell>
          <cell r="N176" t="str">
            <v>有</v>
          </cell>
          <cell r="O176">
            <v>51</v>
          </cell>
          <cell r="P176">
            <v>30</v>
          </cell>
          <cell r="Q176">
            <v>6140001057482</v>
          </cell>
          <cell r="R176">
            <v>10000</v>
          </cell>
          <cell r="S176">
            <v>23452</v>
          </cell>
          <cell r="T176">
            <v>610680</v>
          </cell>
          <cell r="V176" t="str">
            <v>jy331715</v>
          </cell>
          <cell r="W176" t="str">
            <v>vd877377</v>
          </cell>
          <cell r="X176" t="str">
            <v>電通消</v>
          </cell>
          <cell r="Y176" t="str">
            <v>電通消</v>
          </cell>
          <cell r="Z176" t="str">
            <v/>
          </cell>
          <cell r="AA176" t="str">
            <v>電気通信</v>
          </cell>
          <cell r="AB176" t="str">
            <v>消防施設</v>
          </cell>
          <cell r="AC176" t="str">
            <v>電気</v>
          </cell>
          <cell r="AD176" t="str">
            <v/>
          </cell>
          <cell r="AE176">
            <v>43312</v>
          </cell>
          <cell r="AF176" t="str">
            <v/>
          </cell>
          <cell r="AG176" t="str">
            <v>電気通信</v>
          </cell>
          <cell r="AH176" t="str">
            <v>一般</v>
          </cell>
          <cell r="AI176">
            <v>798</v>
          </cell>
          <cell r="AJ176">
            <v>496688</v>
          </cell>
          <cell r="AK176" t="str">
            <v>()//10</v>
          </cell>
          <cell r="AL176" t="str">
            <v>消防施設</v>
          </cell>
          <cell r="AM176" t="str">
            <v>一般</v>
          </cell>
          <cell r="AN176">
            <v>717</v>
          </cell>
          <cell r="AO176">
            <v>53083</v>
          </cell>
          <cell r="AP176" t="str">
            <v>()/6/</v>
          </cell>
          <cell r="AQ176" t="str">
            <v>電気</v>
          </cell>
          <cell r="AR176" t="str">
            <v>一般</v>
          </cell>
          <cell r="AS176">
            <v>679</v>
          </cell>
          <cell r="AT176">
            <v>1002</v>
          </cell>
          <cell r="AU176" t="str">
            <v>3(3)/4/3</v>
          </cell>
          <cell r="AV176" t="str">
            <v/>
          </cell>
          <cell r="AW176" t="str">
            <v/>
          </cell>
          <cell r="AX176" t="str">
            <v/>
          </cell>
          <cell r="AY176" t="str">
            <v/>
          </cell>
          <cell r="AZ176" t="str">
            <v/>
          </cell>
          <cell r="BA176" t="str">
            <v>兵庫県</v>
          </cell>
          <cell r="BB176">
            <v>0</v>
          </cell>
          <cell r="CR176">
            <v>3638</v>
          </cell>
          <cell r="CS176" t="str">
            <v>ﾀｶｾ ｻﾁﾖ</v>
          </cell>
          <cell r="CT176" t="str">
            <v>高瀬  さちよ</v>
          </cell>
          <cell r="CU176" t="str">
            <v xml:space="preserve"> </v>
          </cell>
          <cell r="CW176" t="str">
            <v xml:space="preserve"> </v>
          </cell>
          <cell r="CX176" t="str">
            <v>主幹</v>
          </cell>
          <cell r="CY176" t="str">
            <v>　</v>
          </cell>
        </row>
        <row r="177">
          <cell r="B177">
            <v>2063</v>
          </cell>
          <cell r="C177" t="str">
            <v>安西工業(株)</v>
          </cell>
          <cell r="D177" t="str">
            <v>078-967-5530</v>
          </cell>
          <cell r="E177" t="str">
            <v>658-0053</v>
          </cell>
          <cell r="F177" t="str">
            <v>兵庫県神戸市西区上新地3-3-1</v>
          </cell>
          <cell r="G177" t="str">
            <v>神戸市</v>
          </cell>
          <cell r="H177" t="str">
            <v/>
          </cell>
          <cell r="I177" t="str">
            <v>代表取締役　 清水　章弘</v>
          </cell>
          <cell r="J177" t="str">
            <v>本店</v>
          </cell>
          <cell r="K177" t="str">
            <v>078-967-5536</v>
          </cell>
          <cell r="L177" t="str">
            <v>eigyo@anzaikogyo.com</v>
          </cell>
          <cell r="M177" t="str">
            <v>ｱﾝｻﾞｲｺｳｷﾞﾖｳ</v>
          </cell>
          <cell r="N177" t="str">
            <v>無</v>
          </cell>
          <cell r="O177">
            <v>37</v>
          </cell>
          <cell r="P177">
            <v>74</v>
          </cell>
          <cell r="Q177">
            <v>7140000000000</v>
          </cell>
          <cell r="R177">
            <v>90000</v>
          </cell>
          <cell r="S177">
            <v>715970</v>
          </cell>
          <cell r="T177">
            <v>1818588</v>
          </cell>
          <cell r="V177" t="str">
            <v>hg858864</v>
          </cell>
          <cell r="W177" t="str">
            <v>kt541308</v>
          </cell>
          <cell r="X177" t="str">
            <v>電通消</v>
          </cell>
          <cell r="Y177" t="str">
            <v>電通消</v>
          </cell>
          <cell r="Z177" t="str">
            <v/>
          </cell>
          <cell r="AA177" t="str">
            <v>土木一式</v>
          </cell>
          <cell r="AB177" t="str">
            <v>建築一式</v>
          </cell>
          <cell r="AC177" t="str">
            <v/>
          </cell>
          <cell r="AD177" t="str">
            <v/>
          </cell>
          <cell r="AE177">
            <v>43190</v>
          </cell>
          <cell r="AF177" t="str">
            <v>希望しない</v>
          </cell>
          <cell r="AG177" t="str">
            <v>土木一式</v>
          </cell>
          <cell r="AH177" t="str">
            <v>特定</v>
          </cell>
          <cell r="AI177">
            <v>1044</v>
          </cell>
          <cell r="AJ177">
            <v>1565370</v>
          </cell>
          <cell r="AK177" t="str">
            <v>18(18)/17/10</v>
          </cell>
          <cell r="AL177" t="str">
            <v>建築一式</v>
          </cell>
          <cell r="AM177" t="str">
            <v>特定</v>
          </cell>
          <cell r="AN177">
            <v>914</v>
          </cell>
          <cell r="AO177">
            <v>777647</v>
          </cell>
          <cell r="AP177" t="str">
            <v>3(3)/0/0</v>
          </cell>
          <cell r="AQ177" t="str">
            <v/>
          </cell>
          <cell r="AR177" t="str">
            <v/>
          </cell>
          <cell r="AS177" t="str">
            <v/>
          </cell>
          <cell r="AT177" t="str">
            <v/>
          </cell>
          <cell r="AU177" t="str">
            <v/>
          </cell>
          <cell r="AV177" t="str">
            <v/>
          </cell>
          <cell r="AW177" t="str">
            <v/>
          </cell>
          <cell r="AX177" t="str">
            <v/>
          </cell>
          <cell r="AY177" t="str">
            <v/>
          </cell>
          <cell r="AZ177" t="str">
            <v/>
          </cell>
          <cell r="BA177" t="str">
            <v>兵庫県</v>
          </cell>
          <cell r="BB177">
            <v>0</v>
          </cell>
          <cell r="CR177">
            <v>3638</v>
          </cell>
          <cell r="CS177" t="str">
            <v>ﾀｶｾ ｻﾁﾖ</v>
          </cell>
          <cell r="CT177" t="str">
            <v>高瀬  さちよ</v>
          </cell>
          <cell r="CU177" t="str">
            <v>保育課</v>
          </cell>
          <cell r="CW177" t="str">
            <v xml:space="preserve"> </v>
          </cell>
          <cell r="CX177" t="str">
            <v>（兼）所長</v>
          </cell>
          <cell r="CY177" t="str">
            <v>保育課長</v>
          </cell>
        </row>
        <row r="178">
          <cell r="B178">
            <v>2067</v>
          </cell>
          <cell r="C178" t="str">
            <v>有元温調(株)</v>
          </cell>
          <cell r="D178" t="str">
            <v>078-783-2525</v>
          </cell>
          <cell r="E178" t="str">
            <v>655-0044</v>
          </cell>
          <cell r="F178" t="str">
            <v>兵庫神戸市垂水区舞子坂1-10-36</v>
          </cell>
          <cell r="G178" t="str">
            <v>兵庫神戸市</v>
          </cell>
          <cell r="H178" t="str">
            <v/>
          </cell>
          <cell r="I178" t="str">
            <v>代表取締役　 有元　久雄</v>
          </cell>
          <cell r="J178" t="str">
            <v>本店</v>
          </cell>
          <cell r="K178" t="str">
            <v>078-783-2526</v>
          </cell>
          <cell r="L178" t="str">
            <v>a@arimoto.net</v>
          </cell>
          <cell r="M178" t="str">
            <v>ｱﾘﾓﾄｵﾝﾁﾖｳ</v>
          </cell>
          <cell r="N178" t="str">
            <v>無</v>
          </cell>
          <cell r="O178">
            <v>46</v>
          </cell>
          <cell r="P178">
            <v>20</v>
          </cell>
          <cell r="Q178">
            <v>1140000000000</v>
          </cell>
          <cell r="R178">
            <v>30000</v>
          </cell>
          <cell r="S178">
            <v>411497</v>
          </cell>
          <cell r="T178">
            <v>1088412</v>
          </cell>
          <cell r="V178" t="str">
            <v>gz532230</v>
          </cell>
          <cell r="W178" t="str">
            <v>me935319</v>
          </cell>
          <cell r="X178" t="str">
            <v>電通消</v>
          </cell>
          <cell r="Y178" t="str">
            <v>電通消</v>
          </cell>
          <cell r="Z178" t="str">
            <v/>
          </cell>
          <cell r="AA178" t="str">
            <v>管</v>
          </cell>
          <cell r="AB178" t="str">
            <v/>
          </cell>
          <cell r="AC178" t="str">
            <v/>
          </cell>
          <cell r="AD178" t="str">
            <v/>
          </cell>
          <cell r="AE178">
            <v>43131</v>
          </cell>
          <cell r="AF178" t="str">
            <v>希望しない</v>
          </cell>
          <cell r="AG178" t="str">
            <v>管</v>
          </cell>
          <cell r="AH178" t="str">
            <v>特定</v>
          </cell>
          <cell r="AI178">
            <v>1010</v>
          </cell>
          <cell r="AJ178">
            <v>1010154</v>
          </cell>
          <cell r="AK178" t="str">
            <v>9(9)/0/1</v>
          </cell>
          <cell r="AL178" t="str">
            <v/>
          </cell>
          <cell r="AM178" t="str">
            <v/>
          </cell>
          <cell r="AN178" t="str">
            <v/>
          </cell>
          <cell r="AO178" t="str">
            <v/>
          </cell>
          <cell r="AP178" t="str">
            <v/>
          </cell>
          <cell r="AQ178" t="str">
            <v/>
          </cell>
          <cell r="AR178" t="str">
            <v/>
          </cell>
          <cell r="AS178" t="str">
            <v/>
          </cell>
          <cell r="AT178" t="str">
            <v/>
          </cell>
          <cell r="AU178" t="str">
            <v/>
          </cell>
          <cell r="AV178" t="str">
            <v/>
          </cell>
          <cell r="AW178" t="str">
            <v/>
          </cell>
          <cell r="AX178" t="str">
            <v/>
          </cell>
          <cell r="AY178" t="str">
            <v/>
          </cell>
          <cell r="AZ178" t="str">
            <v/>
          </cell>
          <cell r="BA178" t="str">
            <v/>
          </cell>
          <cell r="BB178">
            <v>0</v>
          </cell>
          <cell r="CR178">
            <v>3669</v>
          </cell>
          <cell r="CS178" t="str">
            <v>ﾀｶｼ ﾕﾐｺ</v>
          </cell>
          <cell r="CT178" t="str">
            <v>高  由美子</v>
          </cell>
          <cell r="CU178" t="str">
            <v>市民課</v>
          </cell>
          <cell r="CW178">
            <v>2613</v>
          </cell>
          <cell r="CX178" t="str">
            <v>副主査</v>
          </cell>
          <cell r="CY178" t="str">
            <v>市民課長</v>
          </cell>
        </row>
        <row r="179">
          <cell r="B179">
            <v>2070</v>
          </cell>
          <cell r="C179" t="str">
            <v>(株)赤鹿建設</v>
          </cell>
          <cell r="D179" t="str">
            <v>079-297-0883</v>
          </cell>
          <cell r="E179" t="str">
            <v>670-0083</v>
          </cell>
          <cell r="F179" t="str">
            <v>兵庫県姫路市辻井1-1-23</v>
          </cell>
          <cell r="G179" t="str">
            <v>姫路市</v>
          </cell>
          <cell r="H179" t="str">
            <v/>
          </cell>
          <cell r="I179" t="str">
            <v>代表取締役 赤鹿　竜夫</v>
          </cell>
          <cell r="J179" t="str">
            <v>本店</v>
          </cell>
          <cell r="K179" t="str">
            <v>079-296-2178</v>
          </cell>
          <cell r="L179" t="str">
            <v>kensetsu_eigyou@akashika.co.jp</v>
          </cell>
          <cell r="M179" t="str">
            <v>ｱｶｼｶｹﾝｾﾂ</v>
          </cell>
          <cell r="N179" t="str">
            <v>無</v>
          </cell>
          <cell r="O179">
            <v>59</v>
          </cell>
          <cell r="P179">
            <v>35</v>
          </cell>
          <cell r="Q179">
            <v>8140001057522</v>
          </cell>
          <cell r="R179">
            <v>96000</v>
          </cell>
          <cell r="S179">
            <v>1824453</v>
          </cell>
          <cell r="T179">
            <v>3474538</v>
          </cell>
          <cell r="V179" t="str">
            <v>kh951056</v>
          </cell>
          <cell r="W179" t="str">
            <v>xk242660</v>
          </cell>
          <cell r="X179" t="str">
            <v>土建舗</v>
          </cell>
          <cell r="Y179" t="str">
            <v/>
          </cell>
          <cell r="Z179" t="str">
            <v>土建舗</v>
          </cell>
          <cell r="AA179" t="str">
            <v>建築一式</v>
          </cell>
          <cell r="AB179" t="str">
            <v/>
          </cell>
          <cell r="AC179" t="str">
            <v/>
          </cell>
          <cell r="AD179" t="str">
            <v/>
          </cell>
          <cell r="AE179" t="str">
            <v>H.30.8.15</v>
          </cell>
          <cell r="AF179" t="str">
            <v/>
          </cell>
          <cell r="AG179" t="str">
            <v>建築一式</v>
          </cell>
          <cell r="AH179" t="str">
            <v>特定</v>
          </cell>
          <cell r="AI179">
            <v>1137</v>
          </cell>
          <cell r="AJ179">
            <v>3371471</v>
          </cell>
          <cell r="AK179" t="str">
            <v>26(26)/3/0</v>
          </cell>
          <cell r="AL179" t="str">
            <v/>
          </cell>
          <cell r="AM179" t="str">
            <v/>
          </cell>
          <cell r="AN179" t="str">
            <v/>
          </cell>
          <cell r="AO179" t="str">
            <v/>
          </cell>
          <cell r="AP179" t="str">
            <v/>
          </cell>
          <cell r="AQ179" t="str">
            <v/>
          </cell>
          <cell r="AR179" t="str">
            <v/>
          </cell>
          <cell r="AS179" t="str">
            <v/>
          </cell>
          <cell r="AT179" t="str">
            <v/>
          </cell>
          <cell r="AU179" t="str">
            <v/>
          </cell>
          <cell r="AV179" t="str">
            <v/>
          </cell>
          <cell r="AW179" t="str">
            <v/>
          </cell>
          <cell r="AX179" t="str">
            <v/>
          </cell>
          <cell r="AY179" t="str">
            <v/>
          </cell>
          <cell r="AZ179" t="str">
            <v/>
          </cell>
          <cell r="BA179" t="str">
            <v>兵庫県</v>
          </cell>
          <cell r="BB179">
            <v>0</v>
          </cell>
          <cell r="CR179">
            <v>3679</v>
          </cell>
          <cell r="CS179" t="str">
            <v>ﾓﾘｶﾜ ﾋﾃﾞｵ</v>
          </cell>
          <cell r="CT179" t="str">
            <v>森川  秀男</v>
          </cell>
          <cell r="CU179" t="str">
            <v>業務課</v>
          </cell>
          <cell r="CW179" t="str">
            <v xml:space="preserve"> </v>
          </cell>
          <cell r="CX179" t="str">
            <v>主査</v>
          </cell>
          <cell r="CY179" t="str">
            <v>業務課長</v>
          </cell>
        </row>
        <row r="180">
          <cell r="B180">
            <v>2071</v>
          </cell>
          <cell r="C180" t="str">
            <v>(株)旭工建</v>
          </cell>
          <cell r="D180" t="str">
            <v>078-371-1035</v>
          </cell>
          <cell r="E180" t="str">
            <v>650-0023</v>
          </cell>
          <cell r="F180" t="str">
            <v>兵庫県神戸市中央区栄町通4-1-16</v>
          </cell>
          <cell r="G180" t="str">
            <v>泉南市</v>
          </cell>
          <cell r="H180" t="str">
            <v>神戸営業所</v>
          </cell>
          <cell r="I180" t="str">
            <v>営業所長 引地　偉匡</v>
          </cell>
          <cell r="J180" t="str">
            <v>大阪府泉南市</v>
          </cell>
          <cell r="K180" t="str">
            <v>078-371-1068</v>
          </cell>
          <cell r="L180" t="str">
            <v>j1asahi@pearl.ocn.ne.jp</v>
          </cell>
          <cell r="M180" t="str">
            <v>ｱｻﾋｺｳｹﾝ</v>
          </cell>
          <cell r="N180" t="str">
            <v>有</v>
          </cell>
          <cell r="O180">
            <v>61</v>
          </cell>
          <cell r="P180">
            <v>69</v>
          </cell>
          <cell r="Q180">
            <v>1120101043934</v>
          </cell>
          <cell r="R180">
            <v>178500</v>
          </cell>
          <cell r="S180">
            <v>799374</v>
          </cell>
          <cell r="T180">
            <v>5120272</v>
          </cell>
          <cell r="V180" t="str">
            <v>rd806371</v>
          </cell>
          <cell r="W180" t="str">
            <v>zc210713</v>
          </cell>
          <cell r="X180" t="str">
            <v>(清)(建)(大)(左)(と)(石)(屋)(タ)(鋼)(鉄)(舗)(浚)(板)(ガ)(塗)(防)(内)(熱)(園)(具)(水)土建大と石屋管タ鋼鉄舗浚板ガ塗防内熱園具水解</v>
          </cell>
          <cell r="Y180" t="str">
            <v>(清)(建)(大)(左)(と)(石)(屋)(タ)(鋼)(鉄)(舗)(浚)(板)(ガ)(塗)(防)(内)(熱)(園)(具)(水)</v>
          </cell>
          <cell r="Z180" t="str">
            <v>土建大と石屋管タ鋼鉄舗浚板ガ塗防内熱園具水解</v>
          </cell>
          <cell r="AA180" t="str">
            <v>建築一式</v>
          </cell>
          <cell r="AB180" t="str">
            <v>土木一式</v>
          </cell>
          <cell r="AC180" t="str">
            <v>舗装</v>
          </cell>
          <cell r="AD180" t="str">
            <v>解体</v>
          </cell>
          <cell r="AE180">
            <v>43220</v>
          </cell>
          <cell r="AF180" t="str">
            <v>希望しない</v>
          </cell>
          <cell r="AG180" t="str">
            <v>建築一式</v>
          </cell>
          <cell r="AH180" t="str">
            <v>特定</v>
          </cell>
          <cell r="AI180">
            <v>1131</v>
          </cell>
          <cell r="AJ180">
            <v>3455447</v>
          </cell>
          <cell r="AK180" t="str">
            <v>21(21)/8/11</v>
          </cell>
          <cell r="AL180" t="str">
            <v>土木一式</v>
          </cell>
          <cell r="AM180" t="str">
            <v>特定</v>
          </cell>
          <cell r="AN180">
            <v>1093</v>
          </cell>
          <cell r="AO180">
            <v>1379771</v>
          </cell>
          <cell r="AP180" t="str">
            <v>29(28)/9/10</v>
          </cell>
          <cell r="AQ180" t="str">
            <v>舗装</v>
          </cell>
          <cell r="AR180" t="str">
            <v>特定</v>
          </cell>
          <cell r="AS180">
            <v>809</v>
          </cell>
          <cell r="AT180">
            <v>6555</v>
          </cell>
          <cell r="AU180" t="str">
            <v>5(5)/0/0</v>
          </cell>
          <cell r="AV180" t="str">
            <v>解体</v>
          </cell>
          <cell r="AW180" t="str">
            <v>特定</v>
          </cell>
          <cell r="AX180">
            <v>791</v>
          </cell>
          <cell r="AY180">
            <v>28878</v>
          </cell>
          <cell r="AZ180" t="str">
            <v>0(0)/0/1</v>
          </cell>
          <cell r="BA180" t="str">
            <v>大阪府</v>
          </cell>
          <cell r="BB180">
            <v>0</v>
          </cell>
          <cell r="CR180">
            <v>3708</v>
          </cell>
          <cell r="CS180" t="str">
            <v>ｼﾓﾅｶ ﾖｼｱｷ</v>
          </cell>
          <cell r="CT180" t="str">
            <v>下仲  義昭</v>
          </cell>
          <cell r="CU180" t="str">
            <v>西消防署</v>
          </cell>
          <cell r="CW180">
            <v>6680240</v>
          </cell>
          <cell r="CX180" t="str">
            <v>消防署長</v>
          </cell>
          <cell r="CY180" t="str">
            <v>西消防署長</v>
          </cell>
        </row>
        <row r="181">
          <cell r="B181">
            <v>2076</v>
          </cell>
          <cell r="C181" t="str">
            <v>安全テック(株)</v>
          </cell>
          <cell r="D181" t="str">
            <v>078-917-7776</v>
          </cell>
          <cell r="E181" t="str">
            <v>651-2122</v>
          </cell>
          <cell r="F181" t="str">
            <v>兵庫県神戸市西区玉津町高津橋144-1</v>
          </cell>
          <cell r="G181" t="str">
            <v>神戸市</v>
          </cell>
          <cell r="H181" t="str">
            <v/>
          </cell>
          <cell r="I181" t="str">
            <v>代表取締役 田中　晃代</v>
          </cell>
          <cell r="J181" t="str">
            <v>本店</v>
          </cell>
          <cell r="K181" t="str">
            <v>078-995-8092</v>
          </cell>
          <cell r="L181" t="str">
            <v>anzentec@roadex.co.jp</v>
          </cell>
          <cell r="M181" t="str">
            <v>ｱﾝｾﾞﾝﾃｯｸ</v>
          </cell>
          <cell r="N181" t="str">
            <v>無</v>
          </cell>
          <cell r="O181">
            <v>7</v>
          </cell>
          <cell r="P181">
            <v>12</v>
          </cell>
          <cell r="Q181">
            <v>2140001031870</v>
          </cell>
          <cell r="R181">
            <v>10000</v>
          </cell>
          <cell r="S181">
            <v>57906</v>
          </cell>
          <cell r="T181">
            <v>136791</v>
          </cell>
          <cell r="V181" t="str">
            <v>ur176025</v>
          </cell>
          <cell r="W181" t="str">
            <v>ys830201</v>
          </cell>
          <cell r="X181" t="str">
            <v>土と舗塗園</v>
          </cell>
          <cell r="Y181" t="str">
            <v>土と舗塗園</v>
          </cell>
          <cell r="Z181" t="str">
            <v/>
          </cell>
          <cell r="AA181" t="str">
            <v>とび土工</v>
          </cell>
          <cell r="AB181" t="str">
            <v>土木一式</v>
          </cell>
          <cell r="AC181" t="str">
            <v>塗装</v>
          </cell>
          <cell r="AD181" t="str">
            <v>舗装</v>
          </cell>
          <cell r="AE181">
            <v>42947</v>
          </cell>
          <cell r="AF181" t="str">
            <v>希望しない</v>
          </cell>
          <cell r="AG181" t="str">
            <v>とび土工</v>
          </cell>
          <cell r="AH181" t="str">
            <v>一般</v>
          </cell>
          <cell r="AI181">
            <v>659</v>
          </cell>
          <cell r="AJ181">
            <v>93322</v>
          </cell>
          <cell r="AK181" t="str">
            <v>0(0)/2/0</v>
          </cell>
          <cell r="AL181" t="str">
            <v>土木一式</v>
          </cell>
          <cell r="AM181" t="str">
            <v>一般</v>
          </cell>
          <cell r="AN181">
            <v>674</v>
          </cell>
          <cell r="AO181">
            <v>41950</v>
          </cell>
          <cell r="AP181" t="str">
            <v>1(1)/2/0</v>
          </cell>
          <cell r="AQ181" t="str">
            <v>塗装</v>
          </cell>
          <cell r="AR181" t="str">
            <v>一般</v>
          </cell>
          <cell r="AS181">
            <v>607</v>
          </cell>
          <cell r="AT181">
            <v>7384</v>
          </cell>
          <cell r="AU181" t="str">
            <v>1(1)/0/0</v>
          </cell>
          <cell r="AV181" t="str">
            <v>舗装</v>
          </cell>
          <cell r="AW181" t="str">
            <v>一般</v>
          </cell>
          <cell r="AX181">
            <v>572</v>
          </cell>
          <cell r="AY181">
            <v>1018</v>
          </cell>
          <cell r="AZ181" t="str">
            <v>0(0)/0/0</v>
          </cell>
          <cell r="BA181" t="str">
            <v>兵庫県</v>
          </cell>
          <cell r="BB181">
            <v>0</v>
          </cell>
          <cell r="CR181">
            <v>3709</v>
          </cell>
          <cell r="CS181" t="str">
            <v>ﾏﾂﾓﾄ ﾐﾂﾊﾙ</v>
          </cell>
          <cell r="CT181" t="str">
            <v>松本  三治</v>
          </cell>
          <cell r="CU181" t="str">
            <v>予防課</v>
          </cell>
          <cell r="CW181">
            <v>6680230</v>
          </cell>
          <cell r="CX181" t="str">
            <v>課長</v>
          </cell>
          <cell r="CY181" t="str">
            <v>予防課長</v>
          </cell>
        </row>
        <row r="182">
          <cell r="B182">
            <v>2077</v>
          </cell>
          <cell r="C182" t="str">
            <v>(株)アルク</v>
          </cell>
          <cell r="D182" t="str">
            <v>0797-82-3125</v>
          </cell>
          <cell r="E182" t="str">
            <v>665-0876</v>
          </cell>
          <cell r="F182" t="str">
            <v>兵庫県宝塚市中山台2-15-12</v>
          </cell>
          <cell r="G182" t="str">
            <v>宝塚市</v>
          </cell>
          <cell r="H182" t="str">
            <v/>
          </cell>
          <cell r="I182" t="str">
            <v>代表取締役 竹延　望</v>
          </cell>
          <cell r="J182" t="str">
            <v>本店</v>
          </cell>
          <cell r="K182" t="str">
            <v>0797-82-3126</v>
          </cell>
          <cell r="L182" t="str">
            <v>alk-ke@gaia.eonet.ne.jp</v>
          </cell>
          <cell r="M182" t="str">
            <v>ｱﾙｸ</v>
          </cell>
          <cell r="N182" t="str">
            <v>無</v>
          </cell>
          <cell r="O182">
            <v>9</v>
          </cell>
          <cell r="P182">
            <v>17</v>
          </cell>
          <cell r="Q182">
            <v>7140001083024</v>
          </cell>
          <cell r="R182">
            <v>60000</v>
          </cell>
          <cell r="S182">
            <v>134766</v>
          </cell>
          <cell r="T182">
            <v>800360</v>
          </cell>
          <cell r="V182" t="str">
            <v>js641738</v>
          </cell>
          <cell r="W182" t="str">
            <v>gc266419</v>
          </cell>
          <cell r="X182" t="str">
            <v>建大と石屋タ鋼鉄板ガ塗防内熱具解</v>
          </cell>
          <cell r="Y182" t="str">
            <v/>
          </cell>
          <cell r="Z182" t="str">
            <v>建大と石屋タ鋼鉄板ガ塗防内熱具解</v>
          </cell>
          <cell r="AA182" t="str">
            <v>防水</v>
          </cell>
          <cell r="AB182" t="str">
            <v>建築一式</v>
          </cell>
          <cell r="AC182" t="str">
            <v>塗装</v>
          </cell>
          <cell r="AD182" t="str">
            <v>内装仕上</v>
          </cell>
          <cell r="AE182">
            <v>43220</v>
          </cell>
          <cell r="AF182" t="str">
            <v>希望しない</v>
          </cell>
          <cell r="AG182" t="str">
            <v>防水</v>
          </cell>
          <cell r="AH182" t="str">
            <v>特定</v>
          </cell>
          <cell r="AI182">
            <v>706</v>
          </cell>
          <cell r="AJ182">
            <v>223888</v>
          </cell>
          <cell r="AK182" t="str">
            <v>1(0)/0/9</v>
          </cell>
          <cell r="AL182" t="str">
            <v>建築一式</v>
          </cell>
          <cell r="AM182" t="str">
            <v>特定</v>
          </cell>
          <cell r="AN182">
            <v>678</v>
          </cell>
          <cell r="AO182">
            <v>119081</v>
          </cell>
          <cell r="AP182" t="str">
            <v>1(0)/0/0</v>
          </cell>
          <cell r="AQ182" t="str">
            <v>塗装</v>
          </cell>
          <cell r="AR182" t="str">
            <v>特定</v>
          </cell>
          <cell r="AS182">
            <v>753</v>
          </cell>
          <cell r="AT182">
            <v>493422</v>
          </cell>
          <cell r="AU182" t="str">
            <v>0(0)/1/8</v>
          </cell>
          <cell r="AV182" t="str">
            <v>内装仕上</v>
          </cell>
          <cell r="AW182" t="str">
            <v>特定</v>
          </cell>
          <cell r="AX182">
            <v>567</v>
          </cell>
          <cell r="AY182">
            <v>1784</v>
          </cell>
          <cell r="AZ182" t="str">
            <v>0(0)/0/0</v>
          </cell>
          <cell r="BA182" t="str">
            <v>兵庫県</v>
          </cell>
          <cell r="BB182">
            <v>0</v>
          </cell>
          <cell r="CR182">
            <v>3738</v>
          </cell>
          <cell r="CS182" t="str">
            <v>ｲﾅｻﾞﾜ ﾋﾛﾌﾐ</v>
          </cell>
          <cell r="CT182" t="str">
            <v>稲澤  博文</v>
          </cell>
          <cell r="CU182" t="str">
            <v>議事課</v>
          </cell>
          <cell r="CW182">
            <v>3455</v>
          </cell>
          <cell r="CX182" t="str">
            <v xml:space="preserve"> </v>
          </cell>
          <cell r="CY182" t="str">
            <v>議事課長</v>
          </cell>
        </row>
        <row r="183">
          <cell r="B183">
            <v>2078</v>
          </cell>
          <cell r="C183" t="str">
            <v>安積建設(株)</v>
          </cell>
          <cell r="D183" t="str">
            <v>072-848-0460</v>
          </cell>
          <cell r="E183" t="str">
            <v>573-1162</v>
          </cell>
          <cell r="F183" t="str">
            <v>大阪府枚方市田口4-59-8</v>
          </cell>
          <cell r="G183" t="str">
            <v>枚方市</v>
          </cell>
          <cell r="H183" t="str">
            <v/>
          </cell>
          <cell r="I183" t="str">
            <v>代表取締役 安積　輝義</v>
          </cell>
          <cell r="J183" t="str">
            <v>本店</v>
          </cell>
          <cell r="K183" t="str">
            <v>072-849-5617</v>
          </cell>
          <cell r="L183" t="str">
            <v>eigyo@azumi-kensetsu.co.jp</v>
          </cell>
          <cell r="M183" t="str">
            <v>ｱﾂﾞﾐｹﾝｾﾂ</v>
          </cell>
          <cell r="N183" t="str">
            <v>無</v>
          </cell>
          <cell r="O183">
            <v>44</v>
          </cell>
          <cell r="P183">
            <v>51</v>
          </cell>
          <cell r="Q183">
            <v>8120001148967</v>
          </cell>
          <cell r="R183">
            <v>80000</v>
          </cell>
          <cell r="S183">
            <v>491944</v>
          </cell>
          <cell r="T183">
            <v>2930625</v>
          </cell>
          <cell r="V183" t="str">
            <v>uk229554</v>
          </cell>
          <cell r="W183" t="str">
            <v>sd948251</v>
          </cell>
          <cell r="X183" t="str">
            <v>管園消土建大と石屋電タ鋼鉄舗浚板ガ塗防内熱具水</v>
          </cell>
          <cell r="Y183" t="str">
            <v>管園消</v>
          </cell>
          <cell r="Z183" t="str">
            <v>土建大と石屋電タ鋼鉄舗浚板ガ塗防内熱具水</v>
          </cell>
          <cell r="AA183" t="str">
            <v>土木一式</v>
          </cell>
          <cell r="AB183" t="str">
            <v>建築一式</v>
          </cell>
          <cell r="AC183" t="str">
            <v>管</v>
          </cell>
          <cell r="AD183" t="str">
            <v>舗装</v>
          </cell>
          <cell r="AE183">
            <v>43281</v>
          </cell>
          <cell r="AF183" t="str">
            <v>希望する</v>
          </cell>
          <cell r="AG183" t="str">
            <v>土木一式</v>
          </cell>
          <cell r="AH183" t="str">
            <v>特定</v>
          </cell>
          <cell r="AI183">
            <v>1036</v>
          </cell>
          <cell r="AJ183">
            <v>1985993</v>
          </cell>
          <cell r="AK183" t="str">
            <v>16(12)/9/5</v>
          </cell>
          <cell r="AL183" t="str">
            <v>建築一式</v>
          </cell>
          <cell r="AM183" t="str">
            <v>特定</v>
          </cell>
          <cell r="AN183">
            <v>915</v>
          </cell>
          <cell r="AO183">
            <v>445084</v>
          </cell>
          <cell r="AP183" t="str">
            <v>4(4)/4/4</v>
          </cell>
          <cell r="AQ183" t="str">
            <v>管</v>
          </cell>
          <cell r="AR183" t="str">
            <v>一般</v>
          </cell>
          <cell r="AS183">
            <v>682</v>
          </cell>
          <cell r="AT183" t="str">
            <v/>
          </cell>
          <cell r="AU183" t="str">
            <v>0(0)/0/1</v>
          </cell>
          <cell r="AV183" t="str">
            <v>舗装</v>
          </cell>
          <cell r="AW183" t="str">
            <v>特定</v>
          </cell>
          <cell r="AX183">
            <v>864</v>
          </cell>
          <cell r="AY183">
            <v>49300</v>
          </cell>
          <cell r="AZ183" t="str">
            <v>14(11)/7/0</v>
          </cell>
          <cell r="BA183" t="str">
            <v>大阪府</v>
          </cell>
          <cell r="BB183">
            <v>0</v>
          </cell>
          <cell r="CR183">
            <v>3742</v>
          </cell>
          <cell r="CS183" t="str">
            <v>ｽｶﾞ ｼｹﾞｺ</v>
          </cell>
          <cell r="CT183" t="str">
            <v>菅  繁子</v>
          </cell>
          <cell r="CU183" t="str">
            <v>こども福祉課</v>
          </cell>
          <cell r="CW183" t="str">
            <v xml:space="preserve"> </v>
          </cell>
          <cell r="CX183" t="str">
            <v xml:space="preserve"> </v>
          </cell>
          <cell r="CY183" t="str">
            <v>こども福祉課長</v>
          </cell>
        </row>
        <row r="184">
          <cell r="B184">
            <v>2080</v>
          </cell>
          <cell r="C184" t="str">
            <v>(株)アイム</v>
          </cell>
          <cell r="D184" t="str">
            <v>06-6423-1444</v>
          </cell>
          <cell r="E184" t="str">
            <v>661-0014</v>
          </cell>
          <cell r="F184" t="str">
            <v>兵庫県尼崎市上ﾉ島町2-2-22</v>
          </cell>
          <cell r="G184" t="str">
            <v>尼崎市</v>
          </cell>
          <cell r="H184" t="str">
            <v/>
          </cell>
          <cell r="I184" t="str">
            <v>代表取締役 岩本　弘済</v>
          </cell>
          <cell r="J184" t="str">
            <v>本店</v>
          </cell>
          <cell r="K184" t="str">
            <v>06-6423-2668</v>
          </cell>
          <cell r="L184" t="str">
            <v>aimu@rhythm.ocn.ne.jp</v>
          </cell>
          <cell r="M184" t="str">
            <v>ｱｲﾑ</v>
          </cell>
          <cell r="N184" t="str">
            <v>無</v>
          </cell>
          <cell r="O184">
            <v>14</v>
          </cell>
          <cell r="P184">
            <v>1</v>
          </cell>
          <cell r="Q184">
            <v>1140001047397</v>
          </cell>
          <cell r="R184">
            <v>55000</v>
          </cell>
          <cell r="S184">
            <v>55344</v>
          </cell>
          <cell r="T184">
            <v>25647</v>
          </cell>
          <cell r="V184" t="str">
            <v>ws100459</v>
          </cell>
          <cell r="W184" t="str">
            <v>kq903815</v>
          </cell>
          <cell r="X184" t="str">
            <v>土</v>
          </cell>
          <cell r="Y184" t="str">
            <v>土</v>
          </cell>
          <cell r="Z184" t="str">
            <v/>
          </cell>
          <cell r="AA184" t="str">
            <v>土木一式</v>
          </cell>
          <cell r="AB184" t="str">
            <v/>
          </cell>
          <cell r="AC184" t="str">
            <v/>
          </cell>
          <cell r="AD184" t="str">
            <v/>
          </cell>
          <cell r="AE184">
            <v>42947</v>
          </cell>
          <cell r="AF184" t="str">
            <v>希望しない</v>
          </cell>
          <cell r="AG184" t="str">
            <v>土木一式</v>
          </cell>
          <cell r="AH184" t="str">
            <v>一般</v>
          </cell>
          <cell r="AI184">
            <v>591</v>
          </cell>
          <cell r="AJ184">
            <v>29448</v>
          </cell>
          <cell r="AK184" t="str">
            <v>0(0)/0/1</v>
          </cell>
          <cell r="AL184" t="str">
            <v/>
          </cell>
          <cell r="AM184" t="str">
            <v/>
          </cell>
          <cell r="AN184" t="str">
            <v/>
          </cell>
          <cell r="AO184" t="str">
            <v/>
          </cell>
          <cell r="AP184" t="str">
            <v/>
          </cell>
          <cell r="AQ184" t="str">
            <v/>
          </cell>
          <cell r="AR184" t="str">
            <v/>
          </cell>
          <cell r="AS184" t="str">
            <v/>
          </cell>
          <cell r="AT184" t="str">
            <v/>
          </cell>
          <cell r="AU184" t="str">
            <v/>
          </cell>
          <cell r="AV184" t="str">
            <v/>
          </cell>
          <cell r="AW184" t="str">
            <v/>
          </cell>
          <cell r="AX184" t="str">
            <v/>
          </cell>
          <cell r="AY184" t="str">
            <v/>
          </cell>
          <cell r="AZ184" t="str">
            <v/>
          </cell>
          <cell r="BA184" t="str">
            <v>兵庫県</v>
          </cell>
          <cell r="BB184">
            <v>0</v>
          </cell>
          <cell r="CR184">
            <v>3749</v>
          </cell>
          <cell r="CS184" t="str">
            <v>ﾔﾏｼﾀ ｱｷﾗ</v>
          </cell>
          <cell r="CT184" t="str">
            <v>山下  明</v>
          </cell>
          <cell r="CU184" t="str">
            <v>業務課</v>
          </cell>
          <cell r="CW184" t="str">
            <v xml:space="preserve"> </v>
          </cell>
          <cell r="CX184" t="str">
            <v xml:space="preserve"> </v>
          </cell>
          <cell r="CY184" t="str">
            <v>業務課長</v>
          </cell>
        </row>
        <row r="185">
          <cell r="B185">
            <v>2083</v>
          </cell>
          <cell r="C185" t="str">
            <v>淺川道路(株)</v>
          </cell>
          <cell r="D185" t="str">
            <v>06-6252-0934</v>
          </cell>
          <cell r="E185" t="str">
            <v>542-0083</v>
          </cell>
          <cell r="F185" t="str">
            <v>大阪府大阪市中央区東心斎橋1-2-17</v>
          </cell>
          <cell r="G185" t="str">
            <v>和歌山市</v>
          </cell>
          <cell r="H185" t="str">
            <v>大阪支店</v>
          </cell>
          <cell r="I185" t="str">
            <v>支店長 大江　正則</v>
          </cell>
          <cell r="J185" t="str">
            <v>和歌山県和歌山市</v>
          </cell>
          <cell r="K185" t="str">
            <v>06-6484-6020</v>
          </cell>
          <cell r="L185" t="str">
            <v>oosaka@asakawaroad.co.jp</v>
          </cell>
          <cell r="M185" t="str">
            <v>ｱｻｶﾜﾄﾞｳﾛ</v>
          </cell>
          <cell r="N185" t="str">
            <v>有</v>
          </cell>
          <cell r="O185">
            <v>51</v>
          </cell>
          <cell r="P185">
            <v>36</v>
          </cell>
          <cell r="Q185">
            <v>5170001000085</v>
          </cell>
          <cell r="R185">
            <v>45000</v>
          </cell>
          <cell r="S185">
            <v>507676</v>
          </cell>
          <cell r="T185">
            <v>1201590</v>
          </cell>
          <cell r="V185" t="str">
            <v>mb799361</v>
          </cell>
          <cell r="W185" t="str">
            <v>uw887992</v>
          </cell>
          <cell r="X185" t="str">
            <v>土と石舗</v>
          </cell>
          <cell r="Y185" t="str">
            <v/>
          </cell>
          <cell r="Z185" t="str">
            <v>土と石舗</v>
          </cell>
          <cell r="AA185" t="str">
            <v>土木一式</v>
          </cell>
          <cell r="AB185" t="str">
            <v>舗装</v>
          </cell>
          <cell r="AC185" t="str">
            <v>とび土工</v>
          </cell>
          <cell r="AD185" t="str">
            <v/>
          </cell>
          <cell r="AE185">
            <v>43251</v>
          </cell>
          <cell r="AF185" t="str">
            <v>希望する</v>
          </cell>
          <cell r="AG185" t="str">
            <v>土木一式</v>
          </cell>
          <cell r="AH185" t="str">
            <v>特定</v>
          </cell>
          <cell r="AI185">
            <v>959</v>
          </cell>
          <cell r="AJ185">
            <v>333126</v>
          </cell>
          <cell r="AK185" t="str">
            <v>20(19)/7/0</v>
          </cell>
          <cell r="AL185" t="str">
            <v>舗装</v>
          </cell>
          <cell r="AM185" t="str">
            <v>特定</v>
          </cell>
          <cell r="AN185">
            <v>997</v>
          </cell>
          <cell r="AO185">
            <v>864273</v>
          </cell>
          <cell r="AP185" t="str">
            <v>20(19)/7/0</v>
          </cell>
          <cell r="AQ185" t="str">
            <v>とび土工</v>
          </cell>
          <cell r="AR185" t="str">
            <v>特定</v>
          </cell>
          <cell r="AS185">
            <v>694</v>
          </cell>
          <cell r="AT185">
            <v>4191</v>
          </cell>
          <cell r="AU185" t="str">
            <v>0(0)/0/0</v>
          </cell>
          <cell r="AV185" t="str">
            <v/>
          </cell>
          <cell r="AW185" t="str">
            <v/>
          </cell>
          <cell r="AX185" t="str">
            <v/>
          </cell>
          <cell r="AY185" t="str">
            <v/>
          </cell>
          <cell r="AZ185" t="str">
            <v/>
          </cell>
          <cell r="BA185" t="str">
            <v>和歌山県</v>
          </cell>
          <cell r="BB185">
            <v>0</v>
          </cell>
          <cell r="CR185">
            <v>3799</v>
          </cell>
          <cell r="CS185" t="str">
            <v>ﾐﾅｷ ﾋﾛﾌﾐ</v>
          </cell>
          <cell r="CT185" t="str">
            <v>皆木  博文</v>
          </cell>
          <cell r="CU185" t="str">
            <v xml:space="preserve"> </v>
          </cell>
          <cell r="CW185">
            <v>3517</v>
          </cell>
          <cell r="CX185" t="str">
            <v xml:space="preserve"> </v>
          </cell>
          <cell r="CY185" t="str">
            <v>　</v>
          </cell>
        </row>
        <row r="186">
          <cell r="B186">
            <v>2087</v>
          </cell>
          <cell r="C186" t="str">
            <v>(株)飛鳥土木</v>
          </cell>
          <cell r="D186" t="str">
            <v>0790-82-2670</v>
          </cell>
          <cell r="E186" t="str">
            <v>679-5305</v>
          </cell>
          <cell r="F186" t="str">
            <v>兵庫県佐用郡佐用町長尾38-1</v>
          </cell>
          <cell r="G186" t="str">
            <v>佐用郡佐用町</v>
          </cell>
          <cell r="H186" t="str">
            <v/>
          </cell>
          <cell r="I186" t="str">
            <v>代表取締役 坂野　聖季</v>
          </cell>
          <cell r="J186" t="str">
            <v>本店</v>
          </cell>
          <cell r="K186" t="str">
            <v>0790-82-0267</v>
          </cell>
          <cell r="L186" t="str">
            <v>nyusatsu_a@asukadoboku.com</v>
          </cell>
          <cell r="M186" t="str">
            <v>ｱｽｶﾄﾞﾎﾞｸ</v>
          </cell>
          <cell r="N186" t="str">
            <v>無</v>
          </cell>
          <cell r="O186">
            <v>35</v>
          </cell>
          <cell r="P186">
            <v>8</v>
          </cell>
          <cell r="Q186">
            <v>4140001039243</v>
          </cell>
          <cell r="R186">
            <v>20000</v>
          </cell>
          <cell r="S186">
            <v>48277</v>
          </cell>
          <cell r="T186">
            <v>39038</v>
          </cell>
          <cell r="V186" t="str">
            <v>me136643</v>
          </cell>
          <cell r="W186" t="str">
            <v>ok138315</v>
          </cell>
          <cell r="X186" t="str">
            <v>土と舗浚水</v>
          </cell>
          <cell r="Y186" t="str">
            <v/>
          </cell>
          <cell r="Z186" t="str">
            <v>土と舗浚水</v>
          </cell>
          <cell r="AA186" t="str">
            <v>土木一式</v>
          </cell>
          <cell r="AB186" t="str">
            <v>舗装</v>
          </cell>
          <cell r="AC186" t="str">
            <v/>
          </cell>
          <cell r="AD186" t="str">
            <v/>
          </cell>
          <cell r="AE186">
            <v>43343</v>
          </cell>
          <cell r="AF186" t="str">
            <v>希望しない</v>
          </cell>
          <cell r="AG186" t="str">
            <v>土木一式</v>
          </cell>
          <cell r="AH186" t="str">
            <v>特定</v>
          </cell>
          <cell r="AI186">
            <v>829</v>
          </cell>
          <cell r="AJ186">
            <v>100978</v>
          </cell>
          <cell r="AK186" t="str">
            <v>3(3)/2/1</v>
          </cell>
          <cell r="AL186" t="str">
            <v>舗装</v>
          </cell>
          <cell r="AM186" t="str">
            <v>特定</v>
          </cell>
          <cell r="AN186">
            <v>792</v>
          </cell>
          <cell r="AO186">
            <v>26871</v>
          </cell>
          <cell r="AP186" t="str">
            <v>3(3)/2/1</v>
          </cell>
          <cell r="AQ186" t="str">
            <v/>
          </cell>
          <cell r="AR186" t="str">
            <v/>
          </cell>
          <cell r="AS186" t="str">
            <v/>
          </cell>
          <cell r="AT186" t="str">
            <v/>
          </cell>
          <cell r="AU186" t="str">
            <v/>
          </cell>
          <cell r="AV186" t="str">
            <v/>
          </cell>
          <cell r="AW186" t="str">
            <v/>
          </cell>
          <cell r="AX186" t="str">
            <v/>
          </cell>
          <cell r="AY186" t="str">
            <v/>
          </cell>
          <cell r="AZ186" t="str">
            <v/>
          </cell>
          <cell r="BA186" t="str">
            <v>兵庫県</v>
          </cell>
        </row>
        <row r="187">
          <cell r="B187">
            <v>2088</v>
          </cell>
          <cell r="C187" t="str">
            <v>(株)アイホー</v>
          </cell>
          <cell r="D187" t="str">
            <v>078-821-8516</v>
          </cell>
          <cell r="E187" t="str">
            <v>658-0053</v>
          </cell>
          <cell r="F187" t="str">
            <v>兵庫県神戸市東灘区住吉宮町1-21-16</v>
          </cell>
          <cell r="G187" t="str">
            <v>豊川市</v>
          </cell>
          <cell r="H187" t="str">
            <v>神戸営業所</v>
          </cell>
          <cell r="I187" t="str">
            <v>所長 三輪　浩平</v>
          </cell>
          <cell r="J187" t="str">
            <v>愛知県豊川市</v>
          </cell>
          <cell r="K187" t="str">
            <v>078-821-8561</v>
          </cell>
          <cell r="L187" t="str">
            <v>saso@aiho.co.jp</v>
          </cell>
          <cell r="M187" t="str">
            <v>ｱｲﾎｰ</v>
          </cell>
          <cell r="N187" t="str">
            <v>有</v>
          </cell>
          <cell r="O187">
            <v>65</v>
          </cell>
          <cell r="P187">
            <v>465</v>
          </cell>
          <cell r="Q187">
            <v>1180301009696</v>
          </cell>
          <cell r="R187">
            <v>835512</v>
          </cell>
          <cell r="S187">
            <v>11352616</v>
          </cell>
          <cell r="T187">
            <v>20183875</v>
          </cell>
          <cell r="V187" t="str">
            <v>ad978810</v>
          </cell>
          <cell r="W187" t="str">
            <v>bh431379</v>
          </cell>
          <cell r="X187" t="str">
            <v>管機(管)(機)</v>
          </cell>
          <cell r="Y187" t="str">
            <v>管機(管)(機)</v>
          </cell>
          <cell r="Z187" t="str">
            <v/>
          </cell>
          <cell r="AA187" t="str">
            <v>管</v>
          </cell>
          <cell r="AB187" t="str">
            <v>機械器具</v>
          </cell>
          <cell r="AC187" t="str">
            <v/>
          </cell>
          <cell r="AD187" t="str">
            <v/>
          </cell>
          <cell r="AE187">
            <v>43433</v>
          </cell>
          <cell r="AF187" t="str">
            <v>希望しない</v>
          </cell>
          <cell r="AG187" t="str">
            <v>管</v>
          </cell>
          <cell r="AH187" t="str">
            <v>一般</v>
          </cell>
          <cell r="AI187">
            <v>1302</v>
          </cell>
          <cell r="AJ187">
            <v>9100849</v>
          </cell>
          <cell r="AK187" t="str">
            <v>10(0)/4/120</v>
          </cell>
          <cell r="AL187" t="str">
            <v>機械器具</v>
          </cell>
          <cell r="AM187" t="str">
            <v>一般</v>
          </cell>
          <cell r="AN187">
            <v>1093</v>
          </cell>
          <cell r="AO187">
            <v>545495</v>
          </cell>
          <cell r="AP187" t="str">
            <v>0(0)/0/80</v>
          </cell>
          <cell r="AQ187" t="str">
            <v/>
          </cell>
          <cell r="AR187" t="str">
            <v/>
          </cell>
          <cell r="AS187" t="str">
            <v/>
          </cell>
          <cell r="AT187" t="str">
            <v/>
          </cell>
          <cell r="AU187" t="str">
            <v/>
          </cell>
          <cell r="AV187" t="str">
            <v/>
          </cell>
          <cell r="AW187" t="str">
            <v/>
          </cell>
          <cell r="AX187" t="str">
            <v/>
          </cell>
          <cell r="AY187" t="str">
            <v/>
          </cell>
          <cell r="AZ187" t="str">
            <v/>
          </cell>
          <cell r="BA187" t="str">
            <v>愛知県</v>
          </cell>
          <cell r="BB187">
            <v>0</v>
          </cell>
          <cell r="CR187">
            <v>3858</v>
          </cell>
          <cell r="CS187" t="str">
            <v>ﾔﾉ ﾂﾔｺ</v>
          </cell>
          <cell r="CT187" t="str">
            <v>弥野  ツヤ子</v>
          </cell>
          <cell r="CU187" t="str">
            <v>こども福祉課</v>
          </cell>
          <cell r="CW187">
            <v>2693</v>
          </cell>
          <cell r="CX187" t="str">
            <v>課長</v>
          </cell>
          <cell r="CY187" t="str">
            <v>こども福祉課長</v>
          </cell>
        </row>
        <row r="188">
          <cell r="B188">
            <v>2090</v>
          </cell>
          <cell r="C188" t="str">
            <v>(株)アルファテクノ</v>
          </cell>
          <cell r="D188" t="str">
            <v>0721-21-5134</v>
          </cell>
          <cell r="E188" t="str">
            <v>586-0042</v>
          </cell>
          <cell r="F188" t="str">
            <v>大阪府河内長野市日東町11-8</v>
          </cell>
          <cell r="G188" t="str">
            <v>河内長野市</v>
          </cell>
          <cell r="H188" t="str">
            <v/>
          </cell>
          <cell r="I188" t="str">
            <v>代表取締役 山本　省三</v>
          </cell>
          <cell r="J188" t="str">
            <v>本店</v>
          </cell>
          <cell r="K188" t="str">
            <v>020-4623-2307</v>
          </cell>
          <cell r="L188" t="str">
            <v>keiyaku@alp-tec.co.jp</v>
          </cell>
          <cell r="M188" t="str">
            <v>ｱﾙﾌｧﾃｸﾉ</v>
          </cell>
          <cell r="N188" t="str">
            <v>無</v>
          </cell>
          <cell r="O188">
            <v>10</v>
          </cell>
          <cell r="P188">
            <v>4</v>
          </cell>
          <cell r="Q188">
            <v>4140001030268</v>
          </cell>
          <cell r="R188">
            <v>3000</v>
          </cell>
          <cell r="S188">
            <v>2598</v>
          </cell>
          <cell r="T188">
            <v>42114</v>
          </cell>
          <cell r="V188" t="str">
            <v>uv276897</v>
          </cell>
          <cell r="W188" t="str">
            <v>ws147559</v>
          </cell>
          <cell r="X188" t="str">
            <v>電機</v>
          </cell>
          <cell r="Y188" t="str">
            <v>電機</v>
          </cell>
          <cell r="Z188" t="str">
            <v/>
          </cell>
          <cell r="AA188" t="str">
            <v>機械器具</v>
          </cell>
          <cell r="AB188" t="str">
            <v>電気</v>
          </cell>
          <cell r="AC188" t="str">
            <v/>
          </cell>
          <cell r="AD188" t="str">
            <v/>
          </cell>
          <cell r="AE188">
            <v>43281</v>
          </cell>
          <cell r="AF188" t="str">
            <v>希望しない</v>
          </cell>
          <cell r="AG188" t="str">
            <v>機械器具</v>
          </cell>
          <cell r="AH188" t="str">
            <v>一般</v>
          </cell>
          <cell r="AI188">
            <v>538</v>
          </cell>
          <cell r="AJ188">
            <v>14105</v>
          </cell>
          <cell r="AK188" t="str">
            <v>0(0)/0/1</v>
          </cell>
          <cell r="AL188" t="str">
            <v>電気</v>
          </cell>
          <cell r="AM188" t="str">
            <v>一般</v>
          </cell>
          <cell r="AN188">
            <v>566</v>
          </cell>
          <cell r="AO188">
            <v>16619</v>
          </cell>
          <cell r="AP188" t="str">
            <v>1(1)/1/0</v>
          </cell>
          <cell r="AQ188" t="str">
            <v/>
          </cell>
          <cell r="AR188" t="str">
            <v/>
          </cell>
          <cell r="AS188" t="str">
            <v/>
          </cell>
          <cell r="AT188" t="str">
            <v/>
          </cell>
          <cell r="AU188" t="str">
            <v/>
          </cell>
          <cell r="AV188" t="str">
            <v/>
          </cell>
          <cell r="AW188" t="str">
            <v/>
          </cell>
          <cell r="AX188" t="str">
            <v/>
          </cell>
          <cell r="AY188" t="str">
            <v/>
          </cell>
          <cell r="AZ188" t="str">
            <v/>
          </cell>
          <cell r="BA188" t="str">
            <v>大阪府</v>
          </cell>
          <cell r="BB188">
            <v>0</v>
          </cell>
          <cell r="CR188">
            <v>3869</v>
          </cell>
          <cell r="CS188" t="str">
            <v>ｲﾏｲ ﾋﾛｺ</v>
          </cell>
          <cell r="CT188" t="str">
            <v>今井  寛子</v>
          </cell>
          <cell r="CU188" t="str">
            <v>健康政策課</v>
          </cell>
          <cell r="CW188">
            <v>2630</v>
          </cell>
          <cell r="CX188" t="str">
            <v xml:space="preserve"> </v>
          </cell>
          <cell r="CY188" t="str">
            <v>健康政策課長</v>
          </cell>
        </row>
        <row r="189">
          <cell r="B189">
            <v>2092</v>
          </cell>
          <cell r="C189" t="str">
            <v>浅野アタカ(株)</v>
          </cell>
          <cell r="D189" t="str">
            <v>06-4804-0036</v>
          </cell>
          <cell r="E189" t="str">
            <v>554-0012</v>
          </cell>
          <cell r="F189" t="str">
            <v>大阪府大阪市此花区西九条5-3-28</v>
          </cell>
          <cell r="G189" t="str">
            <v/>
          </cell>
          <cell r="H189" t="str">
            <v>大阪支店</v>
          </cell>
          <cell r="I189" t="str">
            <v>支店長 生島　栄一</v>
          </cell>
          <cell r="J189" t="str">
            <v>東京都</v>
          </cell>
          <cell r="K189" t="str">
            <v>06-4804-0037</v>
          </cell>
          <cell r="L189" t="str">
            <v>osaka@asanoataka.co.jp</v>
          </cell>
          <cell r="M189" t="str">
            <v>ｱｻﾉｶﾝｷｮｳｿﾘｭｰｼｮﾝ</v>
          </cell>
          <cell r="N189" t="str">
            <v>有</v>
          </cell>
          <cell r="O189">
            <v>34</v>
          </cell>
          <cell r="P189">
            <v>287</v>
          </cell>
          <cell r="Q189">
            <v>7010501023962</v>
          </cell>
          <cell r="R189">
            <v>100000</v>
          </cell>
          <cell r="S189">
            <v>686975</v>
          </cell>
          <cell r="T189">
            <v>4746859</v>
          </cell>
          <cell r="V189" t="str">
            <v>ge142758</v>
          </cell>
          <cell r="W189" t="str">
            <v>ma754157</v>
          </cell>
          <cell r="X189" t="str">
            <v>(清)(と)(電)(管)(鋼)(舗)(機)(水)(清)土建と電管鋼舗機水清</v>
          </cell>
          <cell r="Y189" t="str">
            <v>(清)(と)(電)(管)(鋼)(舗)(機)(水)(清)</v>
          </cell>
          <cell r="Z189" t="str">
            <v>土建と電管鋼舗機水清</v>
          </cell>
          <cell r="AA189" t="str">
            <v>機械器具</v>
          </cell>
          <cell r="AB189" t="str">
            <v>清掃施設</v>
          </cell>
          <cell r="AC189" t="str">
            <v>電気</v>
          </cell>
          <cell r="AD189" t="str">
            <v>水道施設</v>
          </cell>
          <cell r="AE189">
            <v>43190</v>
          </cell>
          <cell r="AF189" t="str">
            <v>希望しない</v>
          </cell>
          <cell r="AG189" t="str">
            <v>機械器具</v>
          </cell>
          <cell r="AH189" t="str">
            <v>特定</v>
          </cell>
          <cell r="AI189">
            <v>988</v>
          </cell>
          <cell r="AJ189">
            <v>1625262</v>
          </cell>
          <cell r="AK189" t="str">
            <v>0(0)/0/23</v>
          </cell>
          <cell r="AL189" t="str">
            <v>清掃施設</v>
          </cell>
          <cell r="AM189" t="str">
            <v>特定</v>
          </cell>
          <cell r="AN189">
            <v>951</v>
          </cell>
          <cell r="AO189">
            <v>977015</v>
          </cell>
          <cell r="AP189" t="str">
            <v>2(1)/0/7</v>
          </cell>
          <cell r="AQ189" t="str">
            <v>電気</v>
          </cell>
          <cell r="AR189" t="str">
            <v>特定</v>
          </cell>
          <cell r="AS189">
            <v>866</v>
          </cell>
          <cell r="AT189">
            <v>26460</v>
          </cell>
          <cell r="AU189" t="str">
            <v>6(6)/5/7</v>
          </cell>
          <cell r="AV189" t="str">
            <v>水道施設</v>
          </cell>
          <cell r="AW189" t="str">
            <v>特定</v>
          </cell>
          <cell r="AX189">
            <v>899</v>
          </cell>
          <cell r="AY189">
            <v>6631</v>
          </cell>
          <cell r="AZ189" t="str">
            <v>37(34)/1/0</v>
          </cell>
          <cell r="BA189" t="str">
            <v>東京都</v>
          </cell>
          <cell r="BB189">
            <v>0</v>
          </cell>
          <cell r="CR189">
            <v>3895</v>
          </cell>
          <cell r="CS189" t="str">
            <v>ﾏﾂｳﾗ ﾖｳｲﾁ</v>
          </cell>
          <cell r="CT189" t="str">
            <v>松浦  洋一</v>
          </cell>
          <cell r="CU189" t="str">
            <v>学校給食センター</v>
          </cell>
          <cell r="CW189" t="str">
            <v xml:space="preserve"> </v>
          </cell>
          <cell r="CX189" t="str">
            <v>所長</v>
          </cell>
          <cell r="CY189" t="str">
            <v>学校給食センター長</v>
          </cell>
        </row>
        <row r="190">
          <cell r="B190">
            <v>2093</v>
          </cell>
          <cell r="C190" t="str">
            <v>(株)秋田建設</v>
          </cell>
          <cell r="D190" t="str">
            <v>0797-81-7750</v>
          </cell>
          <cell r="E190" t="str">
            <v>665-0874</v>
          </cell>
          <cell r="F190" t="str">
            <v>兵庫県宝塚市中筋5-54-1</v>
          </cell>
          <cell r="G190" t="str">
            <v>宝塚市</v>
          </cell>
          <cell r="H190" t="str">
            <v/>
          </cell>
          <cell r="I190" t="str">
            <v>代表取締役 秋田　龍</v>
          </cell>
          <cell r="J190" t="str">
            <v>本店</v>
          </cell>
          <cell r="K190" t="str">
            <v>0797-81-7752</v>
          </cell>
          <cell r="L190" t="str">
            <v xml:space="preserve">bafpe707@jttk.zaq.ne.jp </v>
          </cell>
          <cell r="M190" t="str">
            <v>ｱｷﾀｹﾝｾﾂ</v>
          </cell>
          <cell r="N190" t="str">
            <v>無</v>
          </cell>
          <cell r="O190">
            <v>31</v>
          </cell>
          <cell r="P190">
            <v>16</v>
          </cell>
          <cell r="Q190">
            <v>2140001091279</v>
          </cell>
          <cell r="R190">
            <v>5000</v>
          </cell>
          <cell r="S190">
            <v>154998</v>
          </cell>
          <cell r="T190">
            <v>679749</v>
          </cell>
          <cell r="V190" t="str">
            <v>gb178433</v>
          </cell>
          <cell r="W190" t="str">
            <v>wt185343</v>
          </cell>
          <cell r="X190" t="str">
            <v>土と舗</v>
          </cell>
          <cell r="Y190" t="str">
            <v>土と舗</v>
          </cell>
          <cell r="Z190" t="str">
            <v/>
          </cell>
          <cell r="AA190" t="str">
            <v>舗装</v>
          </cell>
          <cell r="AB190" t="str">
            <v>土木一式</v>
          </cell>
          <cell r="AC190" t="str">
            <v/>
          </cell>
          <cell r="AD190" t="str">
            <v/>
          </cell>
          <cell r="AE190">
            <v>43281</v>
          </cell>
          <cell r="AF190" t="str">
            <v>希望しない</v>
          </cell>
          <cell r="AG190" t="str">
            <v>舗装</v>
          </cell>
          <cell r="AH190" t="str">
            <v>一般</v>
          </cell>
          <cell r="AI190">
            <v>927</v>
          </cell>
          <cell r="AJ190">
            <v>647539</v>
          </cell>
          <cell r="AK190" t="str">
            <v>3(1)/1/6</v>
          </cell>
          <cell r="AL190" t="str">
            <v>土木一式</v>
          </cell>
          <cell r="AM190" t="str">
            <v>一般</v>
          </cell>
          <cell r="AN190">
            <v>787</v>
          </cell>
          <cell r="AO190">
            <v>9115</v>
          </cell>
          <cell r="AP190" t="str">
            <v>3(1)/1/1</v>
          </cell>
          <cell r="AQ190" t="str">
            <v/>
          </cell>
          <cell r="AR190" t="str">
            <v/>
          </cell>
          <cell r="AS190" t="str">
            <v/>
          </cell>
          <cell r="AT190" t="str">
            <v/>
          </cell>
          <cell r="AU190" t="str">
            <v/>
          </cell>
          <cell r="AV190" t="str">
            <v/>
          </cell>
          <cell r="AW190" t="str">
            <v/>
          </cell>
          <cell r="AX190" t="str">
            <v/>
          </cell>
          <cell r="AY190" t="str">
            <v/>
          </cell>
          <cell r="AZ190" t="str">
            <v/>
          </cell>
          <cell r="BA190" t="str">
            <v>兵庫県</v>
          </cell>
          <cell r="BB190">
            <v>0</v>
          </cell>
          <cell r="CR190">
            <v>3914</v>
          </cell>
          <cell r="CS190" t="str">
            <v>ﾔﾏｸﾞﾁ ﾉﾎﾞﾙ</v>
          </cell>
          <cell r="CT190" t="str">
            <v>山口  昇</v>
          </cell>
          <cell r="CU190" t="str">
            <v>浄水課</v>
          </cell>
          <cell r="CW190" t="str">
            <v xml:space="preserve"> </v>
          </cell>
          <cell r="CX190" t="str">
            <v>主査</v>
          </cell>
          <cell r="CY190" t="str">
            <v>浄水課長</v>
          </cell>
        </row>
        <row r="191">
          <cell r="B191">
            <v>2094</v>
          </cell>
          <cell r="C191" t="str">
            <v>(有)荒木造園土木</v>
          </cell>
          <cell r="D191" t="str">
            <v>072-758-0858</v>
          </cell>
          <cell r="E191" t="str">
            <v>666-0004</v>
          </cell>
          <cell r="F191" t="str">
            <v>兵庫県川西市萩原1-17-10</v>
          </cell>
          <cell r="G191" t="str">
            <v>川西市</v>
          </cell>
          <cell r="H191" t="str">
            <v/>
          </cell>
          <cell r="I191" t="str">
            <v>代表取締役 荒木　太</v>
          </cell>
          <cell r="J191" t="str">
            <v>本店</v>
          </cell>
          <cell r="K191" t="str">
            <v>072-758-5116</v>
          </cell>
          <cell r="L191" t="str">
            <v>arakizd-take@y5.dion.ne.jp</v>
          </cell>
          <cell r="M191" t="str">
            <v>ｱﾗｷｿﾞｳｴﾝﾄﾞﾎﾞｸ</v>
          </cell>
          <cell r="N191" t="str">
            <v>無</v>
          </cell>
          <cell r="O191">
            <v>28</v>
          </cell>
          <cell r="P191">
            <v>8</v>
          </cell>
          <cell r="Q191">
            <v>6140002064263</v>
          </cell>
          <cell r="R191">
            <v>10000</v>
          </cell>
          <cell r="S191">
            <v>88748</v>
          </cell>
          <cell r="T191">
            <v>130640</v>
          </cell>
          <cell r="V191" t="str">
            <v>hb184769</v>
          </cell>
          <cell r="W191" t="str">
            <v>dr148484</v>
          </cell>
          <cell r="X191" t="str">
            <v>土と石管園</v>
          </cell>
          <cell r="Y191" t="str">
            <v>土と石管園</v>
          </cell>
          <cell r="Z191" t="str">
            <v/>
          </cell>
          <cell r="AA191" t="str">
            <v>造園</v>
          </cell>
          <cell r="AB191" t="str">
            <v>土木一式</v>
          </cell>
          <cell r="AC191" t="str">
            <v>管</v>
          </cell>
          <cell r="AD191" t="str">
            <v>石</v>
          </cell>
          <cell r="AE191">
            <v>43131</v>
          </cell>
          <cell r="AF191" t="str">
            <v>希望しない</v>
          </cell>
          <cell r="AG191" t="str">
            <v>造園</v>
          </cell>
          <cell r="AH191" t="str">
            <v>一般</v>
          </cell>
          <cell r="AI191">
            <v>829</v>
          </cell>
          <cell r="AJ191">
            <v>109541</v>
          </cell>
          <cell r="AK191" t="str">
            <v>2(1)/1/0</v>
          </cell>
          <cell r="AL191" t="str">
            <v>土木一式</v>
          </cell>
          <cell r="AM191" t="str">
            <v>一般</v>
          </cell>
          <cell r="AN191">
            <v>790</v>
          </cell>
          <cell r="AO191">
            <v>19814</v>
          </cell>
          <cell r="AP191" t="str">
            <v>2(2)/1/1</v>
          </cell>
          <cell r="AQ191" t="str">
            <v>管</v>
          </cell>
          <cell r="AR191" t="str">
            <v>一般</v>
          </cell>
          <cell r="AS191">
            <v>706</v>
          </cell>
          <cell r="AT191" t="str">
            <v/>
          </cell>
          <cell r="AU191" t="str">
            <v>1(1)/0/0</v>
          </cell>
          <cell r="AV191" t="str">
            <v>石</v>
          </cell>
          <cell r="AW191" t="str">
            <v>一般</v>
          </cell>
          <cell r="AX191">
            <v>691</v>
          </cell>
          <cell r="AY191" t="str">
            <v/>
          </cell>
          <cell r="AZ191" t="str">
            <v>0(0)/0/0</v>
          </cell>
          <cell r="BA191" t="str">
            <v>兵庫県</v>
          </cell>
          <cell r="BB191">
            <v>0</v>
          </cell>
          <cell r="CR191">
            <v>3918</v>
          </cell>
          <cell r="CS191" t="str">
            <v>ﾔﾏｼﾀ ｵｻﾑ</v>
          </cell>
          <cell r="CT191" t="str">
            <v>山下  治</v>
          </cell>
          <cell r="CU191" t="str">
            <v>公園課</v>
          </cell>
          <cell r="CW191" t="str">
            <v xml:space="preserve"> </v>
          </cell>
          <cell r="CX191" t="str">
            <v>所長</v>
          </cell>
          <cell r="CY191" t="str">
            <v>公園課長</v>
          </cell>
        </row>
        <row r="192">
          <cell r="B192">
            <v>2095</v>
          </cell>
          <cell r="C192" t="str">
            <v>旭防災設備(株)</v>
          </cell>
          <cell r="D192" t="str">
            <v>06-6228-9550</v>
          </cell>
          <cell r="E192" t="str">
            <v>541-0043</v>
          </cell>
          <cell r="F192" t="str">
            <v>大阪府大阪市中央区高麗橋2-2-2</v>
          </cell>
          <cell r="G192" t="str">
            <v/>
          </cell>
          <cell r="H192" t="str">
            <v>大阪支店</v>
          </cell>
          <cell r="I192" t="str">
            <v>大阪支店長 和田　葉子</v>
          </cell>
          <cell r="J192" t="str">
            <v>東京都</v>
          </cell>
          <cell r="K192" t="str">
            <v>06-6228-9552</v>
          </cell>
          <cell r="L192" t="str">
            <v>yuuko.tusaka@red.zero.jp</v>
          </cell>
          <cell r="M192" t="str">
            <v>ｱｻﾋﾎﾞｳｻｲｾﾂﾋﾞ</v>
          </cell>
          <cell r="N192" t="str">
            <v>有</v>
          </cell>
          <cell r="O192">
            <v>54</v>
          </cell>
          <cell r="P192">
            <v>35</v>
          </cell>
          <cell r="Q192">
            <v>5010901000539</v>
          </cell>
          <cell r="R192">
            <v>20000</v>
          </cell>
          <cell r="S192">
            <v>585519</v>
          </cell>
          <cell r="T192">
            <v>922533</v>
          </cell>
          <cell r="V192" t="str">
            <v>lc128311</v>
          </cell>
          <cell r="W192" t="str">
            <v>qf105422</v>
          </cell>
          <cell r="X192" t="str">
            <v>電(消)消</v>
          </cell>
          <cell r="Y192" t="str">
            <v>電(消)</v>
          </cell>
          <cell r="Z192" t="str">
            <v>消</v>
          </cell>
          <cell r="AA192" t="str">
            <v>消防施設</v>
          </cell>
          <cell r="AB192" t="str">
            <v/>
          </cell>
          <cell r="AC192" t="str">
            <v/>
          </cell>
          <cell r="AD192" t="str">
            <v/>
          </cell>
          <cell r="AE192">
            <v>43251</v>
          </cell>
          <cell r="AF192" t="str">
            <v/>
          </cell>
          <cell r="AG192" t="str">
            <v>消防施設</v>
          </cell>
          <cell r="AH192" t="str">
            <v>特定</v>
          </cell>
          <cell r="AI192">
            <v>1009</v>
          </cell>
          <cell r="AJ192">
            <v>634617</v>
          </cell>
          <cell r="AK192" t="str">
            <v>0(0)/31/4</v>
          </cell>
          <cell r="AL192" t="str">
            <v/>
          </cell>
          <cell r="AM192" t="str">
            <v/>
          </cell>
          <cell r="AN192" t="str">
            <v/>
          </cell>
          <cell r="AO192" t="str">
            <v/>
          </cell>
          <cell r="AP192" t="str">
            <v/>
          </cell>
          <cell r="AQ192" t="str">
            <v/>
          </cell>
          <cell r="AR192" t="str">
            <v/>
          </cell>
          <cell r="AS192" t="str">
            <v/>
          </cell>
          <cell r="AT192" t="str">
            <v/>
          </cell>
          <cell r="AU192" t="str">
            <v/>
          </cell>
          <cell r="AV192" t="str">
            <v/>
          </cell>
          <cell r="AW192" t="str">
            <v/>
          </cell>
          <cell r="AX192" t="str">
            <v/>
          </cell>
          <cell r="AY192" t="str">
            <v/>
          </cell>
          <cell r="AZ192" t="str">
            <v/>
          </cell>
          <cell r="BA192" t="str">
            <v>東京都</v>
          </cell>
          <cell r="BB192">
            <v>0</v>
          </cell>
          <cell r="CR192">
            <v>3933</v>
          </cell>
          <cell r="CS192" t="str">
            <v>ｵｶﾞﾜ ﾄﾓｺ</v>
          </cell>
          <cell r="CT192" t="str">
            <v>小川  朋子</v>
          </cell>
          <cell r="CU192" t="str">
            <v>保育課</v>
          </cell>
          <cell r="CW192" t="str">
            <v xml:space="preserve"> </v>
          </cell>
          <cell r="CX192" t="str">
            <v xml:space="preserve"> </v>
          </cell>
          <cell r="CY192" t="str">
            <v>保育課長</v>
          </cell>
        </row>
        <row r="193">
          <cell r="B193">
            <v>2096</v>
          </cell>
          <cell r="C193" t="str">
            <v>アーステック(株)</v>
          </cell>
          <cell r="D193" t="str">
            <v>072-840-2193</v>
          </cell>
          <cell r="E193" t="str">
            <v>573-0021</v>
          </cell>
          <cell r="F193" t="str">
            <v>大阪府枚方市中宮西之町4-22</v>
          </cell>
          <cell r="G193" t="str">
            <v>枚方市</v>
          </cell>
          <cell r="H193" t="str">
            <v/>
          </cell>
          <cell r="I193" t="str">
            <v>代表取締役 河本　哲久</v>
          </cell>
          <cell r="J193" t="str">
            <v>本店</v>
          </cell>
          <cell r="K193" t="str">
            <v>072-840-2199</v>
          </cell>
          <cell r="L193" t="str">
            <v>earth@joy.ocn.ne.jp</v>
          </cell>
          <cell r="M193" t="str">
            <v>ｱｰｽﾃｯｸ</v>
          </cell>
          <cell r="N193" t="str">
            <v>無</v>
          </cell>
          <cell r="O193">
            <v>20</v>
          </cell>
          <cell r="P193">
            <v>5</v>
          </cell>
          <cell r="Q193">
            <v>3120001152065</v>
          </cell>
          <cell r="R193">
            <v>40000</v>
          </cell>
          <cell r="S193">
            <v>47068</v>
          </cell>
          <cell r="T193">
            <v>91383</v>
          </cell>
          <cell r="V193" t="str">
            <v>bn102548</v>
          </cell>
          <cell r="W193" t="str">
            <v>qf176148</v>
          </cell>
          <cell r="X193" t="str">
            <v>井土建と管舗浚塗防園水</v>
          </cell>
          <cell r="Y193" t="str">
            <v>井</v>
          </cell>
          <cell r="Z193" t="str">
            <v>土建と管舗浚塗防園水</v>
          </cell>
          <cell r="AA193" t="str">
            <v>さく井</v>
          </cell>
          <cell r="AB193" t="str">
            <v>土木一式</v>
          </cell>
          <cell r="AC193" t="str">
            <v>建築一式</v>
          </cell>
          <cell r="AD193" t="str">
            <v>管</v>
          </cell>
          <cell r="AE193">
            <v>43069</v>
          </cell>
          <cell r="AF193" t="str">
            <v>希望しない</v>
          </cell>
          <cell r="AG193" t="str">
            <v>さく井</v>
          </cell>
          <cell r="AH193" t="str">
            <v>一般</v>
          </cell>
          <cell r="AI193">
            <v>630</v>
          </cell>
          <cell r="AJ193">
            <v>1543</v>
          </cell>
          <cell r="AK193" t="str">
            <v>0(0)/0/0</v>
          </cell>
          <cell r="AL193" t="str">
            <v>土木一式</v>
          </cell>
          <cell r="AM193" t="str">
            <v>特定</v>
          </cell>
          <cell r="AN193">
            <v>745</v>
          </cell>
          <cell r="AO193">
            <v>51285</v>
          </cell>
          <cell r="AP193" t="str">
            <v>2(2)/0/1</v>
          </cell>
          <cell r="AQ193" t="str">
            <v>建築一式</v>
          </cell>
          <cell r="AR193" t="str">
            <v>特定</v>
          </cell>
          <cell r="AS193">
            <v>683</v>
          </cell>
          <cell r="AT193">
            <v>15885</v>
          </cell>
          <cell r="AU193" t="str">
            <v>0(0)/0/0</v>
          </cell>
          <cell r="AV193" t="str">
            <v>管</v>
          </cell>
          <cell r="AW193" t="str">
            <v>特定</v>
          </cell>
          <cell r="AX193">
            <v>659</v>
          </cell>
          <cell r="AY193">
            <v>6173</v>
          </cell>
          <cell r="AZ193" t="str">
            <v>1(1)/0/0</v>
          </cell>
          <cell r="BA193" t="str">
            <v>大阪府</v>
          </cell>
          <cell r="BB193">
            <v>0</v>
          </cell>
          <cell r="CR193">
            <v>3953</v>
          </cell>
          <cell r="CS193" t="str">
            <v>ﾖｼﾀﾞ ﾋｻｼ</v>
          </cell>
          <cell r="CT193" t="str">
            <v>吉田  尚</v>
          </cell>
          <cell r="CU193" t="str">
            <v>商工労働課</v>
          </cell>
          <cell r="CW193">
            <v>2908</v>
          </cell>
          <cell r="CX193" t="str">
            <v>副主査</v>
          </cell>
          <cell r="CY193" t="str">
            <v>商工労働課長</v>
          </cell>
        </row>
        <row r="194">
          <cell r="B194">
            <v>2097</v>
          </cell>
          <cell r="C194" t="str">
            <v>(株)アセント</v>
          </cell>
          <cell r="D194" t="str">
            <v>03-5419-6022</v>
          </cell>
          <cell r="E194" t="str">
            <v>108-0023</v>
          </cell>
          <cell r="F194" t="str">
            <v>東京都港区芝浦4-16-23</v>
          </cell>
          <cell r="G194" t="str">
            <v/>
          </cell>
          <cell r="H194" t="str">
            <v/>
          </cell>
          <cell r="I194" t="str">
            <v>代表取締役 木越　健二</v>
          </cell>
          <cell r="J194" t="str">
            <v>本店</v>
          </cell>
          <cell r="K194" t="str">
            <v>03-3452-0802</v>
          </cell>
          <cell r="L194" t="str">
            <v>soumukeiri@ascent-jp.com</v>
          </cell>
          <cell r="M194" t="str">
            <v>ｱｾﾝﾄ</v>
          </cell>
          <cell r="N194" t="str">
            <v>無</v>
          </cell>
          <cell r="O194">
            <v>22</v>
          </cell>
          <cell r="P194">
            <v>45</v>
          </cell>
          <cell r="Q194">
            <v>3120001073443</v>
          </cell>
          <cell r="R194">
            <v>50000</v>
          </cell>
          <cell r="S194">
            <v>111728</v>
          </cell>
          <cell r="T194">
            <v>1569884</v>
          </cell>
          <cell r="V194" t="str">
            <v>lz136840</v>
          </cell>
          <cell r="W194" t="str">
            <v>mk142046</v>
          </cell>
          <cell r="X194" t="str">
            <v>電通</v>
          </cell>
          <cell r="Y194" t="str">
            <v/>
          </cell>
          <cell r="Z194" t="str">
            <v>電通</v>
          </cell>
          <cell r="AA194" t="str">
            <v>電気通信</v>
          </cell>
          <cell r="AB194" t="str">
            <v>電気</v>
          </cell>
          <cell r="AC194" t="str">
            <v/>
          </cell>
          <cell r="AD194" t="str">
            <v/>
          </cell>
          <cell r="AE194">
            <v>43251</v>
          </cell>
          <cell r="AF194" t="str">
            <v>希望しない</v>
          </cell>
          <cell r="AG194" t="str">
            <v>電気通信</v>
          </cell>
          <cell r="AH194" t="str">
            <v>特定</v>
          </cell>
          <cell r="AI194">
            <v>879</v>
          </cell>
          <cell r="AJ194">
            <v>1199205</v>
          </cell>
          <cell r="AK194" t="str">
            <v>3(2)/0/14</v>
          </cell>
          <cell r="AL194" t="str">
            <v>電気</v>
          </cell>
          <cell r="AM194" t="str">
            <v>特定</v>
          </cell>
          <cell r="AN194">
            <v>789</v>
          </cell>
          <cell r="AO194">
            <v>38096</v>
          </cell>
          <cell r="AP194" t="str">
            <v>10(9)/8/2</v>
          </cell>
          <cell r="AQ194" t="str">
            <v/>
          </cell>
          <cell r="AR194" t="str">
            <v/>
          </cell>
          <cell r="AS194" t="str">
            <v/>
          </cell>
          <cell r="AT194" t="str">
            <v/>
          </cell>
          <cell r="AU194" t="str">
            <v/>
          </cell>
          <cell r="AV194" t="str">
            <v/>
          </cell>
          <cell r="AW194" t="str">
            <v/>
          </cell>
          <cell r="AX194" t="str">
            <v/>
          </cell>
          <cell r="AY194" t="str">
            <v/>
          </cell>
          <cell r="AZ194" t="str">
            <v/>
          </cell>
          <cell r="BA194" t="str">
            <v>東京都</v>
          </cell>
          <cell r="BB194">
            <v>0</v>
          </cell>
          <cell r="CR194">
            <v>3954</v>
          </cell>
          <cell r="CS194" t="str">
            <v>ﾀﾆｸﾞﾁ ｸﾆﾋｺ</v>
          </cell>
          <cell r="CT194" t="str">
            <v>谷口  国彦</v>
          </cell>
          <cell r="CU194" t="str">
            <v>情報管理課</v>
          </cell>
          <cell r="CW194">
            <v>2477</v>
          </cell>
          <cell r="CX194" t="str">
            <v>課長</v>
          </cell>
          <cell r="CY194" t="str">
            <v>情報管理課長</v>
          </cell>
        </row>
        <row r="195">
          <cell r="B195">
            <v>2099</v>
          </cell>
          <cell r="C195" t="str">
            <v>旭技建(株)</v>
          </cell>
          <cell r="D195" t="str">
            <v>06-6191-0077</v>
          </cell>
          <cell r="E195" t="str">
            <v>540-0012</v>
          </cell>
          <cell r="F195" t="str">
            <v>大阪府中央区谷町5-6-12</v>
          </cell>
          <cell r="G195" t="str">
            <v/>
          </cell>
          <cell r="H195" t="str">
            <v/>
          </cell>
          <cell r="I195" t="str">
            <v>代表取締役 長尾　育将</v>
          </cell>
          <cell r="J195" t="str">
            <v>本店</v>
          </cell>
          <cell r="K195" t="str">
            <v>06-6191-0088</v>
          </cell>
          <cell r="L195" t="str">
            <v>t.nomura@asahi-giken.co.jp</v>
          </cell>
          <cell r="M195" t="str">
            <v>ｱｻﾋｷﾞｹﾝ</v>
          </cell>
          <cell r="N195" t="str">
            <v>無</v>
          </cell>
          <cell r="O195">
            <v>36</v>
          </cell>
          <cell r="P195">
            <v>57</v>
          </cell>
          <cell r="Q195">
            <v>1120901008995</v>
          </cell>
          <cell r="R195">
            <v>150000</v>
          </cell>
          <cell r="S195">
            <v>1346046</v>
          </cell>
          <cell r="T195">
            <v>4614729</v>
          </cell>
          <cell r="V195" t="str">
            <v>tx103907</v>
          </cell>
          <cell r="W195" t="str">
            <v>ui184086</v>
          </cell>
          <cell r="X195" t="str">
            <v>土建と管タ舗塗防内具解</v>
          </cell>
          <cell r="Y195" t="str">
            <v/>
          </cell>
          <cell r="Z195" t="str">
            <v>土建と管タ舗塗防内具解</v>
          </cell>
          <cell r="AA195" t="str">
            <v>建築一式</v>
          </cell>
          <cell r="AB195" t="str">
            <v>塗装</v>
          </cell>
          <cell r="AC195" t="str">
            <v>防水</v>
          </cell>
          <cell r="AD195" t="str">
            <v/>
          </cell>
          <cell r="AE195">
            <v>43251</v>
          </cell>
          <cell r="AF195" t="str">
            <v>希望しない</v>
          </cell>
          <cell r="AG195" t="str">
            <v>建築一式</v>
          </cell>
          <cell r="AH195" t="str">
            <v>特定</v>
          </cell>
          <cell r="AI195">
            <v>930</v>
          </cell>
          <cell r="AJ195">
            <v>3362855</v>
          </cell>
          <cell r="AK195" t="str">
            <v>3(3)/1/1</v>
          </cell>
          <cell r="AL195" t="str">
            <v>塗装</v>
          </cell>
          <cell r="AM195" t="str">
            <v>特定</v>
          </cell>
          <cell r="AN195">
            <v>923</v>
          </cell>
          <cell r="AO195">
            <v>602203</v>
          </cell>
          <cell r="AP195" t="str">
            <v>21(18)/4/4</v>
          </cell>
          <cell r="AQ195" t="str">
            <v>防水</v>
          </cell>
          <cell r="AR195" t="str">
            <v>特定</v>
          </cell>
          <cell r="AS195">
            <v>836</v>
          </cell>
          <cell r="AT195">
            <v>123268</v>
          </cell>
          <cell r="AU195" t="str">
            <v>13(11)/5/0</v>
          </cell>
          <cell r="AV195" t="str">
            <v/>
          </cell>
          <cell r="AW195" t="str">
            <v/>
          </cell>
          <cell r="AX195" t="str">
            <v/>
          </cell>
          <cell r="AY195" t="str">
            <v/>
          </cell>
          <cell r="AZ195" t="str">
            <v/>
          </cell>
          <cell r="BA195" t="str">
            <v>大阪府</v>
          </cell>
          <cell r="BB195" t="str">
            <v>新野村ビル</v>
          </cell>
          <cell r="CR195">
            <v>3956</v>
          </cell>
          <cell r="CS195" t="str">
            <v>ｺﾏﾂ ｼｹﾞｼ</v>
          </cell>
          <cell r="CT195" t="str">
            <v>小松  茂士</v>
          </cell>
          <cell r="CU195" t="str">
            <v xml:space="preserve"> </v>
          </cell>
          <cell r="CW195">
            <v>3441</v>
          </cell>
          <cell r="CX195" t="str">
            <v>次長</v>
          </cell>
          <cell r="CY195" t="str">
            <v>　</v>
          </cell>
        </row>
        <row r="196">
          <cell r="B196">
            <v>2101</v>
          </cell>
          <cell r="C196" t="str">
            <v>家島建設(株)</v>
          </cell>
          <cell r="D196" t="str">
            <v>078-251-8761</v>
          </cell>
          <cell r="E196" t="str">
            <v>651-0088</v>
          </cell>
          <cell r="F196" t="str">
            <v>兵庫県神戸市中央区小野柄通6-1-6</v>
          </cell>
          <cell r="G196" t="str">
            <v>姫路市</v>
          </cell>
          <cell r="H196" t="str">
            <v>神戸支店</v>
          </cell>
          <cell r="I196" t="str">
            <v>支店長 安永　修二</v>
          </cell>
          <cell r="J196" t="str">
            <v>兵庫県姫路市</v>
          </cell>
          <cell r="K196" t="str">
            <v>078-251-8762</v>
          </cell>
          <cell r="L196" t="str">
            <v>himeji.eigyou@ieshima.co.jp</v>
          </cell>
          <cell r="M196" t="str">
            <v>ｲｴｼﾏｹﾝｾﾂ</v>
          </cell>
          <cell r="N196" t="str">
            <v>有</v>
          </cell>
          <cell r="O196">
            <v>65</v>
          </cell>
          <cell r="P196">
            <v>139</v>
          </cell>
          <cell r="Q196">
            <v>4140001057699</v>
          </cell>
          <cell r="R196">
            <v>300000</v>
          </cell>
          <cell r="S196">
            <v>2038371</v>
          </cell>
          <cell r="T196">
            <v>10476743</v>
          </cell>
          <cell r="V196" t="str">
            <v>gt314445</v>
          </cell>
          <cell r="W196" t="str">
            <v>ka179242</v>
          </cell>
          <cell r="X196" t="str">
            <v>(清)(と)(石)(鋼)(舗)(浚)(水)土建と石鋼舗浚水</v>
          </cell>
          <cell r="Y196" t="str">
            <v>(清)(と)(石)(鋼)(舗)(浚)(水)</v>
          </cell>
          <cell r="Z196" t="str">
            <v>土建と石鋼舗浚水</v>
          </cell>
          <cell r="AA196" t="str">
            <v>土木一式</v>
          </cell>
          <cell r="AB196" t="str">
            <v>とび土工</v>
          </cell>
          <cell r="AC196" t="str">
            <v>舗装</v>
          </cell>
          <cell r="AD196" t="str">
            <v>水道施設</v>
          </cell>
          <cell r="AE196">
            <v>43100</v>
          </cell>
          <cell r="AF196" t="str">
            <v/>
          </cell>
          <cell r="AG196" t="str">
            <v>土木一式</v>
          </cell>
          <cell r="AH196" t="str">
            <v>特定</v>
          </cell>
          <cell r="AI196">
            <v>1223</v>
          </cell>
          <cell r="AJ196">
            <v>8006126</v>
          </cell>
          <cell r="AK196" t="str">
            <v>48(48)/6/41</v>
          </cell>
          <cell r="AL196" t="str">
            <v>とび土工</v>
          </cell>
          <cell r="AM196" t="str">
            <v>特定</v>
          </cell>
          <cell r="AN196">
            <v>908</v>
          </cell>
          <cell r="AO196">
            <v>321680</v>
          </cell>
          <cell r="AP196" t="str">
            <v>2(2)/1/0</v>
          </cell>
          <cell r="AQ196" t="str">
            <v>舗装</v>
          </cell>
          <cell r="AR196" t="str">
            <v>特定</v>
          </cell>
          <cell r="AS196">
            <v>909</v>
          </cell>
          <cell r="AT196">
            <v>5087</v>
          </cell>
          <cell r="AU196" t="str">
            <v>26(26)/1/20</v>
          </cell>
          <cell r="AV196" t="str">
            <v>水道施設</v>
          </cell>
          <cell r="AW196" t="str">
            <v>特定</v>
          </cell>
          <cell r="AX196">
            <v>748</v>
          </cell>
          <cell r="AY196" t="str">
            <v/>
          </cell>
          <cell r="AZ196" t="str">
            <v>0(0)/1/0</v>
          </cell>
          <cell r="BA196" t="str">
            <v>兵庫県</v>
          </cell>
          <cell r="BB196">
            <v>0</v>
          </cell>
          <cell r="CR196">
            <v>3956</v>
          </cell>
          <cell r="CS196" t="str">
            <v>ｺﾏﾂ ｼｹﾞｼ</v>
          </cell>
          <cell r="CT196" t="str">
            <v>小松  茂士</v>
          </cell>
          <cell r="CU196" t="str">
            <v>議事課</v>
          </cell>
          <cell r="CW196">
            <v>3441</v>
          </cell>
          <cell r="CX196" t="str">
            <v>（兼）課長</v>
          </cell>
          <cell r="CY196" t="str">
            <v>議事課長</v>
          </cell>
        </row>
        <row r="197">
          <cell r="B197">
            <v>2104</v>
          </cell>
          <cell r="C197" t="str">
            <v>池田建設(株)</v>
          </cell>
          <cell r="D197" t="str">
            <v>06-6352-3601</v>
          </cell>
          <cell r="E197" t="str">
            <v>530-0044</v>
          </cell>
          <cell r="F197" t="str">
            <v>大阪府大阪市北区東天満2-1-4</v>
          </cell>
          <cell r="G197" t="str">
            <v/>
          </cell>
          <cell r="H197" t="str">
            <v>大阪支店</v>
          </cell>
          <cell r="I197" t="str">
            <v>支店長 米原　則行</v>
          </cell>
          <cell r="J197" t="str">
            <v>東京都</v>
          </cell>
          <cell r="K197" t="str">
            <v>06-6352-3289</v>
          </cell>
          <cell r="L197" t="str">
            <v>terai@ikeda-kk.co.jp</v>
          </cell>
          <cell r="M197" t="str">
            <v>ｲｹﾀﾞｹﾝｾﾂ</v>
          </cell>
          <cell r="N197" t="str">
            <v>有</v>
          </cell>
          <cell r="O197">
            <v>11</v>
          </cell>
          <cell r="P197">
            <v>127</v>
          </cell>
          <cell r="Q197">
            <v>9010401080193</v>
          </cell>
          <cell r="R197">
            <v>100000</v>
          </cell>
          <cell r="S197">
            <v>2213841</v>
          </cell>
          <cell r="T197">
            <v>12190059</v>
          </cell>
          <cell r="V197" t="str">
            <v>xs341301</v>
          </cell>
          <cell r="W197" t="str">
            <v>ha350693</v>
          </cell>
          <cell r="X197" t="str">
            <v>(建)(と)(鋼)(内)土建と管鋼舗内水解</v>
          </cell>
          <cell r="Y197" t="str">
            <v>(建)(と)(鋼)(内)</v>
          </cell>
          <cell r="Z197" t="str">
            <v>土建と管鋼舗内水解</v>
          </cell>
          <cell r="AA197" t="str">
            <v>建築一式</v>
          </cell>
          <cell r="AB197" t="str">
            <v/>
          </cell>
          <cell r="AC197" t="str">
            <v/>
          </cell>
          <cell r="AD197" t="str">
            <v/>
          </cell>
          <cell r="AE197">
            <v>43100</v>
          </cell>
          <cell r="AF197" t="str">
            <v/>
          </cell>
          <cell r="AG197" t="str">
            <v>建築一式</v>
          </cell>
          <cell r="AH197" t="str">
            <v>特定</v>
          </cell>
          <cell r="AI197">
            <v>1149</v>
          </cell>
          <cell r="AJ197">
            <v>11021720</v>
          </cell>
          <cell r="AK197" t="str">
            <v>59(49)/7/16</v>
          </cell>
          <cell r="AL197" t="str">
            <v/>
          </cell>
          <cell r="AM197" t="str">
            <v/>
          </cell>
          <cell r="AN197" t="str">
            <v/>
          </cell>
          <cell r="AO197" t="str">
            <v/>
          </cell>
          <cell r="AP197" t="str">
            <v/>
          </cell>
          <cell r="AQ197" t="str">
            <v/>
          </cell>
          <cell r="AR197" t="str">
            <v/>
          </cell>
          <cell r="AS197" t="str">
            <v/>
          </cell>
          <cell r="AT197" t="str">
            <v/>
          </cell>
          <cell r="AU197" t="str">
            <v/>
          </cell>
          <cell r="AV197" t="str">
            <v/>
          </cell>
          <cell r="AW197" t="str">
            <v/>
          </cell>
          <cell r="AX197" t="str">
            <v/>
          </cell>
          <cell r="AY197" t="str">
            <v/>
          </cell>
          <cell r="AZ197" t="str">
            <v/>
          </cell>
          <cell r="BA197" t="str">
            <v>東京都</v>
          </cell>
          <cell r="BB197">
            <v>0</v>
          </cell>
          <cell r="CR197">
            <v>3958</v>
          </cell>
          <cell r="CS197" t="str">
            <v>ﾅｶﾆｼ ﾏｻﾐ</v>
          </cell>
          <cell r="CT197" t="str">
            <v>中西  政美</v>
          </cell>
          <cell r="CU197" t="str">
            <v>市民税課</v>
          </cell>
          <cell r="CW197">
            <v>2308</v>
          </cell>
          <cell r="CX197" t="str">
            <v>副主査</v>
          </cell>
          <cell r="CY197" t="str">
            <v>市民税課長</v>
          </cell>
        </row>
        <row r="198">
          <cell r="B198">
            <v>2106</v>
          </cell>
          <cell r="C198" t="str">
            <v>池田建設(株)</v>
          </cell>
          <cell r="D198" t="str">
            <v>0795-82-0352</v>
          </cell>
          <cell r="E198" t="str">
            <v>669-3601</v>
          </cell>
          <cell r="F198" t="str">
            <v>兵庫県丹波市氷上町成松479-1</v>
          </cell>
          <cell r="G198" t="str">
            <v>丹波市</v>
          </cell>
          <cell r="H198" t="str">
            <v/>
          </cell>
          <cell r="I198" t="str">
            <v>代表取締役 池田　陽太郎</v>
          </cell>
          <cell r="J198" t="str">
            <v>本店</v>
          </cell>
          <cell r="K198" t="str">
            <v>0795-82-6097</v>
          </cell>
          <cell r="L198" t="str">
            <v>info@ikeda-kensetu.co.jp</v>
          </cell>
          <cell r="M198" t="str">
            <v>ｲｹﾀﾞｹﾝｾﾂ</v>
          </cell>
          <cell r="N198" t="str">
            <v>無</v>
          </cell>
          <cell r="O198">
            <v>57</v>
          </cell>
          <cell r="P198">
            <v>54</v>
          </cell>
          <cell r="Q198">
            <v>5140001040902</v>
          </cell>
          <cell r="R198">
            <v>35000</v>
          </cell>
          <cell r="S198">
            <v>1855456</v>
          </cell>
          <cell r="T198">
            <v>1932780</v>
          </cell>
          <cell r="V198" t="str">
            <v>hw949932</v>
          </cell>
          <cell r="W198" t="str">
            <v>ks300428</v>
          </cell>
          <cell r="X198" t="str">
            <v>土建大と石屋タ鋼舗浚塗内水</v>
          </cell>
          <cell r="Y198" t="str">
            <v/>
          </cell>
          <cell r="Z198" t="str">
            <v>土建大と石屋タ鋼舗浚塗内水</v>
          </cell>
          <cell r="AA198" t="str">
            <v>土木一式</v>
          </cell>
          <cell r="AB198" t="str">
            <v>建築一式</v>
          </cell>
          <cell r="AC198" t="str">
            <v>舗装</v>
          </cell>
          <cell r="AD198" t="str">
            <v>水道施設</v>
          </cell>
          <cell r="AE198">
            <v>43008</v>
          </cell>
          <cell r="AF198" t="str">
            <v>希望する</v>
          </cell>
          <cell r="AG198" t="str">
            <v>土木一式</v>
          </cell>
          <cell r="AH198" t="str">
            <v>特定</v>
          </cell>
          <cell r="AI198">
            <v>1070</v>
          </cell>
          <cell r="AJ198">
            <v>1064205</v>
          </cell>
          <cell r="AK198" t="str">
            <v>19(17)/11/12</v>
          </cell>
          <cell r="AL198" t="str">
            <v>建築一式</v>
          </cell>
          <cell r="AM198" t="str">
            <v>特定</v>
          </cell>
          <cell r="AN198">
            <v>939</v>
          </cell>
          <cell r="AO198">
            <v>355706</v>
          </cell>
          <cell r="AP198" t="str">
            <v>3(3)/1/5</v>
          </cell>
          <cell r="AQ198" t="str">
            <v>舗装</v>
          </cell>
          <cell r="AR198" t="str">
            <v>特定</v>
          </cell>
          <cell r="AS198">
            <v>927</v>
          </cell>
          <cell r="AT198">
            <v>42912</v>
          </cell>
          <cell r="AU198" t="str">
            <v>13(11)/9/4</v>
          </cell>
          <cell r="AV198" t="str">
            <v>水道施設</v>
          </cell>
          <cell r="AW198" t="str">
            <v>特定</v>
          </cell>
          <cell r="AX198">
            <v>798</v>
          </cell>
          <cell r="AY198">
            <v>311</v>
          </cell>
          <cell r="AZ198" t="str">
            <v>6(6)/0/0</v>
          </cell>
          <cell r="BA198" t="str">
            <v>兵庫県</v>
          </cell>
          <cell r="BB198">
            <v>0</v>
          </cell>
          <cell r="CR198">
            <v>3961</v>
          </cell>
          <cell r="CS198" t="str">
            <v>ﾏｴﾀﾞ ﾏｻﾋﾛ</v>
          </cell>
          <cell r="CT198" t="str">
            <v>前田  勝弘</v>
          </cell>
          <cell r="CU198" t="str">
            <v>介護保険課</v>
          </cell>
          <cell r="CW198">
            <v>2713</v>
          </cell>
          <cell r="CX198" t="str">
            <v>課長</v>
          </cell>
          <cell r="CY198" t="str">
            <v>介護保険課長</v>
          </cell>
        </row>
        <row r="199">
          <cell r="B199">
            <v>2110</v>
          </cell>
          <cell r="C199" t="str">
            <v>(株)石垣</v>
          </cell>
          <cell r="D199" t="str">
            <v>06-6350-0021</v>
          </cell>
          <cell r="E199" t="str">
            <v>532-0003</v>
          </cell>
          <cell r="F199" t="str">
            <v>大阪府大阪市淀川区宮原3-3-31</v>
          </cell>
          <cell r="G199" t="str">
            <v/>
          </cell>
          <cell r="H199" t="str">
            <v>大阪支店</v>
          </cell>
          <cell r="I199" t="str">
            <v>支店長 安室　要一</v>
          </cell>
          <cell r="J199" t="str">
            <v>東京都</v>
          </cell>
          <cell r="K199" t="str">
            <v>06-6350-0135</v>
          </cell>
          <cell r="L199" t="str">
            <v>ishigakiosk@basil.ocn.ne.jp</v>
          </cell>
          <cell r="M199" t="str">
            <v>ｲｼｶﾞｷ</v>
          </cell>
          <cell r="N199" t="str">
            <v>有</v>
          </cell>
          <cell r="O199">
            <v>53</v>
          </cell>
          <cell r="P199">
            <v>470</v>
          </cell>
          <cell r="Q199">
            <v>7010001036671</v>
          </cell>
          <cell r="R199">
            <v>510000</v>
          </cell>
          <cell r="S199">
            <v>6991868</v>
          </cell>
          <cell r="T199">
            <v>15780346</v>
          </cell>
          <cell r="V199" t="str">
            <v>ca262897</v>
          </cell>
          <cell r="W199" t="str">
            <v>td443524</v>
          </cell>
          <cell r="X199" t="str">
            <v>電機水</v>
          </cell>
          <cell r="Y199" t="str">
            <v/>
          </cell>
          <cell r="Z199" t="str">
            <v>電機水</v>
          </cell>
          <cell r="AA199" t="str">
            <v>機械器具</v>
          </cell>
          <cell r="AB199" t="str">
            <v>水道施設</v>
          </cell>
          <cell r="AC199" t="str">
            <v/>
          </cell>
          <cell r="AD199" t="str">
            <v/>
          </cell>
          <cell r="AE199">
            <v>43281</v>
          </cell>
          <cell r="AF199" t="str">
            <v>希望しない</v>
          </cell>
          <cell r="AG199" t="str">
            <v>機械器具</v>
          </cell>
          <cell r="AH199" t="str">
            <v>特定</v>
          </cell>
          <cell r="AI199">
            <v>1316</v>
          </cell>
          <cell r="AJ199">
            <v>11036891</v>
          </cell>
          <cell r="AK199" t="str">
            <v>3(3)/0/208</v>
          </cell>
          <cell r="AL199" t="str">
            <v>水道施設</v>
          </cell>
          <cell r="AM199" t="str">
            <v>特定</v>
          </cell>
          <cell r="AN199">
            <v>1121</v>
          </cell>
          <cell r="AO199">
            <v>104288</v>
          </cell>
          <cell r="AP199" t="str">
            <v>112(94)/0/10</v>
          </cell>
          <cell r="AQ199" t="str">
            <v/>
          </cell>
          <cell r="AR199" t="str">
            <v/>
          </cell>
          <cell r="AS199" t="str">
            <v/>
          </cell>
          <cell r="AT199" t="str">
            <v/>
          </cell>
          <cell r="AU199" t="str">
            <v/>
          </cell>
          <cell r="AV199" t="str">
            <v/>
          </cell>
          <cell r="AW199" t="str">
            <v/>
          </cell>
          <cell r="AX199" t="str">
            <v/>
          </cell>
          <cell r="AY199" t="str">
            <v/>
          </cell>
          <cell r="AZ199" t="str">
            <v/>
          </cell>
          <cell r="BA199" t="str">
            <v>東京都</v>
          </cell>
          <cell r="BB199" t="str">
            <v>丸の内北口ビルディング</v>
          </cell>
          <cell r="CR199">
            <v>3962</v>
          </cell>
          <cell r="CS199" t="str">
            <v>ﾌｼﾞﾓﾄ ｲｽﾞﾐ</v>
          </cell>
          <cell r="CT199" t="str">
            <v>藤本  泉</v>
          </cell>
          <cell r="CU199" t="str">
            <v>こども若者企画課</v>
          </cell>
          <cell r="CW199" t="str">
            <v xml:space="preserve"> </v>
          </cell>
          <cell r="CX199" t="str">
            <v>副主査</v>
          </cell>
          <cell r="CY199" t="str">
            <v>こども若者企画課長</v>
          </cell>
        </row>
        <row r="200">
          <cell r="B200">
            <v>2111</v>
          </cell>
          <cell r="C200" t="str">
            <v>石垣メンテナンス(株)</v>
          </cell>
          <cell r="D200" t="str">
            <v>06-6350-0171</v>
          </cell>
          <cell r="E200" t="str">
            <v>532-0003</v>
          </cell>
          <cell r="F200" t="str">
            <v>大阪府大阪市淀川区宮原3-3-31</v>
          </cell>
          <cell r="G200" t="str">
            <v>大阪市</v>
          </cell>
          <cell r="H200" t="str">
            <v>大阪支店</v>
          </cell>
          <cell r="I200" t="str">
            <v>支店長 東　良史</v>
          </cell>
          <cell r="J200" t="str">
            <v>東京都</v>
          </cell>
          <cell r="K200" t="str">
            <v>06-6350-0255</v>
          </cell>
          <cell r="L200" t="str">
            <v>MOSD@ishigaki.co.jp</v>
          </cell>
          <cell r="M200" t="str">
            <v>ｲｼｶﾞｷﾒﾝﾃﾅﾝｽ</v>
          </cell>
          <cell r="N200" t="str">
            <v>有</v>
          </cell>
          <cell r="O200">
            <v>45</v>
          </cell>
          <cell r="P200">
            <v>445</v>
          </cell>
          <cell r="Q200">
            <v>5010001036665</v>
          </cell>
          <cell r="R200">
            <v>50000</v>
          </cell>
          <cell r="S200">
            <v>1715511</v>
          </cell>
          <cell r="T200">
            <v>8618148</v>
          </cell>
          <cell r="V200" t="str">
            <v>eh566258</v>
          </cell>
          <cell r="W200" t="str">
            <v>rr404279</v>
          </cell>
          <cell r="X200" t="str">
            <v>(管)(機)(水)管機水</v>
          </cell>
          <cell r="Y200" t="str">
            <v>(管)(機)(水)</v>
          </cell>
          <cell r="Z200" t="str">
            <v>管機水</v>
          </cell>
          <cell r="AA200" t="str">
            <v>機械器具</v>
          </cell>
          <cell r="AB200" t="str">
            <v>水道施設</v>
          </cell>
          <cell r="AC200" t="str">
            <v>管</v>
          </cell>
          <cell r="AD200" t="str">
            <v/>
          </cell>
          <cell r="AE200">
            <v>43281</v>
          </cell>
          <cell r="AF200" t="str">
            <v/>
          </cell>
          <cell r="AG200" t="str">
            <v>機械器具</v>
          </cell>
          <cell r="AH200" t="str">
            <v>特定</v>
          </cell>
          <cell r="AI200">
            <v>1130</v>
          </cell>
          <cell r="AJ200">
            <v>2944335</v>
          </cell>
          <cell r="AK200" t="str">
            <v>1(1)/0/125</v>
          </cell>
          <cell r="AL200" t="str">
            <v>水道施設</v>
          </cell>
          <cell r="AM200" t="str">
            <v>特定</v>
          </cell>
          <cell r="AN200">
            <v>912</v>
          </cell>
          <cell r="AO200">
            <v>9000</v>
          </cell>
          <cell r="AP200" t="str">
            <v>20(18)/1/9</v>
          </cell>
          <cell r="AQ200" t="str">
            <v>管</v>
          </cell>
          <cell r="AR200" t="str">
            <v>特定</v>
          </cell>
          <cell r="AS200">
            <v>821</v>
          </cell>
          <cell r="AT200">
            <v>425</v>
          </cell>
          <cell r="AU200" t="str">
            <v>7(7)/2/2</v>
          </cell>
          <cell r="AV200" t="str">
            <v/>
          </cell>
          <cell r="AW200" t="str">
            <v/>
          </cell>
          <cell r="AX200" t="str">
            <v/>
          </cell>
          <cell r="AY200" t="str">
            <v/>
          </cell>
          <cell r="AZ200" t="str">
            <v/>
          </cell>
          <cell r="BA200" t="str">
            <v>東京都</v>
          </cell>
          <cell r="BB200">
            <v>0</v>
          </cell>
          <cell r="CR200">
            <v>3968</v>
          </cell>
          <cell r="CS200" t="str">
            <v>ｲｹﾀﾞ ﾚｲｺ</v>
          </cell>
          <cell r="CT200" t="str">
            <v>池田  玲子</v>
          </cell>
          <cell r="CU200" t="str">
            <v xml:space="preserve"> </v>
          </cell>
          <cell r="CW200">
            <v>3518</v>
          </cell>
          <cell r="CX200" t="str">
            <v xml:space="preserve"> </v>
          </cell>
          <cell r="CY200" t="str">
            <v>　</v>
          </cell>
        </row>
        <row r="201">
          <cell r="B201">
            <v>2113</v>
          </cell>
          <cell r="C201" t="str">
            <v>石黒体育施設(株)</v>
          </cell>
          <cell r="D201" t="str">
            <v>078-882-2032</v>
          </cell>
          <cell r="E201" t="str">
            <v>657-0066</v>
          </cell>
          <cell r="F201" t="str">
            <v>兵庫県神戸市灘区篠原中町3-4-4</v>
          </cell>
          <cell r="G201" t="str">
            <v>名古屋市</v>
          </cell>
          <cell r="H201" t="str">
            <v>神戸支店</v>
          </cell>
          <cell r="I201" t="str">
            <v>支店長 永留　正行</v>
          </cell>
          <cell r="J201" t="str">
            <v>愛知県名古屋市</v>
          </cell>
          <cell r="K201" t="str">
            <v>078-882-2492</v>
          </cell>
          <cell r="L201" t="str">
            <v>kobe@isiguro.co.jp</v>
          </cell>
          <cell r="M201" t="str">
            <v>ｲｼｸﾞﾛﾀｲｲｸｼｾﾂ</v>
          </cell>
          <cell r="N201" t="str">
            <v>有</v>
          </cell>
          <cell r="O201">
            <v>67</v>
          </cell>
          <cell r="P201">
            <v>12</v>
          </cell>
          <cell r="Q201">
            <v>6180001016063</v>
          </cell>
          <cell r="R201">
            <v>30000</v>
          </cell>
          <cell r="S201">
            <v>-89098</v>
          </cell>
          <cell r="T201">
            <v>289866</v>
          </cell>
          <cell r="V201" t="str">
            <v>zk566527</v>
          </cell>
          <cell r="W201" t="str">
            <v>uc151332</v>
          </cell>
          <cell r="X201" t="str">
            <v>土建大と屋タ舗内(清)(と)(舗)</v>
          </cell>
          <cell r="Y201" t="str">
            <v>土建大と屋タ舗内(清)(と)(舗)</v>
          </cell>
          <cell r="Z201" t="str">
            <v/>
          </cell>
          <cell r="AA201" t="str">
            <v>土木一式</v>
          </cell>
          <cell r="AB201" t="str">
            <v>とび土工</v>
          </cell>
          <cell r="AC201" t="str">
            <v>舗装</v>
          </cell>
          <cell r="AD201" t="str">
            <v/>
          </cell>
          <cell r="AE201">
            <v>43008</v>
          </cell>
          <cell r="AF201" t="str">
            <v>希望しない</v>
          </cell>
          <cell r="AG201" t="str">
            <v>土木一式</v>
          </cell>
          <cell r="AH201" t="str">
            <v>一般</v>
          </cell>
          <cell r="AI201">
            <v>644</v>
          </cell>
          <cell r="AJ201">
            <v>91521</v>
          </cell>
          <cell r="AK201" t="str">
            <v>4(2)/1/0</v>
          </cell>
          <cell r="AL201" t="str">
            <v>とび土工</v>
          </cell>
          <cell r="AM201" t="str">
            <v>一般</v>
          </cell>
          <cell r="AN201">
            <v>617</v>
          </cell>
          <cell r="AO201">
            <v>66779</v>
          </cell>
          <cell r="AP201" t="str">
            <v>3(1)/0/0</v>
          </cell>
          <cell r="AQ201" t="str">
            <v>舗装</v>
          </cell>
          <cell r="AR201" t="str">
            <v>一般</v>
          </cell>
          <cell r="AS201">
            <v>600</v>
          </cell>
          <cell r="AT201">
            <v>103967</v>
          </cell>
          <cell r="AU201" t="str">
            <v>1(1)/1/0</v>
          </cell>
          <cell r="AV201" t="str">
            <v/>
          </cell>
          <cell r="AW201" t="str">
            <v/>
          </cell>
          <cell r="AX201" t="str">
            <v/>
          </cell>
          <cell r="AY201" t="str">
            <v/>
          </cell>
          <cell r="AZ201" t="str">
            <v/>
          </cell>
          <cell r="BA201" t="str">
            <v>愛知県</v>
          </cell>
          <cell r="BB201" t="str">
            <v>不動ビル１階</v>
          </cell>
          <cell r="CR201">
            <v>4033</v>
          </cell>
          <cell r="CS201" t="str">
            <v>ｲｹﾀﾞ ﾉﾘﾄ</v>
          </cell>
          <cell r="CT201" t="str">
            <v>池田  則人</v>
          </cell>
          <cell r="CU201" t="str">
            <v>浄水課</v>
          </cell>
          <cell r="CW201" t="str">
            <v xml:space="preserve"> </v>
          </cell>
          <cell r="CX201" t="str">
            <v xml:space="preserve"> </v>
          </cell>
          <cell r="CY201" t="str">
            <v>浄水課長</v>
          </cell>
        </row>
        <row r="202">
          <cell r="B202">
            <v>2115</v>
          </cell>
          <cell r="C202" t="str">
            <v>泉興業(株)</v>
          </cell>
          <cell r="D202" t="str">
            <v>06-6488-5005</v>
          </cell>
          <cell r="E202" t="str">
            <v>660-0051</v>
          </cell>
          <cell r="F202" t="str">
            <v>兵庫県尼崎市東七松町1-15-20</v>
          </cell>
          <cell r="G202" t="str">
            <v>尼崎市</v>
          </cell>
          <cell r="H202" t="str">
            <v/>
          </cell>
          <cell r="I202" t="str">
            <v>代表取締役　 鑓田　雅之</v>
          </cell>
          <cell r="J202" t="str">
            <v>本店</v>
          </cell>
          <cell r="K202" t="str">
            <v>06-6488-6109</v>
          </cell>
          <cell r="L202" t="str">
            <v>miyazawa@izumi-group.co.jp</v>
          </cell>
          <cell r="M202" t="str">
            <v>ｲｽﾞﾐｺｳｷﾞﾖｳ</v>
          </cell>
          <cell r="N202" t="str">
            <v>無</v>
          </cell>
          <cell r="O202">
            <v>60</v>
          </cell>
          <cell r="P202">
            <v>178</v>
          </cell>
          <cell r="Q202">
            <v>2140000000000</v>
          </cell>
          <cell r="R202">
            <v>44000</v>
          </cell>
          <cell r="S202">
            <v>987705</v>
          </cell>
          <cell r="T202">
            <v>2374257</v>
          </cell>
          <cell r="V202" t="str">
            <v>wq697029</v>
          </cell>
          <cell r="W202" t="str">
            <v>th856191</v>
          </cell>
          <cell r="X202" t="str">
            <v>土建大と屋タ舗内(清)(と)(舗)</v>
          </cell>
          <cell r="Y202" t="str">
            <v>土建大と屋タ舗内(清)(と)(舗)</v>
          </cell>
          <cell r="Z202" t="str">
            <v/>
          </cell>
          <cell r="AA202" t="str">
            <v>造園</v>
          </cell>
          <cell r="AB202" t="str">
            <v>解体</v>
          </cell>
          <cell r="AC202" t="str">
            <v>土木一式</v>
          </cell>
          <cell r="AD202" t="str">
            <v>電気</v>
          </cell>
          <cell r="AE202">
            <v>43281</v>
          </cell>
          <cell r="AF202" t="str">
            <v/>
          </cell>
          <cell r="AG202" t="str">
            <v>造園</v>
          </cell>
          <cell r="AH202" t="str">
            <v>一般</v>
          </cell>
          <cell r="AI202">
            <v>702</v>
          </cell>
          <cell r="AJ202" t="str">
            <v/>
          </cell>
          <cell r="AK202" t="str">
            <v>1(0)/0/0</v>
          </cell>
          <cell r="AL202" t="str">
            <v>解体</v>
          </cell>
          <cell r="AM202" t="str">
            <v>一般</v>
          </cell>
          <cell r="AN202">
            <v>740</v>
          </cell>
          <cell r="AO202">
            <v>10810</v>
          </cell>
          <cell r="AP202" t="str">
            <v>0(0)/0/0</v>
          </cell>
          <cell r="AQ202" t="str">
            <v>土木一式</v>
          </cell>
          <cell r="AR202" t="str">
            <v>一般</v>
          </cell>
          <cell r="AS202">
            <v>758</v>
          </cell>
          <cell r="AT202">
            <v>16200</v>
          </cell>
          <cell r="AU202" t="str">
            <v>0(0)/2/0</v>
          </cell>
          <cell r="AV202" t="str">
            <v>電気</v>
          </cell>
          <cell r="AW202" t="str">
            <v>一般</v>
          </cell>
          <cell r="AX202">
            <v>714</v>
          </cell>
          <cell r="AY202" t="str">
            <v/>
          </cell>
          <cell r="AZ202" t="str">
            <v>1(1)/2/0</v>
          </cell>
          <cell r="BA202" t="str">
            <v>兵庫県</v>
          </cell>
          <cell r="BB202">
            <v>0</v>
          </cell>
          <cell r="CR202">
            <v>4037</v>
          </cell>
          <cell r="CS202" t="str">
            <v>ｶｼﾏ ﾋﾃﾞｺ</v>
          </cell>
          <cell r="CT202" t="str">
            <v>鹿島  秀子</v>
          </cell>
          <cell r="CU202" t="str">
            <v>保育課</v>
          </cell>
          <cell r="CW202" t="str">
            <v xml:space="preserve"> </v>
          </cell>
          <cell r="CX202" t="str">
            <v>副主査</v>
          </cell>
          <cell r="CY202" t="str">
            <v>保育課長</v>
          </cell>
        </row>
        <row r="203">
          <cell r="B203">
            <v>2123</v>
          </cell>
          <cell r="C203" t="str">
            <v>(株)イチケン</v>
          </cell>
          <cell r="D203" t="str">
            <v>06-6253-6202</v>
          </cell>
          <cell r="E203" t="str">
            <v>541-0056</v>
          </cell>
          <cell r="F203" t="str">
            <v>大阪府大阪市中央区久太郎町4丁目1番3号</v>
          </cell>
          <cell r="G203" t="str">
            <v/>
          </cell>
          <cell r="H203" t="str">
            <v>関西支店</v>
          </cell>
          <cell r="I203" t="str">
            <v>常務執行役員支店長 磯野　慶治</v>
          </cell>
          <cell r="J203" t="str">
            <v>東京都</v>
          </cell>
          <cell r="K203" t="str">
            <v>06-6253-6282</v>
          </cell>
          <cell r="L203" t="str">
            <v>ogata-w@ichiken.co.jp</v>
          </cell>
          <cell r="M203" t="str">
            <v>ｶﾌﾞｼｷｶﾞｲｼｬ ｲﾁｹﾝ</v>
          </cell>
          <cell r="N203" t="str">
            <v>有</v>
          </cell>
          <cell r="O203">
            <v>68</v>
          </cell>
          <cell r="P203">
            <v>612</v>
          </cell>
          <cell r="Q203">
            <v>7010501028268</v>
          </cell>
          <cell r="R203">
            <v>4321672</v>
          </cell>
          <cell r="S203">
            <v>17266</v>
          </cell>
          <cell r="T203">
            <v>82027</v>
          </cell>
          <cell r="V203" t="str">
            <v>ka241708</v>
          </cell>
          <cell r="W203" t="str">
            <v>yu614080</v>
          </cell>
          <cell r="X203" t="str">
            <v>消(清)(建)(大)(左)(と)(石)(屋)(電)(管)(タ)(鋼)(鉄)(板)(ガ)(塗)(防)(内)(熱)(具)(消)土建大と石屋電管タ鋼鉄舗浚板ガ塗防内熱具水</v>
          </cell>
          <cell r="Y203" t="str">
            <v>消(清)(建)(大)(左)(と)(石)(屋)(電)(管)(タ)(鋼)(鉄)(板)(ガ)(塗)(防)(内)(熱)(具)(消)</v>
          </cell>
          <cell r="Z203" t="str">
            <v>土建大と石屋電管タ鋼鉄舗浚板ガ塗防内熱具水</v>
          </cell>
          <cell r="AA203" t="str">
            <v>建築一式</v>
          </cell>
          <cell r="AB203" t="str">
            <v/>
          </cell>
          <cell r="AC203" t="str">
            <v/>
          </cell>
          <cell r="AD203" t="str">
            <v/>
          </cell>
          <cell r="AE203">
            <v>43190</v>
          </cell>
          <cell r="AF203" t="str">
            <v>希望しない</v>
          </cell>
          <cell r="AG203" t="str">
            <v>建築一式</v>
          </cell>
          <cell r="AH203" t="str">
            <v>特定</v>
          </cell>
          <cell r="AI203">
            <v>1736</v>
          </cell>
          <cell r="AJ203">
            <v>77577707</v>
          </cell>
          <cell r="AK203" t="str">
            <v>316(283)/15/47</v>
          </cell>
          <cell r="AL203" t="str">
            <v/>
          </cell>
          <cell r="AM203" t="str">
            <v/>
          </cell>
          <cell r="AN203" t="str">
            <v/>
          </cell>
          <cell r="AO203" t="str">
            <v/>
          </cell>
          <cell r="AP203" t="str">
            <v/>
          </cell>
          <cell r="AQ203" t="str">
            <v/>
          </cell>
          <cell r="AR203" t="str">
            <v/>
          </cell>
          <cell r="AS203" t="str">
            <v/>
          </cell>
          <cell r="AT203" t="str">
            <v/>
          </cell>
          <cell r="AU203" t="str">
            <v/>
          </cell>
          <cell r="AV203" t="str">
            <v/>
          </cell>
          <cell r="AW203" t="str">
            <v/>
          </cell>
          <cell r="AX203" t="str">
            <v/>
          </cell>
          <cell r="AY203" t="str">
            <v/>
          </cell>
          <cell r="AZ203" t="str">
            <v/>
          </cell>
          <cell r="BA203" t="str">
            <v>東京都</v>
          </cell>
          <cell r="BB203" t="str">
            <v>浜松町ビルディング６階</v>
          </cell>
          <cell r="CR203">
            <v>4043</v>
          </cell>
          <cell r="CS203" t="str">
            <v>ﾅｶｲ ﾉﾘﾖ</v>
          </cell>
          <cell r="CT203" t="str">
            <v>中井  典代</v>
          </cell>
          <cell r="CU203" t="str">
            <v xml:space="preserve"> </v>
          </cell>
          <cell r="CW203" t="str">
            <v xml:space="preserve"> </v>
          </cell>
          <cell r="CX203" t="str">
            <v>主幹</v>
          </cell>
          <cell r="CY203" t="str">
            <v>　</v>
          </cell>
        </row>
        <row r="204">
          <cell r="B204">
            <v>2124</v>
          </cell>
          <cell r="C204" t="str">
            <v>伊藤建設(株)</v>
          </cell>
          <cell r="D204" t="str">
            <v>0797-72-1768</v>
          </cell>
          <cell r="E204" t="str">
            <v>665-0051</v>
          </cell>
          <cell r="F204" t="str">
            <v>兵庫県宝塚市高司2-16-10</v>
          </cell>
          <cell r="G204" t="str">
            <v>宝塚市</v>
          </cell>
          <cell r="H204" t="str">
            <v/>
          </cell>
          <cell r="I204" t="str">
            <v>代表取締役 伊藤　徹雄</v>
          </cell>
          <cell r="J204" t="str">
            <v>本店</v>
          </cell>
          <cell r="K204" t="str">
            <v>0797-72-4923</v>
          </cell>
          <cell r="L204" t="str">
            <v>info@itokensetsu.co.jp</v>
          </cell>
          <cell r="M204" t="str">
            <v>ｲﾄｳｹﾝｾﾂ</v>
          </cell>
          <cell r="N204" t="str">
            <v>無</v>
          </cell>
          <cell r="O204">
            <v>35</v>
          </cell>
          <cell r="P204">
            <v>9</v>
          </cell>
          <cell r="Q204">
            <v>2140001081197</v>
          </cell>
          <cell r="R204">
            <v>50000</v>
          </cell>
          <cell r="S204">
            <v>330549</v>
          </cell>
          <cell r="T204">
            <v>281589</v>
          </cell>
          <cell r="V204" t="str">
            <v>dq654707</v>
          </cell>
          <cell r="W204" t="str">
            <v>ad601519</v>
          </cell>
          <cell r="X204" t="str">
            <v>土と石鋼舗浚水解</v>
          </cell>
          <cell r="Y204" t="str">
            <v/>
          </cell>
          <cell r="Z204" t="str">
            <v>土と石鋼舗浚水解</v>
          </cell>
          <cell r="AA204" t="str">
            <v>土木一式</v>
          </cell>
          <cell r="AB204" t="str">
            <v>舗装</v>
          </cell>
          <cell r="AC204" t="str">
            <v>水道施設</v>
          </cell>
          <cell r="AD204" t="str">
            <v>解体</v>
          </cell>
          <cell r="AE204">
            <v>43069</v>
          </cell>
          <cell r="AF204" t="str">
            <v>希望する</v>
          </cell>
          <cell r="AG204" t="str">
            <v>土木一式</v>
          </cell>
          <cell r="AH204" t="str">
            <v>特定</v>
          </cell>
          <cell r="AI204">
            <v>880</v>
          </cell>
          <cell r="AJ204">
            <v>285133</v>
          </cell>
          <cell r="AK204" t="str">
            <v>3(3)/2/3</v>
          </cell>
          <cell r="AL204" t="str">
            <v>舗装</v>
          </cell>
          <cell r="AM204" t="str">
            <v>特定</v>
          </cell>
          <cell r="AN204">
            <v>750</v>
          </cell>
          <cell r="AO204">
            <v>9840</v>
          </cell>
          <cell r="AP204" t="str">
            <v>2(2)/1/0</v>
          </cell>
          <cell r="AQ204" t="str">
            <v>水道施設</v>
          </cell>
          <cell r="AR204" t="str">
            <v>特定</v>
          </cell>
          <cell r="AS204">
            <v>696</v>
          </cell>
          <cell r="AT204">
            <v>440</v>
          </cell>
          <cell r="AU204" t="str">
            <v>1(1)/0/0</v>
          </cell>
          <cell r="AV204" t="str">
            <v>解体</v>
          </cell>
          <cell r="AW204" t="str">
            <v>特定</v>
          </cell>
          <cell r="AX204">
            <v>680</v>
          </cell>
          <cell r="AY204">
            <v>976</v>
          </cell>
          <cell r="AZ204" t="str">
            <v>0(0)/1/0</v>
          </cell>
          <cell r="BA204" t="str">
            <v>兵庫県</v>
          </cell>
          <cell r="BB204">
            <v>0</v>
          </cell>
          <cell r="CR204">
            <v>4043</v>
          </cell>
          <cell r="CS204" t="str">
            <v>ﾅｶｲ ﾉﾘﾖ</v>
          </cell>
          <cell r="CT204" t="str">
            <v>中井  典代</v>
          </cell>
          <cell r="CU204" t="str">
            <v>保育課</v>
          </cell>
          <cell r="CW204" t="str">
            <v xml:space="preserve"> </v>
          </cell>
          <cell r="CX204" t="str">
            <v>（兼）所長</v>
          </cell>
          <cell r="CY204" t="str">
            <v>保育課長</v>
          </cell>
        </row>
        <row r="205">
          <cell r="B205">
            <v>2125</v>
          </cell>
          <cell r="C205" t="str">
            <v>伊藤電気(株)</v>
          </cell>
          <cell r="D205" t="str">
            <v>06-6757-6334</v>
          </cell>
          <cell r="E205" t="str">
            <v>547-0001</v>
          </cell>
          <cell r="F205" t="str">
            <v>大阪府大阪市平野区加美北2-3-10</v>
          </cell>
          <cell r="G205" t="str">
            <v>大阪市</v>
          </cell>
          <cell r="H205" t="str">
            <v/>
          </cell>
          <cell r="I205" t="str">
            <v>代表取締役 伊藤　芳匡</v>
          </cell>
          <cell r="J205" t="str">
            <v>本店</v>
          </cell>
          <cell r="K205" t="str">
            <v>06-6758-4520</v>
          </cell>
          <cell r="L205" t="str">
            <v>sakaguchi@ideg.co.jp</v>
          </cell>
          <cell r="M205" t="str">
            <v>ｲﾄｳﾃﾞﾝｷ</v>
          </cell>
          <cell r="N205" t="str">
            <v>無</v>
          </cell>
          <cell r="O205">
            <v>49</v>
          </cell>
          <cell r="P205">
            <v>28</v>
          </cell>
          <cell r="Q205">
            <v>2120001016832</v>
          </cell>
          <cell r="R205">
            <v>24000</v>
          </cell>
          <cell r="S205">
            <v>531700</v>
          </cell>
          <cell r="T205">
            <v>1145071</v>
          </cell>
          <cell r="V205" t="str">
            <v>aj378922</v>
          </cell>
          <cell r="W205" t="str">
            <v>zs408299</v>
          </cell>
          <cell r="X205" t="str">
            <v>通消電</v>
          </cell>
          <cell r="Y205" t="str">
            <v>通消</v>
          </cell>
          <cell r="Z205" t="str">
            <v>電</v>
          </cell>
          <cell r="AA205" t="str">
            <v>電気</v>
          </cell>
          <cell r="AB205" t="str">
            <v>消防施設</v>
          </cell>
          <cell r="AC205" t="str">
            <v>電気通信</v>
          </cell>
          <cell r="AD205" t="str">
            <v/>
          </cell>
          <cell r="AE205">
            <v>43332</v>
          </cell>
          <cell r="AF205" t="str">
            <v/>
          </cell>
          <cell r="AG205" t="str">
            <v>電気</v>
          </cell>
          <cell r="AH205" t="str">
            <v>特定</v>
          </cell>
          <cell r="AI205">
            <v>979</v>
          </cell>
          <cell r="AJ205">
            <v>1119206</v>
          </cell>
          <cell r="AK205" t="str">
            <v>12(12)/5/5</v>
          </cell>
          <cell r="AL205" t="str">
            <v>消防施設</v>
          </cell>
          <cell r="AM205" t="str">
            <v>一般</v>
          </cell>
          <cell r="AN205">
            <v>723</v>
          </cell>
          <cell r="AO205">
            <v>15900</v>
          </cell>
          <cell r="AP205" t="str">
            <v>0(0)/11/0</v>
          </cell>
          <cell r="AQ205" t="str">
            <v>電気通信</v>
          </cell>
          <cell r="AR205" t="str">
            <v>一般</v>
          </cell>
          <cell r="AS205">
            <v>723</v>
          </cell>
          <cell r="AT205">
            <v>9966</v>
          </cell>
          <cell r="AU205" t="str">
            <v>0(0)/0/0</v>
          </cell>
          <cell r="AV205" t="str">
            <v/>
          </cell>
          <cell r="AW205" t="str">
            <v/>
          </cell>
          <cell r="AX205" t="str">
            <v/>
          </cell>
          <cell r="AY205" t="str">
            <v/>
          </cell>
          <cell r="AZ205" t="str">
            <v/>
          </cell>
          <cell r="BA205" t="str">
            <v>大阪府</v>
          </cell>
          <cell r="BB205">
            <v>0</v>
          </cell>
          <cell r="CR205">
            <v>4069</v>
          </cell>
          <cell r="CS205" t="str">
            <v>ﾏﾙｵｶ ﾉﾌﾞｺ</v>
          </cell>
          <cell r="CT205" t="str">
            <v>丸岡  信子</v>
          </cell>
          <cell r="CU205" t="str">
            <v>環境保全課</v>
          </cell>
          <cell r="CW205">
            <v>2824</v>
          </cell>
          <cell r="CX205" t="str">
            <v xml:space="preserve"> </v>
          </cell>
          <cell r="CY205" t="str">
            <v>環境保全課長</v>
          </cell>
        </row>
        <row r="206">
          <cell r="B206">
            <v>2126</v>
          </cell>
          <cell r="C206" t="str">
            <v>(株)伊藤テック</v>
          </cell>
          <cell r="D206" t="str">
            <v>06-6431-1104</v>
          </cell>
          <cell r="E206" t="str">
            <v>661-0043</v>
          </cell>
          <cell r="F206" t="str">
            <v>兵庫県尼崎市武庫元町1-29-3</v>
          </cell>
          <cell r="G206" t="str">
            <v>尼崎市</v>
          </cell>
          <cell r="H206" t="str">
            <v/>
          </cell>
          <cell r="I206" t="str">
            <v>代表取締役 伊藤　泰弘</v>
          </cell>
          <cell r="J206" t="str">
            <v>本店</v>
          </cell>
          <cell r="K206" t="str">
            <v>06-6431-3529</v>
          </cell>
          <cell r="L206" t="str">
            <v>itou-tosou@itopen.co.jp</v>
          </cell>
          <cell r="M206" t="str">
            <v>ｲﾄｳﾃｯｸ</v>
          </cell>
          <cell r="N206" t="str">
            <v>無</v>
          </cell>
          <cell r="O206">
            <v>46</v>
          </cell>
          <cell r="P206">
            <v>20</v>
          </cell>
          <cell r="Q206">
            <v>9140001047679</v>
          </cell>
          <cell r="R206">
            <v>50234</v>
          </cell>
          <cell r="S206">
            <v>866797</v>
          </cell>
          <cell r="T206">
            <v>1373721</v>
          </cell>
          <cell r="V206" t="str">
            <v>jc662782</v>
          </cell>
          <cell r="W206" t="str">
            <v>yz382020</v>
          </cell>
          <cell r="X206" t="str">
            <v>建とタ塗防内熱解</v>
          </cell>
          <cell r="Y206" t="str">
            <v/>
          </cell>
          <cell r="Z206" t="str">
            <v>建とタ塗防内熱解</v>
          </cell>
          <cell r="AA206" t="str">
            <v>建築一式</v>
          </cell>
          <cell r="AB206" t="str">
            <v>塗装</v>
          </cell>
          <cell r="AC206" t="str">
            <v>防水</v>
          </cell>
          <cell r="AD206" t="str">
            <v>とび土工</v>
          </cell>
          <cell r="AE206">
            <v>42978</v>
          </cell>
          <cell r="AF206" t="str">
            <v>希望しない</v>
          </cell>
          <cell r="AG206" t="str">
            <v>建築一式</v>
          </cell>
          <cell r="AH206" t="str">
            <v>特定</v>
          </cell>
          <cell r="AI206">
            <v>920</v>
          </cell>
          <cell r="AJ206">
            <v>490114</v>
          </cell>
          <cell r="AK206" t="str">
            <v>5(5)/2/1</v>
          </cell>
          <cell r="AL206" t="str">
            <v>塗装</v>
          </cell>
          <cell r="AM206" t="str">
            <v>特定</v>
          </cell>
          <cell r="AN206">
            <v>941</v>
          </cell>
          <cell r="AO206">
            <v>786810</v>
          </cell>
          <cell r="AP206" t="str">
            <v>6(6)/4/3</v>
          </cell>
          <cell r="AQ206" t="str">
            <v>防水</v>
          </cell>
          <cell r="AR206" t="str">
            <v>特定</v>
          </cell>
          <cell r="AS206">
            <v>793</v>
          </cell>
          <cell r="AT206">
            <v>64411</v>
          </cell>
          <cell r="AU206" t="str">
            <v>0(0)/4/1</v>
          </cell>
          <cell r="AV206" t="str">
            <v>とび土工</v>
          </cell>
          <cell r="AW206" t="str">
            <v>特定</v>
          </cell>
          <cell r="AX206">
            <v>774</v>
          </cell>
          <cell r="AY206">
            <v>40414</v>
          </cell>
          <cell r="AZ206" t="str">
            <v>1(0)/0/0</v>
          </cell>
          <cell r="BA206" t="str">
            <v>兵庫県</v>
          </cell>
          <cell r="BB206">
            <v>0</v>
          </cell>
          <cell r="CR206">
            <v>4070</v>
          </cell>
          <cell r="CS206" t="str">
            <v>ﾔﾏｸﾞﾁ ﾋﾄｼ</v>
          </cell>
          <cell r="CT206" t="str">
            <v>山口  仁史</v>
          </cell>
          <cell r="CU206" t="str">
            <v>経営企画課</v>
          </cell>
          <cell r="CW206">
            <v>6724</v>
          </cell>
          <cell r="CX206" t="str">
            <v>主査</v>
          </cell>
          <cell r="CY206" t="str">
            <v>経営企画課長</v>
          </cell>
        </row>
        <row r="207">
          <cell r="B207">
            <v>2130</v>
          </cell>
          <cell r="C207" t="str">
            <v>乾工業(株)</v>
          </cell>
          <cell r="D207" t="str">
            <v>0798-22-2474</v>
          </cell>
          <cell r="E207" t="str">
            <v>662-0974</v>
          </cell>
          <cell r="F207" t="str">
            <v>兵庫県西宮市社家町1-4-202</v>
          </cell>
          <cell r="G207" t="str">
            <v>西宮市</v>
          </cell>
          <cell r="H207" t="str">
            <v/>
          </cell>
          <cell r="I207" t="str">
            <v>代表取締役 乾　丈夫</v>
          </cell>
          <cell r="J207" t="str">
            <v>本店</v>
          </cell>
          <cell r="K207" t="str">
            <v>0798-22-2479</v>
          </cell>
          <cell r="L207" t="str">
            <v>inui-2@inui-industry.co.jp</v>
          </cell>
          <cell r="M207" t="str">
            <v>ｲﾇｲｺｳｷﾞｮｳ</v>
          </cell>
          <cell r="N207" t="str">
            <v>無</v>
          </cell>
          <cell r="O207">
            <v>37</v>
          </cell>
          <cell r="P207">
            <v>10</v>
          </cell>
          <cell r="Q207">
            <v>4140001067987</v>
          </cell>
          <cell r="R207">
            <v>10000</v>
          </cell>
          <cell r="S207">
            <v>-46449</v>
          </cell>
          <cell r="T207">
            <v>188866</v>
          </cell>
          <cell r="V207" t="str">
            <v>se297945</v>
          </cell>
          <cell r="W207" t="str">
            <v>uz881080</v>
          </cell>
          <cell r="X207" t="str">
            <v>塗防内</v>
          </cell>
          <cell r="Y207" t="str">
            <v>塗防内</v>
          </cell>
          <cell r="Z207" t="str">
            <v/>
          </cell>
          <cell r="AA207" t="str">
            <v>防水</v>
          </cell>
          <cell r="AB207" t="str">
            <v>塗装</v>
          </cell>
          <cell r="AC207" t="str">
            <v/>
          </cell>
          <cell r="AD207" t="str">
            <v/>
          </cell>
          <cell r="AE207">
            <v>43281</v>
          </cell>
          <cell r="AF207" t="str">
            <v>希望しない</v>
          </cell>
          <cell r="AG207" t="str">
            <v>防水</v>
          </cell>
          <cell r="AH207" t="str">
            <v>一般</v>
          </cell>
          <cell r="AI207">
            <v>702</v>
          </cell>
          <cell r="AJ207">
            <v>212550</v>
          </cell>
          <cell r="AK207" t="str">
            <v>1(1)/3/2</v>
          </cell>
          <cell r="AL207" t="str">
            <v>塗装</v>
          </cell>
          <cell r="AM207" t="str">
            <v>一般</v>
          </cell>
          <cell r="AN207">
            <v>567</v>
          </cell>
          <cell r="AO207" t="str">
            <v/>
          </cell>
          <cell r="AP207" t="str">
            <v>1(1)/3/0</v>
          </cell>
          <cell r="AQ207" t="str">
            <v/>
          </cell>
          <cell r="AR207" t="str">
            <v/>
          </cell>
          <cell r="AS207" t="str">
            <v/>
          </cell>
          <cell r="AT207" t="str">
            <v/>
          </cell>
          <cell r="AU207" t="str">
            <v/>
          </cell>
          <cell r="AV207" t="str">
            <v/>
          </cell>
          <cell r="AW207" t="str">
            <v/>
          </cell>
          <cell r="AX207" t="str">
            <v/>
          </cell>
          <cell r="AY207" t="str">
            <v/>
          </cell>
          <cell r="AZ207" t="str">
            <v/>
          </cell>
          <cell r="BA207" t="str">
            <v>兵庫県</v>
          </cell>
          <cell r="BB207">
            <v>0</v>
          </cell>
          <cell r="CR207">
            <v>4099</v>
          </cell>
          <cell r="CS207" t="str">
            <v>ﾆｼﾊﾏ ｼﾝｽｹ</v>
          </cell>
          <cell r="CT207" t="str">
            <v>西浜  真介</v>
          </cell>
          <cell r="CU207" t="str">
            <v xml:space="preserve"> </v>
          </cell>
          <cell r="CW207">
            <v>3440</v>
          </cell>
          <cell r="CX207" t="str">
            <v>事務局長</v>
          </cell>
          <cell r="CY207" t="str">
            <v>　</v>
          </cell>
        </row>
        <row r="208">
          <cell r="B208">
            <v>2133</v>
          </cell>
          <cell r="C208" t="str">
            <v>(株)井上工業</v>
          </cell>
          <cell r="D208" t="str">
            <v>078-734-0707</v>
          </cell>
          <cell r="E208" t="str">
            <v>654-0043</v>
          </cell>
          <cell r="F208" t="str">
            <v>兵庫県神戸市須磨区外浜町2丁目1番7号</v>
          </cell>
          <cell r="G208" t="str">
            <v>神戸市</v>
          </cell>
          <cell r="H208" t="str">
            <v/>
          </cell>
          <cell r="I208" t="str">
            <v>代表取締役 金　基哲</v>
          </cell>
          <cell r="J208" t="str">
            <v>本店</v>
          </cell>
          <cell r="K208" t="str">
            <v>078-734-0709</v>
          </cell>
          <cell r="L208" t="str">
            <v>inoue_kg@leto.eonet.ne.jp</v>
          </cell>
          <cell r="M208" t="str">
            <v>ｲﾉｳｴｺｳｷﾞｮｳ</v>
          </cell>
          <cell r="N208" t="str">
            <v>無</v>
          </cell>
          <cell r="O208">
            <v>40</v>
          </cell>
          <cell r="P208">
            <v>13</v>
          </cell>
          <cell r="Q208">
            <v>1140001032498</v>
          </cell>
          <cell r="R208">
            <v>20000</v>
          </cell>
          <cell r="S208">
            <v>148354</v>
          </cell>
          <cell r="T208">
            <v>249040</v>
          </cell>
          <cell r="V208" t="str">
            <v>da963199</v>
          </cell>
          <cell r="W208" t="str">
            <v>st338715</v>
          </cell>
          <cell r="X208" t="str">
            <v>土と舗浚水</v>
          </cell>
          <cell r="Y208" t="str">
            <v/>
          </cell>
          <cell r="Z208" t="str">
            <v>土と舗浚水</v>
          </cell>
          <cell r="AA208" t="str">
            <v>土木一式</v>
          </cell>
          <cell r="AB208" t="str">
            <v>とび土工</v>
          </cell>
          <cell r="AC208" t="str">
            <v/>
          </cell>
          <cell r="AD208" t="str">
            <v/>
          </cell>
          <cell r="AE208">
            <v>43190</v>
          </cell>
          <cell r="AF208" t="str">
            <v>希望する</v>
          </cell>
          <cell r="AG208" t="str">
            <v>土木一式</v>
          </cell>
          <cell r="AH208" t="str">
            <v>特定</v>
          </cell>
          <cell r="AI208">
            <v>838</v>
          </cell>
          <cell r="AJ208">
            <v>118326</v>
          </cell>
          <cell r="AK208" t="str">
            <v>2(2)/2/2</v>
          </cell>
          <cell r="AL208" t="str">
            <v>とび土工</v>
          </cell>
          <cell r="AM208" t="str">
            <v>特定</v>
          </cell>
          <cell r="AN208">
            <v>727</v>
          </cell>
          <cell r="AO208">
            <v>934</v>
          </cell>
          <cell r="AP208" t="str">
            <v>2(2)/2/</v>
          </cell>
          <cell r="AQ208" t="str">
            <v/>
          </cell>
          <cell r="AR208" t="str">
            <v/>
          </cell>
          <cell r="AS208" t="str">
            <v/>
          </cell>
          <cell r="AT208" t="str">
            <v/>
          </cell>
          <cell r="AU208" t="str">
            <v/>
          </cell>
          <cell r="AV208" t="str">
            <v/>
          </cell>
          <cell r="AW208" t="str">
            <v/>
          </cell>
          <cell r="AX208" t="str">
            <v/>
          </cell>
          <cell r="AY208" t="str">
            <v/>
          </cell>
          <cell r="AZ208" t="str">
            <v/>
          </cell>
          <cell r="BA208" t="str">
            <v>兵庫県</v>
          </cell>
          <cell r="BB208">
            <v>0</v>
          </cell>
          <cell r="CR208">
            <v>4100</v>
          </cell>
          <cell r="CS208" t="str">
            <v>ﾆｼﾑﾗ ﾁｴｺ</v>
          </cell>
          <cell r="CT208" t="str">
            <v>西村  千恵子</v>
          </cell>
          <cell r="CU208" t="str">
            <v>保育課</v>
          </cell>
          <cell r="CW208" t="str">
            <v xml:space="preserve"> </v>
          </cell>
          <cell r="CX208" t="str">
            <v>副所長</v>
          </cell>
          <cell r="CY208" t="str">
            <v>保育課長</v>
          </cell>
        </row>
        <row r="209">
          <cell r="B209">
            <v>2137</v>
          </cell>
          <cell r="C209" t="str">
            <v>(株)伊吹工務店</v>
          </cell>
          <cell r="D209" t="str">
            <v>078-641-6201</v>
          </cell>
          <cell r="E209" t="str">
            <v>653-0842</v>
          </cell>
          <cell r="F209" t="str">
            <v>兵庫県神戸市長田区水笠通1-1-55</v>
          </cell>
          <cell r="G209" t="str">
            <v>神戸市</v>
          </cell>
          <cell r="H209" t="str">
            <v/>
          </cell>
          <cell r="I209" t="str">
            <v>代表取締役 本登　好郎</v>
          </cell>
          <cell r="J209" t="str">
            <v>本店</v>
          </cell>
          <cell r="K209" t="str">
            <v>078-641-3525</v>
          </cell>
          <cell r="L209" t="str">
            <v>info@ibuki-con.co.jp</v>
          </cell>
          <cell r="M209" t="str">
            <v>ｲﾌﾞｷｺｳﾑﾃﾝ</v>
          </cell>
          <cell r="N209" t="str">
            <v>無</v>
          </cell>
          <cell r="O209">
            <v>62</v>
          </cell>
          <cell r="P209">
            <v>18</v>
          </cell>
          <cell r="Q209">
            <v>7140001015737</v>
          </cell>
          <cell r="R209">
            <v>50000</v>
          </cell>
          <cell r="S209">
            <v>361077</v>
          </cell>
          <cell r="T209">
            <v>1488458</v>
          </cell>
          <cell r="V209" t="str">
            <v>fk588083</v>
          </cell>
          <cell r="W209" t="str">
            <v>zb227784</v>
          </cell>
          <cell r="X209" t="str">
            <v>機土建大と石屋タ鋼鉄舗浚板ガ塗防内熱具水解</v>
          </cell>
          <cell r="Y209" t="str">
            <v>機</v>
          </cell>
          <cell r="Z209" t="str">
            <v>土建大と石屋タ鋼鉄舗浚板ガ塗防内熱具水解</v>
          </cell>
          <cell r="AA209" t="str">
            <v>建築一式</v>
          </cell>
          <cell r="AB209" t="str">
            <v>土木一式</v>
          </cell>
          <cell r="AC209" t="str">
            <v>塗装</v>
          </cell>
          <cell r="AD209" t="str">
            <v>解体</v>
          </cell>
          <cell r="AE209">
            <v>43646</v>
          </cell>
          <cell r="AF209" t="str">
            <v/>
          </cell>
          <cell r="AG209" t="str">
            <v>建築一式</v>
          </cell>
          <cell r="AH209" t="str">
            <v>特定</v>
          </cell>
          <cell r="AI209">
            <v>982</v>
          </cell>
          <cell r="AJ209">
            <v>1507947</v>
          </cell>
          <cell r="AK209" t="str">
            <v>8(7)/5/</v>
          </cell>
          <cell r="AL209" t="str">
            <v>土木一式</v>
          </cell>
          <cell r="AM209" t="str">
            <v>特定</v>
          </cell>
          <cell r="AN209">
            <v>724</v>
          </cell>
          <cell r="AO209">
            <v>12105</v>
          </cell>
          <cell r="AP209" t="str">
            <v>1()//</v>
          </cell>
          <cell r="AQ209" t="str">
            <v>塗装</v>
          </cell>
          <cell r="AR209" t="str">
            <v>特定</v>
          </cell>
          <cell r="AS209" t="str">
            <v/>
          </cell>
          <cell r="AT209" t="str">
            <v/>
          </cell>
          <cell r="AU209" t="str">
            <v/>
          </cell>
          <cell r="AV209" t="str">
            <v>解体</v>
          </cell>
          <cell r="AW209" t="str">
            <v>特定</v>
          </cell>
          <cell r="AX209" t="str">
            <v/>
          </cell>
          <cell r="AY209" t="str">
            <v/>
          </cell>
          <cell r="AZ209" t="str">
            <v/>
          </cell>
          <cell r="BA209" t="str">
            <v>兵庫県</v>
          </cell>
        </row>
        <row r="210">
          <cell r="B210">
            <v>2139</v>
          </cell>
          <cell r="C210" t="str">
            <v>(株)今里三合園</v>
          </cell>
          <cell r="D210" t="str">
            <v>06-6436-3500</v>
          </cell>
          <cell r="E210" t="str">
            <v>661-0035</v>
          </cell>
          <cell r="F210" t="str">
            <v>兵庫県尼崎市武庫之荘2-20-12</v>
          </cell>
          <cell r="G210" t="str">
            <v>尼崎市</v>
          </cell>
          <cell r="H210" t="str">
            <v/>
          </cell>
          <cell r="I210" t="str">
            <v>代表取締役 今里　泰夫</v>
          </cell>
          <cell r="J210" t="str">
            <v>本店</v>
          </cell>
          <cell r="K210" t="str">
            <v>06-6436-1670</v>
          </cell>
          <cell r="L210" t="str">
            <v>chi0035ky@yahoo.co.jp</v>
          </cell>
          <cell r="M210" t="str">
            <v>ｲﾏｻﾞﾄｻﾝｺﾞｳｴﾝ</v>
          </cell>
          <cell r="N210" t="str">
            <v>無</v>
          </cell>
          <cell r="O210">
            <v>49</v>
          </cell>
          <cell r="P210">
            <v>7</v>
          </cell>
          <cell r="Q210">
            <v>3140001047734</v>
          </cell>
          <cell r="R210">
            <v>20000</v>
          </cell>
          <cell r="S210">
            <v>34396</v>
          </cell>
          <cell r="T210">
            <v>91639</v>
          </cell>
          <cell r="V210" t="str">
            <v>de257278</v>
          </cell>
          <cell r="W210" t="str">
            <v>aj803432</v>
          </cell>
          <cell r="X210" t="str">
            <v>土と石園</v>
          </cell>
          <cell r="Y210" t="str">
            <v/>
          </cell>
          <cell r="Z210" t="str">
            <v>土と石園</v>
          </cell>
          <cell r="AA210" t="str">
            <v>造園</v>
          </cell>
          <cell r="AB210" t="str">
            <v>土木一式</v>
          </cell>
          <cell r="AC210" t="str">
            <v/>
          </cell>
          <cell r="AD210" t="str">
            <v/>
          </cell>
          <cell r="AE210">
            <v>43008</v>
          </cell>
          <cell r="AF210" t="str">
            <v>希望しない</v>
          </cell>
          <cell r="AG210" t="str">
            <v>造園</v>
          </cell>
          <cell r="AH210" t="str">
            <v>特定</v>
          </cell>
          <cell r="AI210">
            <v>837</v>
          </cell>
          <cell r="AJ210">
            <v>43154</v>
          </cell>
          <cell r="AK210" t="str">
            <v>4(4)/1/0</v>
          </cell>
          <cell r="AL210" t="str">
            <v>土木一式</v>
          </cell>
          <cell r="AM210" t="str">
            <v>特定</v>
          </cell>
          <cell r="AN210">
            <v>812</v>
          </cell>
          <cell r="AO210">
            <v>31667</v>
          </cell>
          <cell r="AP210" t="str">
            <v>5(5)/0/0</v>
          </cell>
          <cell r="AQ210" t="str">
            <v/>
          </cell>
          <cell r="AR210" t="str">
            <v/>
          </cell>
          <cell r="AS210" t="str">
            <v/>
          </cell>
          <cell r="AT210" t="str">
            <v/>
          </cell>
          <cell r="AU210" t="str">
            <v/>
          </cell>
          <cell r="AV210" t="str">
            <v/>
          </cell>
          <cell r="AW210" t="str">
            <v/>
          </cell>
          <cell r="AX210" t="str">
            <v/>
          </cell>
          <cell r="AY210" t="str">
            <v/>
          </cell>
          <cell r="AZ210" t="str">
            <v/>
          </cell>
          <cell r="BA210" t="str">
            <v>兵庫県</v>
          </cell>
          <cell r="BB210">
            <v>0</v>
          </cell>
          <cell r="CR210">
            <v>4103</v>
          </cell>
          <cell r="CS210" t="str">
            <v>ﾀﾆｸﾞﾁ ﾐｽｽﾞ</v>
          </cell>
          <cell r="CT210" t="str">
            <v>谷口  美鈴</v>
          </cell>
          <cell r="CU210" t="str">
            <v>保育課</v>
          </cell>
          <cell r="CW210" t="str">
            <v xml:space="preserve"> </v>
          </cell>
          <cell r="CX210" t="str">
            <v>所長</v>
          </cell>
          <cell r="CY210" t="str">
            <v>保育課長</v>
          </cell>
        </row>
        <row r="211">
          <cell r="B211">
            <v>2140</v>
          </cell>
          <cell r="C211" t="str">
            <v>入谷緑化土木(株)</v>
          </cell>
          <cell r="D211" t="str">
            <v>0799-45-0270</v>
          </cell>
          <cell r="E211" t="str">
            <v>656-0122</v>
          </cell>
          <cell r="F211" t="str">
            <v>兵庫県南あわじ市広田広田510番地の1</v>
          </cell>
          <cell r="G211" t="str">
            <v>南あわじ市</v>
          </cell>
          <cell r="H211" t="str">
            <v/>
          </cell>
          <cell r="I211" t="str">
            <v>代表取締役 入谷　芳郎</v>
          </cell>
          <cell r="J211" t="str">
            <v>本店</v>
          </cell>
          <cell r="K211" t="str">
            <v>0799-45-1666</v>
          </cell>
          <cell r="L211" t="str">
            <v>iritani@pearl.ocn.ne.jp</v>
          </cell>
          <cell r="M211" t="str">
            <v>ｲﾘﾀﾆﾘｮｯｶﾄﾞﾎﾞｸ</v>
          </cell>
          <cell r="N211" t="str">
            <v>無</v>
          </cell>
          <cell r="O211">
            <v>48</v>
          </cell>
          <cell r="P211">
            <v>25</v>
          </cell>
          <cell r="Q211">
            <v>7140001085904</v>
          </cell>
          <cell r="R211">
            <v>30000</v>
          </cell>
          <cell r="S211">
            <v>469686</v>
          </cell>
          <cell r="T211">
            <v>844191</v>
          </cell>
          <cell r="V211" t="str">
            <v>ep960577</v>
          </cell>
          <cell r="W211" t="str">
            <v>xt431886</v>
          </cell>
          <cell r="X211" t="str">
            <v>管土と石舗塗園水解</v>
          </cell>
          <cell r="Y211" t="str">
            <v>管</v>
          </cell>
          <cell r="Z211" t="str">
            <v>土と石舗塗園水解</v>
          </cell>
          <cell r="AA211" t="str">
            <v>造園</v>
          </cell>
          <cell r="AB211" t="str">
            <v>土木一式</v>
          </cell>
          <cell r="AC211" t="str">
            <v>とび土工</v>
          </cell>
          <cell r="AD211" t="str">
            <v>舗装</v>
          </cell>
          <cell r="AE211">
            <v>43008</v>
          </cell>
          <cell r="AF211" t="str">
            <v>希望しない</v>
          </cell>
          <cell r="AG211" t="str">
            <v>造園</v>
          </cell>
          <cell r="AH211" t="str">
            <v>特定</v>
          </cell>
          <cell r="AI211">
            <v>978</v>
          </cell>
          <cell r="AJ211">
            <v>412646</v>
          </cell>
          <cell r="AK211" t="str">
            <v>12(12)/3/1</v>
          </cell>
          <cell r="AL211" t="str">
            <v>土木一式</v>
          </cell>
          <cell r="AM211" t="str">
            <v>特定</v>
          </cell>
          <cell r="AN211">
            <v>935</v>
          </cell>
          <cell r="AO211">
            <v>247512</v>
          </cell>
          <cell r="AP211" t="str">
            <v>7(7)/2/0</v>
          </cell>
          <cell r="AQ211" t="str">
            <v>とび土工</v>
          </cell>
          <cell r="AR211" t="str">
            <v>特定</v>
          </cell>
          <cell r="AS211">
            <v>760</v>
          </cell>
          <cell r="AT211">
            <v>16452</v>
          </cell>
          <cell r="AU211" t="str">
            <v>0(0)/0/0</v>
          </cell>
          <cell r="AV211" t="str">
            <v>舗装</v>
          </cell>
          <cell r="AW211" t="str">
            <v>特定</v>
          </cell>
          <cell r="AX211">
            <v>810</v>
          </cell>
          <cell r="AY211">
            <v>26483</v>
          </cell>
          <cell r="AZ211" t="str">
            <v>2(2)/2/0</v>
          </cell>
          <cell r="BA211" t="str">
            <v>兵庫県</v>
          </cell>
          <cell r="BB211">
            <v>0</v>
          </cell>
          <cell r="CR211">
            <v>4104</v>
          </cell>
          <cell r="CS211" t="str">
            <v>ｶﾜｷﾀ ﾊﾙﾐ</v>
          </cell>
          <cell r="CT211" t="str">
            <v>河北  晴美</v>
          </cell>
          <cell r="CU211" t="str">
            <v>保育課</v>
          </cell>
          <cell r="CW211" t="str">
            <v xml:space="preserve"> </v>
          </cell>
          <cell r="CX211" t="str">
            <v>所長</v>
          </cell>
          <cell r="CY211" t="str">
            <v>保育課長</v>
          </cell>
        </row>
        <row r="212">
          <cell r="B212">
            <v>2143</v>
          </cell>
          <cell r="C212" t="str">
            <v>(株)岩本組</v>
          </cell>
          <cell r="D212" t="str">
            <v>06-6423-2506</v>
          </cell>
          <cell r="E212" t="str">
            <v>661-0014</v>
          </cell>
          <cell r="F212" t="str">
            <v>兵庫県尼崎市上ﾉ島町2-2-30</v>
          </cell>
          <cell r="G212" t="str">
            <v>尼崎市</v>
          </cell>
          <cell r="H212" t="str">
            <v/>
          </cell>
          <cell r="I212" t="str">
            <v>代表取締役 岩本　基栄</v>
          </cell>
          <cell r="J212" t="str">
            <v>本店</v>
          </cell>
          <cell r="K212" t="str">
            <v>06-6423-2679</v>
          </cell>
          <cell r="L212" t="str">
            <v>iwamoto@k-iwamoto.co.jp</v>
          </cell>
          <cell r="M212" t="str">
            <v>ｲﾜﾓﾄｸﾞﾐ</v>
          </cell>
          <cell r="N212" t="str">
            <v>無</v>
          </cell>
          <cell r="O212">
            <v>55</v>
          </cell>
          <cell r="P212">
            <v>8</v>
          </cell>
          <cell r="Q212">
            <v>7140001047755</v>
          </cell>
          <cell r="R212">
            <v>80000</v>
          </cell>
          <cell r="S212">
            <v>221805</v>
          </cell>
          <cell r="T212">
            <v>276548</v>
          </cell>
          <cell r="V212" t="str">
            <v>uf422978</v>
          </cell>
          <cell r="W212" t="str">
            <v>qb920925</v>
          </cell>
          <cell r="X212" t="str">
            <v>土建大と石屋管タ鋼鉄舗浚板ガ塗防内熱園具水解</v>
          </cell>
          <cell r="Y212" t="str">
            <v/>
          </cell>
          <cell r="Z212" t="str">
            <v>土建大と石屋管タ鋼鉄舗浚板ガ塗防内熱園具水解</v>
          </cell>
          <cell r="AA212" t="str">
            <v>土木一式</v>
          </cell>
          <cell r="AB212" t="str">
            <v>舗装</v>
          </cell>
          <cell r="AC212" t="str">
            <v>管</v>
          </cell>
          <cell r="AD212" t="str">
            <v>水道施設</v>
          </cell>
          <cell r="AE212">
            <v>42978</v>
          </cell>
          <cell r="AF212">
            <v>42247</v>
          </cell>
          <cell r="AG212" t="str">
            <v>土木一式</v>
          </cell>
          <cell r="AH212" t="str">
            <v>特定</v>
          </cell>
          <cell r="AI212">
            <v>849</v>
          </cell>
          <cell r="AJ212">
            <v>312449</v>
          </cell>
          <cell r="AK212" t="str">
            <v>4(4)/2/2</v>
          </cell>
          <cell r="AL212" t="str">
            <v>舗装</v>
          </cell>
          <cell r="AM212" t="str">
            <v>特定</v>
          </cell>
          <cell r="AN212">
            <v>694</v>
          </cell>
          <cell r="AO212">
            <v>587</v>
          </cell>
          <cell r="AP212" t="str">
            <v>3(3)/2/0</v>
          </cell>
          <cell r="AQ212" t="str">
            <v>管</v>
          </cell>
          <cell r="AR212" t="str">
            <v>特定</v>
          </cell>
          <cell r="AS212">
            <v>643</v>
          </cell>
          <cell r="AT212">
            <v>1189</v>
          </cell>
          <cell r="AU212" t="str">
            <v>0(0)/0/0</v>
          </cell>
          <cell r="AV212" t="str">
            <v>水道施設</v>
          </cell>
          <cell r="AW212" t="str">
            <v>特定</v>
          </cell>
          <cell r="AX212">
            <v>645</v>
          </cell>
          <cell r="AY212">
            <v>1141</v>
          </cell>
          <cell r="AZ212" t="str">
            <v>0(0)/0/0</v>
          </cell>
          <cell r="BA212" t="str">
            <v>兵庫県</v>
          </cell>
          <cell r="BB212">
            <v>0</v>
          </cell>
          <cell r="CR212">
            <v>4107</v>
          </cell>
          <cell r="CS212" t="str">
            <v>ﾀﾅｶ ｶﾖｺ</v>
          </cell>
          <cell r="CT212" t="str">
            <v>田中  加代子</v>
          </cell>
          <cell r="CU212" t="str">
            <v>保育課</v>
          </cell>
          <cell r="CW212" t="str">
            <v xml:space="preserve"> </v>
          </cell>
          <cell r="CX212" t="str">
            <v>副主査</v>
          </cell>
          <cell r="CY212" t="str">
            <v>保育課長</v>
          </cell>
        </row>
        <row r="213">
          <cell r="B213">
            <v>2146</v>
          </cell>
          <cell r="C213" t="str">
            <v>(株)池下組</v>
          </cell>
          <cell r="D213" t="str">
            <v>072-757-0818</v>
          </cell>
          <cell r="E213" t="str">
            <v>666-0034</v>
          </cell>
          <cell r="F213" t="str">
            <v>兵庫県川西市寺畑2-3-7</v>
          </cell>
          <cell r="G213" t="str">
            <v>川西市</v>
          </cell>
          <cell r="H213" t="str">
            <v/>
          </cell>
          <cell r="I213" t="str">
            <v>代表取締役 池下　直人</v>
          </cell>
          <cell r="J213" t="str">
            <v>本店</v>
          </cell>
          <cell r="K213" t="str">
            <v>072-759-5586</v>
          </cell>
          <cell r="L213" t="str">
            <v>ikeshita@pearl.ocn.ne.jp</v>
          </cell>
          <cell r="M213" t="str">
            <v>ｲｹｼﾀｸﾞﾐ</v>
          </cell>
          <cell r="N213" t="str">
            <v>無</v>
          </cell>
          <cell r="O213">
            <v>45</v>
          </cell>
          <cell r="P213">
            <v>7</v>
          </cell>
          <cell r="Q213">
            <v>7140001079146</v>
          </cell>
          <cell r="R213">
            <v>40000</v>
          </cell>
          <cell r="S213">
            <v>132119</v>
          </cell>
          <cell r="T213">
            <v>680397</v>
          </cell>
          <cell r="V213" t="str">
            <v>dt227729</v>
          </cell>
          <cell r="W213" t="str">
            <v>bp638966</v>
          </cell>
          <cell r="X213" t="str">
            <v>土建大と石屋タ鋼舗浚塗内園水解</v>
          </cell>
          <cell r="Y213" t="str">
            <v/>
          </cell>
          <cell r="Z213" t="str">
            <v>土建大と石屋タ鋼舗浚塗内園水解</v>
          </cell>
          <cell r="AA213" t="str">
            <v>土木一式</v>
          </cell>
          <cell r="AB213" t="str">
            <v>舗装</v>
          </cell>
          <cell r="AC213" t="str">
            <v>建築一式</v>
          </cell>
          <cell r="AD213" t="str">
            <v>造園</v>
          </cell>
          <cell r="AE213">
            <v>43271</v>
          </cell>
          <cell r="AF213" t="str">
            <v>希望しない</v>
          </cell>
          <cell r="AG213" t="str">
            <v>土木一式</v>
          </cell>
          <cell r="AH213" t="str">
            <v>特定</v>
          </cell>
          <cell r="AI213">
            <v>889</v>
          </cell>
          <cell r="AJ213">
            <v>433723</v>
          </cell>
          <cell r="AK213" t="str">
            <v>2(2)/0/4</v>
          </cell>
          <cell r="AL213" t="str">
            <v>舗装</v>
          </cell>
          <cell r="AM213" t="str">
            <v>特定</v>
          </cell>
          <cell r="AN213">
            <v>763</v>
          </cell>
          <cell r="AO213">
            <v>20785</v>
          </cell>
          <cell r="AP213" t="str">
            <v>1(1)/0/0</v>
          </cell>
          <cell r="AQ213" t="str">
            <v>建築一式</v>
          </cell>
          <cell r="AR213" t="str">
            <v>特定</v>
          </cell>
          <cell r="AS213">
            <v>784</v>
          </cell>
          <cell r="AT213">
            <v>97424</v>
          </cell>
          <cell r="AU213" t="str">
            <v>1(1)/0/0</v>
          </cell>
          <cell r="AV213" t="str">
            <v>造園</v>
          </cell>
          <cell r="AW213" t="str">
            <v>特定</v>
          </cell>
          <cell r="AX213">
            <v>728</v>
          </cell>
          <cell r="AY213">
            <v>8912</v>
          </cell>
          <cell r="AZ213" t="str">
            <v>0(0)/0/0</v>
          </cell>
          <cell r="BA213" t="str">
            <v>兵庫県</v>
          </cell>
          <cell r="BB213">
            <v>0</v>
          </cell>
          <cell r="CR213">
            <v>4113</v>
          </cell>
          <cell r="CS213" t="str">
            <v>ﾏｴﾀﾞ ﾊﾂﾐ</v>
          </cell>
          <cell r="CT213" t="str">
            <v>前田  初美</v>
          </cell>
          <cell r="CU213" t="str">
            <v>保育課</v>
          </cell>
          <cell r="CW213" t="str">
            <v xml:space="preserve"> </v>
          </cell>
          <cell r="CX213" t="str">
            <v>副主査</v>
          </cell>
          <cell r="CY213" t="str">
            <v>保育課長</v>
          </cell>
        </row>
        <row r="214">
          <cell r="B214">
            <v>2147</v>
          </cell>
          <cell r="C214" t="str">
            <v>イワキ・モリタニ電工(株)</v>
          </cell>
          <cell r="D214" t="str">
            <v>06-6472-2641</v>
          </cell>
          <cell r="E214" t="str">
            <v>555-0001</v>
          </cell>
          <cell r="F214" t="str">
            <v>大阪府大阪市西淀川区佃5-9-32</v>
          </cell>
          <cell r="G214" t="str">
            <v>大阪市</v>
          </cell>
          <cell r="H214" t="str">
            <v/>
          </cell>
          <cell r="I214" t="str">
            <v>代表取締役社長 山谷　敏</v>
          </cell>
          <cell r="J214" t="str">
            <v>本店</v>
          </cell>
          <cell r="K214" t="str">
            <v>06-6472-6889</v>
          </cell>
          <cell r="L214" t="str">
            <v>imd2@imew.co.jp</v>
          </cell>
          <cell r="M214" t="str">
            <v>ｲﾜｷ･ﾓﾘﾀﾆﾃﾞﾝｺｳ</v>
          </cell>
          <cell r="N214" t="str">
            <v>無</v>
          </cell>
          <cell r="O214">
            <v>51</v>
          </cell>
          <cell r="P214">
            <v>33</v>
          </cell>
          <cell r="Q214">
            <v>4120001050788</v>
          </cell>
          <cell r="R214">
            <v>35000</v>
          </cell>
          <cell r="S214">
            <v>454824</v>
          </cell>
          <cell r="T214">
            <v>1394055</v>
          </cell>
          <cell r="V214" t="str">
            <v>nz792877</v>
          </cell>
          <cell r="W214" t="str">
            <v>py524140</v>
          </cell>
          <cell r="X214" t="str">
            <v>電機水</v>
          </cell>
          <cell r="Y214" t="str">
            <v/>
          </cell>
          <cell r="Z214" t="str">
            <v>電機水</v>
          </cell>
          <cell r="AA214" t="str">
            <v>機械器具</v>
          </cell>
          <cell r="AB214" t="str">
            <v>電気</v>
          </cell>
          <cell r="AC214" t="str">
            <v>水道施設</v>
          </cell>
          <cell r="AD214" t="str">
            <v/>
          </cell>
          <cell r="AE214">
            <v>43190</v>
          </cell>
          <cell r="AF214" t="str">
            <v>希望しない</v>
          </cell>
          <cell r="AG214" t="str">
            <v>機械器具</v>
          </cell>
          <cell r="AH214" t="str">
            <v>特定</v>
          </cell>
          <cell r="AI214">
            <v>952</v>
          </cell>
          <cell r="AJ214">
            <v>1256164</v>
          </cell>
          <cell r="AK214" t="str">
            <v>2(0)/2/4</v>
          </cell>
          <cell r="AL214" t="str">
            <v>電気</v>
          </cell>
          <cell r="AM214" t="str">
            <v>特定</v>
          </cell>
          <cell r="AN214">
            <v>808</v>
          </cell>
          <cell r="AO214">
            <v>20502</v>
          </cell>
          <cell r="AP214" t="str">
            <v>0(0)/0/20</v>
          </cell>
          <cell r="AQ214" t="str">
            <v>水道施設</v>
          </cell>
          <cell r="AR214" t="str">
            <v>特定</v>
          </cell>
          <cell r="AS214">
            <v>801</v>
          </cell>
          <cell r="AT214">
            <v>6967</v>
          </cell>
          <cell r="AU214" t="str">
            <v>5(0)/3/0</v>
          </cell>
          <cell r="AV214" t="str">
            <v/>
          </cell>
          <cell r="AW214" t="str">
            <v/>
          </cell>
          <cell r="AX214" t="str">
            <v/>
          </cell>
          <cell r="AY214" t="str">
            <v/>
          </cell>
          <cell r="AZ214" t="str">
            <v/>
          </cell>
          <cell r="BA214" t="str">
            <v>大阪府</v>
          </cell>
          <cell r="BB214">
            <v>0</v>
          </cell>
          <cell r="CR214">
            <v>4114</v>
          </cell>
          <cell r="CS214" t="str">
            <v>ｻｶﾀ ｼﾞﾕﾝｺ</v>
          </cell>
          <cell r="CT214" t="str">
            <v>坂田  純子</v>
          </cell>
          <cell r="CU214" t="str">
            <v>こども福祉課</v>
          </cell>
          <cell r="CW214" t="str">
            <v xml:space="preserve"> </v>
          </cell>
          <cell r="CX214" t="str">
            <v>園長</v>
          </cell>
          <cell r="CY214" t="str">
            <v>こども福祉課長</v>
          </cell>
        </row>
        <row r="215">
          <cell r="B215">
            <v>2150</v>
          </cell>
          <cell r="C215" t="str">
            <v>伊藤喜商事(株)</v>
          </cell>
          <cell r="D215" t="str">
            <v>078-391-4774</v>
          </cell>
          <cell r="E215" t="str">
            <v>650-0011</v>
          </cell>
          <cell r="F215" t="str">
            <v>兵庫県神戸市中央区下山手通3-13-2</v>
          </cell>
          <cell r="G215" t="str">
            <v>神戸市</v>
          </cell>
          <cell r="H215" t="str">
            <v/>
          </cell>
          <cell r="I215" t="str">
            <v>代表取締役 記村　道春</v>
          </cell>
          <cell r="J215" t="str">
            <v>本店</v>
          </cell>
          <cell r="K215" t="str">
            <v>078-391-8730</v>
          </cell>
          <cell r="L215" t="str">
            <v>y.sagayama@itoki-syoji.co.jp</v>
          </cell>
          <cell r="M215" t="str">
            <v>ｲﾄｳｷｼｮｳｼﾞ</v>
          </cell>
          <cell r="N215" t="str">
            <v>無</v>
          </cell>
          <cell r="O215">
            <v>41</v>
          </cell>
          <cell r="P215">
            <v>43</v>
          </cell>
          <cell r="Q215">
            <v>7140001006141</v>
          </cell>
          <cell r="R215">
            <v>43560</v>
          </cell>
          <cell r="S215">
            <v>1282555</v>
          </cell>
          <cell r="T215" t="str">
            <v/>
          </cell>
          <cell r="V215" t="str">
            <v>ub687597</v>
          </cell>
          <cell r="W215" t="str">
            <v>nf885134</v>
          </cell>
          <cell r="X215" t="str">
            <v>電建大鋼内</v>
          </cell>
          <cell r="Y215" t="str">
            <v>電</v>
          </cell>
          <cell r="Z215" t="str">
            <v>建大鋼内</v>
          </cell>
          <cell r="AA215" t="str">
            <v>内装仕上</v>
          </cell>
          <cell r="AB215" t="str">
            <v>大工</v>
          </cell>
          <cell r="AC215" t="str">
            <v>建築一式</v>
          </cell>
          <cell r="AD215" t="str">
            <v>電気</v>
          </cell>
          <cell r="AE215">
            <v>43100</v>
          </cell>
          <cell r="AF215" t="str">
            <v>希望しない</v>
          </cell>
          <cell r="AG215" t="str">
            <v>内装仕上</v>
          </cell>
          <cell r="AH215" t="str">
            <v>特定</v>
          </cell>
          <cell r="AI215">
            <v>774</v>
          </cell>
          <cell r="AJ215">
            <v>122835</v>
          </cell>
          <cell r="AK215" t="str">
            <v>3(0)/1/3</v>
          </cell>
          <cell r="AL215" t="str">
            <v>大工</v>
          </cell>
          <cell r="AM215" t="str">
            <v>特定</v>
          </cell>
          <cell r="AN215">
            <v>652</v>
          </cell>
          <cell r="AO215" t="str">
            <v/>
          </cell>
          <cell r="AP215" t="str">
            <v>1(0)/0/0</v>
          </cell>
          <cell r="AQ215" t="str">
            <v>建築一式</v>
          </cell>
          <cell r="AR215" t="str">
            <v>特定</v>
          </cell>
          <cell r="AS215">
            <v>652</v>
          </cell>
          <cell r="AT215" t="str">
            <v/>
          </cell>
          <cell r="AU215" t="str">
            <v>1(0)/0/0</v>
          </cell>
          <cell r="AV215" t="str">
            <v>電気</v>
          </cell>
          <cell r="AW215" t="str">
            <v>一般</v>
          </cell>
          <cell r="AX215">
            <v>645</v>
          </cell>
          <cell r="AY215" t="str">
            <v/>
          </cell>
          <cell r="AZ215" t="str">
            <v>0(0)/1/0</v>
          </cell>
          <cell r="BA215" t="str">
            <v>兵庫県</v>
          </cell>
          <cell r="BB215">
            <v>0</v>
          </cell>
          <cell r="CR215">
            <v>4115</v>
          </cell>
          <cell r="CS215" t="str">
            <v>ﾓﾘ ﾉﾌﾞｺ</v>
          </cell>
          <cell r="CT215" t="str">
            <v>森  喜子</v>
          </cell>
          <cell r="CU215" t="str">
            <v>保育課</v>
          </cell>
          <cell r="CW215" t="str">
            <v xml:space="preserve"> </v>
          </cell>
          <cell r="CX215" t="str">
            <v>副主査</v>
          </cell>
          <cell r="CY215" t="str">
            <v>保育課長</v>
          </cell>
        </row>
        <row r="216">
          <cell r="B216">
            <v>2151</v>
          </cell>
          <cell r="C216" t="str">
            <v>(株)イトーヨーギョー</v>
          </cell>
          <cell r="D216" t="str">
            <v>078-367-6713</v>
          </cell>
          <cell r="E216" t="str">
            <v>650-0004</v>
          </cell>
          <cell r="F216" t="str">
            <v>兵庫県神戸市中央区中山手通5-1-3</v>
          </cell>
          <cell r="G216" t="str">
            <v>神戸市</v>
          </cell>
          <cell r="H216" t="str">
            <v/>
          </cell>
          <cell r="I216" t="str">
            <v>代表取締役 畑中　浩</v>
          </cell>
          <cell r="J216" t="str">
            <v>本店</v>
          </cell>
          <cell r="K216" t="str">
            <v>078-367-6717</v>
          </cell>
          <cell r="L216" t="str">
            <v>nyusatsu@itoyogyo.co.jp</v>
          </cell>
          <cell r="M216" t="str">
            <v>ｲﾄｰﾖｰｷﾞｮｰ</v>
          </cell>
          <cell r="N216" t="str">
            <v>無</v>
          </cell>
          <cell r="O216">
            <v>52</v>
          </cell>
          <cell r="P216">
            <v>130</v>
          </cell>
          <cell r="Q216">
            <v>3140001003027</v>
          </cell>
          <cell r="R216">
            <v>500000</v>
          </cell>
          <cell r="S216">
            <v>3148</v>
          </cell>
          <cell r="T216">
            <v>2688</v>
          </cell>
          <cell r="V216" t="str">
            <v>ev649468</v>
          </cell>
          <cell r="W216" t="str">
            <v>jj374794</v>
          </cell>
          <cell r="X216" t="str">
            <v>電建大鋼内</v>
          </cell>
          <cell r="Y216" t="str">
            <v>電</v>
          </cell>
          <cell r="Z216" t="str">
            <v>建大鋼内</v>
          </cell>
          <cell r="AA216" t="str">
            <v>管</v>
          </cell>
          <cell r="AB216" t="str">
            <v/>
          </cell>
          <cell r="AC216" t="str">
            <v/>
          </cell>
          <cell r="AD216" t="str">
            <v/>
          </cell>
          <cell r="AE216">
            <v>43190</v>
          </cell>
          <cell r="AF216" t="str">
            <v>希望しない</v>
          </cell>
          <cell r="AG216" t="str">
            <v>管</v>
          </cell>
          <cell r="AH216" t="str">
            <v>特定</v>
          </cell>
          <cell r="AI216">
            <v>1043</v>
          </cell>
          <cell r="AJ216">
            <v>782730</v>
          </cell>
          <cell r="AK216" t="str">
            <v>7(6)/11/0</v>
          </cell>
          <cell r="AL216" t="str">
            <v/>
          </cell>
          <cell r="AM216" t="str">
            <v/>
          </cell>
          <cell r="AN216" t="str">
            <v/>
          </cell>
          <cell r="AO216" t="str">
            <v/>
          </cell>
          <cell r="AP216" t="str">
            <v/>
          </cell>
          <cell r="AQ216" t="str">
            <v/>
          </cell>
          <cell r="AR216" t="str">
            <v/>
          </cell>
          <cell r="AS216" t="str">
            <v/>
          </cell>
          <cell r="AT216" t="str">
            <v/>
          </cell>
          <cell r="AU216" t="str">
            <v/>
          </cell>
          <cell r="AV216" t="str">
            <v/>
          </cell>
          <cell r="AW216" t="str">
            <v/>
          </cell>
          <cell r="AX216" t="str">
            <v/>
          </cell>
          <cell r="AY216" t="str">
            <v/>
          </cell>
          <cell r="AZ216" t="str">
            <v/>
          </cell>
          <cell r="BA216" t="str">
            <v>兵庫県</v>
          </cell>
          <cell r="BB216">
            <v>0</v>
          </cell>
          <cell r="CR216">
            <v>4119</v>
          </cell>
          <cell r="CS216" t="str">
            <v>ｷﾀﾑﾗ ｼﾖｳｼﾞ</v>
          </cell>
          <cell r="CT216" t="str">
            <v>北村  昭司</v>
          </cell>
          <cell r="CU216" t="str">
            <v>市民課</v>
          </cell>
          <cell r="CW216" t="str">
            <v xml:space="preserve"> </v>
          </cell>
          <cell r="CX216" t="str">
            <v xml:space="preserve"> </v>
          </cell>
          <cell r="CY216" t="str">
            <v>市民課長</v>
          </cell>
        </row>
        <row r="217">
          <cell r="B217">
            <v>2152</v>
          </cell>
          <cell r="C217" t="str">
            <v>(株)泉建設工業</v>
          </cell>
          <cell r="D217" t="str">
            <v>072-334-2851</v>
          </cell>
          <cell r="E217" t="str">
            <v>580-0026</v>
          </cell>
          <cell r="F217" t="str">
            <v>大阪府松原市天美我堂1-53-1</v>
          </cell>
          <cell r="G217" t="str">
            <v>松原市</v>
          </cell>
          <cell r="H217" t="str">
            <v/>
          </cell>
          <cell r="I217" t="str">
            <v>代表取締役 泉　毅</v>
          </cell>
          <cell r="J217" t="str">
            <v>本店</v>
          </cell>
          <cell r="K217" t="str">
            <v>072-334-2858</v>
          </cell>
          <cell r="L217" t="str">
            <v>m_mukouyama@izumikensetsu.co.jp</v>
          </cell>
          <cell r="M217" t="str">
            <v>ｲｽﾞﾐｹﾝｾﾂｺｳｷﾞｮｳ</v>
          </cell>
          <cell r="N217" t="str">
            <v>無</v>
          </cell>
          <cell r="O217">
            <v>44</v>
          </cell>
          <cell r="P217">
            <v>24</v>
          </cell>
          <cell r="Q217">
            <v>7120101024929</v>
          </cell>
          <cell r="R217">
            <v>49610</v>
          </cell>
          <cell r="S217">
            <v>444940</v>
          </cell>
          <cell r="T217">
            <v>748989</v>
          </cell>
          <cell r="V217" t="str">
            <v>np348492</v>
          </cell>
          <cell r="W217" t="str">
            <v>zf545423</v>
          </cell>
          <cell r="X217" t="str">
            <v>土と鋼舗塗</v>
          </cell>
          <cell r="Y217" t="str">
            <v/>
          </cell>
          <cell r="Z217" t="str">
            <v>土と鋼舗塗</v>
          </cell>
          <cell r="AA217" t="str">
            <v>鋼構造物</v>
          </cell>
          <cell r="AB217" t="str">
            <v>土木一式</v>
          </cell>
          <cell r="AC217" t="str">
            <v/>
          </cell>
          <cell r="AD217" t="str">
            <v/>
          </cell>
          <cell r="AE217">
            <v>43281</v>
          </cell>
          <cell r="AF217" t="str">
            <v/>
          </cell>
          <cell r="AG217" t="str">
            <v>鋼構造物</v>
          </cell>
          <cell r="AH217" t="str">
            <v>特定</v>
          </cell>
          <cell r="AI217">
            <v>1015</v>
          </cell>
          <cell r="AJ217">
            <v>599901</v>
          </cell>
          <cell r="AK217" t="str">
            <v>16(16)/3/0</v>
          </cell>
          <cell r="AL217" t="str">
            <v>土木一式</v>
          </cell>
          <cell r="AM217" t="str">
            <v>特定</v>
          </cell>
          <cell r="AN217">
            <v>937</v>
          </cell>
          <cell r="AO217">
            <v>72142</v>
          </cell>
          <cell r="AP217" t="str">
            <v>16(16)/3/0</v>
          </cell>
          <cell r="AQ217" t="str">
            <v/>
          </cell>
          <cell r="AR217" t="str">
            <v/>
          </cell>
          <cell r="AS217" t="str">
            <v/>
          </cell>
          <cell r="AT217" t="str">
            <v/>
          </cell>
          <cell r="AU217" t="str">
            <v/>
          </cell>
          <cell r="AV217" t="str">
            <v/>
          </cell>
          <cell r="AW217" t="str">
            <v/>
          </cell>
          <cell r="AX217" t="str">
            <v/>
          </cell>
          <cell r="AY217" t="str">
            <v/>
          </cell>
          <cell r="AZ217" t="str">
            <v/>
          </cell>
          <cell r="BA217" t="str">
            <v>大阪府</v>
          </cell>
          <cell r="BB217">
            <v>0</v>
          </cell>
          <cell r="CR217">
            <v>4119</v>
          </cell>
          <cell r="CS217" t="str">
            <v>ｷﾀﾑﾗ ｼﾖｳｼﾞ</v>
          </cell>
          <cell r="CT217" t="str">
            <v>北村  昭司</v>
          </cell>
          <cell r="CU217" t="str">
            <v>市民課</v>
          </cell>
          <cell r="CW217" t="str">
            <v xml:space="preserve"> </v>
          </cell>
          <cell r="CX217" t="str">
            <v xml:space="preserve"> </v>
          </cell>
          <cell r="CY217" t="str">
            <v>市民課長</v>
          </cell>
        </row>
        <row r="218">
          <cell r="B218">
            <v>2153</v>
          </cell>
          <cell r="C218" t="str">
            <v>(株)岩城</v>
          </cell>
          <cell r="D218" t="str">
            <v>06-6326-8228</v>
          </cell>
          <cell r="E218" t="str">
            <v>533-0033</v>
          </cell>
          <cell r="F218" t="str">
            <v>大阪府大阪市東淀川区東中島1-6-14</v>
          </cell>
          <cell r="G218" t="str">
            <v>可児市</v>
          </cell>
          <cell r="H218" t="str">
            <v>大阪営業所</v>
          </cell>
          <cell r="I218" t="str">
            <v>大阪営業所長 笹本　和史</v>
          </cell>
          <cell r="J218" t="str">
            <v>岐阜県可児市</v>
          </cell>
          <cell r="K218" t="str">
            <v>06-6326-8050</v>
          </cell>
          <cell r="L218" t="str">
            <v>info-01@iwaki-spc.co.jp</v>
          </cell>
          <cell r="M218" t="str">
            <v>ｲﾜｷ</v>
          </cell>
          <cell r="N218" t="str">
            <v>有</v>
          </cell>
          <cell r="O218">
            <v>34</v>
          </cell>
          <cell r="P218">
            <v>40</v>
          </cell>
          <cell r="Q218">
            <v>4200001017630</v>
          </cell>
          <cell r="R218">
            <v>20000</v>
          </cell>
          <cell r="S218">
            <v>793166</v>
          </cell>
          <cell r="T218">
            <v>797233</v>
          </cell>
          <cell r="V218" t="str">
            <v>bq230828</v>
          </cell>
          <cell r="W218" t="str">
            <v>dv686113</v>
          </cell>
          <cell r="X218" t="str">
            <v>機(清)(と)(管)(鋼)(塗)(機)(水)土と管鋼塗水</v>
          </cell>
          <cell r="Y218" t="str">
            <v>機(清)(と)(管)(鋼)(塗)(機)(水)</v>
          </cell>
          <cell r="Z218" t="str">
            <v>土と管鋼塗水</v>
          </cell>
          <cell r="AA218" t="str">
            <v>鋼構造物</v>
          </cell>
          <cell r="AB218" t="str">
            <v>水道施設</v>
          </cell>
          <cell r="AC218" t="str">
            <v>機械器具</v>
          </cell>
          <cell r="AD218" t="str">
            <v>管</v>
          </cell>
          <cell r="AE218">
            <v>43069</v>
          </cell>
          <cell r="AF218" t="str">
            <v>希望しない</v>
          </cell>
          <cell r="AG218" t="str">
            <v>鋼構造物</v>
          </cell>
          <cell r="AH218" t="str">
            <v>特定</v>
          </cell>
          <cell r="AI218">
            <v>957</v>
          </cell>
          <cell r="AJ218">
            <v>403393</v>
          </cell>
          <cell r="AK218" t="str">
            <v>14(14)/0/1</v>
          </cell>
          <cell r="AL218" t="str">
            <v>水道施設</v>
          </cell>
          <cell r="AM218" t="str">
            <v>特定</v>
          </cell>
          <cell r="AN218">
            <v>950</v>
          </cell>
          <cell r="AO218">
            <v>362177</v>
          </cell>
          <cell r="AP218" t="str">
            <v>15(15)/1/8</v>
          </cell>
          <cell r="AQ218" t="str">
            <v>機械器具</v>
          </cell>
          <cell r="AR218" t="str">
            <v>一般</v>
          </cell>
          <cell r="AS218">
            <v>801</v>
          </cell>
          <cell r="AT218">
            <v>73610</v>
          </cell>
          <cell r="AU218" t="str">
            <v>0(0)/0/10</v>
          </cell>
          <cell r="AV218" t="str">
            <v>管</v>
          </cell>
          <cell r="AW218" t="str">
            <v>特定</v>
          </cell>
          <cell r="AX218">
            <v>701</v>
          </cell>
          <cell r="AY218">
            <v>3375</v>
          </cell>
          <cell r="AZ218" t="str">
            <v>0(0)/0/2</v>
          </cell>
          <cell r="BA218" t="str">
            <v>岐阜県</v>
          </cell>
          <cell r="BB218">
            <v>0</v>
          </cell>
          <cell r="CR218">
            <v>4136</v>
          </cell>
          <cell r="CS218" t="str">
            <v>ｽｶﾞﾊﾗ ﾉﾘｱｷ</v>
          </cell>
          <cell r="CT218" t="str">
            <v>菅原  則彰</v>
          </cell>
          <cell r="CW218">
            <v>6720</v>
          </cell>
          <cell r="CX218" t="str">
            <v>参事</v>
          </cell>
          <cell r="CY218" t="str">
            <v>　</v>
          </cell>
        </row>
        <row r="219">
          <cell r="B219">
            <v>2154</v>
          </cell>
          <cell r="C219" t="str">
            <v>(株)生野</v>
          </cell>
          <cell r="D219" t="str">
            <v>078-943-4103</v>
          </cell>
          <cell r="E219" t="str">
            <v>674-0094</v>
          </cell>
          <cell r="F219" t="str">
            <v>兵庫県明石市二見町西二見660-11</v>
          </cell>
          <cell r="G219" t="str">
            <v>明石市</v>
          </cell>
          <cell r="H219" t="str">
            <v/>
          </cell>
          <cell r="I219" t="str">
            <v>代表取締役 生野　行利</v>
          </cell>
          <cell r="J219" t="str">
            <v>本店</v>
          </cell>
          <cell r="K219" t="str">
            <v>078-943-5237</v>
          </cell>
          <cell r="L219" t="str">
            <v>lei02715@nifty.ne.jp</v>
          </cell>
          <cell r="M219" t="str">
            <v>ｲｸﾉ</v>
          </cell>
          <cell r="N219" t="str">
            <v>無</v>
          </cell>
          <cell r="O219">
            <v>35</v>
          </cell>
          <cell r="P219">
            <v>9</v>
          </cell>
          <cell r="Q219">
            <v>1140001034511</v>
          </cell>
          <cell r="R219">
            <v>10000</v>
          </cell>
          <cell r="S219">
            <v>1513</v>
          </cell>
          <cell r="T219">
            <v>134689</v>
          </cell>
          <cell r="V219" t="str">
            <v>wd255458</v>
          </cell>
          <cell r="W219" t="str">
            <v>qw847239</v>
          </cell>
          <cell r="X219" t="str">
            <v>塗防</v>
          </cell>
          <cell r="Y219" t="str">
            <v>塗防</v>
          </cell>
          <cell r="Z219" t="str">
            <v/>
          </cell>
          <cell r="AA219" t="str">
            <v>防水</v>
          </cell>
          <cell r="AB219" t="str">
            <v>塗装</v>
          </cell>
          <cell r="AC219" t="str">
            <v/>
          </cell>
          <cell r="AD219" t="str">
            <v/>
          </cell>
          <cell r="AE219">
            <v>43251</v>
          </cell>
          <cell r="AF219" t="str">
            <v/>
          </cell>
          <cell r="AG219" t="str">
            <v>防水</v>
          </cell>
          <cell r="AH219" t="str">
            <v>一般</v>
          </cell>
          <cell r="AI219">
            <v>697</v>
          </cell>
          <cell r="AJ219">
            <v>115517</v>
          </cell>
          <cell r="AK219" t="str">
            <v>0()/6/1</v>
          </cell>
          <cell r="AL219" t="str">
            <v>塗装</v>
          </cell>
          <cell r="AM219" t="str">
            <v>一般</v>
          </cell>
          <cell r="AN219">
            <v>605</v>
          </cell>
          <cell r="AO219">
            <v>10563</v>
          </cell>
          <cell r="AP219" t="str">
            <v>0()/1/0</v>
          </cell>
          <cell r="AQ219" t="str">
            <v/>
          </cell>
          <cell r="AR219" t="str">
            <v/>
          </cell>
          <cell r="AS219" t="str">
            <v/>
          </cell>
          <cell r="AT219" t="str">
            <v/>
          </cell>
          <cell r="AU219" t="str">
            <v/>
          </cell>
          <cell r="AV219" t="str">
            <v/>
          </cell>
          <cell r="AW219" t="str">
            <v/>
          </cell>
          <cell r="AX219" t="str">
            <v/>
          </cell>
          <cell r="AY219" t="str">
            <v/>
          </cell>
          <cell r="AZ219" t="str">
            <v/>
          </cell>
          <cell r="BA219" t="str">
            <v>兵庫県</v>
          </cell>
          <cell r="BB219">
            <v>0</v>
          </cell>
          <cell r="CR219">
            <v>4136</v>
          </cell>
          <cell r="CS219" t="str">
            <v>ｽｶﾞﾊﾗ ﾉﾘｱｷ</v>
          </cell>
          <cell r="CT219" t="str">
            <v>菅原  則彰</v>
          </cell>
          <cell r="CU219" t="str">
            <v>経営企画課</v>
          </cell>
          <cell r="CW219">
            <v>6720</v>
          </cell>
          <cell r="CX219" t="str">
            <v>（兼）課長</v>
          </cell>
          <cell r="CY219" t="str">
            <v>経営企画課長</v>
          </cell>
        </row>
        <row r="220">
          <cell r="B220">
            <v>2155</v>
          </cell>
          <cell r="C220" t="str">
            <v>今津建設(株)</v>
          </cell>
          <cell r="D220" t="str">
            <v>078-671-3632</v>
          </cell>
          <cell r="E220" t="str">
            <v>652-0872</v>
          </cell>
          <cell r="F220" t="str">
            <v>兵庫県神戸市兵庫区吉田町2-27-10</v>
          </cell>
          <cell r="G220" t="str">
            <v>神戸市</v>
          </cell>
          <cell r="H220" t="str">
            <v/>
          </cell>
          <cell r="I220" t="str">
            <v>代表取締役 今津　由雄</v>
          </cell>
          <cell r="J220" t="str">
            <v>本店</v>
          </cell>
          <cell r="K220" t="str">
            <v>078-681-1556</v>
          </cell>
          <cell r="L220" t="str">
            <v/>
          </cell>
          <cell r="M220" t="str">
            <v>ｲﾏﾂﾞｹﾝｾﾂ</v>
          </cell>
          <cell r="N220" t="str">
            <v>無</v>
          </cell>
          <cell r="O220">
            <v>69</v>
          </cell>
          <cell r="P220">
            <v>45</v>
          </cell>
          <cell r="Q220">
            <v>8140001012535</v>
          </cell>
          <cell r="R220">
            <v>60000</v>
          </cell>
          <cell r="S220">
            <v>1058874</v>
          </cell>
          <cell r="T220">
            <v>3156667</v>
          </cell>
          <cell r="V220" t="str">
            <v>fb208409</v>
          </cell>
          <cell r="W220" t="str">
            <v>wt355182</v>
          </cell>
          <cell r="X220" t="str">
            <v>管塗機園土建と防内解</v>
          </cell>
          <cell r="Y220" t="str">
            <v>管塗機園</v>
          </cell>
          <cell r="Z220" t="str">
            <v>土建と防内解</v>
          </cell>
          <cell r="AA220" t="str">
            <v>建築一式</v>
          </cell>
          <cell r="AB220" t="str">
            <v>土木一式</v>
          </cell>
          <cell r="AC220" t="str">
            <v/>
          </cell>
          <cell r="AD220" t="str">
            <v/>
          </cell>
          <cell r="AE220">
            <v>43802</v>
          </cell>
          <cell r="AF220" t="str">
            <v>希望しない</v>
          </cell>
          <cell r="AG220" t="str">
            <v>建築一式</v>
          </cell>
          <cell r="AH220" t="str">
            <v>特定</v>
          </cell>
          <cell r="AI220">
            <v>1080</v>
          </cell>
          <cell r="AJ220">
            <v>3216037</v>
          </cell>
          <cell r="AK220" t="str">
            <v>22(21)/6/</v>
          </cell>
          <cell r="AL220" t="str">
            <v>土木一式</v>
          </cell>
          <cell r="AM220" t="str">
            <v>特定</v>
          </cell>
          <cell r="AN220">
            <v>707</v>
          </cell>
          <cell r="AO220" t="str">
            <v/>
          </cell>
          <cell r="AP220" t="str">
            <v>2(1)/1/1</v>
          </cell>
          <cell r="AQ220" t="str">
            <v/>
          </cell>
          <cell r="AR220" t="str">
            <v/>
          </cell>
          <cell r="AS220" t="str">
            <v/>
          </cell>
          <cell r="AT220" t="str">
            <v/>
          </cell>
          <cell r="AU220" t="str">
            <v/>
          </cell>
          <cell r="AV220" t="str">
            <v/>
          </cell>
          <cell r="AW220" t="str">
            <v/>
          </cell>
          <cell r="AX220" t="str">
            <v/>
          </cell>
          <cell r="AY220" t="str">
            <v/>
          </cell>
          <cell r="AZ220" t="str">
            <v/>
          </cell>
          <cell r="BA220" t="str">
            <v>兵庫県</v>
          </cell>
        </row>
        <row r="221">
          <cell r="B221">
            <v>2157</v>
          </cell>
          <cell r="C221" t="str">
            <v>(株)イボキン</v>
          </cell>
          <cell r="D221" t="str">
            <v>0791-72-3531</v>
          </cell>
          <cell r="E221" t="str">
            <v>671-1621</v>
          </cell>
          <cell r="F221" t="str">
            <v>兵庫県たつの市揖保川町正條379</v>
          </cell>
          <cell r="G221" t="str">
            <v>たつの市</v>
          </cell>
          <cell r="H221" t="str">
            <v/>
          </cell>
          <cell r="I221" t="str">
            <v>代表取締役　 高橋　克実</v>
          </cell>
          <cell r="J221" t="str">
            <v>本店</v>
          </cell>
          <cell r="K221" t="str">
            <v>0791-72-2639</v>
          </cell>
          <cell r="L221" t="str">
            <v>kmuratani@ibokin.co.jp</v>
          </cell>
          <cell r="M221" t="str">
            <v>ｲﾎﾞｷﾝ</v>
          </cell>
          <cell r="N221" t="str">
            <v>無</v>
          </cell>
          <cell r="O221">
            <v>23</v>
          </cell>
          <cell r="P221" t="str">
            <v/>
          </cell>
          <cell r="Q221">
            <v>1140000000000</v>
          </cell>
          <cell r="R221">
            <v>47500</v>
          </cell>
          <cell r="S221">
            <v>1366886</v>
          </cell>
          <cell r="T221">
            <v>5332376</v>
          </cell>
          <cell r="V221" t="str">
            <v>yp606468</v>
          </cell>
          <cell r="W221" t="str">
            <v>ut181266</v>
          </cell>
          <cell r="X221" t="str">
            <v>管塗機園土建と防内解</v>
          </cell>
          <cell r="Y221" t="str">
            <v>管塗機園</v>
          </cell>
          <cell r="Z221" t="str">
            <v>土建と防内解</v>
          </cell>
          <cell r="AA221" t="str">
            <v>解体</v>
          </cell>
          <cell r="AB221" t="str">
            <v>土木一式</v>
          </cell>
          <cell r="AC221" t="str">
            <v>とび土工</v>
          </cell>
          <cell r="AD221" t="str">
            <v/>
          </cell>
          <cell r="AE221">
            <v>43100</v>
          </cell>
          <cell r="AF221" t="str">
            <v>希望しない</v>
          </cell>
          <cell r="AG221" t="str">
            <v>解体</v>
          </cell>
          <cell r="AH221" t="str">
            <v>特定</v>
          </cell>
          <cell r="AI221">
            <v>898</v>
          </cell>
          <cell r="AJ221">
            <v>929</v>
          </cell>
          <cell r="AK221" t="str">
            <v>6(4)/4/3</v>
          </cell>
          <cell r="AL221" t="str">
            <v>土木一式</v>
          </cell>
          <cell r="AM221" t="str">
            <v>特定</v>
          </cell>
          <cell r="AN221">
            <v>723</v>
          </cell>
          <cell r="AO221">
            <v>397</v>
          </cell>
          <cell r="AP221" t="str">
            <v>6(4)/3/0</v>
          </cell>
          <cell r="AQ221" t="str">
            <v>とび土工</v>
          </cell>
          <cell r="AR221" t="str">
            <v>特定</v>
          </cell>
          <cell r="AS221">
            <v>727</v>
          </cell>
          <cell r="AT221">
            <v>397</v>
          </cell>
          <cell r="AU221" t="str">
            <v>6(4)/3/3</v>
          </cell>
          <cell r="AV221" t="str">
            <v/>
          </cell>
          <cell r="AW221" t="str">
            <v/>
          </cell>
          <cell r="AX221" t="str">
            <v/>
          </cell>
          <cell r="AY221" t="str">
            <v/>
          </cell>
          <cell r="AZ221" t="str">
            <v/>
          </cell>
          <cell r="BA221" t="str">
            <v>兵庫県</v>
          </cell>
          <cell r="BB221">
            <v>0</v>
          </cell>
          <cell r="CR221">
            <v>4146</v>
          </cell>
          <cell r="CS221" t="str">
            <v>ﾔﾅｷﾞﾀﾞ ﾐﾖｺ</v>
          </cell>
          <cell r="CT221" t="str">
            <v>柳田  三世子</v>
          </cell>
          <cell r="CU221" t="str">
            <v>教育保育課</v>
          </cell>
          <cell r="CW221">
            <v>4021</v>
          </cell>
          <cell r="CX221" t="str">
            <v>主査</v>
          </cell>
          <cell r="CY221" t="str">
            <v>保育課長</v>
          </cell>
        </row>
        <row r="222">
          <cell r="B222">
            <v>2158</v>
          </cell>
          <cell r="C222" t="str">
            <v>泉谷電気工事(株)</v>
          </cell>
          <cell r="D222" t="str">
            <v>06-6533-3390</v>
          </cell>
          <cell r="E222" t="str">
            <v>550-0014</v>
          </cell>
          <cell r="F222" t="str">
            <v>大阪府大阪市西区北堀江1-1-21</v>
          </cell>
          <cell r="G222" t="str">
            <v>大阪市</v>
          </cell>
          <cell r="H222" t="str">
            <v/>
          </cell>
          <cell r="I222" t="str">
            <v>代表取締役 泉谷　仁博</v>
          </cell>
          <cell r="J222" t="str">
            <v>本店</v>
          </cell>
          <cell r="K222" t="str">
            <v>06-6533-3391</v>
          </cell>
          <cell r="L222" t="str">
            <v>izutani@izutani-e.co.jp</v>
          </cell>
          <cell r="M222" t="str">
            <v>ｲｽﾞﾀﾆﾃﾞﾝｷｺｳｼﾞ</v>
          </cell>
          <cell r="N222" t="str">
            <v>無</v>
          </cell>
          <cell r="O222">
            <v>35</v>
          </cell>
          <cell r="P222">
            <v>25</v>
          </cell>
          <cell r="Q222">
            <v>1120101042151</v>
          </cell>
          <cell r="R222">
            <v>80800</v>
          </cell>
          <cell r="S222">
            <v>252457</v>
          </cell>
          <cell r="T222">
            <v>612303</v>
          </cell>
          <cell r="V222" t="str">
            <v>qj111255</v>
          </cell>
          <cell r="W222" t="str">
            <v>nn213198</v>
          </cell>
          <cell r="X222" t="str">
            <v>管機通消電</v>
          </cell>
          <cell r="Y222" t="str">
            <v>管機通消</v>
          </cell>
          <cell r="Z222" t="str">
            <v>電</v>
          </cell>
          <cell r="AA222" t="str">
            <v>電気</v>
          </cell>
          <cell r="AB222" t="str">
            <v>管</v>
          </cell>
          <cell r="AC222" t="str">
            <v>消防施設</v>
          </cell>
          <cell r="AD222" t="str">
            <v>電気通信</v>
          </cell>
          <cell r="AE222">
            <v>43008</v>
          </cell>
          <cell r="AF222" t="str">
            <v>希望しない</v>
          </cell>
          <cell r="AG222" t="str">
            <v>電気</v>
          </cell>
          <cell r="AH222" t="str">
            <v>特定</v>
          </cell>
          <cell r="AI222">
            <v>902</v>
          </cell>
          <cell r="AJ222">
            <v>471581</v>
          </cell>
          <cell r="AK222" t="str">
            <v>7(7)/0/4</v>
          </cell>
          <cell r="AL222" t="str">
            <v>管</v>
          </cell>
          <cell r="AM222" t="str">
            <v>一般</v>
          </cell>
          <cell r="AN222">
            <v>715</v>
          </cell>
          <cell r="AO222">
            <v>8853</v>
          </cell>
          <cell r="AP222" t="str">
            <v>1(1)/0/2</v>
          </cell>
          <cell r="AQ222" t="str">
            <v>消防施設</v>
          </cell>
          <cell r="AR222" t="str">
            <v>一般</v>
          </cell>
          <cell r="AS222">
            <v>693</v>
          </cell>
          <cell r="AT222">
            <v>1660</v>
          </cell>
          <cell r="AU222" t="str">
            <v>0(0)/4/1</v>
          </cell>
          <cell r="AV222" t="str">
            <v>電気通信</v>
          </cell>
          <cell r="AW222" t="str">
            <v>一般</v>
          </cell>
          <cell r="AX222">
            <v>709</v>
          </cell>
          <cell r="AY222">
            <v>19400</v>
          </cell>
          <cell r="AZ222" t="str">
            <v>0(0)/0/1</v>
          </cell>
          <cell r="BA222" t="str">
            <v>大阪府</v>
          </cell>
          <cell r="BB222">
            <v>0</v>
          </cell>
          <cell r="CR222">
            <v>4150</v>
          </cell>
          <cell r="CS222" t="str">
            <v>ｻｸﾗｲ ﾀﾀﾞｼ</v>
          </cell>
          <cell r="CT222" t="str">
            <v>櫻井  忠司</v>
          </cell>
          <cell r="CU222" t="str">
            <v>情報管理課</v>
          </cell>
          <cell r="CW222">
            <v>6671361</v>
          </cell>
          <cell r="CX222" t="str">
            <v>副主幹</v>
          </cell>
          <cell r="CY222" t="str">
            <v>情報管理課長</v>
          </cell>
        </row>
        <row r="223">
          <cell r="B223">
            <v>2159</v>
          </cell>
          <cell r="C223" t="str">
            <v>池本健建設(株)</v>
          </cell>
          <cell r="D223" t="str">
            <v>0797-31-3203</v>
          </cell>
          <cell r="E223" t="str">
            <v>659-0062</v>
          </cell>
          <cell r="F223" t="str">
            <v>兵庫県芦屋市宮塚町17‐3‐202</v>
          </cell>
          <cell r="G223" t="str">
            <v>芦屋市</v>
          </cell>
          <cell r="H223" t="str">
            <v/>
          </cell>
          <cell r="I223" t="str">
            <v>代表取締役 池本　隆司</v>
          </cell>
          <cell r="J223" t="str">
            <v>本店</v>
          </cell>
          <cell r="K223" t="str">
            <v>0797-32-1587</v>
          </cell>
          <cell r="L223" t="str">
            <v>ikemotokenkensetu@ybb.ne.jp</v>
          </cell>
          <cell r="M223" t="str">
            <v>ｲｹﾓﾄｹﾝｹﾝｾﾂ</v>
          </cell>
          <cell r="N223" t="str">
            <v>無</v>
          </cell>
          <cell r="O223">
            <v>48</v>
          </cell>
          <cell r="P223">
            <v>5</v>
          </cell>
          <cell r="Q223">
            <v>8140001000143</v>
          </cell>
          <cell r="R223">
            <v>22500</v>
          </cell>
          <cell r="S223">
            <v>185629</v>
          </cell>
          <cell r="T223">
            <v>294718</v>
          </cell>
          <cell r="V223" t="str">
            <v>zb221184</v>
          </cell>
          <cell r="W223" t="str">
            <v>uf422918</v>
          </cell>
          <cell r="X223" t="str">
            <v>建土と石鋼舗浚塗水解</v>
          </cell>
          <cell r="Y223" t="str">
            <v>建</v>
          </cell>
          <cell r="Z223" t="str">
            <v>土と石鋼舗浚塗水解</v>
          </cell>
          <cell r="AA223" t="str">
            <v>土木一式</v>
          </cell>
          <cell r="AB223" t="str">
            <v>舗装</v>
          </cell>
          <cell r="AC223" t="str">
            <v>とび土工</v>
          </cell>
          <cell r="AD223" t="str">
            <v>解体</v>
          </cell>
          <cell r="AE223">
            <v>43312</v>
          </cell>
          <cell r="AF223" t="str">
            <v>希望する</v>
          </cell>
          <cell r="AG223" t="str">
            <v>土木一式</v>
          </cell>
          <cell r="AH223" t="str">
            <v>特定</v>
          </cell>
          <cell r="AI223">
            <v>845</v>
          </cell>
          <cell r="AJ223">
            <v>117702</v>
          </cell>
          <cell r="AK223" t="str">
            <v>3(3)/1/0</v>
          </cell>
          <cell r="AL223" t="str">
            <v>舗装</v>
          </cell>
          <cell r="AM223" t="str">
            <v>特定</v>
          </cell>
          <cell r="AN223">
            <v>846</v>
          </cell>
          <cell r="AO223">
            <v>129054</v>
          </cell>
          <cell r="AP223" t="str">
            <v>3(3)/1/0</v>
          </cell>
          <cell r="AQ223" t="str">
            <v>とび土工</v>
          </cell>
          <cell r="AR223" t="str">
            <v>特定</v>
          </cell>
          <cell r="AS223">
            <v>714</v>
          </cell>
          <cell r="AT223">
            <v>6351</v>
          </cell>
          <cell r="AU223" t="str">
            <v>0(0)/0/0</v>
          </cell>
          <cell r="AV223" t="str">
            <v>解体</v>
          </cell>
          <cell r="AW223" t="str">
            <v>特定</v>
          </cell>
          <cell r="AX223">
            <v>687</v>
          </cell>
          <cell r="AY223">
            <v>28</v>
          </cell>
          <cell r="AZ223" t="str">
            <v>0(0)/0/0</v>
          </cell>
          <cell r="BA223" t="str">
            <v>兵庫県</v>
          </cell>
          <cell r="BB223">
            <v>0</v>
          </cell>
          <cell r="CR223">
            <v>4152</v>
          </cell>
          <cell r="CS223" t="str">
            <v>ｲｹﾓﾄ ﾐﾂﾋｻ</v>
          </cell>
          <cell r="CT223" t="str">
            <v>池本  光久</v>
          </cell>
          <cell r="CU223" t="str">
            <v>警防課</v>
          </cell>
          <cell r="CW223">
            <v>6680220</v>
          </cell>
          <cell r="CX223" t="str">
            <v>課長</v>
          </cell>
          <cell r="CY223" t="str">
            <v>警防課長</v>
          </cell>
        </row>
        <row r="224">
          <cell r="B224">
            <v>2165</v>
          </cell>
          <cell r="C224" t="str">
            <v>一吉工業(株)</v>
          </cell>
          <cell r="D224" t="str">
            <v>072-758-4518</v>
          </cell>
          <cell r="E224" t="str">
            <v>666-0016</v>
          </cell>
          <cell r="F224" t="str">
            <v>兵庫県川西市中央町14-23</v>
          </cell>
          <cell r="G224" t="str">
            <v>川西市</v>
          </cell>
          <cell r="H224" t="str">
            <v/>
          </cell>
          <cell r="I224" t="str">
            <v>代表取締役 和島　将志</v>
          </cell>
          <cell r="J224" t="str">
            <v>本店</v>
          </cell>
          <cell r="K224" t="str">
            <v>072-759-2212</v>
          </cell>
          <cell r="L224" t="str">
            <v>ichiyoshi@ia5.itkeeper.ne.jp</v>
          </cell>
          <cell r="M224" t="str">
            <v>ｲﾁﾖｼｺｳｷﾞﾖｳ</v>
          </cell>
          <cell r="N224" t="str">
            <v>無</v>
          </cell>
          <cell r="O224">
            <v>39</v>
          </cell>
          <cell r="P224">
            <v>20</v>
          </cell>
          <cell r="Q224">
            <v>2140000000000</v>
          </cell>
          <cell r="R224">
            <v>37000</v>
          </cell>
          <cell r="S224">
            <v>225537</v>
          </cell>
          <cell r="T224">
            <v>885322</v>
          </cell>
          <cell r="V224" t="str">
            <v>ut166574</v>
          </cell>
          <cell r="W224" t="str">
            <v>lu146409</v>
          </cell>
          <cell r="X224" t="str">
            <v>建土と石鋼舗浚塗水解</v>
          </cell>
          <cell r="Y224" t="str">
            <v>建</v>
          </cell>
          <cell r="Z224" t="str">
            <v>土と石鋼舗浚塗水解</v>
          </cell>
          <cell r="AA224" t="str">
            <v>建築一式</v>
          </cell>
          <cell r="AB224" t="str">
            <v>土木一式</v>
          </cell>
          <cell r="AC224" t="str">
            <v>内装仕上</v>
          </cell>
          <cell r="AD224" t="str">
            <v>防水</v>
          </cell>
          <cell r="AE224">
            <v>43312</v>
          </cell>
          <cell r="AF224" t="str">
            <v>希望しない</v>
          </cell>
          <cell r="AG224" t="str">
            <v>建築一式</v>
          </cell>
          <cell r="AH224" t="str">
            <v>特定</v>
          </cell>
          <cell r="AI224">
            <v>972</v>
          </cell>
          <cell r="AJ224">
            <v>855584</v>
          </cell>
          <cell r="AK224" t="str">
            <v>5(5)/7/1</v>
          </cell>
          <cell r="AL224" t="str">
            <v>土木一式</v>
          </cell>
          <cell r="AM224" t="str">
            <v>一般</v>
          </cell>
          <cell r="AN224">
            <v>768</v>
          </cell>
          <cell r="AO224">
            <v>21550</v>
          </cell>
          <cell r="AP224" t="str">
            <v>0(0)/1/0</v>
          </cell>
          <cell r="AQ224" t="str">
            <v>内装仕上</v>
          </cell>
          <cell r="AR224" t="str">
            <v>特定</v>
          </cell>
          <cell r="AS224" t="str">
            <v/>
          </cell>
          <cell r="AT224" t="str">
            <v/>
          </cell>
          <cell r="AU224" t="str">
            <v>0(0)/0/0</v>
          </cell>
          <cell r="AV224" t="str">
            <v>防水</v>
          </cell>
          <cell r="AW224" t="str">
            <v>特定</v>
          </cell>
          <cell r="AX224" t="str">
            <v/>
          </cell>
          <cell r="AY224" t="str">
            <v/>
          </cell>
          <cell r="AZ224" t="str">
            <v>0(0)/0/0</v>
          </cell>
          <cell r="BA224" t="str">
            <v>兵庫県</v>
          </cell>
          <cell r="BB224">
            <v>0</v>
          </cell>
          <cell r="CR224">
            <v>4153</v>
          </cell>
          <cell r="CS224" t="str">
            <v>ｲｼﾀﾞ ﾅｵﾄ</v>
          </cell>
          <cell r="CT224" t="str">
            <v>石田  直人</v>
          </cell>
          <cell r="CU224" t="str">
            <v>警防課</v>
          </cell>
          <cell r="CW224">
            <v>6680317</v>
          </cell>
          <cell r="CX224" t="str">
            <v>副隊長</v>
          </cell>
          <cell r="CY224" t="str">
            <v>警防課長</v>
          </cell>
        </row>
        <row r="225">
          <cell r="B225">
            <v>2170</v>
          </cell>
          <cell r="C225" t="str">
            <v>(株)NTTフィールドテクノ</v>
          </cell>
          <cell r="D225" t="str">
            <v>06-6450-5140</v>
          </cell>
          <cell r="E225" t="str">
            <v>534-0024</v>
          </cell>
          <cell r="F225" t="str">
            <v>大阪府大阪市都島区東野田町4-15-82</v>
          </cell>
          <cell r="G225" t="str">
            <v>大阪市</v>
          </cell>
          <cell r="H225" t="str">
            <v>関西支店</v>
          </cell>
          <cell r="I225" t="str">
            <v>取締役関西支店長 篠浦　伸得</v>
          </cell>
          <cell r="J225" t="str">
            <v>大阪府大阪市</v>
          </cell>
          <cell r="K225" t="str">
            <v>06-6881-5168</v>
          </cell>
          <cell r="L225" t="str">
            <v/>
          </cell>
          <cell r="M225" t="str">
            <v/>
          </cell>
          <cell r="N225" t="str">
            <v>有</v>
          </cell>
          <cell r="O225">
            <v>20</v>
          </cell>
          <cell r="P225">
            <v>17000</v>
          </cell>
          <cell r="Q225">
            <v>4120001014405</v>
          </cell>
          <cell r="R225">
            <v>100000</v>
          </cell>
          <cell r="S225">
            <v>2709937</v>
          </cell>
          <cell r="T225" t="str">
            <v/>
          </cell>
          <cell r="V225" t="str">
            <v>dv148988</v>
          </cell>
          <cell r="W225" t="str">
            <v>xv160517</v>
          </cell>
          <cell r="X225" t="str">
            <v>建土と石鋼舗浚塗水解</v>
          </cell>
          <cell r="Y225" t="str">
            <v>建</v>
          </cell>
          <cell r="Z225" t="str">
            <v>土と石鋼舗浚塗水解</v>
          </cell>
          <cell r="AA225" t="str">
            <v>機械器具</v>
          </cell>
          <cell r="AB225" t="str">
            <v>電気</v>
          </cell>
          <cell r="AC225" t="str">
            <v>水道施設</v>
          </cell>
          <cell r="AD225" t="str">
            <v>電気通信</v>
          </cell>
          <cell r="AE225">
            <v>43251</v>
          </cell>
          <cell r="AF225" t="str">
            <v>希望しない</v>
          </cell>
          <cell r="AG225" t="str">
            <v>機械器具</v>
          </cell>
          <cell r="AH225" t="str">
            <v>特定</v>
          </cell>
          <cell r="AI225">
            <v>750</v>
          </cell>
          <cell r="AJ225">
            <v>232862</v>
          </cell>
          <cell r="AK225" t="str">
            <v>0(0)/0/9</v>
          </cell>
          <cell r="AL225" t="str">
            <v>電気</v>
          </cell>
          <cell r="AM225" t="str">
            <v>特定</v>
          </cell>
          <cell r="AN225">
            <v>932</v>
          </cell>
          <cell r="AO225">
            <v>815903</v>
          </cell>
          <cell r="AP225" t="str">
            <v>25(23)/2/0</v>
          </cell>
          <cell r="AQ225" t="str">
            <v>水道施設</v>
          </cell>
          <cell r="AR225" t="str">
            <v>特定</v>
          </cell>
          <cell r="AS225">
            <v>818</v>
          </cell>
          <cell r="AT225">
            <v>258395</v>
          </cell>
          <cell r="AU225" t="str">
            <v>11(10)/0/0</v>
          </cell>
          <cell r="AV225" t="str">
            <v>電気通信</v>
          </cell>
          <cell r="AW225" t="str">
            <v>特定</v>
          </cell>
          <cell r="AX225">
            <v>653</v>
          </cell>
          <cell r="AY225">
            <v>7550</v>
          </cell>
          <cell r="AZ225" t="str">
            <v>0(0)/0/3</v>
          </cell>
          <cell r="BA225" t="str">
            <v>大阪府</v>
          </cell>
        </row>
        <row r="226">
          <cell r="B226">
            <v>2171</v>
          </cell>
          <cell r="C226" t="str">
            <v>(株)エース・ウォーター</v>
          </cell>
          <cell r="D226" t="str">
            <v>06-6192-9771</v>
          </cell>
          <cell r="E226" t="str">
            <v>564-0052</v>
          </cell>
          <cell r="F226" t="str">
            <v>大阪府吹田市広芝町4-34</v>
          </cell>
          <cell r="G226" t="str">
            <v>福岡市</v>
          </cell>
          <cell r="H226" t="str">
            <v>大阪営業所</v>
          </cell>
          <cell r="I226" t="str">
            <v>所長 大西　健司</v>
          </cell>
          <cell r="J226" t="str">
            <v>福岡県福岡市</v>
          </cell>
          <cell r="K226" t="str">
            <v>06-6192-9772</v>
          </cell>
          <cell r="L226" t="str">
            <v>oosaka.acewater@gmail.com</v>
          </cell>
          <cell r="M226" t="str">
            <v>ｴｰｽ･ｳｫｰﾀｰ</v>
          </cell>
          <cell r="N226" t="str">
            <v>有</v>
          </cell>
          <cell r="O226">
            <v>48</v>
          </cell>
          <cell r="P226">
            <v>49</v>
          </cell>
          <cell r="Q226">
            <v>1290001016692</v>
          </cell>
          <cell r="R226">
            <v>50000</v>
          </cell>
          <cell r="S226">
            <v>138715</v>
          </cell>
          <cell r="T226">
            <v>4497465</v>
          </cell>
          <cell r="V226" t="str">
            <v>vi140160</v>
          </cell>
          <cell r="W226" t="str">
            <v>px154875</v>
          </cell>
          <cell r="X226" t="str">
            <v>建土と石鋼舗浚塗水解</v>
          </cell>
          <cell r="Y226" t="str">
            <v>建</v>
          </cell>
          <cell r="Z226" t="str">
            <v>土と石鋼舗浚塗水解</v>
          </cell>
          <cell r="AA226" t="str">
            <v>機械器具</v>
          </cell>
          <cell r="AB226" t="str">
            <v>電気</v>
          </cell>
          <cell r="AC226" t="str">
            <v>水道施設</v>
          </cell>
          <cell r="AD226" t="str">
            <v>電気通信</v>
          </cell>
          <cell r="AE226">
            <v>43251</v>
          </cell>
          <cell r="AF226" t="str">
            <v>希望しない</v>
          </cell>
          <cell r="AG226" t="str">
            <v>機械器具</v>
          </cell>
          <cell r="AH226" t="str">
            <v>特定</v>
          </cell>
          <cell r="AI226">
            <v>750</v>
          </cell>
          <cell r="AJ226">
            <v>232862</v>
          </cell>
          <cell r="AK226" t="str">
            <v>0(0)/0/9</v>
          </cell>
          <cell r="AL226" t="str">
            <v>電気</v>
          </cell>
          <cell r="AM226" t="str">
            <v>特定</v>
          </cell>
          <cell r="AN226">
            <v>932</v>
          </cell>
          <cell r="AO226">
            <v>815903</v>
          </cell>
          <cell r="AP226" t="str">
            <v>25(23)/2/0</v>
          </cell>
          <cell r="AQ226" t="str">
            <v>水道施設</v>
          </cell>
          <cell r="AR226" t="str">
            <v>特定</v>
          </cell>
          <cell r="AS226">
            <v>818</v>
          </cell>
          <cell r="AT226">
            <v>258395</v>
          </cell>
          <cell r="AU226" t="str">
            <v>11(10)/0/0</v>
          </cell>
          <cell r="AV226" t="str">
            <v>電気通信</v>
          </cell>
          <cell r="AW226" t="str">
            <v>特定</v>
          </cell>
          <cell r="AX226">
            <v>653</v>
          </cell>
          <cell r="AY226">
            <v>7550</v>
          </cell>
          <cell r="AZ226" t="str">
            <v>0(0)/0/3</v>
          </cell>
          <cell r="BA226" t="str">
            <v>福岡県</v>
          </cell>
          <cell r="BB226" t="str">
            <v>北九州銀行呉服町ビル</v>
          </cell>
          <cell r="CR226">
            <v>4071</v>
          </cell>
          <cell r="CS226" t="str">
            <v>ﾐﾔｻﾞｷ ﾌﾐｵ</v>
          </cell>
          <cell r="CT226" t="str">
            <v>宮崎  文男</v>
          </cell>
          <cell r="CU226" t="str">
            <v>浄水課</v>
          </cell>
          <cell r="CW226" t="str">
            <v xml:space="preserve"> </v>
          </cell>
          <cell r="CX226" t="str">
            <v>副主査</v>
          </cell>
          <cell r="CY226" t="str">
            <v>浄水課長</v>
          </cell>
        </row>
        <row r="227">
          <cell r="B227">
            <v>2172</v>
          </cell>
          <cell r="C227" t="str">
            <v>(株)Ａ・Ｓ・Ｐ</v>
          </cell>
          <cell r="D227" t="str">
            <v>06-6809-6031</v>
          </cell>
          <cell r="E227" t="str">
            <v>532-0003</v>
          </cell>
          <cell r="F227" t="str">
            <v>大阪府大阪市淀川区宮原1-19-11-108A</v>
          </cell>
          <cell r="G227" t="str">
            <v>大阪市</v>
          </cell>
          <cell r="H227" t="str">
            <v/>
          </cell>
          <cell r="I227" t="str">
            <v>代表取締役 鮎川　裕介</v>
          </cell>
          <cell r="J227" t="str">
            <v>本店</v>
          </cell>
          <cell r="K227" t="str">
            <v>06-6809-6035</v>
          </cell>
          <cell r="L227" t="str">
            <v>asp_ayu@yahoo.co.jp</v>
          </cell>
          <cell r="M227" t="str">
            <v>ｴｰ･ｴｽ･ﾋﾟｰ</v>
          </cell>
          <cell r="N227" t="str">
            <v>無</v>
          </cell>
          <cell r="O227">
            <v>12</v>
          </cell>
          <cell r="P227">
            <v>5</v>
          </cell>
          <cell r="Q227">
            <v>2120001142125</v>
          </cell>
          <cell r="R227">
            <v>32000</v>
          </cell>
          <cell r="S227">
            <v>41190</v>
          </cell>
          <cell r="T227">
            <v>799153</v>
          </cell>
          <cell r="V227" t="str">
            <v>zv155147</v>
          </cell>
          <cell r="W227" t="str">
            <v>dg189395</v>
          </cell>
          <cell r="X227" t="str">
            <v>土建大と石屋管タ鋼鉄舗浚板ガ塗防内熱具水解</v>
          </cell>
          <cell r="Y227" t="str">
            <v/>
          </cell>
          <cell r="Z227" t="str">
            <v>土建大と石屋管タ鋼鉄舗浚板ガ塗防内熱具水解</v>
          </cell>
          <cell r="AA227" t="str">
            <v>解体</v>
          </cell>
          <cell r="AB227" t="str">
            <v/>
          </cell>
          <cell r="AC227" t="str">
            <v/>
          </cell>
          <cell r="AD227" t="str">
            <v/>
          </cell>
          <cell r="AE227">
            <v>43008</v>
          </cell>
          <cell r="AF227" t="str">
            <v/>
          </cell>
          <cell r="AG227" t="str">
            <v>解体</v>
          </cell>
          <cell r="AH227" t="str">
            <v>特定</v>
          </cell>
          <cell r="AI227">
            <v>727</v>
          </cell>
          <cell r="AJ227">
            <v>71060</v>
          </cell>
          <cell r="AK227" t="str">
            <v>3(3)/0/0</v>
          </cell>
          <cell r="AL227" t="str">
            <v/>
          </cell>
          <cell r="AM227" t="str">
            <v/>
          </cell>
          <cell r="AN227" t="str">
            <v/>
          </cell>
          <cell r="AO227" t="str">
            <v/>
          </cell>
          <cell r="AP227" t="str">
            <v/>
          </cell>
          <cell r="AQ227" t="str">
            <v/>
          </cell>
          <cell r="AR227" t="str">
            <v/>
          </cell>
          <cell r="AS227" t="str">
            <v/>
          </cell>
          <cell r="AT227" t="str">
            <v/>
          </cell>
          <cell r="AU227" t="str">
            <v/>
          </cell>
          <cell r="AV227" t="str">
            <v/>
          </cell>
          <cell r="AW227" t="str">
            <v/>
          </cell>
          <cell r="AX227" t="str">
            <v/>
          </cell>
          <cell r="AY227" t="str">
            <v/>
          </cell>
          <cell r="AZ227" t="str">
            <v/>
          </cell>
          <cell r="BA227" t="str">
            <v>大阪府</v>
          </cell>
          <cell r="BB227">
            <v>0</v>
          </cell>
          <cell r="CR227">
            <v>4170</v>
          </cell>
          <cell r="CS227" t="str">
            <v>ｻｶｳｴ ﾄﾓｺ</v>
          </cell>
          <cell r="CT227" t="str">
            <v>坂上  智子</v>
          </cell>
          <cell r="CU227" t="str">
            <v>保育課</v>
          </cell>
          <cell r="CW227" t="str">
            <v xml:space="preserve"> </v>
          </cell>
          <cell r="CX227" t="str">
            <v>園長</v>
          </cell>
          <cell r="CY227" t="str">
            <v>保育課長</v>
          </cell>
        </row>
        <row r="228">
          <cell r="B228">
            <v>2173</v>
          </cell>
          <cell r="C228" t="str">
            <v>(株)エス・エル</v>
          </cell>
          <cell r="D228" t="str">
            <v>06-6468-7180</v>
          </cell>
          <cell r="E228" t="str">
            <v>553-0005</v>
          </cell>
          <cell r="F228" t="str">
            <v>大阪府大阪市福島区野田5-17-22</v>
          </cell>
          <cell r="G228" t="str">
            <v>大阪市</v>
          </cell>
          <cell r="H228" t="str">
            <v/>
          </cell>
          <cell r="I228" t="str">
            <v>代表取締役 岸本　進</v>
          </cell>
          <cell r="J228" t="str">
            <v>本店</v>
          </cell>
          <cell r="K228" t="str">
            <v>06-6468-7104</v>
          </cell>
          <cell r="L228" t="str">
            <v>info@kk-sl.co.jp</v>
          </cell>
          <cell r="M228" t="str">
            <v>ｴｽ･ｴﾙ</v>
          </cell>
          <cell r="N228" t="str">
            <v>無</v>
          </cell>
          <cell r="O228">
            <v>53</v>
          </cell>
          <cell r="P228">
            <v>40</v>
          </cell>
          <cell r="Q228">
            <v>7120001034391</v>
          </cell>
          <cell r="R228">
            <v>99650</v>
          </cell>
          <cell r="S228">
            <v>428203</v>
          </cell>
          <cell r="T228">
            <v>1447611</v>
          </cell>
          <cell r="V228" t="str">
            <v>of150689</v>
          </cell>
          <cell r="W228" t="str">
            <v>uo163655</v>
          </cell>
          <cell r="X228" t="str">
            <v>管機清</v>
          </cell>
          <cell r="Y228" t="str">
            <v/>
          </cell>
          <cell r="Z228" t="str">
            <v>管機清</v>
          </cell>
          <cell r="AA228" t="str">
            <v>機械器具</v>
          </cell>
          <cell r="AB228" t="str">
            <v>管</v>
          </cell>
          <cell r="AC228" t="str">
            <v/>
          </cell>
          <cell r="AD228" t="str">
            <v/>
          </cell>
          <cell r="AE228">
            <v>43008</v>
          </cell>
          <cell r="AF228" t="str">
            <v>希望しない</v>
          </cell>
          <cell r="AG228" t="str">
            <v>機械器具</v>
          </cell>
          <cell r="AH228" t="str">
            <v>特定</v>
          </cell>
          <cell r="AI228">
            <v>961</v>
          </cell>
          <cell r="AJ228">
            <v>745400</v>
          </cell>
          <cell r="AK228" t="str">
            <v>0(0)/0/13</v>
          </cell>
          <cell r="AL228" t="str">
            <v>管</v>
          </cell>
          <cell r="AM228" t="str">
            <v>特定</v>
          </cell>
          <cell r="AN228">
            <v>806</v>
          </cell>
          <cell r="AO228">
            <v>229520</v>
          </cell>
          <cell r="AP228" t="str">
            <v>9(9)/8/3</v>
          </cell>
          <cell r="AQ228" t="str">
            <v/>
          </cell>
          <cell r="AR228" t="str">
            <v/>
          </cell>
          <cell r="AS228" t="str">
            <v/>
          </cell>
          <cell r="AT228" t="str">
            <v/>
          </cell>
          <cell r="AU228" t="str">
            <v/>
          </cell>
          <cell r="AV228" t="str">
            <v/>
          </cell>
          <cell r="AW228" t="str">
            <v/>
          </cell>
          <cell r="AX228" t="str">
            <v/>
          </cell>
          <cell r="AY228" t="str">
            <v/>
          </cell>
          <cell r="AZ228" t="str">
            <v/>
          </cell>
          <cell r="BA228" t="str">
            <v>大阪府</v>
          </cell>
          <cell r="BB228" t="str">
            <v>大拓ビル６階</v>
          </cell>
          <cell r="CR228">
            <v>4171</v>
          </cell>
          <cell r="CS228" t="str">
            <v>ｲｹﾉﾌﾞ ｹｲｺ</v>
          </cell>
          <cell r="CT228" t="str">
            <v>池信  佳子</v>
          </cell>
          <cell r="CU228" t="str">
            <v>こども福祉課</v>
          </cell>
          <cell r="CW228" t="str">
            <v xml:space="preserve"> </v>
          </cell>
          <cell r="CX228" t="str">
            <v>副主査</v>
          </cell>
          <cell r="CY228" t="str">
            <v>こども福祉課長</v>
          </cell>
        </row>
        <row r="229">
          <cell r="B229">
            <v>2174</v>
          </cell>
          <cell r="C229" t="str">
            <v>(株)Ｆ＆Ｍ</v>
          </cell>
          <cell r="D229" t="str">
            <v>06-4309-5977</v>
          </cell>
          <cell r="E229" t="str">
            <v>578-0961</v>
          </cell>
          <cell r="F229" t="str">
            <v>大阪府東大阪市南鴻池町1-5-2</v>
          </cell>
          <cell r="G229" t="str">
            <v>東大阪市</v>
          </cell>
          <cell r="H229" t="str">
            <v/>
          </cell>
          <cell r="I229" t="str">
            <v>代表取締役 鍛治　隆</v>
          </cell>
          <cell r="J229" t="str">
            <v>本店</v>
          </cell>
          <cell r="K229" t="str">
            <v>06-4309-5978</v>
          </cell>
          <cell r="L229" t="str">
            <v>fandm_2011@sage.oce.ne.jp</v>
          </cell>
          <cell r="M229" t="str">
            <v>ｴﾌｱﾝﾄﾞｴﾑ</v>
          </cell>
          <cell r="N229" t="str">
            <v>無</v>
          </cell>
          <cell r="O229">
            <v>5</v>
          </cell>
          <cell r="P229">
            <v>4</v>
          </cell>
          <cell r="Q229">
            <v>9122001025006</v>
          </cell>
          <cell r="R229">
            <v>5000</v>
          </cell>
          <cell r="S229">
            <v>12119</v>
          </cell>
          <cell r="T229">
            <v>119345</v>
          </cell>
          <cell r="V229" t="str">
            <v>qy137249</v>
          </cell>
          <cell r="W229" t="str">
            <v>ez117028</v>
          </cell>
          <cell r="X229" t="str">
            <v>土建大左と石屋鋼鉄舗浚板ガ塗防内熱具水解</v>
          </cell>
          <cell r="Y229" t="str">
            <v>土建大左と石屋鋼鉄舗浚板ガ塗防内熱具水解</v>
          </cell>
          <cell r="Z229" t="str">
            <v/>
          </cell>
          <cell r="AA229" t="str">
            <v>防水</v>
          </cell>
          <cell r="AB229" t="str">
            <v>塗装</v>
          </cell>
          <cell r="AC229" t="str">
            <v>建築一式</v>
          </cell>
          <cell r="AD229" t="str">
            <v>土木一式</v>
          </cell>
          <cell r="AE229">
            <v>42978</v>
          </cell>
          <cell r="AF229" t="str">
            <v>希望しない</v>
          </cell>
          <cell r="AG229" t="str">
            <v>防水</v>
          </cell>
          <cell r="AH229" t="str">
            <v>一般</v>
          </cell>
          <cell r="AI229">
            <v>533</v>
          </cell>
          <cell r="AJ229">
            <v>7675</v>
          </cell>
          <cell r="AK229" t="str">
            <v>1(1)/0/1</v>
          </cell>
          <cell r="AL229" t="str">
            <v>塗装</v>
          </cell>
          <cell r="AM229" t="str">
            <v>一般</v>
          </cell>
          <cell r="AN229">
            <v>502</v>
          </cell>
          <cell r="AO229">
            <v>3575</v>
          </cell>
          <cell r="AP229" t="str">
            <v>0(0)/0/0</v>
          </cell>
          <cell r="AQ229" t="str">
            <v>建築一式</v>
          </cell>
          <cell r="AR229" t="str">
            <v>一般</v>
          </cell>
          <cell r="AS229">
            <v>603</v>
          </cell>
          <cell r="AT229">
            <v>59659</v>
          </cell>
          <cell r="AU229" t="str">
            <v>1(1)/1/1</v>
          </cell>
          <cell r="AV229" t="str">
            <v>土木一式</v>
          </cell>
          <cell r="AW229" t="str">
            <v>一般</v>
          </cell>
          <cell r="AX229">
            <v>537</v>
          </cell>
          <cell r="AY229">
            <v>16212</v>
          </cell>
          <cell r="AZ229" t="str">
            <v>0(0)/1/0</v>
          </cell>
          <cell r="BA229" t="str">
            <v>大阪府</v>
          </cell>
          <cell r="BB229">
            <v>0</v>
          </cell>
          <cell r="CR229">
            <v>4172</v>
          </cell>
          <cell r="CS229" t="str">
            <v>ｵｵﾀｸﾞﾛ ｼﾉﾌﾞ</v>
          </cell>
          <cell r="CT229" t="str">
            <v>大田黒  しのぶ</v>
          </cell>
          <cell r="CU229" t="str">
            <v>保育課</v>
          </cell>
          <cell r="CW229" t="str">
            <v xml:space="preserve"> </v>
          </cell>
          <cell r="CX229" t="str">
            <v>副所長</v>
          </cell>
          <cell r="CY229" t="str">
            <v>保育課長</v>
          </cell>
        </row>
        <row r="230">
          <cell r="B230">
            <v>2175</v>
          </cell>
          <cell r="C230" t="str">
            <v>(株)エレワーク</v>
          </cell>
          <cell r="D230" t="str">
            <v>06-6790-9708</v>
          </cell>
          <cell r="E230" t="str">
            <v>547-0031</v>
          </cell>
          <cell r="F230" t="str">
            <v>大阪府大阪市平野区平野南2-1-10</v>
          </cell>
          <cell r="G230" t="str">
            <v>大阪市</v>
          </cell>
          <cell r="H230" t="str">
            <v/>
          </cell>
          <cell r="I230" t="str">
            <v>代表取締役 清水　祥之</v>
          </cell>
          <cell r="J230" t="str">
            <v>本店</v>
          </cell>
          <cell r="K230" t="str">
            <v>06-6799-2314</v>
          </cell>
          <cell r="L230" t="str">
            <v>ere46@road.ocn.ne.jp</v>
          </cell>
          <cell r="M230" t="str">
            <v>ｴﾚﾜｰｸ</v>
          </cell>
          <cell r="N230" t="str">
            <v>無</v>
          </cell>
          <cell r="O230">
            <v>34</v>
          </cell>
          <cell r="P230">
            <v>9</v>
          </cell>
          <cell r="Q230">
            <v>4120001019692</v>
          </cell>
          <cell r="R230">
            <v>20000</v>
          </cell>
          <cell r="S230">
            <v>50285</v>
          </cell>
          <cell r="T230">
            <v>357162</v>
          </cell>
          <cell r="V230" t="str">
            <v>gn113496</v>
          </cell>
          <cell r="W230" t="str">
            <v>re100848</v>
          </cell>
          <cell r="X230" t="str">
            <v>通消電</v>
          </cell>
          <cell r="Y230" t="str">
            <v>通消</v>
          </cell>
          <cell r="Z230" t="str">
            <v>電</v>
          </cell>
          <cell r="AA230" t="str">
            <v>電気</v>
          </cell>
          <cell r="AB230" t="str">
            <v>消防施設</v>
          </cell>
          <cell r="AC230" t="str">
            <v>電気通信</v>
          </cell>
          <cell r="AD230" t="str">
            <v/>
          </cell>
          <cell r="AE230">
            <v>43251</v>
          </cell>
          <cell r="AF230" t="str">
            <v/>
          </cell>
          <cell r="AG230" t="str">
            <v>電気</v>
          </cell>
          <cell r="AH230" t="str">
            <v>特定</v>
          </cell>
          <cell r="AI230">
            <v>880</v>
          </cell>
          <cell r="AJ230">
            <v>276123</v>
          </cell>
          <cell r="AK230" t="str">
            <v>6(6)/3/0</v>
          </cell>
          <cell r="AL230" t="str">
            <v>消防施設</v>
          </cell>
          <cell r="AM230" t="str">
            <v>一般</v>
          </cell>
          <cell r="AN230">
            <v>710</v>
          </cell>
          <cell r="AO230">
            <v>12559</v>
          </cell>
          <cell r="AP230" t="str">
            <v>0(0)/1/0</v>
          </cell>
          <cell r="AQ230" t="str">
            <v>電気通信</v>
          </cell>
          <cell r="AR230" t="str">
            <v>一般</v>
          </cell>
          <cell r="AS230">
            <v>681</v>
          </cell>
          <cell r="AT230">
            <v>2464</v>
          </cell>
          <cell r="AU230" t="str">
            <v>0(0)/0/1</v>
          </cell>
          <cell r="AV230" t="str">
            <v/>
          </cell>
          <cell r="AW230" t="str">
            <v/>
          </cell>
          <cell r="AX230" t="str">
            <v/>
          </cell>
          <cell r="AY230" t="str">
            <v/>
          </cell>
          <cell r="AZ230" t="str">
            <v/>
          </cell>
          <cell r="BA230" t="str">
            <v>大阪府</v>
          </cell>
          <cell r="BB230">
            <v>0</v>
          </cell>
          <cell r="CR230">
            <v>4175</v>
          </cell>
          <cell r="CS230" t="str">
            <v>ｶﾊﾞﾔﾏ ﾔｽｱｷ</v>
          </cell>
          <cell r="CT230" t="str">
            <v>樺山  靖章</v>
          </cell>
          <cell r="CU230" t="str">
            <v>市民課</v>
          </cell>
          <cell r="CW230">
            <v>2637</v>
          </cell>
          <cell r="CX230" t="str">
            <v xml:space="preserve"> </v>
          </cell>
          <cell r="CY230" t="str">
            <v>市民課長</v>
          </cell>
        </row>
        <row r="231">
          <cell r="B231">
            <v>2176</v>
          </cell>
          <cell r="C231" t="str">
            <v>(株)圓奈</v>
          </cell>
          <cell r="D231" t="str">
            <v>078-232-0707</v>
          </cell>
          <cell r="E231" t="str">
            <v>651-0072</v>
          </cell>
          <cell r="F231" t="str">
            <v>兵庫県神戸市中央区脇浜町2-10-1</v>
          </cell>
          <cell r="G231" t="str">
            <v>神戸市</v>
          </cell>
          <cell r="H231" t="str">
            <v/>
          </cell>
          <cell r="I231" t="str">
            <v>代表取締役　 田中　惠</v>
          </cell>
          <cell r="J231" t="str">
            <v>本店</v>
          </cell>
          <cell r="K231" t="str">
            <v>078-232-0706</v>
          </cell>
          <cell r="L231" t="str">
            <v>torigoe@kk-enna.co.jp</v>
          </cell>
          <cell r="M231" t="str">
            <v>ｴﾝﾅ</v>
          </cell>
          <cell r="N231" t="str">
            <v>無</v>
          </cell>
          <cell r="O231">
            <v>68</v>
          </cell>
          <cell r="P231">
            <v>17</v>
          </cell>
          <cell r="Q231">
            <v>8140000000000</v>
          </cell>
          <cell r="R231">
            <v>31000</v>
          </cell>
          <cell r="S231">
            <v>379922</v>
          </cell>
          <cell r="T231">
            <v>2030876</v>
          </cell>
          <cell r="V231" t="str">
            <v>kr108432</v>
          </cell>
          <cell r="W231" t="str">
            <v>mi148034</v>
          </cell>
          <cell r="X231" t="str">
            <v>通消電</v>
          </cell>
          <cell r="Y231" t="str">
            <v>通消</v>
          </cell>
          <cell r="Z231" t="str">
            <v>電</v>
          </cell>
          <cell r="AA231" t="str">
            <v>管</v>
          </cell>
          <cell r="AB231" t="str">
            <v>消防施設</v>
          </cell>
          <cell r="AC231" t="str">
            <v/>
          </cell>
          <cell r="AD231" t="str">
            <v/>
          </cell>
          <cell r="AE231">
            <v>43220</v>
          </cell>
          <cell r="AF231" t="str">
            <v>希望しない</v>
          </cell>
          <cell r="AG231" t="str">
            <v>管</v>
          </cell>
          <cell r="AH231" t="str">
            <v>特定</v>
          </cell>
          <cell r="AI231">
            <v>1106</v>
          </cell>
          <cell r="AJ231">
            <v>426670</v>
          </cell>
          <cell r="AK231" t="str">
            <v>7(7)/2/0</v>
          </cell>
          <cell r="AL231" t="str">
            <v>消防施設</v>
          </cell>
          <cell r="AM231" t="str">
            <v>一般</v>
          </cell>
          <cell r="AN231" t="str">
            <v/>
          </cell>
          <cell r="AO231" t="str">
            <v/>
          </cell>
          <cell r="AP231" t="str">
            <v>0(0)/0/0</v>
          </cell>
          <cell r="AQ231" t="str">
            <v/>
          </cell>
          <cell r="AR231" t="str">
            <v/>
          </cell>
          <cell r="AS231" t="str">
            <v/>
          </cell>
          <cell r="AT231" t="str">
            <v/>
          </cell>
          <cell r="AU231" t="str">
            <v/>
          </cell>
          <cell r="AV231" t="str">
            <v/>
          </cell>
          <cell r="AW231" t="str">
            <v/>
          </cell>
          <cell r="AX231" t="str">
            <v/>
          </cell>
          <cell r="AY231" t="str">
            <v/>
          </cell>
          <cell r="AZ231" t="str">
            <v/>
          </cell>
          <cell r="BA231" t="str">
            <v>兵庫県</v>
          </cell>
          <cell r="BB231">
            <v>0</v>
          </cell>
          <cell r="CR231">
            <v>4190</v>
          </cell>
          <cell r="CS231" t="str">
            <v>ﾌｼﾞｻｶ ｼｹﾞｺ</v>
          </cell>
          <cell r="CT231" t="str">
            <v>藤坂  茂子</v>
          </cell>
          <cell r="CU231" t="str">
            <v>保育課</v>
          </cell>
          <cell r="CW231" t="str">
            <v xml:space="preserve"> </v>
          </cell>
          <cell r="CX231" t="str">
            <v>副主査</v>
          </cell>
          <cell r="CY231" t="str">
            <v>保育課長</v>
          </cell>
        </row>
        <row r="232">
          <cell r="B232">
            <v>2177</v>
          </cell>
          <cell r="C232" t="str">
            <v>(株)ＮＨＫテクノロジーズ</v>
          </cell>
          <cell r="D232" t="str">
            <v>06-6966-0411</v>
          </cell>
          <cell r="E232" t="str">
            <v>540-0028</v>
          </cell>
          <cell r="F232" t="str">
            <v>大阪府大阪市中央区常盤町1-3-8</v>
          </cell>
          <cell r="G232" t="str">
            <v>渋谷区</v>
          </cell>
          <cell r="H232" t="str">
            <v>大阪総支社</v>
          </cell>
          <cell r="I232" t="str">
            <v>総支社長 吉冨　弘泰</v>
          </cell>
          <cell r="J232" t="str">
            <v>東京都渋谷区</v>
          </cell>
          <cell r="K232" t="str">
            <v>06-6966-0421</v>
          </cell>
          <cell r="L232" t="str">
            <v>osk-eigyo@nhk-tech.co.jp</v>
          </cell>
          <cell r="M232" t="str">
            <v>ｴﾇｴｲﾁｹｲﾃｸﾉﾛｼﾞｰｽﾞ</v>
          </cell>
          <cell r="N232" t="str">
            <v>有</v>
          </cell>
          <cell r="O232">
            <v>50</v>
          </cell>
          <cell r="P232">
            <v>1080</v>
          </cell>
          <cell r="Q232">
            <v>9011001003973</v>
          </cell>
          <cell r="R232">
            <v>680000</v>
          </cell>
          <cell r="S232">
            <v>25627007</v>
          </cell>
          <cell r="T232">
            <v>69389857</v>
          </cell>
          <cell r="V232" t="str">
            <v>zq158858</v>
          </cell>
          <cell r="W232" t="str">
            <v>lh138929</v>
          </cell>
          <cell r="X232" t="str">
            <v>(建)(電)(鋼)(塗)(防)(内)(通)土建と電管鋼塗防内通解</v>
          </cell>
          <cell r="Y232" t="str">
            <v>(建)(電)(鋼)(塗)(防)(内)(通)</v>
          </cell>
          <cell r="Z232" t="str">
            <v>土建と電管鋼塗防内通解</v>
          </cell>
          <cell r="AA232" t="str">
            <v>電気通信</v>
          </cell>
          <cell r="AB232" t="str">
            <v>電気</v>
          </cell>
          <cell r="AC232" t="str">
            <v/>
          </cell>
          <cell r="AD232" t="str">
            <v/>
          </cell>
          <cell r="AE232">
            <v>43556</v>
          </cell>
          <cell r="AF232" t="str">
            <v>希望しない</v>
          </cell>
          <cell r="AG232" t="str">
            <v>電気通信</v>
          </cell>
          <cell r="AH232" t="str">
            <v>特定</v>
          </cell>
          <cell r="AI232">
            <v>1465</v>
          </cell>
          <cell r="AJ232">
            <v>15166066</v>
          </cell>
          <cell r="AK232" t="str">
            <v>4(4)/0/563</v>
          </cell>
          <cell r="AL232" t="str">
            <v>電気</v>
          </cell>
          <cell r="AM232" t="str">
            <v>特定</v>
          </cell>
          <cell r="AN232">
            <v>1285</v>
          </cell>
          <cell r="AO232">
            <v>738034</v>
          </cell>
          <cell r="AP232" t="str">
            <v>70(67)/29/419</v>
          </cell>
          <cell r="AQ232" t="str">
            <v/>
          </cell>
          <cell r="AR232" t="str">
            <v/>
          </cell>
          <cell r="AS232" t="str">
            <v/>
          </cell>
          <cell r="AT232" t="str">
            <v/>
          </cell>
          <cell r="AU232" t="str">
            <v/>
          </cell>
          <cell r="AV232" t="str">
            <v/>
          </cell>
          <cell r="AW232" t="str">
            <v/>
          </cell>
          <cell r="AX232" t="str">
            <v/>
          </cell>
          <cell r="AY232" t="str">
            <v/>
          </cell>
          <cell r="AZ232" t="str">
            <v/>
          </cell>
          <cell r="BA232" t="str">
            <v>東京都</v>
          </cell>
        </row>
        <row r="233">
          <cell r="B233">
            <v>2178</v>
          </cell>
          <cell r="C233" t="str">
            <v>栄和建設(株)</v>
          </cell>
          <cell r="D233" t="str">
            <v>06-6491-3526</v>
          </cell>
          <cell r="E233" t="str">
            <v>661-0953</v>
          </cell>
          <cell r="F233" t="str">
            <v>兵庫県尼崎市東園田町3-66-2</v>
          </cell>
          <cell r="G233" t="str">
            <v>尼崎市</v>
          </cell>
          <cell r="H233" t="str">
            <v/>
          </cell>
          <cell r="I233" t="str">
            <v>代表取締役 和山　秀明</v>
          </cell>
          <cell r="J233" t="str">
            <v>本店</v>
          </cell>
          <cell r="K233" t="str">
            <v>06-6491-3581</v>
          </cell>
          <cell r="L233" t="str">
            <v>eiwakensetu3616@crux.ocn.ne.jp</v>
          </cell>
          <cell r="M233" t="str">
            <v>ｴｲﾜｹﾝｾﾂ</v>
          </cell>
          <cell r="N233" t="str">
            <v>無</v>
          </cell>
          <cell r="O233">
            <v>52</v>
          </cell>
          <cell r="P233">
            <v>15</v>
          </cell>
          <cell r="Q233">
            <v>3140001047858</v>
          </cell>
          <cell r="R233">
            <v>40000</v>
          </cell>
          <cell r="S233">
            <v>93669</v>
          </cell>
          <cell r="T233">
            <v>562521</v>
          </cell>
          <cell r="V233" t="str">
            <v>lt164109</v>
          </cell>
          <cell r="W233" t="str">
            <v>xa120753</v>
          </cell>
          <cell r="X233" t="str">
            <v>土と石管鋼舗浚塗水</v>
          </cell>
          <cell r="Y233" t="str">
            <v/>
          </cell>
          <cell r="Z233" t="str">
            <v>土と石管鋼舗浚塗水</v>
          </cell>
          <cell r="AA233" t="str">
            <v>土木一式</v>
          </cell>
          <cell r="AB233" t="str">
            <v>水道施設</v>
          </cell>
          <cell r="AC233" t="str">
            <v>舗装</v>
          </cell>
          <cell r="AD233" t="str">
            <v>管</v>
          </cell>
          <cell r="AE233">
            <v>43312</v>
          </cell>
          <cell r="AF233" t="str">
            <v>希望しない</v>
          </cell>
          <cell r="AG233" t="str">
            <v>土木一式</v>
          </cell>
          <cell r="AH233" t="str">
            <v>特定</v>
          </cell>
          <cell r="AI233">
            <v>882</v>
          </cell>
          <cell r="AJ233">
            <v>582272</v>
          </cell>
          <cell r="AK233" t="str">
            <v>3(3)/0/3</v>
          </cell>
          <cell r="AL233" t="str">
            <v>水道施設</v>
          </cell>
          <cell r="AM233" t="str">
            <v>特定</v>
          </cell>
          <cell r="AN233">
            <v>662</v>
          </cell>
          <cell r="AO233" t="str">
            <v/>
          </cell>
          <cell r="AP233" t="str">
            <v>0(0)/0/0</v>
          </cell>
          <cell r="AQ233" t="str">
            <v>舗装</v>
          </cell>
          <cell r="AR233" t="str">
            <v>特定</v>
          </cell>
          <cell r="AS233">
            <v>727</v>
          </cell>
          <cell r="AT233">
            <v>28038</v>
          </cell>
          <cell r="AU233" t="str">
            <v>1(1)/0/0</v>
          </cell>
          <cell r="AV233" t="str">
            <v>管</v>
          </cell>
          <cell r="AW233" t="str">
            <v>特定</v>
          </cell>
          <cell r="AX233">
            <v>682</v>
          </cell>
          <cell r="AY233">
            <v>3984</v>
          </cell>
          <cell r="AZ233" t="str">
            <v>0(0)/0/0</v>
          </cell>
          <cell r="BA233" t="str">
            <v>兵庫県</v>
          </cell>
        </row>
        <row r="234">
          <cell r="B234">
            <v>2179</v>
          </cell>
          <cell r="C234" t="str">
            <v>(株)梅田緑地開発</v>
          </cell>
          <cell r="D234" t="str">
            <v>0797-31-9191</v>
          </cell>
          <cell r="E234" t="str">
            <v>659-0055</v>
          </cell>
          <cell r="F234" t="str">
            <v>兵庫県芦屋市竹園町6-12-2</v>
          </cell>
          <cell r="G234" t="str">
            <v>芦屋市</v>
          </cell>
          <cell r="H234" t="str">
            <v/>
          </cell>
          <cell r="I234" t="str">
            <v>代表取締役 梅田　幸三郎</v>
          </cell>
          <cell r="J234" t="str">
            <v>本店</v>
          </cell>
          <cell r="K234" t="str">
            <v>0797-31-9192</v>
          </cell>
          <cell r="L234" t="str">
            <v>umeryoku@yahoo.co.jp</v>
          </cell>
          <cell r="M234" t="str">
            <v>ｳﾒﾀﾞﾘｮｸﾁｶｲﾊﾂ</v>
          </cell>
          <cell r="N234" t="str">
            <v>無</v>
          </cell>
          <cell r="O234">
            <v>8</v>
          </cell>
          <cell r="P234">
            <v>4</v>
          </cell>
          <cell r="Q234">
            <v>8140001030173</v>
          </cell>
          <cell r="R234">
            <v>3000</v>
          </cell>
          <cell r="S234">
            <v>77079</v>
          </cell>
          <cell r="T234">
            <v>167106</v>
          </cell>
          <cell r="V234" t="str">
            <v>wh182211</v>
          </cell>
          <cell r="W234" t="str">
            <v>pp169108</v>
          </cell>
          <cell r="X234" t="str">
            <v>土と石鋼舗浚園水</v>
          </cell>
          <cell r="Y234" t="str">
            <v>土と石鋼舗浚園水</v>
          </cell>
          <cell r="Z234" t="str">
            <v/>
          </cell>
          <cell r="AA234" t="str">
            <v>造園</v>
          </cell>
          <cell r="AB234" t="str">
            <v>土木一式</v>
          </cell>
          <cell r="AC234" t="str">
            <v>舗装</v>
          </cell>
          <cell r="AD234" t="str">
            <v>石</v>
          </cell>
          <cell r="AE234">
            <v>43281</v>
          </cell>
          <cell r="AF234" t="str">
            <v>希望しない</v>
          </cell>
          <cell r="AG234" t="str">
            <v>造園</v>
          </cell>
          <cell r="AH234" t="str">
            <v>一般</v>
          </cell>
          <cell r="AI234">
            <v>776</v>
          </cell>
          <cell r="AJ234">
            <v>124395</v>
          </cell>
          <cell r="AK234" t="str">
            <v>1(1)/2/0</v>
          </cell>
          <cell r="AL234" t="str">
            <v>土木一式</v>
          </cell>
          <cell r="AM234" t="str">
            <v>一般</v>
          </cell>
          <cell r="AN234">
            <v>732</v>
          </cell>
          <cell r="AO234">
            <v>28667</v>
          </cell>
          <cell r="AP234" t="str">
            <v>1(1)/2/0</v>
          </cell>
          <cell r="AQ234" t="str">
            <v>舗装</v>
          </cell>
          <cell r="AR234" t="str">
            <v>一般</v>
          </cell>
          <cell r="AS234">
            <v>660</v>
          </cell>
          <cell r="AT234">
            <v>5548</v>
          </cell>
          <cell r="AU234" t="str">
            <v>0(0)/0/0</v>
          </cell>
          <cell r="AV234" t="str">
            <v>石</v>
          </cell>
          <cell r="AW234" t="str">
            <v>一般</v>
          </cell>
          <cell r="AX234">
            <v>640</v>
          </cell>
          <cell r="AY234">
            <v>460</v>
          </cell>
          <cell r="AZ234" t="str">
            <v>0(0)/0/0</v>
          </cell>
          <cell r="BA234" t="str">
            <v>兵庫県</v>
          </cell>
        </row>
        <row r="235">
          <cell r="B235">
            <v>2181</v>
          </cell>
          <cell r="C235" t="str">
            <v>(株)ウィズ</v>
          </cell>
          <cell r="D235" t="str">
            <v>06-6935-1551</v>
          </cell>
          <cell r="E235" t="str">
            <v>536-0007</v>
          </cell>
          <cell r="F235" t="str">
            <v>大阪府大阪市城東区成育1-3-27</v>
          </cell>
          <cell r="G235" t="str">
            <v>大阪市</v>
          </cell>
          <cell r="H235" t="str">
            <v/>
          </cell>
          <cell r="I235" t="str">
            <v>代表取締役 岡本　雅次</v>
          </cell>
          <cell r="J235" t="str">
            <v>本店</v>
          </cell>
          <cell r="K235" t="str">
            <v>06-6935-1560</v>
          </cell>
          <cell r="L235" t="str">
            <v>with.suimon@m4.dion.ne.jp</v>
          </cell>
          <cell r="M235" t="str">
            <v>ｳｨｽﾞ</v>
          </cell>
          <cell r="N235" t="str">
            <v>無</v>
          </cell>
          <cell r="O235">
            <v>25</v>
          </cell>
          <cell r="P235">
            <v>12</v>
          </cell>
          <cell r="Q235">
            <v>8120001001531</v>
          </cell>
          <cell r="R235">
            <v>42000</v>
          </cell>
          <cell r="S235">
            <v>68774</v>
          </cell>
          <cell r="T235">
            <v>126709</v>
          </cell>
          <cell r="V235" t="str">
            <v>hc353661</v>
          </cell>
          <cell r="W235" t="str">
            <v>zr480958</v>
          </cell>
          <cell r="X235" t="str">
            <v>電機土と管鋼塗</v>
          </cell>
          <cell r="Y235" t="str">
            <v>電機</v>
          </cell>
          <cell r="Z235" t="str">
            <v>土と管鋼塗</v>
          </cell>
          <cell r="AA235" t="str">
            <v>鋼構造物</v>
          </cell>
          <cell r="AB235" t="str">
            <v>機械器具</v>
          </cell>
          <cell r="AC235" t="str">
            <v>塗装</v>
          </cell>
          <cell r="AD235" t="str">
            <v>管</v>
          </cell>
          <cell r="AE235">
            <v>43312</v>
          </cell>
          <cell r="AF235" t="str">
            <v>希望しない</v>
          </cell>
          <cell r="AG235" t="str">
            <v>鋼構造物</v>
          </cell>
          <cell r="AH235" t="str">
            <v>特定</v>
          </cell>
          <cell r="AI235">
            <v>755</v>
          </cell>
          <cell r="AJ235">
            <v>94675</v>
          </cell>
          <cell r="AK235" t="str">
            <v>1(1)/2/3</v>
          </cell>
          <cell r="AL235" t="str">
            <v>機械器具</v>
          </cell>
          <cell r="AM235" t="str">
            <v>一般</v>
          </cell>
          <cell r="AN235">
            <v>722</v>
          </cell>
          <cell r="AO235">
            <v>44012</v>
          </cell>
          <cell r="AP235" t="str">
            <v>0(0)/0/9</v>
          </cell>
          <cell r="AQ235" t="str">
            <v>塗装</v>
          </cell>
          <cell r="AR235" t="str">
            <v>特定</v>
          </cell>
          <cell r="AS235">
            <v>629</v>
          </cell>
          <cell r="AT235">
            <v>2541</v>
          </cell>
          <cell r="AU235" t="str">
            <v>0(0)/0/0</v>
          </cell>
          <cell r="AV235" t="str">
            <v>管</v>
          </cell>
          <cell r="AW235" t="str">
            <v>特定</v>
          </cell>
          <cell r="AX235">
            <v>618</v>
          </cell>
          <cell r="AY235">
            <v>273</v>
          </cell>
          <cell r="AZ235" t="str">
            <v>0(0)/0/0</v>
          </cell>
          <cell r="BA235" t="str">
            <v>大阪府</v>
          </cell>
          <cell r="BB235">
            <v>0</v>
          </cell>
          <cell r="CR235">
            <v>4198</v>
          </cell>
          <cell r="CS235" t="str">
            <v>ｵｵﾀﾆ ｼﾞﾕﾝｺ</v>
          </cell>
          <cell r="CT235" t="str">
            <v>大谷  純子</v>
          </cell>
          <cell r="CU235" t="str">
            <v>保育課</v>
          </cell>
          <cell r="CW235" t="str">
            <v xml:space="preserve"> </v>
          </cell>
          <cell r="CX235" t="str">
            <v>副所長</v>
          </cell>
          <cell r="CY235" t="str">
            <v>保育課長</v>
          </cell>
        </row>
        <row r="236">
          <cell r="B236">
            <v>2182</v>
          </cell>
          <cell r="C236" t="str">
            <v>(株)ウエダ建設</v>
          </cell>
          <cell r="D236" t="str">
            <v>0795-82-7638</v>
          </cell>
          <cell r="E236" t="str">
            <v>669-3644</v>
          </cell>
          <cell r="F236" t="str">
            <v>兵庫県丹波市氷上町日比宇21</v>
          </cell>
          <cell r="G236" t="str">
            <v>丹波市</v>
          </cell>
          <cell r="H236" t="str">
            <v/>
          </cell>
          <cell r="I236" t="str">
            <v>代表取締役 上田　輝義</v>
          </cell>
          <cell r="J236" t="str">
            <v>本店</v>
          </cell>
          <cell r="K236" t="str">
            <v>0795-82-7838</v>
          </cell>
          <cell r="L236" t="str">
            <v>ueda7638@iris.eonet.ne.jp</v>
          </cell>
          <cell r="M236" t="str">
            <v>ｳｴﾀﾞｹﾝｾﾂ</v>
          </cell>
          <cell r="N236" t="str">
            <v>無</v>
          </cell>
          <cell r="O236">
            <v>57</v>
          </cell>
          <cell r="P236">
            <v>16</v>
          </cell>
          <cell r="Q236">
            <v>6140001040934</v>
          </cell>
          <cell r="R236">
            <v>30000</v>
          </cell>
          <cell r="S236">
            <v>670222</v>
          </cell>
          <cell r="T236">
            <v>846815</v>
          </cell>
          <cell r="V236" t="str">
            <v>wd115406</v>
          </cell>
          <cell r="W236" t="str">
            <v>tu062835</v>
          </cell>
          <cell r="X236" t="str">
            <v>土と石舗水</v>
          </cell>
          <cell r="Y236" t="str">
            <v/>
          </cell>
          <cell r="Z236" t="str">
            <v>土と石舗水</v>
          </cell>
          <cell r="AA236" t="str">
            <v>土木一式</v>
          </cell>
          <cell r="AB236" t="str">
            <v>とび土工</v>
          </cell>
          <cell r="AC236" t="str">
            <v>舗装</v>
          </cell>
          <cell r="AD236" t="str">
            <v>水道施設</v>
          </cell>
          <cell r="AE236">
            <v>43343</v>
          </cell>
          <cell r="AF236" t="str">
            <v/>
          </cell>
          <cell r="AG236" t="str">
            <v>土木一式</v>
          </cell>
          <cell r="AH236" t="str">
            <v>特定</v>
          </cell>
          <cell r="AI236">
            <v>1035</v>
          </cell>
          <cell r="AJ236">
            <v>749148</v>
          </cell>
          <cell r="AK236" t="str">
            <v>11(11)/2/0</v>
          </cell>
          <cell r="AL236" t="str">
            <v>とび土工</v>
          </cell>
          <cell r="AM236" t="str">
            <v>特定</v>
          </cell>
          <cell r="AN236">
            <v>877</v>
          </cell>
          <cell r="AO236">
            <v>49257</v>
          </cell>
          <cell r="AP236" t="str">
            <v>3(3)/0/0</v>
          </cell>
          <cell r="AQ236" t="str">
            <v>舗装</v>
          </cell>
          <cell r="AR236" t="str">
            <v>特定</v>
          </cell>
          <cell r="AS236">
            <v>838</v>
          </cell>
          <cell r="AT236">
            <v>9625</v>
          </cell>
          <cell r="AU236" t="str">
            <v>4(4)/2/0</v>
          </cell>
          <cell r="AV236" t="str">
            <v>水道施設</v>
          </cell>
          <cell r="AW236" t="str">
            <v>特定</v>
          </cell>
          <cell r="AX236">
            <v>830</v>
          </cell>
          <cell r="AY236">
            <v>5913</v>
          </cell>
          <cell r="AZ236" t="str">
            <v>4(4)/0/0</v>
          </cell>
          <cell r="BA236" t="str">
            <v>兵庫県</v>
          </cell>
          <cell r="BB236">
            <v>0</v>
          </cell>
          <cell r="CR236">
            <v>4221</v>
          </cell>
          <cell r="CS236" t="str">
            <v>ｵｷ ﾋﾛﾐ</v>
          </cell>
          <cell r="CT236" t="str">
            <v>沖  ひろみ</v>
          </cell>
          <cell r="CU236" t="str">
            <v>地域・高年福祉課</v>
          </cell>
          <cell r="CW236">
            <v>2587</v>
          </cell>
          <cell r="CX236" t="str">
            <v>副主査</v>
          </cell>
          <cell r="CY236" t="str">
            <v>地域・高年福祉課長</v>
          </cell>
        </row>
        <row r="237">
          <cell r="B237">
            <v>2187</v>
          </cell>
          <cell r="C237" t="str">
            <v>内田工業(株)</v>
          </cell>
          <cell r="D237" t="str">
            <v>052-352-1795</v>
          </cell>
          <cell r="E237" t="str">
            <v>530-0003</v>
          </cell>
          <cell r="F237" t="str">
            <v>愛知県名古屋市中川区好本町3-67</v>
          </cell>
          <cell r="G237" t="str">
            <v>名古屋市</v>
          </cell>
          <cell r="H237" t="str">
            <v/>
          </cell>
          <cell r="I237" t="str">
            <v>代表取締役　 内田　裕郎</v>
          </cell>
          <cell r="J237" t="str">
            <v>本店</v>
          </cell>
          <cell r="K237" t="str">
            <v>052-351-1326</v>
          </cell>
          <cell r="L237" t="str">
            <v>osaka@uil.co.jp</v>
          </cell>
          <cell r="M237" t="str">
            <v>ｳﾁﾀﾞｺｳｷﾞﾖｳ</v>
          </cell>
          <cell r="N237" t="str">
            <v>無</v>
          </cell>
          <cell r="O237">
            <v>44</v>
          </cell>
          <cell r="P237">
            <v>91</v>
          </cell>
          <cell r="Q237">
            <v>3180000000000</v>
          </cell>
          <cell r="R237">
            <v>80000</v>
          </cell>
          <cell r="S237">
            <v>656067</v>
          </cell>
          <cell r="T237">
            <v>2246511</v>
          </cell>
          <cell r="V237" t="str">
            <v>fh356374</v>
          </cell>
          <cell r="W237" t="str">
            <v>qu316524</v>
          </cell>
          <cell r="X237" t="str">
            <v>土と石舗水</v>
          </cell>
          <cell r="Y237" t="str">
            <v/>
          </cell>
          <cell r="Z237" t="str">
            <v>土と石舗水</v>
          </cell>
          <cell r="AA237" t="str">
            <v>とび土工</v>
          </cell>
          <cell r="AB237" t="str">
            <v>造園</v>
          </cell>
          <cell r="AC237" t="str">
            <v>鋼構造物</v>
          </cell>
          <cell r="AD237" t="str">
            <v>土木一式</v>
          </cell>
          <cell r="AE237">
            <v>43301</v>
          </cell>
          <cell r="AF237" t="str">
            <v>希望しない</v>
          </cell>
          <cell r="AG237" t="str">
            <v>とび土工</v>
          </cell>
          <cell r="AH237" t="str">
            <v>一般</v>
          </cell>
          <cell r="AI237">
            <v>928</v>
          </cell>
          <cell r="AJ237">
            <v>801409</v>
          </cell>
          <cell r="AK237" t="str">
            <v>5(2)/7/9</v>
          </cell>
          <cell r="AL237" t="str">
            <v>造園</v>
          </cell>
          <cell r="AM237" t="str">
            <v>一般</v>
          </cell>
          <cell r="AN237">
            <v>921</v>
          </cell>
          <cell r="AO237">
            <v>482979</v>
          </cell>
          <cell r="AP237" t="str">
            <v>9(5)/11/4</v>
          </cell>
          <cell r="AQ237" t="str">
            <v>鋼構造物</v>
          </cell>
          <cell r="AR237" t="str">
            <v>一般</v>
          </cell>
          <cell r="AS237">
            <v>823</v>
          </cell>
          <cell r="AT237">
            <v>182646</v>
          </cell>
          <cell r="AU237" t="str">
            <v>2(0)/5/6</v>
          </cell>
          <cell r="AV237" t="str">
            <v>土木一式</v>
          </cell>
          <cell r="AW237" t="str">
            <v>一般</v>
          </cell>
          <cell r="AX237">
            <v>722</v>
          </cell>
          <cell r="AY237">
            <v>850</v>
          </cell>
          <cell r="AZ237" t="str">
            <v>4(1)/2/0</v>
          </cell>
          <cell r="BA237" t="str">
            <v>愛知県</v>
          </cell>
          <cell r="BB237">
            <v>0</v>
          </cell>
          <cell r="CR237">
            <v>4222</v>
          </cell>
          <cell r="CS237" t="str">
            <v>ｼﾓｻｶ ﾊｼﾞﾒ</v>
          </cell>
          <cell r="CT237" t="str">
            <v>下坂  啓</v>
          </cell>
          <cell r="CU237" t="str">
            <v>総務課</v>
          </cell>
          <cell r="CW237">
            <v>2491</v>
          </cell>
          <cell r="CX237" t="str">
            <v xml:space="preserve"> </v>
          </cell>
          <cell r="CY237" t="str">
            <v>総務課長</v>
          </cell>
        </row>
        <row r="238">
          <cell r="B238">
            <v>2189</v>
          </cell>
          <cell r="C238" t="str">
            <v>内山緑地建設(株)</v>
          </cell>
          <cell r="D238" t="str">
            <v>078-951-6611</v>
          </cell>
          <cell r="E238" t="str">
            <v>651-1505</v>
          </cell>
          <cell r="F238" t="str">
            <v>兵庫県神戸市北区道場町日下部字小溝352-1</v>
          </cell>
          <cell r="G238" t="str">
            <v>久留米市</v>
          </cell>
          <cell r="H238" t="str">
            <v>関西支店</v>
          </cell>
          <cell r="I238" t="str">
            <v>支店長 山本　文男</v>
          </cell>
          <cell r="J238" t="str">
            <v>福岡県久留米市</v>
          </cell>
          <cell r="K238" t="str">
            <v>078-651-6398</v>
          </cell>
          <cell r="L238" t="str">
            <v>ryokuchi41-kansai@uchiyama-net.co.jp</v>
          </cell>
          <cell r="M238" t="str">
            <v>ｳﾁﾔﾏﾘｮｸﾁｹﾝｾﾂ</v>
          </cell>
          <cell r="N238" t="str">
            <v>有</v>
          </cell>
          <cell r="O238">
            <v>63</v>
          </cell>
          <cell r="P238">
            <v>121</v>
          </cell>
          <cell r="Q238">
            <v>2290001050658</v>
          </cell>
          <cell r="R238">
            <v>435000</v>
          </cell>
          <cell r="S238">
            <v>1122885</v>
          </cell>
          <cell r="T238">
            <v>4900856</v>
          </cell>
          <cell r="V238" t="str">
            <v>vj271246</v>
          </cell>
          <cell r="W238" t="str">
            <v>nm449422</v>
          </cell>
          <cell r="X238" t="str">
            <v>と石舗浚水(園)土園</v>
          </cell>
          <cell r="Y238" t="str">
            <v>と石舗浚水(園)</v>
          </cell>
          <cell r="Z238" t="str">
            <v>土園</v>
          </cell>
          <cell r="AA238" t="str">
            <v>造園</v>
          </cell>
          <cell r="AB238" t="str">
            <v/>
          </cell>
          <cell r="AC238" t="str">
            <v/>
          </cell>
          <cell r="AD238" t="str">
            <v/>
          </cell>
          <cell r="AE238">
            <v>42947</v>
          </cell>
          <cell r="AF238" t="str">
            <v>希望しない</v>
          </cell>
          <cell r="AG238" t="str">
            <v>造園</v>
          </cell>
          <cell r="AH238" t="str">
            <v>特定</v>
          </cell>
          <cell r="AI238">
            <v>1110</v>
          </cell>
          <cell r="AJ238">
            <v>2926271</v>
          </cell>
          <cell r="AK238" t="str">
            <v>50(49)/11/2</v>
          </cell>
          <cell r="AL238" t="str">
            <v/>
          </cell>
          <cell r="AM238" t="str">
            <v/>
          </cell>
          <cell r="AN238" t="str">
            <v/>
          </cell>
          <cell r="AO238" t="str">
            <v/>
          </cell>
          <cell r="AP238" t="str">
            <v/>
          </cell>
          <cell r="AQ238" t="str">
            <v/>
          </cell>
          <cell r="AR238" t="str">
            <v/>
          </cell>
          <cell r="AS238" t="str">
            <v/>
          </cell>
          <cell r="AT238" t="str">
            <v/>
          </cell>
          <cell r="AU238" t="str">
            <v/>
          </cell>
          <cell r="AV238" t="str">
            <v/>
          </cell>
          <cell r="AW238" t="str">
            <v/>
          </cell>
          <cell r="AX238" t="str">
            <v/>
          </cell>
          <cell r="AY238" t="str">
            <v/>
          </cell>
          <cell r="AZ238" t="str">
            <v/>
          </cell>
          <cell r="BA238" t="str">
            <v>福岡県</v>
          </cell>
          <cell r="BB238">
            <v>0</v>
          </cell>
          <cell r="CR238">
            <v>4223</v>
          </cell>
          <cell r="CS238" t="str">
            <v>ﾅｶｶﾞﾜ ﾏｻﾋﾛ</v>
          </cell>
          <cell r="CT238" t="str">
            <v>中川  雅博</v>
          </cell>
          <cell r="CU238" t="str">
            <v>総務課</v>
          </cell>
          <cell r="CW238">
            <v>2492</v>
          </cell>
          <cell r="CX238" t="str">
            <v xml:space="preserve"> </v>
          </cell>
          <cell r="CY238" t="str">
            <v>総務課長</v>
          </cell>
        </row>
        <row r="239">
          <cell r="B239">
            <v>2190</v>
          </cell>
          <cell r="C239" t="str">
            <v>宇都宮建設(株)</v>
          </cell>
          <cell r="D239" t="str">
            <v>0797-84-0715</v>
          </cell>
          <cell r="E239" t="str">
            <v>665-0845</v>
          </cell>
          <cell r="F239" t="str">
            <v>兵庫県宝塚市栄町2-1-2</v>
          </cell>
          <cell r="G239" t="str">
            <v>宝塚市</v>
          </cell>
          <cell r="H239" t="str">
            <v/>
          </cell>
          <cell r="I239" t="str">
            <v>代表取締役 宇都宮　秀市</v>
          </cell>
          <cell r="J239" t="str">
            <v>本店</v>
          </cell>
          <cell r="K239" t="str">
            <v>0797-84-0717</v>
          </cell>
          <cell r="L239" t="str">
            <v>utunomiy@pearl.ocn.ne.jp</v>
          </cell>
          <cell r="M239" t="str">
            <v>ｳﾂﾉﾐﾔｹﾝｾﾂ</v>
          </cell>
          <cell r="N239" t="str">
            <v>無</v>
          </cell>
          <cell r="O239">
            <v>50</v>
          </cell>
          <cell r="P239">
            <v>29</v>
          </cell>
          <cell r="Q239">
            <v>7140001081234</v>
          </cell>
          <cell r="R239">
            <v>60000</v>
          </cell>
          <cell r="S239">
            <v>280737</v>
          </cell>
          <cell r="T239">
            <v>1437982</v>
          </cell>
          <cell r="V239" t="str">
            <v>pj773006</v>
          </cell>
          <cell r="W239" t="str">
            <v>pr815628</v>
          </cell>
          <cell r="X239" t="str">
            <v>建土と石舗水解</v>
          </cell>
          <cell r="Y239" t="str">
            <v>建</v>
          </cell>
          <cell r="Z239" t="str">
            <v>土と石舗水解</v>
          </cell>
          <cell r="AA239" t="str">
            <v>土木一式</v>
          </cell>
          <cell r="AB239" t="str">
            <v>水道施設</v>
          </cell>
          <cell r="AC239" t="str">
            <v>舗装</v>
          </cell>
          <cell r="AD239" t="str">
            <v>とび土工</v>
          </cell>
          <cell r="AE239">
            <v>43220</v>
          </cell>
          <cell r="AF239" t="str">
            <v>希望しない</v>
          </cell>
          <cell r="AG239" t="str">
            <v>土木一式</v>
          </cell>
          <cell r="AH239" t="str">
            <v>特定</v>
          </cell>
          <cell r="AI239">
            <v>974</v>
          </cell>
          <cell r="AJ239">
            <v>1325566</v>
          </cell>
          <cell r="AK239" t="str">
            <v>6(5)/6/5</v>
          </cell>
          <cell r="AL239" t="str">
            <v>水道施設</v>
          </cell>
          <cell r="AM239" t="str">
            <v>特定</v>
          </cell>
          <cell r="AN239">
            <v>714</v>
          </cell>
          <cell r="AO239">
            <v>1437</v>
          </cell>
          <cell r="AP239" t="str">
            <v>0(0)/5/0</v>
          </cell>
          <cell r="AQ239" t="str">
            <v>舗装</v>
          </cell>
          <cell r="AR239" t="str">
            <v>特定</v>
          </cell>
          <cell r="AS239">
            <v>772</v>
          </cell>
          <cell r="AT239">
            <v>2833</v>
          </cell>
          <cell r="AU239" t="str">
            <v>6(5)/2/4</v>
          </cell>
          <cell r="AV239" t="str">
            <v>とび土工</v>
          </cell>
          <cell r="AW239" t="str">
            <v>特定</v>
          </cell>
          <cell r="AX239">
            <v>709</v>
          </cell>
          <cell r="AY239">
            <v>7060</v>
          </cell>
          <cell r="AZ239" t="str">
            <v>0(0)/0/0</v>
          </cell>
          <cell r="BA239" t="str">
            <v>兵庫県</v>
          </cell>
          <cell r="BB239">
            <v>0</v>
          </cell>
          <cell r="CR239">
            <v>4226</v>
          </cell>
          <cell r="CS239" t="str">
            <v>ﾂﾂｲ ﾉﾌﾞｺ</v>
          </cell>
          <cell r="CT239" t="str">
            <v>筒井  信子</v>
          </cell>
          <cell r="CU239" t="str">
            <v>保育課</v>
          </cell>
          <cell r="CW239" t="str">
            <v xml:space="preserve"> </v>
          </cell>
          <cell r="CX239" t="str">
            <v>所長</v>
          </cell>
          <cell r="CY239" t="str">
            <v>保育課長</v>
          </cell>
        </row>
        <row r="240">
          <cell r="B240">
            <v>2191</v>
          </cell>
          <cell r="C240" t="str">
            <v>宇野重工(株)</v>
          </cell>
          <cell r="D240" t="str">
            <v>06-6323-2022</v>
          </cell>
          <cell r="E240" t="str">
            <v>533-0033</v>
          </cell>
          <cell r="F240" t="str">
            <v>大阪府大阪市東淀川区東中島2-9-15日大和生ﾋﾞﾙ</v>
          </cell>
          <cell r="G240" t="str">
            <v>松阪市</v>
          </cell>
          <cell r="H240" t="str">
            <v>大阪支店</v>
          </cell>
          <cell r="I240" t="str">
            <v>支店長 衛藤　宏司</v>
          </cell>
          <cell r="J240" t="str">
            <v>三重県松阪市</v>
          </cell>
          <cell r="K240" t="str">
            <v>06-6323-2024</v>
          </cell>
          <cell r="L240" t="str">
            <v>osaka@uno-g.co.jp</v>
          </cell>
          <cell r="M240" t="str">
            <v>ｳﾉｼﾞｭｳｺｳ</v>
          </cell>
          <cell r="N240" t="str">
            <v>有</v>
          </cell>
          <cell r="O240">
            <v>52</v>
          </cell>
          <cell r="P240">
            <v>137</v>
          </cell>
          <cell r="Q240">
            <v>8190001010113</v>
          </cell>
          <cell r="R240">
            <v>100000</v>
          </cell>
          <cell r="S240">
            <v>1592929</v>
          </cell>
          <cell r="T240">
            <v>4083934</v>
          </cell>
          <cell r="V240" t="str">
            <v>st569671</v>
          </cell>
          <cell r="W240" t="str">
            <v>sy519065</v>
          </cell>
          <cell r="X240" t="str">
            <v>(清)(と)(鋼)(舗)(塗)(水)土と電管鋼舗塗機水</v>
          </cell>
          <cell r="Y240" t="str">
            <v>(清)(と)(鋼)(舗)(塗)(水)</v>
          </cell>
          <cell r="Z240" t="str">
            <v>土と電管鋼舗塗機水</v>
          </cell>
          <cell r="AA240" t="str">
            <v>鋼構造物</v>
          </cell>
          <cell r="AB240" t="str">
            <v/>
          </cell>
          <cell r="AC240" t="str">
            <v/>
          </cell>
          <cell r="AD240" t="str">
            <v/>
          </cell>
          <cell r="AE240">
            <v>43271</v>
          </cell>
          <cell r="AF240" t="str">
            <v>希望しない</v>
          </cell>
          <cell r="AG240" t="str">
            <v>鋼構造物</v>
          </cell>
          <cell r="AH240" t="str">
            <v>特定</v>
          </cell>
          <cell r="AI240">
            <v>1183</v>
          </cell>
          <cell r="AJ240">
            <v>3861006</v>
          </cell>
          <cell r="AK240" t="str">
            <v>59(59)/10/0</v>
          </cell>
          <cell r="AL240" t="str">
            <v/>
          </cell>
          <cell r="AM240" t="str">
            <v/>
          </cell>
          <cell r="AN240" t="str">
            <v/>
          </cell>
          <cell r="AO240" t="str">
            <v/>
          </cell>
          <cell r="AP240" t="str">
            <v/>
          </cell>
          <cell r="AQ240" t="str">
            <v/>
          </cell>
          <cell r="AR240" t="str">
            <v/>
          </cell>
          <cell r="AS240" t="str">
            <v/>
          </cell>
          <cell r="AT240" t="str">
            <v/>
          </cell>
          <cell r="AU240" t="str">
            <v/>
          </cell>
          <cell r="AV240" t="str">
            <v/>
          </cell>
          <cell r="AW240" t="str">
            <v/>
          </cell>
          <cell r="AX240" t="str">
            <v/>
          </cell>
          <cell r="AY240" t="str">
            <v/>
          </cell>
          <cell r="AZ240" t="str">
            <v/>
          </cell>
          <cell r="BA240" t="str">
            <v>三重県</v>
          </cell>
          <cell r="BB240">
            <v>0</v>
          </cell>
          <cell r="CR240">
            <v>4228</v>
          </cell>
          <cell r="CS240" t="str">
            <v>ｻﾜﾀﾞ ｼﾞﾕﾝｺ</v>
          </cell>
          <cell r="CT240" t="str">
            <v>澤田  淳子</v>
          </cell>
          <cell r="CU240" t="str">
            <v>保育課</v>
          </cell>
          <cell r="CW240">
            <v>2674</v>
          </cell>
          <cell r="CX240" t="str">
            <v>副主幹</v>
          </cell>
          <cell r="CY240" t="str">
            <v>保育課長</v>
          </cell>
        </row>
        <row r="241">
          <cell r="B241">
            <v>2197</v>
          </cell>
          <cell r="C241" t="str">
            <v>(株)上野山塗工所</v>
          </cell>
          <cell r="D241" t="str">
            <v>06-6360-6875</v>
          </cell>
          <cell r="E241" t="str">
            <v>530-0047</v>
          </cell>
          <cell r="F241" t="str">
            <v>大阪府大阪市北区西天満3-6-35</v>
          </cell>
          <cell r="G241" t="str">
            <v>有田市</v>
          </cell>
          <cell r="H241" t="str">
            <v>大阪支店</v>
          </cell>
          <cell r="I241" t="str">
            <v>大阪支店長 舟尾　一之</v>
          </cell>
          <cell r="J241" t="str">
            <v>和歌山県有田市</v>
          </cell>
          <cell r="K241" t="str">
            <v>06-6360-6885</v>
          </cell>
          <cell r="L241" t="str">
            <v>uenoyama.t.osaka@gmail.com</v>
          </cell>
          <cell r="M241" t="str">
            <v>ｳｴﾉﾔﾏﾄｺｳｼｮ</v>
          </cell>
          <cell r="N241" t="str">
            <v>有</v>
          </cell>
          <cell r="O241">
            <v>55</v>
          </cell>
          <cell r="P241">
            <v>15</v>
          </cell>
          <cell r="Q241">
            <v>3170001007297</v>
          </cell>
          <cell r="R241">
            <v>30000</v>
          </cell>
          <cell r="S241">
            <v>306373</v>
          </cell>
          <cell r="T241">
            <v>275422</v>
          </cell>
          <cell r="V241" t="str">
            <v>de374756</v>
          </cell>
          <cell r="W241" t="str">
            <v>um688031</v>
          </cell>
          <cell r="X241" t="str">
            <v>(清)(大)(と)(鋼)(塗)(防)土大と管鋼塗防</v>
          </cell>
          <cell r="Y241" t="str">
            <v>(清)(大)(と)(鋼)(塗)(防)</v>
          </cell>
          <cell r="Z241" t="str">
            <v>土大と管鋼塗防</v>
          </cell>
          <cell r="AA241" t="str">
            <v>塗装</v>
          </cell>
          <cell r="AB241" t="str">
            <v>防水</v>
          </cell>
          <cell r="AC241" t="str">
            <v/>
          </cell>
          <cell r="AD241" t="str">
            <v/>
          </cell>
          <cell r="AE241">
            <v>42916</v>
          </cell>
          <cell r="AF241" t="str">
            <v>希望しない</v>
          </cell>
          <cell r="AG241" t="str">
            <v>塗装</v>
          </cell>
          <cell r="AH241" t="str">
            <v>特定</v>
          </cell>
          <cell r="AI241">
            <v>912</v>
          </cell>
          <cell r="AJ241">
            <v>249567</v>
          </cell>
          <cell r="AK241" t="str">
            <v>6(5)/3/0</v>
          </cell>
          <cell r="AL241" t="str">
            <v>防水</v>
          </cell>
          <cell r="AM241" t="str">
            <v>特定</v>
          </cell>
          <cell r="AN241">
            <v>794</v>
          </cell>
          <cell r="AO241">
            <v>8707</v>
          </cell>
          <cell r="AP241" t="str">
            <v>2(2)/5/0</v>
          </cell>
          <cell r="AQ241" t="str">
            <v/>
          </cell>
          <cell r="AR241" t="str">
            <v/>
          </cell>
          <cell r="AS241" t="str">
            <v/>
          </cell>
          <cell r="AT241" t="str">
            <v/>
          </cell>
          <cell r="AU241" t="str">
            <v/>
          </cell>
          <cell r="AV241" t="str">
            <v/>
          </cell>
          <cell r="AW241" t="str">
            <v/>
          </cell>
          <cell r="AX241" t="str">
            <v/>
          </cell>
          <cell r="AY241" t="str">
            <v/>
          </cell>
          <cell r="AZ241" t="str">
            <v/>
          </cell>
          <cell r="BA241" t="str">
            <v>和歌山県</v>
          </cell>
          <cell r="BB241">
            <v>0</v>
          </cell>
          <cell r="CR241">
            <v>4247</v>
          </cell>
          <cell r="CS241" t="str">
            <v>ﾕｷｻﾞﾜ ﾑﾂｵ</v>
          </cell>
          <cell r="CT241" t="str">
            <v>行澤  睦雄</v>
          </cell>
          <cell r="CU241" t="str">
            <v xml:space="preserve"> </v>
          </cell>
          <cell r="CW241">
            <v>3200</v>
          </cell>
          <cell r="CX241" t="str">
            <v>理事</v>
          </cell>
        </row>
        <row r="242">
          <cell r="B242">
            <v>2198</v>
          </cell>
          <cell r="C242" t="str">
            <v>(株)運動施設</v>
          </cell>
          <cell r="D242" t="str">
            <v>06-6913-3977</v>
          </cell>
          <cell r="E242" t="str">
            <v>538-0052</v>
          </cell>
          <cell r="F242" t="str">
            <v>大阪府大阪市鶴見区横堤4-24-8</v>
          </cell>
          <cell r="G242" t="str">
            <v>大阪市</v>
          </cell>
          <cell r="H242" t="str">
            <v/>
          </cell>
          <cell r="I242" t="str">
            <v>代表取締役 佐々木　保和</v>
          </cell>
          <cell r="J242" t="str">
            <v>本店</v>
          </cell>
          <cell r="K242" t="str">
            <v>06-6913-3970</v>
          </cell>
          <cell r="L242" t="str">
            <v>undo-shisetu@wing.ocn.ne.jp</v>
          </cell>
          <cell r="M242" t="str">
            <v>ｳﾝﾄﾞｳｼｾﾂ</v>
          </cell>
          <cell r="N242" t="str">
            <v>無</v>
          </cell>
          <cell r="O242">
            <v>43</v>
          </cell>
          <cell r="P242">
            <v>8</v>
          </cell>
          <cell r="Q242">
            <v>3120001104173</v>
          </cell>
          <cell r="R242">
            <v>39710</v>
          </cell>
          <cell r="S242">
            <v>94679</v>
          </cell>
          <cell r="T242">
            <v>564736</v>
          </cell>
          <cell r="V242" t="str">
            <v>we712746</v>
          </cell>
          <cell r="W242" t="str">
            <v>mb579436</v>
          </cell>
          <cell r="X242" t="str">
            <v>土と舗園</v>
          </cell>
          <cell r="Y242" t="str">
            <v/>
          </cell>
          <cell r="Z242" t="str">
            <v>土と舗園</v>
          </cell>
          <cell r="AA242" t="str">
            <v>舗装</v>
          </cell>
          <cell r="AB242" t="str">
            <v>土木一式</v>
          </cell>
          <cell r="AC242" t="str">
            <v>造園</v>
          </cell>
          <cell r="AD242" t="str">
            <v>とび土工</v>
          </cell>
          <cell r="AE242">
            <v>43008</v>
          </cell>
          <cell r="AF242" t="str">
            <v>希望しない</v>
          </cell>
          <cell r="AG242" t="str">
            <v>舗装</v>
          </cell>
          <cell r="AH242" t="str">
            <v>特定</v>
          </cell>
          <cell r="AI242">
            <v>841</v>
          </cell>
          <cell r="AJ242">
            <v>201568</v>
          </cell>
          <cell r="AK242" t="str">
            <v>4(4)/0/0</v>
          </cell>
          <cell r="AL242" t="str">
            <v>土木一式</v>
          </cell>
          <cell r="AM242" t="str">
            <v>特定</v>
          </cell>
          <cell r="AN242">
            <v>844</v>
          </cell>
          <cell r="AO242">
            <v>123567</v>
          </cell>
          <cell r="AP242" t="str">
            <v>5(5)/0/0</v>
          </cell>
          <cell r="AQ242" t="str">
            <v>造園</v>
          </cell>
          <cell r="AR242" t="str">
            <v>特定</v>
          </cell>
          <cell r="AS242">
            <v>815</v>
          </cell>
          <cell r="AT242">
            <v>225384</v>
          </cell>
          <cell r="AU242" t="str">
            <v>1(1)/0/1</v>
          </cell>
          <cell r="AV242" t="str">
            <v>とび土工</v>
          </cell>
          <cell r="AW242" t="str">
            <v>特定</v>
          </cell>
          <cell r="AX242">
            <v>705</v>
          </cell>
          <cell r="AY242">
            <v>10576</v>
          </cell>
          <cell r="AZ242" t="str">
            <v>0(0)/1/0</v>
          </cell>
          <cell r="BA242" t="str">
            <v>大阪府</v>
          </cell>
          <cell r="BB242">
            <v>0</v>
          </cell>
          <cell r="CR242">
            <v>4251</v>
          </cell>
          <cell r="CS242" t="str">
            <v>ﾔﾅｷﾞﾀﾞ ﾀｶﾏｻ</v>
          </cell>
          <cell r="CT242" t="str">
            <v>柳田  尊正</v>
          </cell>
          <cell r="CU242" t="str">
            <v xml:space="preserve"> </v>
          </cell>
          <cell r="CW242">
            <v>3152</v>
          </cell>
          <cell r="CX242" t="str">
            <v>市長付参事</v>
          </cell>
        </row>
        <row r="243">
          <cell r="B243">
            <v>2199</v>
          </cell>
          <cell r="C243" t="str">
            <v>上原建材工業(株)</v>
          </cell>
          <cell r="D243" t="str">
            <v>0797-84-3382</v>
          </cell>
          <cell r="E243" t="str">
            <v>665-0866</v>
          </cell>
          <cell r="F243" t="str">
            <v>兵庫県宝塚市星の荘30-12</v>
          </cell>
          <cell r="G243" t="str">
            <v>宝塚市</v>
          </cell>
          <cell r="H243" t="str">
            <v/>
          </cell>
          <cell r="I243" t="str">
            <v>代表取締役 上原　直樹</v>
          </cell>
          <cell r="J243" t="str">
            <v>本店</v>
          </cell>
          <cell r="K243" t="str">
            <v>0797-81-2386</v>
          </cell>
          <cell r="L243" t="str">
            <v>ueharakenzai@kfa.biglobe.ne.jp</v>
          </cell>
          <cell r="M243" t="str">
            <v>ｳｴﾊﾗｹﾝｻﾞｲｺｳｷﾞｮｳ</v>
          </cell>
          <cell r="N243" t="str">
            <v>無</v>
          </cell>
          <cell r="O243">
            <v>39</v>
          </cell>
          <cell r="P243">
            <v>6</v>
          </cell>
          <cell r="Q243">
            <v>4140001081229</v>
          </cell>
          <cell r="R243">
            <v>35000</v>
          </cell>
          <cell r="S243">
            <v>46821</v>
          </cell>
          <cell r="T243">
            <v>193055</v>
          </cell>
          <cell r="V243" t="str">
            <v>ns550531</v>
          </cell>
          <cell r="W243" t="str">
            <v>hs436177</v>
          </cell>
          <cell r="X243" t="str">
            <v>土と石鋼舗浚塗水</v>
          </cell>
          <cell r="Y243" t="str">
            <v/>
          </cell>
          <cell r="Z243" t="str">
            <v>土と石鋼舗浚塗水</v>
          </cell>
          <cell r="AA243" t="str">
            <v>土木一式</v>
          </cell>
          <cell r="AB243" t="str">
            <v>塗装</v>
          </cell>
          <cell r="AC243" t="str">
            <v>とび土工</v>
          </cell>
          <cell r="AD243" t="str">
            <v>舗装</v>
          </cell>
          <cell r="AE243">
            <v>42916</v>
          </cell>
          <cell r="AF243" t="str">
            <v>希望する</v>
          </cell>
          <cell r="AG243" t="str">
            <v>土木一式</v>
          </cell>
          <cell r="AH243" t="str">
            <v>特定</v>
          </cell>
          <cell r="AI243">
            <v>839</v>
          </cell>
          <cell r="AJ243">
            <v>141204</v>
          </cell>
          <cell r="AK243" t="str">
            <v>3(2)/0/2</v>
          </cell>
          <cell r="AL243" t="str">
            <v>塗装</v>
          </cell>
          <cell r="AM243" t="str">
            <v>特定</v>
          </cell>
          <cell r="AN243">
            <v>684</v>
          </cell>
          <cell r="AO243">
            <v>3168</v>
          </cell>
          <cell r="AP243" t="str">
            <v>0(0)/0/0</v>
          </cell>
          <cell r="AQ243" t="str">
            <v>とび土工</v>
          </cell>
          <cell r="AR243" t="str">
            <v>特定</v>
          </cell>
          <cell r="AS243">
            <v>746</v>
          </cell>
          <cell r="AT243">
            <v>38999</v>
          </cell>
          <cell r="AU243" t="str">
            <v>0(0)/0/1</v>
          </cell>
          <cell r="AV243" t="str">
            <v>舗装</v>
          </cell>
          <cell r="AW243" t="str">
            <v>特定</v>
          </cell>
          <cell r="AX243">
            <v>798</v>
          </cell>
          <cell r="AY243">
            <v>29140</v>
          </cell>
          <cell r="AZ243" t="str">
            <v>4(2)/0/1</v>
          </cell>
          <cell r="BA243" t="str">
            <v>兵庫県</v>
          </cell>
          <cell r="BB243">
            <v>0</v>
          </cell>
          <cell r="CR243">
            <v>4251</v>
          </cell>
          <cell r="CS243" t="str">
            <v>ﾔﾅｷﾞﾀﾞ ﾀｶﾏｻ</v>
          </cell>
          <cell r="CT243" t="str">
            <v>柳田  尊正</v>
          </cell>
          <cell r="CU243" t="str">
            <v xml:space="preserve"> </v>
          </cell>
          <cell r="CW243">
            <v>3152</v>
          </cell>
          <cell r="CX243" t="str">
            <v>（兼）室長</v>
          </cell>
        </row>
        <row r="244">
          <cell r="B244">
            <v>2200</v>
          </cell>
          <cell r="C244" t="str">
            <v>(株)ウェーブ２１</v>
          </cell>
          <cell r="D244" t="str">
            <v>03-5651-8821</v>
          </cell>
          <cell r="E244" t="str">
            <v>103-0004</v>
          </cell>
          <cell r="F244" t="str">
            <v>東京都中央区東日本橋3-4-14</v>
          </cell>
          <cell r="G244" t="str">
            <v/>
          </cell>
          <cell r="H244" t="str">
            <v/>
          </cell>
          <cell r="I244" t="str">
            <v>代表取締役 笹川　陽司</v>
          </cell>
          <cell r="J244" t="str">
            <v>本店</v>
          </cell>
          <cell r="K244" t="str">
            <v>03-5651-8835</v>
          </cell>
          <cell r="L244" t="str">
            <v>mail@wv21.co.jp</v>
          </cell>
          <cell r="M244" t="str">
            <v>ｳｪｰﾌﾞﾆｼﾞｭｳｲﾁ</v>
          </cell>
          <cell r="N244" t="str">
            <v>無</v>
          </cell>
          <cell r="O244">
            <v>9</v>
          </cell>
          <cell r="P244">
            <v>181</v>
          </cell>
          <cell r="Q244">
            <v>6010001064293</v>
          </cell>
          <cell r="R244">
            <v>20000</v>
          </cell>
          <cell r="S244">
            <v>799727</v>
          </cell>
          <cell r="T244">
            <v>1526152</v>
          </cell>
          <cell r="V244" t="str">
            <v>wh294650</v>
          </cell>
          <cell r="W244" t="str">
            <v>tn835062</v>
          </cell>
          <cell r="X244" t="str">
            <v>消建大と石屋電管タ鋼鉄板ガ塗防内機熱通具</v>
          </cell>
          <cell r="Y244" t="str">
            <v>消</v>
          </cell>
          <cell r="Z244" t="str">
            <v>建大と石屋電管タ鋼鉄板ガ塗防内機熱通具</v>
          </cell>
          <cell r="AA244" t="str">
            <v>電気</v>
          </cell>
          <cell r="AB244" t="str">
            <v>電気通信</v>
          </cell>
          <cell r="AC244" t="str">
            <v/>
          </cell>
          <cell r="AD244" t="str">
            <v/>
          </cell>
          <cell r="AE244">
            <v>43100</v>
          </cell>
          <cell r="AF244" t="str">
            <v>希望しない</v>
          </cell>
          <cell r="AG244" t="str">
            <v>電気</v>
          </cell>
          <cell r="AH244" t="str">
            <v>特定</v>
          </cell>
          <cell r="AI244">
            <v>749</v>
          </cell>
          <cell r="AJ244">
            <v>230335</v>
          </cell>
          <cell r="AK244" t="str">
            <v>4(4)/0/3</v>
          </cell>
          <cell r="AL244" t="str">
            <v>電気通信</v>
          </cell>
          <cell r="AM244" t="str">
            <v>特定</v>
          </cell>
          <cell r="AN244">
            <v>724</v>
          </cell>
          <cell r="AO244">
            <v>317448</v>
          </cell>
          <cell r="AP244" t="str">
            <v>1(1)/0/4</v>
          </cell>
          <cell r="AQ244" t="str">
            <v/>
          </cell>
          <cell r="AR244" t="str">
            <v/>
          </cell>
          <cell r="AS244" t="str">
            <v/>
          </cell>
          <cell r="AT244" t="str">
            <v/>
          </cell>
          <cell r="AU244" t="str">
            <v/>
          </cell>
          <cell r="AV244" t="str">
            <v/>
          </cell>
          <cell r="AW244" t="str">
            <v/>
          </cell>
          <cell r="AX244" t="str">
            <v/>
          </cell>
          <cell r="AY244" t="str">
            <v/>
          </cell>
          <cell r="AZ244" t="str">
            <v/>
          </cell>
          <cell r="BA244" t="str">
            <v>東京都</v>
          </cell>
          <cell r="BB244">
            <v>0</v>
          </cell>
          <cell r="CR244">
            <v>4252</v>
          </cell>
          <cell r="CS244" t="str">
            <v>ﾏｽﾀﾞ ﾀｲﾗ</v>
          </cell>
          <cell r="CT244" t="str">
            <v>増田  平</v>
          </cell>
          <cell r="CU244" t="str">
            <v xml:space="preserve"> </v>
          </cell>
          <cell r="CW244">
            <v>2400</v>
          </cell>
          <cell r="CX244" t="str">
            <v>部長</v>
          </cell>
        </row>
        <row r="245">
          <cell r="B245">
            <v>2201</v>
          </cell>
          <cell r="C245" t="str">
            <v>ウチダエスコ(株)</v>
          </cell>
          <cell r="D245" t="str">
            <v>03-5639-2221</v>
          </cell>
          <cell r="E245" t="str">
            <v>135-0042</v>
          </cell>
          <cell r="F245" t="str">
            <v>東京都江東区木場5-8-40</v>
          </cell>
          <cell r="G245" t="str">
            <v/>
          </cell>
          <cell r="H245" t="str">
            <v/>
          </cell>
          <cell r="I245" t="str">
            <v>代表取締役 江口　英則</v>
          </cell>
          <cell r="J245" t="str">
            <v>本店</v>
          </cell>
          <cell r="K245" t="str">
            <v>03-5639-2208</v>
          </cell>
          <cell r="L245" t="str">
            <v>shingo_nagasawa@esco.co.jp</v>
          </cell>
          <cell r="M245" t="str">
            <v>ｳﾁﾀﾞｴｽｺ</v>
          </cell>
          <cell r="N245" t="str">
            <v>無</v>
          </cell>
          <cell r="O245">
            <v>24</v>
          </cell>
          <cell r="P245">
            <v>524</v>
          </cell>
          <cell r="Q245">
            <v>4010601027461</v>
          </cell>
          <cell r="R245">
            <v>334000</v>
          </cell>
          <cell r="S245">
            <v>4761937</v>
          </cell>
          <cell r="T245">
            <v>13036764</v>
          </cell>
          <cell r="V245" t="str">
            <v>ut413957</v>
          </cell>
          <cell r="W245" t="str">
            <v>ux332295</v>
          </cell>
          <cell r="X245" t="str">
            <v>電通内</v>
          </cell>
          <cell r="Y245" t="str">
            <v>電通</v>
          </cell>
          <cell r="Z245" t="str">
            <v>内</v>
          </cell>
          <cell r="AA245" t="str">
            <v>電気通信</v>
          </cell>
          <cell r="AB245" t="str">
            <v>電気</v>
          </cell>
          <cell r="AC245" t="str">
            <v>内装仕上</v>
          </cell>
          <cell r="AD245" t="str">
            <v/>
          </cell>
          <cell r="AE245">
            <v>42936</v>
          </cell>
          <cell r="AF245" t="str">
            <v>希望しない</v>
          </cell>
          <cell r="AG245" t="str">
            <v>電気通信</v>
          </cell>
          <cell r="AH245" t="str">
            <v>一般</v>
          </cell>
          <cell r="AI245">
            <v>968</v>
          </cell>
          <cell r="AJ245">
            <v>636805</v>
          </cell>
          <cell r="AK245" t="str">
            <v>0(0)/0/85</v>
          </cell>
          <cell r="AL245" t="str">
            <v>電気</v>
          </cell>
          <cell r="AM245" t="str">
            <v>一般</v>
          </cell>
          <cell r="AN245">
            <v>846</v>
          </cell>
          <cell r="AO245">
            <v>54047</v>
          </cell>
          <cell r="AP245" t="str">
            <v>1(0)/3/27</v>
          </cell>
          <cell r="AQ245" t="str">
            <v>内装仕上</v>
          </cell>
          <cell r="AR245" t="str">
            <v>特定</v>
          </cell>
          <cell r="AS245">
            <v>901</v>
          </cell>
          <cell r="AT245">
            <v>426465</v>
          </cell>
          <cell r="AU245" t="str">
            <v>2(0)/1/10</v>
          </cell>
          <cell r="AV245" t="str">
            <v/>
          </cell>
          <cell r="AW245" t="str">
            <v/>
          </cell>
          <cell r="AX245" t="str">
            <v/>
          </cell>
          <cell r="AY245" t="str">
            <v/>
          </cell>
          <cell r="AZ245" t="str">
            <v/>
          </cell>
          <cell r="BA245" t="str">
            <v>東京都</v>
          </cell>
          <cell r="BB245">
            <v>0</v>
          </cell>
          <cell r="CR245">
            <v>4253</v>
          </cell>
          <cell r="CS245" t="str">
            <v>ﾆﾉﾐﾔ ﾀｹｼ</v>
          </cell>
          <cell r="CT245" t="str">
            <v>二宮  毅</v>
          </cell>
          <cell r="CU245" t="str">
            <v xml:space="preserve"> </v>
          </cell>
          <cell r="CW245">
            <v>2101</v>
          </cell>
          <cell r="CX245" t="str">
            <v>参事</v>
          </cell>
        </row>
        <row r="246">
          <cell r="B246">
            <v>2203</v>
          </cell>
          <cell r="C246" t="str">
            <v>上林鑿泉工業株式会社(株)</v>
          </cell>
          <cell r="D246" t="str">
            <v>075-601-8237</v>
          </cell>
          <cell r="E246" t="str">
            <v>612-8488</v>
          </cell>
          <cell r="F246" t="str">
            <v>京都府京都市伏見区下鳥羽東柳長町27</v>
          </cell>
          <cell r="G246" t="str">
            <v>京都市</v>
          </cell>
          <cell r="H246" t="str">
            <v/>
          </cell>
          <cell r="I246" t="str">
            <v>代表取締役 上林　正幸</v>
          </cell>
          <cell r="J246" t="str">
            <v>本店</v>
          </cell>
          <cell r="K246" t="str">
            <v>075-601-3473</v>
          </cell>
          <cell r="L246" t="str">
            <v>kanbayasisakusen@eagle.ocn.ne.jp</v>
          </cell>
          <cell r="M246" t="str">
            <v>ｶﾝﾊﾞﾔｼｻｸｾﾝｺｳｷﾞｮｳ</v>
          </cell>
          <cell r="N246" t="str">
            <v>無</v>
          </cell>
          <cell r="O246">
            <v>56</v>
          </cell>
          <cell r="P246">
            <v>9</v>
          </cell>
          <cell r="Q246">
            <v>6130001014162</v>
          </cell>
          <cell r="R246">
            <v>40000</v>
          </cell>
          <cell r="S246">
            <v>161773</v>
          </cell>
          <cell r="T246">
            <v>212928</v>
          </cell>
          <cell r="V246" t="str">
            <v>gi157279</v>
          </cell>
          <cell r="W246" t="str">
            <v>ww155233</v>
          </cell>
          <cell r="X246" t="str">
            <v>管井</v>
          </cell>
          <cell r="Y246" t="str">
            <v>管井</v>
          </cell>
          <cell r="Z246" t="str">
            <v/>
          </cell>
          <cell r="AA246" t="str">
            <v>さく井</v>
          </cell>
          <cell r="AB246" t="str">
            <v/>
          </cell>
          <cell r="AC246" t="str">
            <v/>
          </cell>
          <cell r="AD246" t="str">
            <v/>
          </cell>
          <cell r="AE246">
            <v>43159</v>
          </cell>
          <cell r="AF246" t="str">
            <v/>
          </cell>
          <cell r="AG246" t="str">
            <v>さく井</v>
          </cell>
          <cell r="AH246" t="str">
            <v>一般</v>
          </cell>
          <cell r="AI246">
            <v>641</v>
          </cell>
          <cell r="AJ246">
            <v>254345</v>
          </cell>
          <cell r="AK246" t="str">
            <v>0(0)/1/4</v>
          </cell>
          <cell r="AL246" t="str">
            <v/>
          </cell>
          <cell r="AM246" t="str">
            <v/>
          </cell>
          <cell r="AN246" t="str">
            <v/>
          </cell>
          <cell r="AO246" t="str">
            <v/>
          </cell>
          <cell r="AP246" t="str">
            <v/>
          </cell>
          <cell r="AQ246" t="str">
            <v/>
          </cell>
          <cell r="AR246" t="str">
            <v/>
          </cell>
          <cell r="AS246" t="str">
            <v/>
          </cell>
          <cell r="AT246" t="str">
            <v/>
          </cell>
          <cell r="AU246" t="str">
            <v/>
          </cell>
          <cell r="AV246" t="str">
            <v/>
          </cell>
          <cell r="AW246" t="str">
            <v/>
          </cell>
          <cell r="AX246" t="str">
            <v/>
          </cell>
          <cell r="AY246" t="str">
            <v/>
          </cell>
          <cell r="AZ246" t="str">
            <v/>
          </cell>
          <cell r="BA246" t="str">
            <v>京都府</v>
          </cell>
          <cell r="BB246">
            <v>0</v>
          </cell>
          <cell r="CR246">
            <v>4253</v>
          </cell>
          <cell r="CS246" t="str">
            <v>ﾆﾉﾐﾔ ﾀｹｼ</v>
          </cell>
          <cell r="CT246" t="str">
            <v>二宮  毅</v>
          </cell>
          <cell r="CU246" t="str">
            <v xml:space="preserve"> </v>
          </cell>
          <cell r="CW246">
            <v>2101</v>
          </cell>
          <cell r="CX246" t="str">
            <v>（兼）室長</v>
          </cell>
        </row>
        <row r="247">
          <cell r="B247">
            <v>2205</v>
          </cell>
          <cell r="C247" t="str">
            <v>ウイングエンジニア(株)</v>
          </cell>
          <cell r="D247" t="str">
            <v>06-6482-2921</v>
          </cell>
          <cell r="E247" t="str">
            <v>660-0892</v>
          </cell>
          <cell r="F247" t="str">
            <v>兵庫県尼崎市東難波町5-27-19</v>
          </cell>
          <cell r="G247" t="str">
            <v>尼崎市</v>
          </cell>
          <cell r="H247" t="str">
            <v/>
          </cell>
          <cell r="I247" t="str">
            <v>代表取締役　 田中　洋稔</v>
          </cell>
          <cell r="J247" t="str">
            <v>本店</v>
          </cell>
          <cell r="K247" t="str">
            <v>06-6482-2929</v>
          </cell>
          <cell r="L247" t="str">
            <v>h-miyaji@posta.co.jp</v>
          </cell>
          <cell r="M247" t="str">
            <v>ｳｲﾝｸﾞｴﾝｼﾞﾆｱ</v>
          </cell>
          <cell r="N247" t="str">
            <v>無</v>
          </cell>
          <cell r="O247">
            <v>26</v>
          </cell>
          <cell r="P247">
            <v>39</v>
          </cell>
          <cell r="Q247">
            <v>8140000000000</v>
          </cell>
          <cell r="R247">
            <v>58300</v>
          </cell>
          <cell r="S247">
            <v>352970</v>
          </cell>
          <cell r="T247">
            <v>939403</v>
          </cell>
          <cell r="V247" t="str">
            <v>ve134568</v>
          </cell>
          <cell r="W247" t="str">
            <v>mt173782</v>
          </cell>
          <cell r="X247" t="str">
            <v>管井</v>
          </cell>
          <cell r="Y247" t="str">
            <v>管井</v>
          </cell>
          <cell r="Z247" t="str">
            <v/>
          </cell>
          <cell r="AA247" t="str">
            <v>電気通信</v>
          </cell>
          <cell r="AB247" t="str">
            <v>電気</v>
          </cell>
          <cell r="AC247" t="str">
            <v>消防施設</v>
          </cell>
          <cell r="AD247" t="str">
            <v/>
          </cell>
          <cell r="AE247">
            <v>42947</v>
          </cell>
          <cell r="AF247" t="str">
            <v>希望しない</v>
          </cell>
          <cell r="AG247" t="str">
            <v>電気通信</v>
          </cell>
          <cell r="AH247" t="str">
            <v>特定</v>
          </cell>
          <cell r="AI247">
            <v>814</v>
          </cell>
          <cell r="AJ247">
            <v>985715</v>
          </cell>
          <cell r="AK247" t="str">
            <v>0(0)/0/16</v>
          </cell>
          <cell r="AL247" t="str">
            <v>電気</v>
          </cell>
          <cell r="AM247" t="str">
            <v>特定</v>
          </cell>
          <cell r="AN247">
            <v>792</v>
          </cell>
          <cell r="AO247">
            <v>21991</v>
          </cell>
          <cell r="AP247" t="str">
            <v>11(8)/5/0</v>
          </cell>
          <cell r="AQ247" t="str">
            <v>消防施設</v>
          </cell>
          <cell r="AR247" t="str">
            <v>一般</v>
          </cell>
          <cell r="AS247">
            <v>622</v>
          </cell>
          <cell r="AT247" t="str">
            <v/>
          </cell>
          <cell r="AU247" t="str">
            <v>0(0)/0/0</v>
          </cell>
          <cell r="AV247" t="str">
            <v/>
          </cell>
          <cell r="AW247" t="str">
            <v/>
          </cell>
          <cell r="AX247" t="str">
            <v/>
          </cell>
          <cell r="AY247" t="str">
            <v/>
          </cell>
          <cell r="AZ247" t="str">
            <v/>
          </cell>
          <cell r="BA247" t="str">
            <v>兵庫県</v>
          </cell>
          <cell r="BB247">
            <v>0</v>
          </cell>
          <cell r="CR247">
            <v>4256</v>
          </cell>
          <cell r="CS247" t="str">
            <v>ｺｼﾊﾞ ﾖｼﾋｺ</v>
          </cell>
          <cell r="CT247" t="str">
            <v>小柴  義彦</v>
          </cell>
          <cell r="CU247" t="str">
            <v xml:space="preserve"> </v>
          </cell>
          <cell r="CW247">
            <v>3508</v>
          </cell>
          <cell r="CX247" t="str">
            <v>事務局長</v>
          </cell>
        </row>
        <row r="248">
          <cell r="B248">
            <v>2206</v>
          </cell>
          <cell r="C248" t="str">
            <v>(株)ウエムラテック</v>
          </cell>
          <cell r="D248" t="str">
            <v>0743-57-2977</v>
          </cell>
          <cell r="E248" t="str">
            <v>639-1061</v>
          </cell>
          <cell r="F248" t="str">
            <v>奈良県生駒郡安堵町東安堵1355</v>
          </cell>
          <cell r="G248" t="str">
            <v>生駒郡</v>
          </cell>
          <cell r="H248" t="str">
            <v/>
          </cell>
          <cell r="I248" t="str">
            <v>代表取締役 植村　恭之</v>
          </cell>
          <cell r="J248" t="str">
            <v>本店</v>
          </cell>
          <cell r="K248" t="str">
            <v>0743-57-2978</v>
          </cell>
          <cell r="L248" t="str">
            <v>ido@w-utec.com</v>
          </cell>
          <cell r="M248" t="str">
            <v>ｳｴﾑﾗﾃｯｸ</v>
          </cell>
          <cell r="N248" t="str">
            <v>無</v>
          </cell>
          <cell r="O248">
            <v>4</v>
          </cell>
          <cell r="P248">
            <v>2</v>
          </cell>
          <cell r="Q248">
            <v>5150001019111</v>
          </cell>
          <cell r="R248">
            <v>5000</v>
          </cell>
          <cell r="S248">
            <v>5893</v>
          </cell>
          <cell r="T248">
            <v>122313</v>
          </cell>
          <cell r="V248" t="str">
            <v>yb167085</v>
          </cell>
          <cell r="W248" t="str">
            <v>go167225</v>
          </cell>
          <cell r="X248" t="str">
            <v>土機井</v>
          </cell>
          <cell r="Y248" t="str">
            <v>土機井</v>
          </cell>
          <cell r="Z248" t="str">
            <v/>
          </cell>
          <cell r="AA248" t="str">
            <v>さく井</v>
          </cell>
          <cell r="AB248" t="str">
            <v>機械器具</v>
          </cell>
          <cell r="AC248" t="str">
            <v>土木一式</v>
          </cell>
          <cell r="AD248" t="str">
            <v/>
          </cell>
          <cell r="AE248">
            <v>43343</v>
          </cell>
          <cell r="AF248" t="str">
            <v>希望しない</v>
          </cell>
          <cell r="AG248" t="str">
            <v>さく井</v>
          </cell>
          <cell r="AH248" t="str">
            <v>一般</v>
          </cell>
          <cell r="AI248">
            <v>628</v>
          </cell>
          <cell r="AJ248">
            <v>83600</v>
          </cell>
          <cell r="AK248" t="str">
            <v>0(0)/2/0</v>
          </cell>
          <cell r="AL248" t="str">
            <v>機械器具</v>
          </cell>
          <cell r="AM248" t="str">
            <v>一般</v>
          </cell>
          <cell r="AN248">
            <v>588</v>
          </cell>
          <cell r="AO248">
            <v>24786</v>
          </cell>
          <cell r="AP248" t="str">
            <v>0(0)/0/0</v>
          </cell>
          <cell r="AQ248" t="str">
            <v>土木一式</v>
          </cell>
          <cell r="AR248" t="str">
            <v>一般</v>
          </cell>
          <cell r="AS248">
            <v>574</v>
          </cell>
          <cell r="AT248">
            <v>9280</v>
          </cell>
          <cell r="AU248" t="str">
            <v>1(1)/0/0</v>
          </cell>
          <cell r="AV248" t="str">
            <v/>
          </cell>
          <cell r="AW248" t="str">
            <v/>
          </cell>
          <cell r="AX248" t="str">
            <v/>
          </cell>
          <cell r="AY248" t="str">
            <v/>
          </cell>
          <cell r="AZ248" t="str">
            <v/>
          </cell>
          <cell r="BA248" t="str">
            <v>奈良県</v>
          </cell>
          <cell r="BB248">
            <v>0</v>
          </cell>
          <cell r="CR248">
            <v>4257</v>
          </cell>
          <cell r="CS248" t="str">
            <v>ﾐﾜ ｶｽﾞﾔ</v>
          </cell>
          <cell r="CT248" t="str">
            <v>三輪  和也</v>
          </cell>
          <cell r="CU248" t="str">
            <v>市民課</v>
          </cell>
          <cell r="CW248">
            <v>2610</v>
          </cell>
          <cell r="CX248" t="str">
            <v>副主査</v>
          </cell>
          <cell r="CY248" t="str">
            <v>市民課長</v>
          </cell>
        </row>
        <row r="249">
          <cell r="B249">
            <v>2207</v>
          </cell>
          <cell r="C249" t="str">
            <v>ＮＴＴビジネスソリューションズ(株)</v>
          </cell>
          <cell r="D249" t="str">
            <v>06-6105-4759</v>
          </cell>
          <cell r="E249" t="str">
            <v>531-0072</v>
          </cell>
          <cell r="F249" t="str">
            <v>大阪府大阪市北区豊崎三丁目17番21号</v>
          </cell>
          <cell r="G249" t="str">
            <v>大阪市</v>
          </cell>
          <cell r="H249" t="str">
            <v>関西支店　大阪営業所</v>
          </cell>
          <cell r="I249" t="str">
            <v>大阪営業所長 岡本　良治</v>
          </cell>
          <cell r="J249" t="str">
            <v>大阪府大阪市</v>
          </cell>
          <cell r="K249" t="str">
            <v>06-6377-8033</v>
          </cell>
          <cell r="L249" t="str">
            <v>shinsei.nyuusatsu.hm@west.ntt.co.jp</v>
          </cell>
          <cell r="M249" t="str">
            <v>ｴﾇﾃｨﾃｨﾋﾞｼﾞﾈｽｿﾘｭｰｼｮﾝｽﾞ</v>
          </cell>
          <cell r="N249" t="str">
            <v>有</v>
          </cell>
          <cell r="O249">
            <v>28</v>
          </cell>
          <cell r="P249">
            <v>8586</v>
          </cell>
          <cell r="Q249">
            <v>2180001016265</v>
          </cell>
          <cell r="R249">
            <v>100000</v>
          </cell>
          <cell r="S249">
            <v>18100997</v>
          </cell>
          <cell r="T249">
            <v>98591067</v>
          </cell>
          <cell r="V249" t="str">
            <v>wz165604</v>
          </cell>
          <cell r="W249" t="str">
            <v>dy114703</v>
          </cell>
          <cell r="X249" t="str">
            <v>(通)通</v>
          </cell>
          <cell r="Y249" t="str">
            <v>(通)</v>
          </cell>
          <cell r="Z249" t="str">
            <v>通</v>
          </cell>
          <cell r="AA249" t="str">
            <v>電気通信</v>
          </cell>
          <cell r="AB249" t="str">
            <v/>
          </cell>
          <cell r="AC249" t="str">
            <v/>
          </cell>
          <cell r="AD249" t="str">
            <v/>
          </cell>
          <cell r="AE249">
            <v>42917</v>
          </cell>
          <cell r="AF249" t="str">
            <v>希望しない</v>
          </cell>
          <cell r="AG249" t="str">
            <v>電気通信</v>
          </cell>
          <cell r="AH249" t="str">
            <v>特定</v>
          </cell>
          <cell r="AI249">
            <v>927</v>
          </cell>
          <cell r="AJ249">
            <v>924498</v>
          </cell>
          <cell r="AK249" t="str">
            <v>0(0)/0/18</v>
          </cell>
          <cell r="AL249" t="str">
            <v/>
          </cell>
          <cell r="AM249" t="str">
            <v/>
          </cell>
          <cell r="AN249" t="str">
            <v/>
          </cell>
          <cell r="AO249" t="str">
            <v/>
          </cell>
          <cell r="AP249" t="str">
            <v/>
          </cell>
          <cell r="AQ249" t="str">
            <v/>
          </cell>
          <cell r="AR249" t="str">
            <v/>
          </cell>
          <cell r="AS249" t="str">
            <v/>
          </cell>
          <cell r="AT249" t="str">
            <v/>
          </cell>
          <cell r="AU249" t="str">
            <v/>
          </cell>
          <cell r="AV249" t="str">
            <v/>
          </cell>
          <cell r="AW249" t="str">
            <v/>
          </cell>
          <cell r="AX249" t="str">
            <v/>
          </cell>
          <cell r="AY249" t="str">
            <v/>
          </cell>
          <cell r="AZ249" t="str">
            <v/>
          </cell>
          <cell r="BA249" t="str">
            <v>大阪府</v>
          </cell>
          <cell r="BB249">
            <v>0</v>
          </cell>
          <cell r="CR249">
            <v>4258</v>
          </cell>
          <cell r="CS249" t="str">
            <v>ﾆﾉﾐﾔ ﾖｼｴ</v>
          </cell>
          <cell r="CT249" t="str">
            <v>二宮  叔枝</v>
          </cell>
          <cell r="CU249" t="str">
            <v xml:space="preserve"> </v>
          </cell>
          <cell r="CW249">
            <v>2500</v>
          </cell>
          <cell r="CX249" t="str">
            <v>部長</v>
          </cell>
        </row>
        <row r="250">
          <cell r="B250">
            <v>2209</v>
          </cell>
          <cell r="C250" t="str">
            <v>栄建工業(株)</v>
          </cell>
          <cell r="D250" t="str">
            <v>0798-64-6410</v>
          </cell>
          <cell r="E250" t="str">
            <v>663-8017</v>
          </cell>
          <cell r="F250" t="str">
            <v>兵庫県西宮市大島町7-6</v>
          </cell>
          <cell r="G250" t="str">
            <v>西宮市</v>
          </cell>
          <cell r="H250" t="str">
            <v/>
          </cell>
          <cell r="I250" t="str">
            <v>代表取締役 和山　直美</v>
          </cell>
          <cell r="J250" t="str">
            <v>本店</v>
          </cell>
          <cell r="K250" t="str">
            <v>0798-64-6459</v>
          </cell>
          <cell r="L250" t="str">
            <v>eikenkougyou0403@earth.ocn.ne.jp</v>
          </cell>
          <cell r="M250" t="str">
            <v>ｴｲｹﾝｺｳｷﾞｮｳ</v>
          </cell>
          <cell r="N250" t="str">
            <v>無</v>
          </cell>
          <cell r="O250">
            <v>24</v>
          </cell>
          <cell r="P250">
            <v>8</v>
          </cell>
          <cell r="Q250">
            <v>8140001068065</v>
          </cell>
          <cell r="R250">
            <v>40000</v>
          </cell>
          <cell r="S250">
            <v>60085</v>
          </cell>
          <cell r="T250">
            <v>651958</v>
          </cell>
          <cell r="V250" t="str">
            <v>tz189818</v>
          </cell>
          <cell r="W250" t="str">
            <v>hi158325</v>
          </cell>
          <cell r="X250" t="str">
            <v>土と石鋼舗浚塗水</v>
          </cell>
          <cell r="Y250" t="str">
            <v/>
          </cell>
          <cell r="Z250" t="str">
            <v>土と石鋼舗浚塗水</v>
          </cell>
          <cell r="AA250" t="str">
            <v>土木一式</v>
          </cell>
          <cell r="AB250" t="str">
            <v>水道施設</v>
          </cell>
          <cell r="AC250" t="str">
            <v>舗装</v>
          </cell>
          <cell r="AD250" t="str">
            <v/>
          </cell>
          <cell r="AE250">
            <v>43312</v>
          </cell>
          <cell r="AF250" t="str">
            <v/>
          </cell>
          <cell r="AG250" t="str">
            <v>土木一式</v>
          </cell>
          <cell r="AH250" t="str">
            <v>特定</v>
          </cell>
          <cell r="AI250">
            <v>852</v>
          </cell>
          <cell r="AJ250">
            <v>612896</v>
          </cell>
          <cell r="AK250" t="str">
            <v>6(5)/1/0</v>
          </cell>
          <cell r="AL250" t="str">
            <v>水道施設</v>
          </cell>
          <cell r="AM250" t="str">
            <v>特定</v>
          </cell>
          <cell r="AN250">
            <v>613</v>
          </cell>
          <cell r="AO250" t="str">
            <v/>
          </cell>
          <cell r="AP250" t="str">
            <v>0(0)/0/0</v>
          </cell>
          <cell r="AQ250" t="str">
            <v>舗装</v>
          </cell>
          <cell r="AR250" t="str">
            <v>特定</v>
          </cell>
          <cell r="AS250">
            <v>735</v>
          </cell>
          <cell r="AT250">
            <v>26148</v>
          </cell>
          <cell r="AU250" t="str">
            <v>6(5)/1/0</v>
          </cell>
          <cell r="AV250" t="str">
            <v/>
          </cell>
          <cell r="AW250" t="str">
            <v/>
          </cell>
          <cell r="AX250" t="str">
            <v/>
          </cell>
          <cell r="AY250" t="str">
            <v/>
          </cell>
          <cell r="AZ250" t="str">
            <v/>
          </cell>
          <cell r="BA250" t="str">
            <v>兵庫県</v>
          </cell>
        </row>
        <row r="251">
          <cell r="B251">
            <v>2210</v>
          </cell>
          <cell r="C251" t="str">
            <v>(株)エスケイ</v>
          </cell>
          <cell r="D251" t="str">
            <v>06-6430-0085</v>
          </cell>
          <cell r="E251" t="str">
            <v>660-0082</v>
          </cell>
          <cell r="F251" t="str">
            <v>兵庫県尼崎市水明町23</v>
          </cell>
          <cell r="G251" t="str">
            <v>尼崎市</v>
          </cell>
          <cell r="H251" t="str">
            <v/>
          </cell>
          <cell r="I251" t="str">
            <v>代表取締役 佐々木　宏</v>
          </cell>
          <cell r="J251" t="str">
            <v>本店</v>
          </cell>
          <cell r="K251" t="str">
            <v>06-6430-0086</v>
          </cell>
          <cell r="L251" t="str">
            <v>sasaki@sk-wp.jp</v>
          </cell>
          <cell r="M251" t="str">
            <v>ｴｽｹｲ</v>
          </cell>
          <cell r="N251" t="str">
            <v>無</v>
          </cell>
          <cell r="O251">
            <v>10</v>
          </cell>
          <cell r="P251">
            <v>6</v>
          </cell>
          <cell r="Q251">
            <v>6140001053291</v>
          </cell>
          <cell r="R251">
            <v>10000</v>
          </cell>
          <cell r="S251">
            <v>19485</v>
          </cell>
          <cell r="T251">
            <v>372426</v>
          </cell>
          <cell r="V251" t="str">
            <v>hs133311</v>
          </cell>
          <cell r="W251" t="str">
            <v>cc171882</v>
          </cell>
          <cell r="X251" t="str">
            <v>大石屋塗防内熱</v>
          </cell>
          <cell r="Y251" t="str">
            <v>大石屋塗防内熱</v>
          </cell>
          <cell r="Z251" t="str">
            <v/>
          </cell>
          <cell r="AA251" t="str">
            <v>防水</v>
          </cell>
          <cell r="AB251" t="str">
            <v>塗装</v>
          </cell>
          <cell r="AC251" t="str">
            <v/>
          </cell>
          <cell r="AD251" t="str">
            <v/>
          </cell>
          <cell r="AE251">
            <v>42947</v>
          </cell>
          <cell r="AF251" t="str">
            <v>希望しない</v>
          </cell>
          <cell r="AG251" t="str">
            <v>防水</v>
          </cell>
          <cell r="AH251" t="str">
            <v>一般</v>
          </cell>
          <cell r="AI251">
            <v>670</v>
          </cell>
          <cell r="AJ251">
            <v>238977</v>
          </cell>
          <cell r="AK251" t="str">
            <v>0(0)/1/2</v>
          </cell>
          <cell r="AL251" t="str">
            <v>塗装</v>
          </cell>
          <cell r="AM251" t="str">
            <v>一般</v>
          </cell>
          <cell r="AN251">
            <v>631</v>
          </cell>
          <cell r="AO251">
            <v>63618</v>
          </cell>
          <cell r="AP251" t="str">
            <v>0(0)/1/2</v>
          </cell>
          <cell r="AQ251" t="str">
            <v/>
          </cell>
          <cell r="AR251" t="str">
            <v/>
          </cell>
          <cell r="AS251" t="str">
            <v/>
          </cell>
          <cell r="AT251" t="str">
            <v/>
          </cell>
          <cell r="AU251" t="str">
            <v/>
          </cell>
          <cell r="AV251" t="str">
            <v/>
          </cell>
          <cell r="AW251" t="str">
            <v/>
          </cell>
          <cell r="AX251" t="str">
            <v/>
          </cell>
          <cell r="AY251" t="str">
            <v/>
          </cell>
          <cell r="AZ251" t="str">
            <v/>
          </cell>
          <cell r="BA251" t="str">
            <v>兵庫県</v>
          </cell>
          <cell r="BB251">
            <v>0</v>
          </cell>
          <cell r="CR251">
            <v>4262</v>
          </cell>
          <cell r="CS251" t="str">
            <v>ﾏｴﾀﾞ ﾖｼﾉﾘ</v>
          </cell>
          <cell r="CT251" t="str">
            <v>前田  嘉徳</v>
          </cell>
          <cell r="CU251" t="str">
            <v xml:space="preserve"> </v>
          </cell>
          <cell r="CW251">
            <v>3522</v>
          </cell>
          <cell r="CX251" t="str">
            <v>事務局長</v>
          </cell>
        </row>
        <row r="252">
          <cell r="B252">
            <v>2213</v>
          </cell>
          <cell r="C252" t="str">
            <v>栄興設備工業(株)</v>
          </cell>
          <cell r="D252" t="str">
            <v>06-6349-2831</v>
          </cell>
          <cell r="E252" t="str">
            <v>566-0043</v>
          </cell>
          <cell r="F252" t="str">
            <v>大阪府摂津市一津屋3-3-14</v>
          </cell>
          <cell r="G252" t="str">
            <v>摂津市</v>
          </cell>
          <cell r="H252" t="str">
            <v/>
          </cell>
          <cell r="I252" t="str">
            <v>代表取締役　 小坂　圭一</v>
          </cell>
          <cell r="J252" t="str">
            <v>本店</v>
          </cell>
          <cell r="K252" t="str">
            <v>06-6349-0765</v>
          </cell>
          <cell r="L252" t="str">
            <v>kamoto@eikottg.co.jp</v>
          </cell>
          <cell r="M252" t="str">
            <v>ｴｲｺｳｾﾂﾋﾞｺｳｷﾞﾖｳ</v>
          </cell>
          <cell r="N252" t="str">
            <v>無</v>
          </cell>
          <cell r="O252">
            <v>44</v>
          </cell>
          <cell r="P252">
            <v>12</v>
          </cell>
          <cell r="Q252">
            <v>5120900000000</v>
          </cell>
          <cell r="R252">
            <v>10000</v>
          </cell>
          <cell r="S252">
            <v>22983</v>
          </cell>
          <cell r="T252">
            <v>569520</v>
          </cell>
          <cell r="V252" t="str">
            <v>vr421406</v>
          </cell>
          <cell r="W252" t="str">
            <v>ru136044</v>
          </cell>
          <cell r="X252" t="str">
            <v>大石屋塗防内熱</v>
          </cell>
          <cell r="Y252" t="str">
            <v>大石屋塗防内熱</v>
          </cell>
          <cell r="Z252" t="str">
            <v/>
          </cell>
          <cell r="AA252" t="str">
            <v>機械器具</v>
          </cell>
          <cell r="AB252" t="str">
            <v>管</v>
          </cell>
          <cell r="AC252" t="str">
            <v>板金</v>
          </cell>
          <cell r="AD252" t="str">
            <v/>
          </cell>
          <cell r="AE252">
            <v>42916</v>
          </cell>
          <cell r="AF252" t="str">
            <v>希望しない</v>
          </cell>
          <cell r="AG252" t="str">
            <v>機械器具</v>
          </cell>
          <cell r="AH252" t="str">
            <v>一般</v>
          </cell>
          <cell r="AI252">
            <v>755</v>
          </cell>
          <cell r="AJ252">
            <v>480700</v>
          </cell>
          <cell r="AK252" t="str">
            <v>0(0)/0/11</v>
          </cell>
          <cell r="AL252" t="str">
            <v>管</v>
          </cell>
          <cell r="AM252" t="str">
            <v>一般</v>
          </cell>
          <cell r="AN252">
            <v>685</v>
          </cell>
          <cell r="AO252">
            <v>32018</v>
          </cell>
          <cell r="AP252" t="str">
            <v>2(2)/3/2</v>
          </cell>
          <cell r="AQ252" t="str">
            <v>板金</v>
          </cell>
          <cell r="AR252" t="str">
            <v>一般</v>
          </cell>
          <cell r="AS252">
            <v>611</v>
          </cell>
          <cell r="AT252">
            <v>10261</v>
          </cell>
          <cell r="AU252" t="str">
            <v>0(0)/0/1</v>
          </cell>
          <cell r="AV252" t="str">
            <v/>
          </cell>
          <cell r="AW252" t="str">
            <v/>
          </cell>
          <cell r="AX252" t="str">
            <v/>
          </cell>
          <cell r="AY252" t="str">
            <v/>
          </cell>
          <cell r="AZ252" t="str">
            <v/>
          </cell>
          <cell r="BA252" t="str">
            <v>大阪府</v>
          </cell>
          <cell r="BB252">
            <v>0</v>
          </cell>
          <cell r="CR252">
            <v>4262</v>
          </cell>
          <cell r="CS252" t="str">
            <v>ﾏｴﾀﾞ ﾖｼﾉﾘ</v>
          </cell>
          <cell r="CT252" t="str">
            <v>前田  嘉徳</v>
          </cell>
          <cell r="CU252" t="str">
            <v xml:space="preserve"> </v>
          </cell>
          <cell r="CW252">
            <v>3522</v>
          </cell>
          <cell r="CX252" t="str">
            <v>書記長</v>
          </cell>
        </row>
        <row r="253">
          <cell r="B253">
            <v>2215</v>
          </cell>
          <cell r="C253" t="str">
            <v>栄興電機工業(株)</v>
          </cell>
          <cell r="D253" t="str">
            <v>06-6491-5301</v>
          </cell>
          <cell r="E253" t="str">
            <v>661-0971</v>
          </cell>
          <cell r="F253" t="str">
            <v>兵庫県尼崎市瓦宮1-9-15</v>
          </cell>
          <cell r="G253" t="str">
            <v>尼崎市</v>
          </cell>
          <cell r="H253" t="str">
            <v/>
          </cell>
          <cell r="I253" t="str">
            <v>代表取締役 小坂　哲二</v>
          </cell>
          <cell r="J253" t="str">
            <v>本店</v>
          </cell>
          <cell r="K253" t="str">
            <v>06-6493-1051</v>
          </cell>
          <cell r="L253" t="str">
            <v>kamoto@eikottg.co.jp</v>
          </cell>
          <cell r="M253" t="str">
            <v>ｴｲｺｳﾃﾞﾝｷｺｳｷﾞﾖｳ</v>
          </cell>
          <cell r="N253" t="str">
            <v>無</v>
          </cell>
          <cell r="O253">
            <v>47</v>
          </cell>
          <cell r="P253">
            <v>20</v>
          </cell>
          <cell r="Q253">
            <v>9140000000000</v>
          </cell>
          <cell r="R253">
            <v>40000</v>
          </cell>
          <cell r="S253">
            <v>173371</v>
          </cell>
          <cell r="T253">
            <v>2225069</v>
          </cell>
          <cell r="V253" t="str">
            <v>zv289989</v>
          </cell>
          <cell r="W253" t="str">
            <v>ex154670</v>
          </cell>
          <cell r="X253" t="str">
            <v>大石屋塗防内熱</v>
          </cell>
          <cell r="Y253" t="str">
            <v>大石屋塗防内熱</v>
          </cell>
          <cell r="Z253" t="str">
            <v/>
          </cell>
          <cell r="AA253" t="str">
            <v>電気</v>
          </cell>
          <cell r="AB253" t="str">
            <v>機械器具</v>
          </cell>
          <cell r="AC253" t="str">
            <v/>
          </cell>
          <cell r="AD253" t="str">
            <v/>
          </cell>
          <cell r="AE253">
            <v>43008</v>
          </cell>
          <cell r="AF253" t="str">
            <v>希望しない</v>
          </cell>
          <cell r="AG253" t="str">
            <v>電気</v>
          </cell>
          <cell r="AH253" t="str">
            <v>特定</v>
          </cell>
          <cell r="AI253">
            <v>955</v>
          </cell>
          <cell r="AJ253">
            <v>1933696</v>
          </cell>
          <cell r="AK253" t="str">
            <v>8(8)/1/11</v>
          </cell>
          <cell r="AL253" t="str">
            <v>機械器具</v>
          </cell>
          <cell r="AM253" t="str">
            <v>一般</v>
          </cell>
          <cell r="AN253">
            <v>743</v>
          </cell>
          <cell r="AO253">
            <v>41688</v>
          </cell>
          <cell r="AP253" t="str">
            <v>0(0)/0/17</v>
          </cell>
          <cell r="AQ253" t="str">
            <v/>
          </cell>
          <cell r="AR253" t="str">
            <v/>
          </cell>
          <cell r="AS253" t="str">
            <v/>
          </cell>
          <cell r="AT253" t="str">
            <v/>
          </cell>
          <cell r="AU253" t="str">
            <v/>
          </cell>
          <cell r="AV253" t="str">
            <v/>
          </cell>
          <cell r="AW253" t="str">
            <v/>
          </cell>
          <cell r="AX253" t="str">
            <v/>
          </cell>
          <cell r="AY253" t="str">
            <v/>
          </cell>
          <cell r="AZ253" t="str">
            <v/>
          </cell>
          <cell r="BA253" t="str">
            <v>兵庫県</v>
          </cell>
          <cell r="BB253">
            <v>0</v>
          </cell>
          <cell r="CR253">
            <v>4313</v>
          </cell>
          <cell r="CS253" t="str">
            <v>ﾌｸｲ ｺｳｼﾞ</v>
          </cell>
          <cell r="CT253" t="str">
            <v>福井  浩次</v>
          </cell>
          <cell r="CU253" t="str">
            <v>消防総務課</v>
          </cell>
          <cell r="CW253">
            <v>6680203</v>
          </cell>
          <cell r="CX253" t="str">
            <v>課長</v>
          </cell>
          <cell r="CY253" t="str">
            <v>消防総務課長</v>
          </cell>
        </row>
        <row r="254">
          <cell r="B254">
            <v>2216</v>
          </cell>
          <cell r="C254" t="str">
            <v>(株)エイダブリューエンジニアリング</v>
          </cell>
          <cell r="D254" t="str">
            <v>0798-75-5432</v>
          </cell>
          <cell r="E254" t="str">
            <v>662-0864</v>
          </cell>
          <cell r="F254" t="str">
            <v>兵庫県西宮市越水町4-22</v>
          </cell>
          <cell r="G254" t="str">
            <v>西宮市</v>
          </cell>
          <cell r="H254" t="str">
            <v/>
          </cell>
          <cell r="I254" t="str">
            <v>代表取締役 金海　正玉</v>
          </cell>
          <cell r="J254" t="str">
            <v>本店</v>
          </cell>
          <cell r="K254" t="str">
            <v>0798-75-5434</v>
          </cell>
          <cell r="L254" t="str">
            <v>awe@mbk.ocn.ne.jp</v>
          </cell>
          <cell r="M254" t="str">
            <v>ｴｲﾀﾞﾌﾞﾘｭｰｴﾝｼﾞﾆｱﾘﾝｸﾞ</v>
          </cell>
          <cell r="N254" t="str">
            <v>無</v>
          </cell>
          <cell r="O254">
            <v>25</v>
          </cell>
          <cell r="P254">
            <v>14</v>
          </cell>
          <cell r="Q254">
            <v>5140001068076</v>
          </cell>
          <cell r="R254">
            <v>20000</v>
          </cell>
          <cell r="S254">
            <v>169284</v>
          </cell>
          <cell r="T254">
            <v>651439</v>
          </cell>
          <cell r="V254" t="str">
            <v>da688225</v>
          </cell>
          <cell r="W254" t="str">
            <v>wt392186</v>
          </cell>
          <cell r="X254" t="str">
            <v>管</v>
          </cell>
          <cell r="Y254" t="str">
            <v/>
          </cell>
          <cell r="Z254" t="str">
            <v>管</v>
          </cell>
          <cell r="AA254" t="str">
            <v>管</v>
          </cell>
          <cell r="AB254" t="str">
            <v/>
          </cell>
          <cell r="AC254" t="str">
            <v/>
          </cell>
          <cell r="AD254" t="str">
            <v/>
          </cell>
          <cell r="AE254">
            <v>43312</v>
          </cell>
          <cell r="AF254" t="str">
            <v/>
          </cell>
          <cell r="AG254" t="str">
            <v>管</v>
          </cell>
          <cell r="AH254" t="str">
            <v>特定</v>
          </cell>
          <cell r="AI254">
            <v>933</v>
          </cell>
          <cell r="AJ254">
            <v>800370</v>
          </cell>
          <cell r="AK254" t="str">
            <v>9(9)/1/0</v>
          </cell>
          <cell r="AL254" t="str">
            <v/>
          </cell>
          <cell r="AM254" t="str">
            <v/>
          </cell>
          <cell r="AN254" t="str">
            <v/>
          </cell>
          <cell r="AO254" t="str">
            <v/>
          </cell>
          <cell r="AP254" t="str">
            <v/>
          </cell>
          <cell r="AQ254" t="str">
            <v/>
          </cell>
          <cell r="AR254" t="str">
            <v/>
          </cell>
          <cell r="AS254" t="str">
            <v/>
          </cell>
          <cell r="AT254" t="str">
            <v/>
          </cell>
          <cell r="AU254" t="str">
            <v/>
          </cell>
          <cell r="AV254" t="str">
            <v/>
          </cell>
          <cell r="AW254" t="str">
            <v/>
          </cell>
          <cell r="AX254" t="str">
            <v/>
          </cell>
          <cell r="AY254" t="str">
            <v/>
          </cell>
          <cell r="AZ254" t="str">
            <v/>
          </cell>
          <cell r="BA254" t="str">
            <v>兵庫県</v>
          </cell>
          <cell r="BB254">
            <v>0</v>
          </cell>
          <cell r="CR254">
            <v>4314</v>
          </cell>
          <cell r="CS254" t="str">
            <v>ｼﾏｼﾞ ﾖｼｵ</v>
          </cell>
          <cell r="CT254" t="str">
            <v>島次  由雄</v>
          </cell>
          <cell r="CU254" t="str">
            <v>情報管理課</v>
          </cell>
          <cell r="CW254">
            <v>6680321</v>
          </cell>
          <cell r="CX254" t="str">
            <v>副主幹</v>
          </cell>
          <cell r="CY254" t="str">
            <v>情報管理課長</v>
          </cell>
        </row>
        <row r="255">
          <cell r="B255">
            <v>2217</v>
          </cell>
          <cell r="C255" t="str">
            <v>英和(株)</v>
          </cell>
          <cell r="D255" t="str">
            <v>06-6539-4804</v>
          </cell>
          <cell r="E255" t="str">
            <v>550-0014</v>
          </cell>
          <cell r="F255" t="str">
            <v>大阪府大阪市西区北堀江4-1-7</v>
          </cell>
          <cell r="G255" t="str">
            <v>大阪市</v>
          </cell>
          <cell r="H255" t="str">
            <v/>
          </cell>
          <cell r="I255" t="str">
            <v>代表取締役 阿部　健治</v>
          </cell>
          <cell r="J255" t="str">
            <v>本店</v>
          </cell>
          <cell r="K255" t="str">
            <v>06-6539-4834</v>
          </cell>
          <cell r="L255" t="str">
            <v>tujii@eiwa-net.co.jp</v>
          </cell>
          <cell r="M255" t="str">
            <v>ｴｲﾜ</v>
          </cell>
          <cell r="N255" t="str">
            <v>無</v>
          </cell>
          <cell r="O255">
            <v>47</v>
          </cell>
          <cell r="P255">
            <v>345</v>
          </cell>
          <cell r="Q255">
            <v>6120001041612</v>
          </cell>
          <cell r="R255">
            <v>1533400</v>
          </cell>
          <cell r="S255">
            <v>9059474</v>
          </cell>
          <cell r="T255">
            <v>32301096</v>
          </cell>
          <cell r="V255" t="str">
            <v>vf135936</v>
          </cell>
          <cell r="W255" t="str">
            <v>ec984138</v>
          </cell>
          <cell r="X255" t="str">
            <v>電機</v>
          </cell>
          <cell r="Y255" t="str">
            <v>電機</v>
          </cell>
          <cell r="Z255" t="str">
            <v/>
          </cell>
          <cell r="AA255" t="str">
            <v>電気</v>
          </cell>
          <cell r="AB255" t="str">
            <v>機械器具</v>
          </cell>
          <cell r="AC255" t="str">
            <v/>
          </cell>
          <cell r="AD255" t="str">
            <v/>
          </cell>
          <cell r="AE255">
            <v>43190</v>
          </cell>
          <cell r="AF255" t="str">
            <v>希望しない</v>
          </cell>
          <cell r="AG255" t="str">
            <v>電気</v>
          </cell>
          <cell r="AH255" t="str">
            <v>一般</v>
          </cell>
          <cell r="AI255">
            <v>971</v>
          </cell>
          <cell r="AJ255">
            <v>107260</v>
          </cell>
          <cell r="AK255" t="str">
            <v>3(1)/55/3</v>
          </cell>
          <cell r="AL255" t="str">
            <v>機械器具</v>
          </cell>
          <cell r="AM255" t="str">
            <v>一般</v>
          </cell>
          <cell r="AN255">
            <v>979</v>
          </cell>
          <cell r="AO255">
            <v>415637</v>
          </cell>
          <cell r="AP255" t="str">
            <v>0(0)/0/48</v>
          </cell>
          <cell r="AQ255" t="str">
            <v/>
          </cell>
          <cell r="AR255" t="str">
            <v/>
          </cell>
          <cell r="AS255" t="str">
            <v/>
          </cell>
          <cell r="AT255" t="str">
            <v/>
          </cell>
          <cell r="AU255" t="str">
            <v/>
          </cell>
          <cell r="AV255" t="str">
            <v/>
          </cell>
          <cell r="AW255" t="str">
            <v/>
          </cell>
          <cell r="AX255" t="str">
            <v/>
          </cell>
          <cell r="AY255" t="str">
            <v/>
          </cell>
          <cell r="AZ255" t="str">
            <v/>
          </cell>
          <cell r="BA255" t="str">
            <v>大阪府</v>
          </cell>
          <cell r="BB255">
            <v>0</v>
          </cell>
          <cell r="CR255">
            <v>4315</v>
          </cell>
          <cell r="CS255" t="str">
            <v>ｵｻﾞｷ ﾀｸﾔ</v>
          </cell>
          <cell r="CT255" t="str">
            <v>尾崎  卓也</v>
          </cell>
          <cell r="CU255" t="str">
            <v xml:space="preserve"> </v>
          </cell>
          <cell r="CW255">
            <v>3402</v>
          </cell>
          <cell r="CX255" t="str">
            <v>会計管理者</v>
          </cell>
        </row>
        <row r="256">
          <cell r="B256">
            <v>2218</v>
          </cell>
          <cell r="C256" t="str">
            <v>(株)エオネックス</v>
          </cell>
          <cell r="D256" t="str">
            <v>076-238-1181</v>
          </cell>
          <cell r="E256" t="str">
            <v>920-0209</v>
          </cell>
          <cell r="F256" t="str">
            <v>石川県金沢市東蚊爪町1-19-4</v>
          </cell>
          <cell r="G256" t="str">
            <v>金沢市</v>
          </cell>
          <cell r="H256" t="str">
            <v/>
          </cell>
          <cell r="I256" t="str">
            <v>代表取締役 市山　勉</v>
          </cell>
          <cell r="J256" t="str">
            <v>本店</v>
          </cell>
          <cell r="K256" t="str">
            <v>076-238-9781</v>
          </cell>
          <cell r="L256" t="str">
            <v>nyuusatu@chika.co.jp</v>
          </cell>
          <cell r="M256" t="str">
            <v>ｴｵﾈｯｸｽ</v>
          </cell>
          <cell r="N256" t="str">
            <v>無</v>
          </cell>
          <cell r="O256">
            <v>44</v>
          </cell>
          <cell r="P256">
            <v>132</v>
          </cell>
          <cell r="Q256">
            <v>1220001006394</v>
          </cell>
          <cell r="R256">
            <v>33833</v>
          </cell>
          <cell r="S256">
            <v>450848</v>
          </cell>
          <cell r="T256">
            <v>2019374</v>
          </cell>
          <cell r="V256" t="str">
            <v>yc101668</v>
          </cell>
          <cell r="W256" t="str">
            <v>tz291594</v>
          </cell>
          <cell r="X256" t="str">
            <v>土と管井</v>
          </cell>
          <cell r="Y256" t="str">
            <v/>
          </cell>
          <cell r="Z256" t="str">
            <v>土と管井</v>
          </cell>
          <cell r="AA256" t="str">
            <v>さく井</v>
          </cell>
          <cell r="AB256" t="str">
            <v>管</v>
          </cell>
          <cell r="AC256" t="str">
            <v>とび土工</v>
          </cell>
          <cell r="AD256" t="str">
            <v>土木一式</v>
          </cell>
          <cell r="AE256">
            <v>43190</v>
          </cell>
          <cell r="AF256" t="str">
            <v>希望しない</v>
          </cell>
          <cell r="AG256" t="str">
            <v>さく井</v>
          </cell>
          <cell r="AH256" t="str">
            <v>特定</v>
          </cell>
          <cell r="AI256">
            <v>902</v>
          </cell>
          <cell r="AJ256">
            <v>839903</v>
          </cell>
          <cell r="AK256" t="str">
            <v>0(0)/11/5</v>
          </cell>
          <cell r="AL256" t="str">
            <v>管</v>
          </cell>
          <cell r="AM256" t="str">
            <v>特定</v>
          </cell>
          <cell r="AN256">
            <v>810</v>
          </cell>
          <cell r="AO256">
            <v>76662</v>
          </cell>
          <cell r="AP256" t="str">
            <v>3(1)/5/0</v>
          </cell>
          <cell r="AQ256" t="str">
            <v>とび土工</v>
          </cell>
          <cell r="AR256" t="str">
            <v>特定</v>
          </cell>
          <cell r="AS256">
            <v>815</v>
          </cell>
          <cell r="AT256">
            <v>90379</v>
          </cell>
          <cell r="AU256" t="str">
            <v>4(2)/3/3</v>
          </cell>
          <cell r="AV256" t="str">
            <v>土木一式</v>
          </cell>
          <cell r="AW256" t="str">
            <v>特定</v>
          </cell>
          <cell r="AX256">
            <v>750</v>
          </cell>
          <cell r="AY256">
            <v>7881</v>
          </cell>
          <cell r="AZ256" t="str">
            <v>6(2)/2/0</v>
          </cell>
          <cell r="BA256" t="str">
            <v>石川県</v>
          </cell>
          <cell r="BB256">
            <v>0</v>
          </cell>
          <cell r="CR256">
            <v>4315</v>
          </cell>
          <cell r="CS256" t="str">
            <v>ｵｻﾞｷ ﾀｸﾔ</v>
          </cell>
          <cell r="CT256" t="str">
            <v>尾崎  卓也</v>
          </cell>
          <cell r="CU256" t="str">
            <v xml:space="preserve"> </v>
          </cell>
          <cell r="CW256">
            <v>3402</v>
          </cell>
          <cell r="CX256" t="str">
            <v>（兼）室長</v>
          </cell>
        </row>
        <row r="257">
          <cell r="B257">
            <v>2220</v>
          </cell>
          <cell r="C257" t="str">
            <v>(株)エコ・テクノ</v>
          </cell>
          <cell r="D257" t="str">
            <v>06-4255-5550</v>
          </cell>
          <cell r="E257" t="str">
            <v>536-0006</v>
          </cell>
          <cell r="F257" t="str">
            <v>大阪府大阪市城東区野江2ｰ17ｰ13</v>
          </cell>
          <cell r="G257" t="str">
            <v>大阪市</v>
          </cell>
          <cell r="H257" t="str">
            <v/>
          </cell>
          <cell r="I257" t="str">
            <v>代表取締役 武藤　正幸</v>
          </cell>
          <cell r="J257" t="str">
            <v>本店</v>
          </cell>
          <cell r="K257" t="str">
            <v>06-4255-5551</v>
          </cell>
          <cell r="L257" t="str">
            <v>eco-tecno1999@arion.ocn.ne.jp</v>
          </cell>
          <cell r="M257" t="str">
            <v>ｴｺﾃｸﾉ</v>
          </cell>
          <cell r="N257" t="str">
            <v>無</v>
          </cell>
          <cell r="O257">
            <v>18</v>
          </cell>
          <cell r="P257">
            <v>12</v>
          </cell>
          <cell r="Q257">
            <v>6120001138978</v>
          </cell>
          <cell r="R257">
            <v>40000</v>
          </cell>
          <cell r="S257">
            <v>501677</v>
          </cell>
          <cell r="T257">
            <v>778650</v>
          </cell>
          <cell r="V257" t="str">
            <v>uu813349</v>
          </cell>
          <cell r="W257" t="str">
            <v>pt825905</v>
          </cell>
          <cell r="X257" t="str">
            <v>土と石管鋼舗浚塗水</v>
          </cell>
          <cell r="Y257" t="str">
            <v/>
          </cell>
          <cell r="Z257" t="str">
            <v>土と石管鋼舗浚塗水</v>
          </cell>
          <cell r="AA257" t="str">
            <v>土木一式</v>
          </cell>
          <cell r="AB257" t="str">
            <v>浚渫</v>
          </cell>
          <cell r="AC257" t="str">
            <v>管</v>
          </cell>
          <cell r="AD257" t="str">
            <v>とび土工</v>
          </cell>
          <cell r="AE257">
            <v>43281</v>
          </cell>
          <cell r="AF257" t="str">
            <v>希望する</v>
          </cell>
          <cell r="AG257" t="str">
            <v>土木一式</v>
          </cell>
          <cell r="AH257" t="str">
            <v>特定</v>
          </cell>
          <cell r="AI257">
            <v>944</v>
          </cell>
          <cell r="AJ257">
            <v>465755</v>
          </cell>
          <cell r="AK257" t="str">
            <v>8(8)/1/2</v>
          </cell>
          <cell r="AL257" t="str">
            <v>浚渫</v>
          </cell>
          <cell r="AM257" t="str">
            <v>特定</v>
          </cell>
          <cell r="AN257">
            <v>829</v>
          </cell>
          <cell r="AO257">
            <v>79167</v>
          </cell>
          <cell r="AP257" t="str">
            <v>3(3)/0/1</v>
          </cell>
          <cell r="AQ257" t="str">
            <v>管</v>
          </cell>
          <cell r="AR257" t="str">
            <v>特定</v>
          </cell>
          <cell r="AS257">
            <v>802</v>
          </cell>
          <cell r="AT257">
            <v>37023</v>
          </cell>
          <cell r="AU257" t="str">
            <v>2(1)/1/3</v>
          </cell>
          <cell r="AV257" t="str">
            <v>とび土工</v>
          </cell>
          <cell r="AW257" t="str">
            <v>特定</v>
          </cell>
          <cell r="AX257">
            <v>699</v>
          </cell>
          <cell r="AY257">
            <v>1727</v>
          </cell>
          <cell r="AZ257" t="str">
            <v>0(0)/1/0</v>
          </cell>
          <cell r="BA257" t="str">
            <v>大阪府</v>
          </cell>
          <cell r="BB257">
            <v>0</v>
          </cell>
          <cell r="CR257">
            <v>4316</v>
          </cell>
          <cell r="CS257" t="str">
            <v>ﾀｶｷﾞ ﾀｸﾔ</v>
          </cell>
          <cell r="CT257" t="str">
            <v>高城  拓也</v>
          </cell>
          <cell r="CU257" t="str">
            <v xml:space="preserve"> </v>
          </cell>
          <cell r="CW257">
            <v>3025</v>
          </cell>
          <cell r="CX257" t="str">
            <v>室長</v>
          </cell>
        </row>
        <row r="258">
          <cell r="B258">
            <v>2222</v>
          </cell>
          <cell r="C258" t="str">
            <v>エスエヌ環境テクノロジー(株)</v>
          </cell>
          <cell r="D258" t="str">
            <v>06-4804-5503</v>
          </cell>
          <cell r="E258" t="str">
            <v>554-0012</v>
          </cell>
          <cell r="F258" t="str">
            <v>大阪府大阪市此花区西九条5-3-28</v>
          </cell>
          <cell r="G258" t="str">
            <v>大阪市</v>
          </cell>
          <cell r="H258" t="str">
            <v/>
          </cell>
          <cell r="I258" t="str">
            <v>代表取締役 下田　栖嗣</v>
          </cell>
          <cell r="J258" t="str">
            <v>本店</v>
          </cell>
          <cell r="K258" t="str">
            <v>06-4804-5532</v>
          </cell>
          <cell r="L258" t="str">
            <v>soumu@sn-t.co.jp</v>
          </cell>
          <cell r="M258" t="str">
            <v>ｴｽｴﾇｶﾝｷｮｳﾃｸﾉﾛｼﾞｰ</v>
          </cell>
          <cell r="N258" t="str">
            <v>無</v>
          </cell>
          <cell r="O258">
            <v>60</v>
          </cell>
          <cell r="P258">
            <v>231</v>
          </cell>
          <cell r="Q258">
            <v>9120001044125</v>
          </cell>
          <cell r="R258">
            <v>200000</v>
          </cell>
          <cell r="S258">
            <v>2270751</v>
          </cell>
          <cell r="T258">
            <v>12846877</v>
          </cell>
          <cell r="V258" t="str">
            <v>ub636702</v>
          </cell>
          <cell r="W258" t="str">
            <v>ud160164</v>
          </cell>
          <cell r="X258" t="str">
            <v>土建と電管タ鋼機水清</v>
          </cell>
          <cell r="Y258" t="str">
            <v/>
          </cell>
          <cell r="Z258" t="str">
            <v>土建と電管タ鋼機水清</v>
          </cell>
          <cell r="AA258" t="str">
            <v>清掃施設</v>
          </cell>
          <cell r="AB258" t="str">
            <v>機械器具</v>
          </cell>
          <cell r="AC258" t="str">
            <v>電気</v>
          </cell>
          <cell r="AD258" t="str">
            <v>管</v>
          </cell>
          <cell r="AE258">
            <v>43190</v>
          </cell>
          <cell r="AF258" t="str">
            <v>希望しない</v>
          </cell>
          <cell r="AG258" t="str">
            <v>清掃施設</v>
          </cell>
          <cell r="AH258" t="str">
            <v>特定</v>
          </cell>
          <cell r="AI258">
            <v>1229</v>
          </cell>
          <cell r="AJ258">
            <v>10950798</v>
          </cell>
          <cell r="AK258" t="str">
            <v>2(1)/0/125</v>
          </cell>
          <cell r="AL258" t="str">
            <v>機械器具</v>
          </cell>
          <cell r="AM258" t="str">
            <v>特定</v>
          </cell>
          <cell r="AN258">
            <v>1029</v>
          </cell>
          <cell r="AO258">
            <v>491007</v>
          </cell>
          <cell r="AP258" t="str">
            <v>0(0)/0/105</v>
          </cell>
          <cell r="AQ258" t="str">
            <v>電気</v>
          </cell>
          <cell r="AR258" t="str">
            <v>特定</v>
          </cell>
          <cell r="AS258">
            <v>780</v>
          </cell>
          <cell r="AT258" t="str">
            <v/>
          </cell>
          <cell r="AU258" t="str">
            <v>3(3)/0/0</v>
          </cell>
          <cell r="AV258" t="str">
            <v>管</v>
          </cell>
          <cell r="AW258" t="str">
            <v>特定</v>
          </cell>
          <cell r="AX258">
            <v>780</v>
          </cell>
          <cell r="AY258" t="str">
            <v/>
          </cell>
          <cell r="AZ258" t="str">
            <v>3(3)/0/0</v>
          </cell>
          <cell r="BA258" t="str">
            <v>大阪府</v>
          </cell>
          <cell r="BB258" t="str">
            <v>ナインティビル２階</v>
          </cell>
          <cell r="CR258">
            <v>4317</v>
          </cell>
          <cell r="CS258" t="str">
            <v>ｵｵｲｼ ﾏｻﾄ</v>
          </cell>
          <cell r="CT258" t="str">
            <v>大石  正人</v>
          </cell>
          <cell r="CU258" t="str">
            <v xml:space="preserve"> </v>
          </cell>
          <cell r="CW258">
            <v>3000</v>
          </cell>
          <cell r="CX258" t="str">
            <v>部長</v>
          </cell>
        </row>
        <row r="259">
          <cell r="B259">
            <v>2228</v>
          </cell>
          <cell r="C259" t="str">
            <v>(株)ＮＴＴドコモ</v>
          </cell>
          <cell r="D259" t="str">
            <v>06-6457-8480</v>
          </cell>
          <cell r="E259" t="str">
            <v>530-0001</v>
          </cell>
          <cell r="F259" t="str">
            <v>大阪府大阪市北区梅田1-10-1</v>
          </cell>
          <cell r="G259" t="str">
            <v/>
          </cell>
          <cell r="H259" t="str">
            <v>関西支社</v>
          </cell>
          <cell r="I259" t="str">
            <v>支社長 高本　寛</v>
          </cell>
          <cell r="J259" t="str">
            <v>東京都</v>
          </cell>
          <cell r="K259" t="str">
            <v>06-6457-4359</v>
          </cell>
          <cell r="L259" t="str">
            <v>uemotos@nttdocomo.com</v>
          </cell>
          <cell r="M259" t="str">
            <v>ｴﾇﾃｨﾃｨﾄﾞｺﾓ</v>
          </cell>
          <cell r="N259" t="str">
            <v>有</v>
          </cell>
          <cell r="O259">
            <v>25</v>
          </cell>
          <cell r="P259">
            <v>13759</v>
          </cell>
          <cell r="Q259">
            <v>1010001067912</v>
          </cell>
          <cell r="R259">
            <v>949679500</v>
          </cell>
          <cell r="S259">
            <v>5416930000</v>
          </cell>
          <cell r="T259">
            <v>4769409000</v>
          </cell>
          <cell r="V259" t="str">
            <v>wt756337</v>
          </cell>
          <cell r="W259" t="str">
            <v>wp729812</v>
          </cell>
          <cell r="X259" t="str">
            <v>(通)通</v>
          </cell>
          <cell r="Y259" t="str">
            <v>(通)</v>
          </cell>
          <cell r="Z259" t="str">
            <v>通</v>
          </cell>
          <cell r="AA259" t="str">
            <v>電気通信</v>
          </cell>
          <cell r="AB259" t="str">
            <v/>
          </cell>
          <cell r="AC259" t="str">
            <v/>
          </cell>
          <cell r="AD259" t="str">
            <v/>
          </cell>
          <cell r="AE259">
            <v>43190</v>
          </cell>
          <cell r="AF259" t="str">
            <v/>
          </cell>
          <cell r="AG259" t="str">
            <v>電気通信</v>
          </cell>
          <cell r="AH259" t="str">
            <v>特定</v>
          </cell>
          <cell r="AI259">
            <v>1355</v>
          </cell>
          <cell r="AJ259">
            <v>941509</v>
          </cell>
          <cell r="AK259" t="str">
            <v>10(6)/0/65</v>
          </cell>
          <cell r="AL259" t="str">
            <v/>
          </cell>
          <cell r="AM259" t="str">
            <v/>
          </cell>
          <cell r="AN259" t="str">
            <v/>
          </cell>
          <cell r="AO259" t="str">
            <v/>
          </cell>
          <cell r="AP259" t="str">
            <v/>
          </cell>
          <cell r="AQ259" t="str">
            <v/>
          </cell>
          <cell r="AR259" t="str">
            <v/>
          </cell>
          <cell r="AS259" t="str">
            <v/>
          </cell>
          <cell r="AT259" t="str">
            <v/>
          </cell>
          <cell r="AU259" t="str">
            <v/>
          </cell>
          <cell r="AV259" t="str">
            <v/>
          </cell>
          <cell r="AW259" t="str">
            <v/>
          </cell>
          <cell r="AX259" t="str">
            <v/>
          </cell>
          <cell r="AY259" t="str">
            <v/>
          </cell>
          <cell r="AZ259" t="str">
            <v/>
          </cell>
          <cell r="BA259" t="str">
            <v>東京都</v>
          </cell>
          <cell r="BB259" t="str">
            <v>山王パークタワー</v>
          </cell>
          <cell r="CR259">
            <v>4318</v>
          </cell>
          <cell r="CS259" t="str">
            <v>ﾀﾅｶ ﾋﾛﾕｷ</v>
          </cell>
          <cell r="CT259" t="str">
            <v>田中  裕之</v>
          </cell>
          <cell r="CU259" t="str">
            <v xml:space="preserve"> </v>
          </cell>
          <cell r="CW259">
            <v>3700</v>
          </cell>
          <cell r="CX259" t="str">
            <v>部長</v>
          </cell>
        </row>
        <row r="260">
          <cell r="B260">
            <v>2237</v>
          </cell>
          <cell r="C260" t="str">
            <v>(株)エヌケーエス</v>
          </cell>
          <cell r="D260" t="str">
            <v>06-6396-7414</v>
          </cell>
          <cell r="E260" t="str">
            <v>532-0033</v>
          </cell>
          <cell r="F260" t="str">
            <v>大阪府大阪市淀川区新高1-8-17</v>
          </cell>
          <cell r="G260" t="str">
            <v>大阪市</v>
          </cell>
          <cell r="H260" t="str">
            <v/>
          </cell>
          <cell r="I260" t="str">
            <v>代表取締役 半田　勝彦</v>
          </cell>
          <cell r="J260" t="str">
            <v>本店</v>
          </cell>
          <cell r="K260" t="str">
            <v>06-6394-2278</v>
          </cell>
          <cell r="L260" t="str">
            <v>nks@amnis-flow.co.jp</v>
          </cell>
          <cell r="M260" t="str">
            <v>ｴﾇｹｰｴｽ</v>
          </cell>
          <cell r="N260" t="str">
            <v>無</v>
          </cell>
          <cell r="O260">
            <v>36</v>
          </cell>
          <cell r="P260">
            <v>33</v>
          </cell>
          <cell r="Q260">
            <v>2120001054089</v>
          </cell>
          <cell r="R260">
            <v>20000</v>
          </cell>
          <cell r="S260">
            <v>1500602</v>
          </cell>
          <cell r="T260">
            <v>1180704</v>
          </cell>
          <cell r="V260" t="str">
            <v>pg236917</v>
          </cell>
          <cell r="W260" t="str">
            <v>zn580982</v>
          </cell>
          <cell r="X260" t="str">
            <v>電管機</v>
          </cell>
          <cell r="Y260" t="str">
            <v/>
          </cell>
          <cell r="Z260" t="str">
            <v>電管機</v>
          </cell>
          <cell r="AA260" t="str">
            <v>電気</v>
          </cell>
          <cell r="AB260" t="str">
            <v>機械器具</v>
          </cell>
          <cell r="AC260" t="str">
            <v>管</v>
          </cell>
          <cell r="AD260" t="str">
            <v/>
          </cell>
          <cell r="AE260">
            <v>43190</v>
          </cell>
          <cell r="AF260" t="str">
            <v>希望しない</v>
          </cell>
          <cell r="AG260" t="str">
            <v>電気</v>
          </cell>
          <cell r="AH260" t="str">
            <v>特定</v>
          </cell>
          <cell r="AI260">
            <v>995</v>
          </cell>
          <cell r="AJ260">
            <v>457133</v>
          </cell>
          <cell r="AK260" t="str">
            <v>13(13)/5/0</v>
          </cell>
          <cell r="AL260" t="str">
            <v>機械器具</v>
          </cell>
          <cell r="AM260" t="str">
            <v>特定</v>
          </cell>
          <cell r="AN260">
            <v>797</v>
          </cell>
          <cell r="AO260">
            <v>29740</v>
          </cell>
          <cell r="AP260" t="str">
            <v>0(0)/0/6</v>
          </cell>
          <cell r="AQ260" t="str">
            <v>管</v>
          </cell>
          <cell r="AR260" t="str">
            <v>特定</v>
          </cell>
          <cell r="AS260">
            <v>820</v>
          </cell>
          <cell r="AT260">
            <v>1289</v>
          </cell>
          <cell r="AU260" t="str">
            <v>10(10)/2/0</v>
          </cell>
          <cell r="AV260" t="str">
            <v/>
          </cell>
          <cell r="AW260" t="str">
            <v/>
          </cell>
          <cell r="AX260" t="str">
            <v/>
          </cell>
          <cell r="AY260" t="str">
            <v/>
          </cell>
          <cell r="AZ260" t="str">
            <v/>
          </cell>
          <cell r="BA260" t="str">
            <v>大阪府</v>
          </cell>
          <cell r="BB260">
            <v>0</v>
          </cell>
          <cell r="CR260">
            <v>4319</v>
          </cell>
          <cell r="CS260" t="str">
            <v>ﾔﾉ ﾀｶﾕｷ</v>
          </cell>
          <cell r="CT260" t="str">
            <v>矢野  隆之</v>
          </cell>
          <cell r="CU260" t="str">
            <v>建築指導課</v>
          </cell>
          <cell r="CW260">
            <v>3233</v>
          </cell>
          <cell r="CX260" t="str">
            <v>主幹</v>
          </cell>
          <cell r="CY260" t="str">
            <v>建築指導課長</v>
          </cell>
        </row>
        <row r="261">
          <cell r="B261">
            <v>2238</v>
          </cell>
          <cell r="C261" t="str">
            <v>メタウォーター(株)</v>
          </cell>
          <cell r="D261" t="str">
            <v>06-7709-9503</v>
          </cell>
          <cell r="E261" t="str">
            <v>530-0018</v>
          </cell>
          <cell r="F261" t="str">
            <v>大阪府大阪市北区小松原町2-4</v>
          </cell>
          <cell r="G261" t="str">
            <v/>
          </cell>
          <cell r="H261" t="str">
            <v>関西営業部</v>
          </cell>
          <cell r="I261" t="str">
            <v>部長 田沼　剛</v>
          </cell>
          <cell r="J261" t="str">
            <v>東京都</v>
          </cell>
          <cell r="K261" t="str">
            <v>06-7709-9528</v>
          </cell>
          <cell r="L261" t="str">
            <v>ken28@metawater.co.jp</v>
          </cell>
          <cell r="M261" t="str">
            <v>ﾒﾀｳｫｰﾀｰ</v>
          </cell>
          <cell r="N261" t="str">
            <v>有</v>
          </cell>
          <cell r="O261">
            <v>46</v>
          </cell>
          <cell r="P261">
            <v>2051</v>
          </cell>
          <cell r="Q261">
            <v>8010401075293</v>
          </cell>
          <cell r="R261">
            <v>11946000</v>
          </cell>
          <cell r="S261">
            <v>53967000</v>
          </cell>
          <cell r="T261">
            <v>110895000</v>
          </cell>
          <cell r="V261" t="str">
            <v>dp317928</v>
          </cell>
          <cell r="W261" t="str">
            <v>eo159215</v>
          </cell>
          <cell r="X261" t="str">
            <v>(電)(機)(通)(水)(清)土建電管タ機通水清</v>
          </cell>
          <cell r="Y261" t="str">
            <v>(電)(機)(通)(水)(清)</v>
          </cell>
          <cell r="Z261" t="str">
            <v>土建電管タ機通水清</v>
          </cell>
          <cell r="AA261" t="str">
            <v>電気</v>
          </cell>
          <cell r="AB261" t="str">
            <v>電気通信</v>
          </cell>
          <cell r="AC261" t="str">
            <v>機械器具</v>
          </cell>
          <cell r="AD261" t="str">
            <v>水道施設</v>
          </cell>
          <cell r="AE261">
            <v>43190</v>
          </cell>
          <cell r="AF261" t="str">
            <v/>
          </cell>
          <cell r="AG261" t="str">
            <v>電気</v>
          </cell>
          <cell r="AH261" t="str">
            <v>特定</v>
          </cell>
          <cell r="AI261">
            <v>1724</v>
          </cell>
          <cell r="AJ261">
            <v>31518000</v>
          </cell>
          <cell r="AK261" t="str">
            <v>717(638)/27/37</v>
          </cell>
          <cell r="AL261" t="str">
            <v>電気通信</v>
          </cell>
          <cell r="AM261" t="str">
            <v>特定</v>
          </cell>
          <cell r="AN261">
            <v>1401</v>
          </cell>
          <cell r="AO261">
            <v>3488500</v>
          </cell>
          <cell r="AP261" t="str">
            <v>5(1)/0/235</v>
          </cell>
          <cell r="AQ261" t="str">
            <v>機械器具</v>
          </cell>
          <cell r="AR261" t="str">
            <v>特定</v>
          </cell>
          <cell r="AS261">
            <v>1544</v>
          </cell>
          <cell r="AT261">
            <v>23194000</v>
          </cell>
          <cell r="AU261" t="str">
            <v>1(1)/0/203</v>
          </cell>
          <cell r="AV261" t="str">
            <v>水道施設</v>
          </cell>
          <cell r="AW261" t="str">
            <v>特定</v>
          </cell>
          <cell r="AX261">
            <v>1504</v>
          </cell>
          <cell r="AY261">
            <v>5548000</v>
          </cell>
          <cell r="AZ261" t="str">
            <v>175(156)/3/84</v>
          </cell>
          <cell r="BA261" t="str">
            <v>東京都</v>
          </cell>
          <cell r="BB261">
            <v>0</v>
          </cell>
          <cell r="CR261">
            <v>4322</v>
          </cell>
          <cell r="CS261" t="str">
            <v>ﾅﾍﾞ ﾏﾘｺ</v>
          </cell>
          <cell r="CT261" t="str">
            <v>鍋  眞理子</v>
          </cell>
          <cell r="CU261" t="str">
            <v xml:space="preserve"> </v>
          </cell>
          <cell r="CW261">
            <v>3523</v>
          </cell>
          <cell r="CX261" t="str">
            <v>次長</v>
          </cell>
        </row>
        <row r="262">
          <cell r="B262">
            <v>2241</v>
          </cell>
          <cell r="C262" t="str">
            <v>エネサーブ(株)</v>
          </cell>
          <cell r="D262" t="str">
            <v>077-543-6330</v>
          </cell>
          <cell r="E262" t="str">
            <v>520-2152</v>
          </cell>
          <cell r="F262" t="str">
            <v>滋賀県大津市月輪2-19-6</v>
          </cell>
          <cell r="G262" t="str">
            <v>大津市</v>
          </cell>
          <cell r="H262" t="str">
            <v/>
          </cell>
          <cell r="I262" t="str">
            <v>代表取締役 井上　博司</v>
          </cell>
          <cell r="J262" t="str">
            <v>本店</v>
          </cell>
          <cell r="K262" t="str">
            <v>077-543-6331</v>
          </cell>
          <cell r="L262" t="str">
            <v>nyusatsu@eneserve.co.jp</v>
          </cell>
          <cell r="M262" t="str">
            <v>ｴﾈｻｰﾌﾞ</v>
          </cell>
          <cell r="N262" t="str">
            <v>無</v>
          </cell>
          <cell r="O262">
            <v>44</v>
          </cell>
          <cell r="P262">
            <v>221</v>
          </cell>
          <cell r="Q262">
            <v>2160001003901</v>
          </cell>
          <cell r="R262">
            <v>7629500</v>
          </cell>
          <cell r="S262">
            <v>29316179</v>
          </cell>
          <cell r="T262">
            <v>40930588</v>
          </cell>
          <cell r="V262" t="str">
            <v>ub920708</v>
          </cell>
          <cell r="W262" t="str">
            <v>fc800890</v>
          </cell>
          <cell r="X262" t="str">
            <v>建電管</v>
          </cell>
          <cell r="Y262" t="str">
            <v/>
          </cell>
          <cell r="Z262" t="str">
            <v>建電管</v>
          </cell>
          <cell r="AA262" t="str">
            <v>電気</v>
          </cell>
          <cell r="AB262" t="str">
            <v>管</v>
          </cell>
          <cell r="AC262" t="str">
            <v/>
          </cell>
          <cell r="AD262" t="str">
            <v/>
          </cell>
          <cell r="AE262">
            <v>43190</v>
          </cell>
          <cell r="AF262" t="str">
            <v>希望しない</v>
          </cell>
          <cell r="AG262" t="str">
            <v>電気</v>
          </cell>
          <cell r="AH262" t="str">
            <v>特定</v>
          </cell>
          <cell r="AI262">
            <v>1166</v>
          </cell>
          <cell r="AJ262">
            <v>1221676</v>
          </cell>
          <cell r="AK262" t="str">
            <v>20(8)/8/31</v>
          </cell>
          <cell r="AL262" t="str">
            <v>管</v>
          </cell>
          <cell r="AM262" t="str">
            <v>特定</v>
          </cell>
          <cell r="AN262">
            <v>979</v>
          </cell>
          <cell r="AO262">
            <v>114395</v>
          </cell>
          <cell r="AP262" t="str">
            <v>4(3)/0/0</v>
          </cell>
          <cell r="AQ262" t="str">
            <v/>
          </cell>
          <cell r="AR262" t="str">
            <v/>
          </cell>
          <cell r="AS262" t="str">
            <v/>
          </cell>
          <cell r="AT262" t="str">
            <v/>
          </cell>
          <cell r="AU262" t="str">
            <v/>
          </cell>
          <cell r="AV262" t="str">
            <v/>
          </cell>
          <cell r="AW262" t="str">
            <v/>
          </cell>
          <cell r="AX262" t="str">
            <v/>
          </cell>
          <cell r="AY262" t="str">
            <v/>
          </cell>
          <cell r="AZ262" t="str">
            <v/>
          </cell>
          <cell r="BA262" t="str">
            <v>滋賀県</v>
          </cell>
          <cell r="BB262">
            <v>0</v>
          </cell>
          <cell r="CR262">
            <v>4322</v>
          </cell>
          <cell r="CS262" t="str">
            <v>ﾅﾍﾞ ﾏﾘｺ</v>
          </cell>
          <cell r="CT262" t="str">
            <v>鍋  眞理子</v>
          </cell>
          <cell r="CU262" t="str">
            <v xml:space="preserve"> </v>
          </cell>
          <cell r="CW262">
            <v>3523</v>
          </cell>
          <cell r="CX262" t="str">
            <v>次長</v>
          </cell>
        </row>
        <row r="263">
          <cell r="B263">
            <v>2242</v>
          </cell>
          <cell r="C263" t="str">
            <v>水ｉｎｇエンジニアリング(株)</v>
          </cell>
          <cell r="D263" t="str">
            <v>06-6309-7272</v>
          </cell>
          <cell r="E263" t="str">
            <v>530-0011</v>
          </cell>
          <cell r="F263" t="str">
            <v>大阪府大阪市淀川区西中島7-1-5 辰野新大阪ﾋﾞﾙ</v>
          </cell>
          <cell r="G263" t="str">
            <v/>
          </cell>
          <cell r="H263" t="str">
            <v>西日本支店</v>
          </cell>
          <cell r="I263" t="str">
            <v>支店長 青木　宣雄</v>
          </cell>
          <cell r="J263" t="str">
            <v>東京都</v>
          </cell>
          <cell r="K263" t="str">
            <v>06-6390-6050</v>
          </cell>
          <cell r="L263" t="str">
            <v>osaka@sec.swing-w.com</v>
          </cell>
          <cell r="M263" t="str">
            <v>ｽｲﾝｸﾞｴﾝｼﾞﾆｱﾘﾝｸﾞ</v>
          </cell>
          <cell r="N263" t="str">
            <v>有</v>
          </cell>
          <cell r="O263">
            <v>41</v>
          </cell>
          <cell r="P263">
            <v>843</v>
          </cell>
          <cell r="Q263">
            <v>5010400000000</v>
          </cell>
          <cell r="R263">
            <v>3000000</v>
          </cell>
          <cell r="S263">
            <v>14863068</v>
          </cell>
          <cell r="T263">
            <v>39773703</v>
          </cell>
          <cell r="V263" t="str">
            <v>jj898677</v>
          </cell>
          <cell r="W263" t="str">
            <v>dm808998</v>
          </cell>
          <cell r="X263" t="str">
            <v>建電管</v>
          </cell>
          <cell r="Y263" t="str">
            <v/>
          </cell>
          <cell r="Z263" t="str">
            <v>建電管</v>
          </cell>
          <cell r="AA263" t="str">
            <v>機械器具</v>
          </cell>
          <cell r="AB263" t="str">
            <v>水道施設</v>
          </cell>
          <cell r="AC263" t="str">
            <v>管</v>
          </cell>
          <cell r="AD263" t="str">
            <v>清掃施設</v>
          </cell>
          <cell r="AE263">
            <v>43405</v>
          </cell>
          <cell r="AF263" t="str">
            <v>希望しない</v>
          </cell>
          <cell r="AG263" t="str">
            <v>機械器具</v>
          </cell>
          <cell r="AH263" t="str">
            <v>特定</v>
          </cell>
          <cell r="AI263">
            <v>1227</v>
          </cell>
          <cell r="AJ263">
            <v>13438994</v>
          </cell>
          <cell r="AK263" t="str">
            <v>3(1)/0/151</v>
          </cell>
          <cell r="AL263" t="str">
            <v>水道施設</v>
          </cell>
          <cell r="AM263" t="str">
            <v>特定</v>
          </cell>
          <cell r="AN263">
            <v>1263</v>
          </cell>
          <cell r="AO263">
            <v>8091643</v>
          </cell>
          <cell r="AP263" t="str">
            <v>156(126)/2/43</v>
          </cell>
          <cell r="AQ263" t="str">
            <v>管</v>
          </cell>
          <cell r="AR263" t="str">
            <v>特定</v>
          </cell>
          <cell r="AS263">
            <v>925</v>
          </cell>
          <cell r="AT263">
            <v>6750</v>
          </cell>
          <cell r="AU263" t="str">
            <v>71(48)/2/0</v>
          </cell>
          <cell r="AV263" t="str">
            <v>清掃施設</v>
          </cell>
          <cell r="AW263" t="str">
            <v>特定</v>
          </cell>
          <cell r="AX263">
            <v>1138</v>
          </cell>
          <cell r="AY263">
            <v>4721073</v>
          </cell>
          <cell r="AZ263" t="str">
            <v>14(9)/0/76</v>
          </cell>
          <cell r="BA263" t="str">
            <v>東京都</v>
          </cell>
          <cell r="BB263">
            <v>0</v>
          </cell>
          <cell r="CR263">
            <v>4322</v>
          </cell>
          <cell r="CS263" t="str">
            <v>ﾅﾍﾞ ﾏﾘｺ</v>
          </cell>
          <cell r="CT263" t="str">
            <v>鍋  眞理子</v>
          </cell>
          <cell r="CU263" t="str">
            <v xml:space="preserve"> </v>
          </cell>
          <cell r="CW263">
            <v>3523</v>
          </cell>
          <cell r="CX263" t="str">
            <v>書記</v>
          </cell>
        </row>
        <row r="264">
          <cell r="B264">
            <v>2243</v>
          </cell>
          <cell r="C264" t="str">
            <v>荏原実業(株)</v>
          </cell>
          <cell r="D264" t="str">
            <v>06-6231-3171</v>
          </cell>
          <cell r="E264" t="str">
            <v>541-0046</v>
          </cell>
          <cell r="F264" t="str">
            <v>大阪府大阪市中央区平野町3-2-13</v>
          </cell>
          <cell r="G264" t="str">
            <v/>
          </cell>
          <cell r="H264" t="str">
            <v>大阪支社</v>
          </cell>
          <cell r="I264" t="str">
            <v>支社長 菊池　桂司</v>
          </cell>
          <cell r="J264" t="str">
            <v>東京都</v>
          </cell>
          <cell r="K264" t="str">
            <v>06-6231-2929</v>
          </cell>
          <cell r="L264" t="str">
            <v>osaka@ejk.co.jp</v>
          </cell>
          <cell r="M264" t="str">
            <v>ｴﾊﾞﾗｼﾞﾂｷﾞｮｳ</v>
          </cell>
          <cell r="N264" t="str">
            <v>有</v>
          </cell>
          <cell r="O264">
            <v>68</v>
          </cell>
          <cell r="P264">
            <v>477</v>
          </cell>
          <cell r="Q264">
            <v>5010001039024</v>
          </cell>
          <cell r="R264">
            <v>1001000</v>
          </cell>
          <cell r="S264">
            <v>12254000</v>
          </cell>
          <cell r="T264">
            <v>26110000</v>
          </cell>
          <cell r="V264" t="str">
            <v>yc466851</v>
          </cell>
          <cell r="W264" t="str">
            <v>ge948510</v>
          </cell>
          <cell r="X264" t="str">
            <v>消(清)(電)(管)(鋼)(塗)(機)(水)土建と電管鋼塗防機通園水清</v>
          </cell>
          <cell r="Y264" t="str">
            <v>消(清)(電)(管)(鋼)(塗)(機)(水)</v>
          </cell>
          <cell r="Z264" t="str">
            <v>土建と電管鋼塗防機通園水清</v>
          </cell>
          <cell r="AA264" t="str">
            <v>機械器具</v>
          </cell>
          <cell r="AB264" t="str">
            <v>水道施設</v>
          </cell>
          <cell r="AC264" t="str">
            <v>電気</v>
          </cell>
          <cell r="AD264" t="str">
            <v>管</v>
          </cell>
          <cell r="AE264">
            <v>43100</v>
          </cell>
          <cell r="AF264" t="str">
            <v>希望しない</v>
          </cell>
          <cell r="AG264" t="str">
            <v>機械器具</v>
          </cell>
          <cell r="AH264" t="str">
            <v>特定</v>
          </cell>
          <cell r="AI264">
            <v>1345</v>
          </cell>
          <cell r="AJ264">
            <v>9759238</v>
          </cell>
          <cell r="AK264" t="str">
            <v>0(0)/0/117</v>
          </cell>
          <cell r="AL264" t="str">
            <v>水道施設</v>
          </cell>
          <cell r="AM264" t="str">
            <v>特定</v>
          </cell>
          <cell r="AN264">
            <v>1227</v>
          </cell>
          <cell r="AO264">
            <v>517392</v>
          </cell>
          <cell r="AP264" t="str">
            <v>56(56)/3/7</v>
          </cell>
          <cell r="AQ264" t="str">
            <v>電気</v>
          </cell>
          <cell r="AR264" t="str">
            <v>特定</v>
          </cell>
          <cell r="AS264">
            <v>1308</v>
          </cell>
          <cell r="AT264">
            <v>1457333</v>
          </cell>
          <cell r="AU264" t="str">
            <v>111(109)/0/3</v>
          </cell>
          <cell r="AV264" t="str">
            <v>管</v>
          </cell>
          <cell r="AW264" t="str">
            <v>特定</v>
          </cell>
          <cell r="AX264">
            <v>1238</v>
          </cell>
          <cell r="AY264">
            <v>954066</v>
          </cell>
          <cell r="AZ264" t="str">
            <v>51(51)/7/1</v>
          </cell>
          <cell r="BA264" t="str">
            <v>東京都</v>
          </cell>
          <cell r="BB264">
            <v>0</v>
          </cell>
          <cell r="CR264">
            <v>4323</v>
          </cell>
          <cell r="CS264" t="str">
            <v>ﾔﾏﾅｶ ｼｹﾞﾙ</v>
          </cell>
          <cell r="CT264" t="str">
            <v>山中  茂</v>
          </cell>
          <cell r="CU264" t="str">
            <v xml:space="preserve"> </v>
          </cell>
          <cell r="CW264">
            <v>3203</v>
          </cell>
          <cell r="CX264" t="str">
            <v>参事</v>
          </cell>
        </row>
        <row r="265">
          <cell r="B265">
            <v>2244</v>
          </cell>
          <cell r="C265" t="str">
            <v>(株)荏原製作所</v>
          </cell>
          <cell r="D265" t="str">
            <v>06-6452-6624</v>
          </cell>
          <cell r="E265" t="str">
            <v>530-0003</v>
          </cell>
          <cell r="F265" t="str">
            <v>大阪府大阪市北区堂島1-6-20</v>
          </cell>
          <cell r="G265" t="str">
            <v/>
          </cell>
          <cell r="H265" t="str">
            <v>大阪支社</v>
          </cell>
          <cell r="I265" t="str">
            <v>支社長 窪田　浩</v>
          </cell>
          <cell r="J265" t="str">
            <v>東京都</v>
          </cell>
          <cell r="K265" t="str">
            <v>06-6440-4882</v>
          </cell>
          <cell r="L265" t="str">
            <v>shimeiosaka@ebara.com</v>
          </cell>
          <cell r="M265" t="str">
            <v>ｴﾊﾞﾗｾｲｻｸｼｮ</v>
          </cell>
          <cell r="N265" t="str">
            <v>有</v>
          </cell>
          <cell r="O265">
            <v>64</v>
          </cell>
          <cell r="P265">
            <v>3913</v>
          </cell>
          <cell r="Q265">
            <v>1010801001748</v>
          </cell>
          <cell r="R265">
            <v>78815720</v>
          </cell>
          <cell r="S265">
            <v>258886025</v>
          </cell>
          <cell r="T265">
            <v>501019000</v>
          </cell>
          <cell r="V265" t="str">
            <v>nd907677</v>
          </cell>
          <cell r="W265" t="str">
            <v>pu791362</v>
          </cell>
          <cell r="X265" t="str">
            <v>消(清)(と)(電)(管)(鋼)(舗)(機)(水)土建と電管タ鋼舗塗機水清</v>
          </cell>
          <cell r="Y265" t="str">
            <v>消(清)(と)(電)(管)(鋼)(舗)(機)(水)</v>
          </cell>
          <cell r="Z265" t="str">
            <v>土建と電管タ鋼舗塗機水清</v>
          </cell>
          <cell r="AA265" t="str">
            <v>機械器具</v>
          </cell>
          <cell r="AB265" t="str">
            <v>水道施設</v>
          </cell>
          <cell r="AC265" t="str">
            <v>電気</v>
          </cell>
          <cell r="AD265" t="str">
            <v>管</v>
          </cell>
          <cell r="AE265">
            <v>43100</v>
          </cell>
          <cell r="AF265" t="str">
            <v>希望しない</v>
          </cell>
          <cell r="AG265" t="str">
            <v>機械器具</v>
          </cell>
          <cell r="AH265" t="str">
            <v>特定</v>
          </cell>
          <cell r="AI265">
            <v>1563</v>
          </cell>
          <cell r="AJ265">
            <v>17870651</v>
          </cell>
          <cell r="AK265" t="str">
            <v>9(9)/0/252</v>
          </cell>
          <cell r="AL265" t="str">
            <v>水道施設</v>
          </cell>
          <cell r="AM265" t="str">
            <v>特定</v>
          </cell>
          <cell r="AN265">
            <v>1320</v>
          </cell>
          <cell r="AO265">
            <v>174524</v>
          </cell>
          <cell r="AP265" t="str">
            <v>100(87)/5/2</v>
          </cell>
          <cell r="AQ265" t="str">
            <v>電気</v>
          </cell>
          <cell r="AR265" t="str">
            <v>特定</v>
          </cell>
          <cell r="AS265">
            <v>1224</v>
          </cell>
          <cell r="AT265">
            <v>44151</v>
          </cell>
          <cell r="AU265" t="str">
            <v>36(20)/2/2</v>
          </cell>
          <cell r="AV265" t="str">
            <v>管</v>
          </cell>
          <cell r="AW265" t="str">
            <v>特定</v>
          </cell>
          <cell r="AX265">
            <v>1346</v>
          </cell>
          <cell r="AY265">
            <v>252608</v>
          </cell>
          <cell r="AZ265" t="str">
            <v>148(81)/32/6</v>
          </cell>
          <cell r="BA265" t="str">
            <v>東京都</v>
          </cell>
          <cell r="BB265">
            <v>0</v>
          </cell>
          <cell r="CR265">
            <v>4324</v>
          </cell>
          <cell r="CS265" t="str">
            <v>ﾑﾗﾀ ﾏｻﾉﾘ</v>
          </cell>
          <cell r="CT265" t="str">
            <v>村田  正則</v>
          </cell>
          <cell r="CU265" t="str">
            <v xml:space="preserve"> </v>
          </cell>
          <cell r="CW265" t="str">
            <v xml:space="preserve"> </v>
          </cell>
          <cell r="CX265" t="str">
            <v>事務局長</v>
          </cell>
        </row>
        <row r="266">
          <cell r="B266">
            <v>2247</v>
          </cell>
          <cell r="C266" t="str">
            <v>荏原冷熱システム(株)</v>
          </cell>
          <cell r="D266" t="str">
            <v>06-6478-4045</v>
          </cell>
          <cell r="E266" t="str">
            <v>555-0001</v>
          </cell>
          <cell r="F266" t="str">
            <v>大阪府大阪市西淀川区佃4-7-3</v>
          </cell>
          <cell r="G266" t="str">
            <v/>
          </cell>
          <cell r="H266" t="str">
            <v>大阪支店</v>
          </cell>
          <cell r="I266" t="str">
            <v>支店長 好村　圭太</v>
          </cell>
          <cell r="J266" t="str">
            <v>東京都</v>
          </cell>
          <cell r="K266" t="str">
            <v>06-6478-4055</v>
          </cell>
          <cell r="L266" t="str">
            <v>ml-600nyusatsu@ers.ebara.com</v>
          </cell>
          <cell r="M266" t="str">
            <v>ｴﾊﾞﾗﾚｲﾈﾂｼｽﾃﾑ</v>
          </cell>
          <cell r="N266" t="str">
            <v>有</v>
          </cell>
          <cell r="O266">
            <v>15</v>
          </cell>
          <cell r="P266">
            <v>586</v>
          </cell>
          <cell r="Q266">
            <v>1010801013446</v>
          </cell>
          <cell r="R266">
            <v>450000</v>
          </cell>
          <cell r="S266">
            <v>6037896</v>
          </cell>
          <cell r="T266">
            <v>15629603</v>
          </cell>
          <cell r="V266" t="str">
            <v>yg454667</v>
          </cell>
          <cell r="W266" t="str">
            <v>af203017</v>
          </cell>
          <cell r="X266" t="str">
            <v>建と熱消(管)電管鋼機</v>
          </cell>
          <cell r="Y266" t="str">
            <v>建と熱消(管)</v>
          </cell>
          <cell r="Z266" t="str">
            <v>電管鋼機</v>
          </cell>
          <cell r="AA266" t="str">
            <v>管</v>
          </cell>
          <cell r="AB266" t="str">
            <v/>
          </cell>
          <cell r="AC266" t="str">
            <v/>
          </cell>
          <cell r="AD266" t="str">
            <v/>
          </cell>
          <cell r="AE266">
            <v>43100</v>
          </cell>
          <cell r="AF266" t="str">
            <v>希望しない</v>
          </cell>
          <cell r="AG266" t="str">
            <v>管</v>
          </cell>
          <cell r="AH266" t="str">
            <v>特定</v>
          </cell>
          <cell r="AI266">
            <v>1116</v>
          </cell>
          <cell r="AJ266">
            <v>1301721</v>
          </cell>
          <cell r="AK266" t="str">
            <v>106(76)/37/13</v>
          </cell>
          <cell r="AL266" t="str">
            <v/>
          </cell>
          <cell r="AM266" t="str">
            <v/>
          </cell>
          <cell r="AN266" t="str">
            <v/>
          </cell>
          <cell r="AO266" t="str">
            <v/>
          </cell>
          <cell r="AP266" t="str">
            <v/>
          </cell>
          <cell r="AQ266" t="str">
            <v/>
          </cell>
          <cell r="AR266" t="str">
            <v/>
          </cell>
          <cell r="AS266" t="str">
            <v/>
          </cell>
          <cell r="AT266" t="str">
            <v/>
          </cell>
          <cell r="AU266" t="str">
            <v/>
          </cell>
          <cell r="AV266" t="str">
            <v/>
          </cell>
          <cell r="AW266" t="str">
            <v/>
          </cell>
          <cell r="AX266" t="str">
            <v/>
          </cell>
          <cell r="AY266" t="str">
            <v/>
          </cell>
          <cell r="AZ266" t="str">
            <v/>
          </cell>
          <cell r="BA266" t="str">
            <v>東京都</v>
          </cell>
          <cell r="BB266">
            <v>0</v>
          </cell>
          <cell r="CR266">
            <v>4325</v>
          </cell>
          <cell r="CS266" t="str">
            <v>ﾌﾙﾔﾌﾞ ｶｽﾞｺ</v>
          </cell>
          <cell r="CT266" t="str">
            <v>古薮  和子</v>
          </cell>
          <cell r="CU266" t="str">
            <v>市民課</v>
          </cell>
          <cell r="CW266" t="str">
            <v xml:space="preserve"> </v>
          </cell>
          <cell r="CX266" t="str">
            <v>室長</v>
          </cell>
          <cell r="CY266" t="str">
            <v>市民課長</v>
          </cell>
        </row>
        <row r="267">
          <cell r="B267">
            <v>2248</v>
          </cell>
          <cell r="C267" t="str">
            <v>(株)トラストテクノ</v>
          </cell>
          <cell r="D267" t="str">
            <v>078-652-8288</v>
          </cell>
          <cell r="E267" t="str">
            <v>652-0866</v>
          </cell>
          <cell r="F267" t="str">
            <v>兵庫県神戸市兵庫区遠矢浜町2-44</v>
          </cell>
          <cell r="G267" t="str">
            <v>神戸市</v>
          </cell>
          <cell r="H267" t="str">
            <v/>
          </cell>
          <cell r="I267" t="str">
            <v>代表取締役 前田　浩司</v>
          </cell>
          <cell r="J267" t="str">
            <v>本店</v>
          </cell>
          <cell r="K267" t="str">
            <v>078-652-8255</v>
          </cell>
          <cell r="L267" t="str">
            <v>nakamura@kobe-fss.jp</v>
          </cell>
          <cell r="M267" t="str">
            <v>ｴﾌｱｰﾙﾋﾟｰｻﾎﾟｰﾄｻｰﾋﾞｽ</v>
          </cell>
          <cell r="N267" t="str">
            <v>無</v>
          </cell>
          <cell r="O267">
            <v>15</v>
          </cell>
          <cell r="P267">
            <v>23</v>
          </cell>
          <cell r="Q267">
            <v>5140001021150</v>
          </cell>
          <cell r="R267">
            <v>99000</v>
          </cell>
          <cell r="S267">
            <v>69053</v>
          </cell>
          <cell r="T267">
            <v>1197665</v>
          </cell>
          <cell r="V267" t="str">
            <v>vb470892</v>
          </cell>
          <cell r="W267" t="str">
            <v>zs761486</v>
          </cell>
          <cell r="X267" t="str">
            <v>管(清)土と舗</v>
          </cell>
          <cell r="Y267" t="str">
            <v>管(清)</v>
          </cell>
          <cell r="Z267" t="str">
            <v>土と舗</v>
          </cell>
          <cell r="AA267" t="str">
            <v>土木一式</v>
          </cell>
          <cell r="AB267" t="str">
            <v>管</v>
          </cell>
          <cell r="AC267" t="str">
            <v/>
          </cell>
          <cell r="AD267" t="str">
            <v/>
          </cell>
          <cell r="AE267">
            <v>42978</v>
          </cell>
          <cell r="AF267" t="str">
            <v>希望する</v>
          </cell>
          <cell r="AG267" t="str">
            <v>土木一式</v>
          </cell>
          <cell r="AH267" t="str">
            <v>特定</v>
          </cell>
          <cell r="AI267">
            <v>789</v>
          </cell>
          <cell r="AJ267">
            <v>133616</v>
          </cell>
          <cell r="AK267" t="str">
            <v>4(4)/3/11</v>
          </cell>
          <cell r="AL267" t="str">
            <v>管</v>
          </cell>
          <cell r="AM267" t="str">
            <v>一般</v>
          </cell>
          <cell r="AN267">
            <v>571</v>
          </cell>
          <cell r="AO267">
            <v>15975</v>
          </cell>
          <cell r="AP267" t="str">
            <v>0(0)/0/1</v>
          </cell>
          <cell r="AQ267" t="str">
            <v/>
          </cell>
          <cell r="AR267" t="str">
            <v/>
          </cell>
          <cell r="AS267" t="str">
            <v/>
          </cell>
          <cell r="AT267" t="str">
            <v/>
          </cell>
          <cell r="AU267" t="str">
            <v/>
          </cell>
          <cell r="AV267" t="str">
            <v/>
          </cell>
          <cell r="AW267" t="str">
            <v/>
          </cell>
          <cell r="AX267" t="str">
            <v/>
          </cell>
          <cell r="AY267" t="str">
            <v/>
          </cell>
          <cell r="AZ267" t="str">
            <v/>
          </cell>
          <cell r="BA267" t="str">
            <v>兵庫県</v>
          </cell>
          <cell r="BB267">
            <v>0</v>
          </cell>
          <cell r="CR267">
            <v>4327</v>
          </cell>
          <cell r="CS267" t="str">
            <v>ﾀﾆｻﾞﾜ ｼﾝｼﾞ</v>
          </cell>
          <cell r="CT267" t="str">
            <v>谷澤  伸二</v>
          </cell>
          <cell r="CU267" t="str">
            <v xml:space="preserve"> </v>
          </cell>
          <cell r="CW267">
            <v>3601</v>
          </cell>
          <cell r="CX267" t="str">
            <v>部長</v>
          </cell>
          <cell r="CY267" t="str">
            <v>　</v>
          </cell>
        </row>
        <row r="268">
          <cell r="B268">
            <v>2252</v>
          </cell>
          <cell r="C268" t="str">
            <v>エルゴテック(株)</v>
          </cell>
          <cell r="D268" t="str">
            <v>06-6205-7322</v>
          </cell>
          <cell r="E268" t="str">
            <v>541-0043</v>
          </cell>
          <cell r="F268" t="str">
            <v>大阪府大阪市中央区高麗橋4-1-1</v>
          </cell>
          <cell r="G268" t="str">
            <v>横浜市</v>
          </cell>
          <cell r="H268" t="str">
            <v>西日本支店</v>
          </cell>
          <cell r="I268" t="str">
            <v>支店長 吉山　高信</v>
          </cell>
          <cell r="J268" t="str">
            <v>神奈川県横浜市</v>
          </cell>
          <cell r="K268" t="str">
            <v>06-6205-7344</v>
          </cell>
          <cell r="L268" t="str">
            <v>r_kataoka@ergotech.co.jp</v>
          </cell>
          <cell r="M268" t="str">
            <v>ｴﾙｺﾞﾃｯｸ</v>
          </cell>
          <cell r="N268" t="str">
            <v>有</v>
          </cell>
          <cell r="O268">
            <v>64</v>
          </cell>
          <cell r="P268">
            <v>144</v>
          </cell>
          <cell r="Q268">
            <v>9020001027841</v>
          </cell>
          <cell r="R268">
            <v>92000</v>
          </cell>
          <cell r="S268">
            <v>1732302</v>
          </cell>
          <cell r="T268">
            <v>9490987</v>
          </cell>
          <cell r="V268" t="str">
            <v>dp314150</v>
          </cell>
          <cell r="W268" t="str">
            <v>ef198251</v>
          </cell>
          <cell r="X268" t="str">
            <v>建電消(管)(消)管</v>
          </cell>
          <cell r="Y268" t="str">
            <v>建電消(管)(消)</v>
          </cell>
          <cell r="Z268" t="str">
            <v>管</v>
          </cell>
          <cell r="AA268" t="str">
            <v>管</v>
          </cell>
          <cell r="AB268" t="str">
            <v/>
          </cell>
          <cell r="AC268" t="str">
            <v/>
          </cell>
          <cell r="AD268" t="str">
            <v/>
          </cell>
          <cell r="AE268">
            <v>43555</v>
          </cell>
          <cell r="AF268" t="str">
            <v/>
          </cell>
          <cell r="AG268" t="str">
            <v>管</v>
          </cell>
          <cell r="AH268" t="str">
            <v>特定</v>
          </cell>
          <cell r="AI268">
            <v>1200</v>
          </cell>
          <cell r="AJ268">
            <v>9487652</v>
          </cell>
          <cell r="AK268" t="str">
            <v>79(68)/13/0</v>
          </cell>
          <cell r="AL268" t="str">
            <v/>
          </cell>
          <cell r="AM268" t="str">
            <v/>
          </cell>
          <cell r="AN268" t="str">
            <v/>
          </cell>
          <cell r="AO268" t="str">
            <v/>
          </cell>
          <cell r="AP268" t="str">
            <v/>
          </cell>
          <cell r="AQ268" t="str">
            <v/>
          </cell>
          <cell r="AR268" t="str">
            <v/>
          </cell>
          <cell r="AS268" t="str">
            <v/>
          </cell>
          <cell r="AT268" t="str">
            <v/>
          </cell>
          <cell r="AU268" t="str">
            <v/>
          </cell>
          <cell r="AV268" t="str">
            <v/>
          </cell>
          <cell r="AW268" t="str">
            <v/>
          </cell>
          <cell r="AX268" t="str">
            <v/>
          </cell>
          <cell r="AY268" t="str">
            <v/>
          </cell>
          <cell r="AZ268" t="str">
            <v/>
          </cell>
          <cell r="BA268" t="str">
            <v>神奈川県</v>
          </cell>
        </row>
        <row r="269">
          <cell r="B269">
            <v>2257</v>
          </cell>
          <cell r="C269" t="str">
            <v>(株)エスポワール</v>
          </cell>
          <cell r="D269" t="str">
            <v>06-6784-7200</v>
          </cell>
          <cell r="E269" t="str">
            <v>577-0054</v>
          </cell>
          <cell r="F269" t="str">
            <v>大阪府東大阪市高井田元町2-8-5</v>
          </cell>
          <cell r="G269" t="str">
            <v>東大阪市</v>
          </cell>
          <cell r="H269" t="str">
            <v/>
          </cell>
          <cell r="I269" t="str">
            <v>代表取締役社長 井坂　博英</v>
          </cell>
          <cell r="J269" t="str">
            <v>本店</v>
          </cell>
          <cell r="K269" t="str">
            <v>06-6784-7201</v>
          </cell>
          <cell r="L269" t="str">
            <v>soumu@espoir.co.jp</v>
          </cell>
          <cell r="M269" t="str">
            <v>ｴｽﾎﾟﾜｰﾙ</v>
          </cell>
          <cell r="N269" t="str">
            <v>無</v>
          </cell>
          <cell r="O269">
            <v>28</v>
          </cell>
          <cell r="P269">
            <v>15</v>
          </cell>
          <cell r="Q269">
            <v>1122001000882</v>
          </cell>
          <cell r="R269">
            <v>40000</v>
          </cell>
          <cell r="S269">
            <v>81421</v>
          </cell>
          <cell r="T269">
            <v>236859</v>
          </cell>
          <cell r="V269" t="str">
            <v>jk967259</v>
          </cell>
          <cell r="W269" t="str">
            <v>tt447922</v>
          </cell>
          <cell r="X269" t="str">
            <v>建電消(管)(消)管</v>
          </cell>
          <cell r="Y269" t="str">
            <v>建電消(管)(消)</v>
          </cell>
          <cell r="Z269" t="str">
            <v>管</v>
          </cell>
          <cell r="AA269" t="str">
            <v>建築一式</v>
          </cell>
          <cell r="AB269" t="str">
            <v>解体</v>
          </cell>
          <cell r="AC269" t="str">
            <v>塗装</v>
          </cell>
          <cell r="AD269" t="str">
            <v>土木一式</v>
          </cell>
          <cell r="AE269">
            <v>43008</v>
          </cell>
          <cell r="AF269" t="str">
            <v>希望しない</v>
          </cell>
          <cell r="AG269" t="str">
            <v>建築一式</v>
          </cell>
          <cell r="AH269" t="str">
            <v>特定</v>
          </cell>
          <cell r="AI269">
            <v>760</v>
          </cell>
          <cell r="AJ269">
            <v>144680</v>
          </cell>
          <cell r="AK269" t="str">
            <v>3(3)/0/0</v>
          </cell>
          <cell r="AL269" t="str">
            <v>解体</v>
          </cell>
          <cell r="AM269" t="str">
            <v>特定</v>
          </cell>
          <cell r="AN269">
            <v>756</v>
          </cell>
          <cell r="AO269">
            <v>94613</v>
          </cell>
          <cell r="AP269" t="str">
            <v>4(5)/0/0</v>
          </cell>
          <cell r="AQ269" t="str">
            <v>塗装</v>
          </cell>
          <cell r="AR269" t="str">
            <v>特定</v>
          </cell>
          <cell r="AS269">
            <v>639</v>
          </cell>
          <cell r="AT269" t="str">
            <v/>
          </cell>
          <cell r="AU269" t="str">
            <v>1(0)/0/0</v>
          </cell>
          <cell r="AV269" t="str">
            <v>土木一式</v>
          </cell>
          <cell r="AW269" t="str">
            <v>一般</v>
          </cell>
          <cell r="AX269">
            <v>624</v>
          </cell>
          <cell r="AY269" t="str">
            <v/>
          </cell>
          <cell r="AZ269" t="str">
            <v>0(0)/0/0</v>
          </cell>
          <cell r="BA269" t="str">
            <v>大阪府</v>
          </cell>
          <cell r="BB269">
            <v>0</v>
          </cell>
          <cell r="CR269">
            <v>4262</v>
          </cell>
          <cell r="CS269" t="str">
            <v>ﾏｴﾀﾞ ﾖｼﾉﾘ</v>
          </cell>
          <cell r="CT269" t="str">
            <v>前田  嘉徳</v>
          </cell>
          <cell r="CU269" t="str">
            <v xml:space="preserve"> </v>
          </cell>
          <cell r="CW269">
            <v>3522</v>
          </cell>
          <cell r="CX269" t="str">
            <v>事務局長</v>
          </cell>
        </row>
        <row r="270">
          <cell r="B270">
            <v>2260</v>
          </cell>
          <cell r="C270" t="str">
            <v>ＮＥＣネッツエスアイ(株)</v>
          </cell>
          <cell r="D270" t="str">
            <v>078-392-7051</v>
          </cell>
          <cell r="E270" t="str">
            <v>650-0031</v>
          </cell>
          <cell r="F270" t="str">
            <v>兵庫県神戸市中央区東町126</v>
          </cell>
          <cell r="G270" t="str">
            <v/>
          </cell>
          <cell r="H270" t="str">
            <v>神戸支店</v>
          </cell>
          <cell r="I270" t="str">
            <v>支店長 森川　彰彦</v>
          </cell>
          <cell r="J270" t="str">
            <v>東京都</v>
          </cell>
          <cell r="K270" t="str">
            <v>078-392-7052</v>
          </cell>
          <cell r="L270" t="str">
            <v>nesicnyuusatsu@ml.nesic.com</v>
          </cell>
          <cell r="M270" t="str">
            <v>ｴﾇｲｰｼｰﾈｯﾂｴｽｱｲ</v>
          </cell>
          <cell r="N270" t="str">
            <v>有</v>
          </cell>
          <cell r="O270">
            <v>63</v>
          </cell>
          <cell r="P270">
            <v>5019</v>
          </cell>
          <cell r="Q270">
            <v>6010001135680</v>
          </cell>
          <cell r="R270">
            <v>13122268</v>
          </cell>
          <cell r="S270">
            <v>100538716</v>
          </cell>
          <cell r="T270">
            <v>216634916</v>
          </cell>
          <cell r="V270" t="str">
            <v>jq537151</v>
          </cell>
          <cell r="W270" t="str">
            <v>em103051</v>
          </cell>
          <cell r="X270" t="str">
            <v>機消土建と電管鋼塗防内通</v>
          </cell>
          <cell r="Y270" t="str">
            <v>機消</v>
          </cell>
          <cell r="Z270" t="str">
            <v>土建と電管鋼塗防内通</v>
          </cell>
          <cell r="AA270" t="str">
            <v>電気通信</v>
          </cell>
          <cell r="AB270" t="str">
            <v>電気</v>
          </cell>
          <cell r="AC270" t="str">
            <v/>
          </cell>
          <cell r="AD270" t="str">
            <v/>
          </cell>
          <cell r="AE270">
            <v>43190</v>
          </cell>
          <cell r="AF270" t="str">
            <v/>
          </cell>
          <cell r="AG270" t="str">
            <v>電気通信</v>
          </cell>
          <cell r="AH270" t="str">
            <v>特定</v>
          </cell>
          <cell r="AI270">
            <v>1719</v>
          </cell>
          <cell r="AJ270">
            <v>53732193</v>
          </cell>
          <cell r="AK270" t="str">
            <v>5(3)/0/1256</v>
          </cell>
          <cell r="AL270" t="str">
            <v>電気</v>
          </cell>
          <cell r="AM270" t="str">
            <v>特定</v>
          </cell>
          <cell r="AN270">
            <v>1574</v>
          </cell>
          <cell r="AO270">
            <v>7256122</v>
          </cell>
          <cell r="AP270" t="str">
            <v>594(435)/52/231</v>
          </cell>
          <cell r="AQ270" t="str">
            <v/>
          </cell>
          <cell r="AR270" t="str">
            <v/>
          </cell>
          <cell r="AS270" t="str">
            <v/>
          </cell>
          <cell r="AT270" t="str">
            <v/>
          </cell>
          <cell r="AU270" t="str">
            <v/>
          </cell>
          <cell r="AV270" t="str">
            <v/>
          </cell>
          <cell r="AW270" t="str">
            <v/>
          </cell>
          <cell r="AX270" t="str">
            <v/>
          </cell>
          <cell r="AY270" t="str">
            <v/>
          </cell>
          <cell r="AZ270" t="str">
            <v/>
          </cell>
          <cell r="BA270" t="str">
            <v>東京都</v>
          </cell>
          <cell r="BB270">
            <v>0</v>
          </cell>
          <cell r="CR270">
            <v>4328</v>
          </cell>
          <cell r="CS270" t="str">
            <v>ｸﾗｼﾏ ﾏｻﾖｼ</v>
          </cell>
          <cell r="CT270" t="str">
            <v>倉島  正佳</v>
          </cell>
          <cell r="CU270" t="str">
            <v>社会教育課</v>
          </cell>
          <cell r="CW270">
            <v>3907</v>
          </cell>
          <cell r="CX270" t="str">
            <v>副主幹</v>
          </cell>
          <cell r="CY270" t="str">
            <v>社会教育課長</v>
          </cell>
        </row>
        <row r="271">
          <cell r="B271">
            <v>2261</v>
          </cell>
          <cell r="C271" t="str">
            <v>(株)永商興産</v>
          </cell>
          <cell r="D271" t="str">
            <v>06-6319-6688</v>
          </cell>
          <cell r="E271" t="str">
            <v>566-0025</v>
          </cell>
          <cell r="F271" t="str">
            <v>大阪府摂津市東正雀2-3</v>
          </cell>
          <cell r="G271" t="str">
            <v>摂津市</v>
          </cell>
          <cell r="H271" t="str">
            <v/>
          </cell>
          <cell r="I271" t="str">
            <v>代表取締役 高原　紀夫</v>
          </cell>
          <cell r="J271" t="str">
            <v>本店</v>
          </cell>
          <cell r="K271" t="str">
            <v>06-6319-6400</v>
          </cell>
          <cell r="L271" t="str">
            <v>eisyo@hcn.zaq.ne.jp</v>
          </cell>
          <cell r="M271" t="str">
            <v>ｴｲｼｮｳｺｳｻﾝ</v>
          </cell>
          <cell r="N271" t="str">
            <v>無</v>
          </cell>
          <cell r="O271">
            <v>27</v>
          </cell>
          <cell r="P271">
            <v>31</v>
          </cell>
          <cell r="Q271">
            <v>3120901009100</v>
          </cell>
          <cell r="R271">
            <v>90000</v>
          </cell>
          <cell r="S271">
            <v>917125</v>
          </cell>
          <cell r="T271">
            <v>4572647</v>
          </cell>
          <cell r="V271" t="str">
            <v>fq927907</v>
          </cell>
          <cell r="W271" t="str">
            <v>kj333346</v>
          </cell>
          <cell r="X271" t="str">
            <v>土建大と石屋電タ鋼鉄舗浚板ガ塗防内熱具水</v>
          </cell>
          <cell r="Y271" t="str">
            <v/>
          </cell>
          <cell r="Z271" t="str">
            <v>土建大と石屋電タ鋼鉄舗浚板ガ塗防内熱具水</v>
          </cell>
          <cell r="AA271" t="str">
            <v>土木一式</v>
          </cell>
          <cell r="AB271" t="str">
            <v>建築一式</v>
          </cell>
          <cell r="AC271" t="str">
            <v>とび土工</v>
          </cell>
          <cell r="AD271" t="str">
            <v>舗装</v>
          </cell>
          <cell r="AE271">
            <v>43069</v>
          </cell>
          <cell r="AF271" t="str">
            <v>希望する</v>
          </cell>
          <cell r="AG271" t="str">
            <v>土木一式</v>
          </cell>
          <cell r="AH271" t="str">
            <v>特定</v>
          </cell>
          <cell r="AI271">
            <v>1037</v>
          </cell>
          <cell r="AJ271">
            <v>2161054</v>
          </cell>
          <cell r="AK271" t="str">
            <v>13(12)/5/12</v>
          </cell>
          <cell r="AL271" t="str">
            <v>建築一式</v>
          </cell>
          <cell r="AM271" t="str">
            <v>特定</v>
          </cell>
          <cell r="AN271">
            <v>1026</v>
          </cell>
          <cell r="AO271">
            <v>1494388</v>
          </cell>
          <cell r="AP271" t="str">
            <v>10(10)/9/11</v>
          </cell>
          <cell r="AQ271" t="str">
            <v>とび土工</v>
          </cell>
          <cell r="AR271" t="str">
            <v>特定</v>
          </cell>
          <cell r="AS271">
            <v>751</v>
          </cell>
          <cell r="AT271">
            <v>46727</v>
          </cell>
          <cell r="AU271" t="str">
            <v>0(0)/0/0</v>
          </cell>
          <cell r="AV271" t="str">
            <v>舗装</v>
          </cell>
          <cell r="AW271" t="str">
            <v>特定</v>
          </cell>
          <cell r="AX271">
            <v>720</v>
          </cell>
          <cell r="AY271">
            <v>8600</v>
          </cell>
          <cell r="AZ271" t="str">
            <v>0(0)/0/0</v>
          </cell>
          <cell r="BA271" t="str">
            <v>大阪府</v>
          </cell>
          <cell r="BB271">
            <v>0</v>
          </cell>
          <cell r="CR271">
            <v>4329</v>
          </cell>
          <cell r="CS271" t="str">
            <v>ﾀｹﾀﾞ ｺｳｼﾞ</v>
          </cell>
          <cell r="CT271" t="str">
            <v>武田  好二</v>
          </cell>
          <cell r="CU271" t="str">
            <v xml:space="preserve"> </v>
          </cell>
          <cell r="CW271" t="str">
            <v xml:space="preserve"> </v>
          </cell>
          <cell r="CX271" t="str">
            <v>所長</v>
          </cell>
          <cell r="CY271" t="str">
            <v>　</v>
          </cell>
        </row>
        <row r="272">
          <cell r="B272">
            <v>2262</v>
          </cell>
          <cell r="C272" t="str">
            <v>(株)ＮＮＣエンジニアリング</v>
          </cell>
          <cell r="D272" t="str">
            <v>025-779-2141</v>
          </cell>
          <cell r="E272" t="str">
            <v>949-7251</v>
          </cell>
          <cell r="F272" t="str">
            <v>新潟県南魚沼市大崎4369-2</v>
          </cell>
          <cell r="G272" t="str">
            <v>長岡市</v>
          </cell>
          <cell r="H272" t="str">
            <v>南魚沼支社</v>
          </cell>
          <cell r="I272" t="str">
            <v>支社長 中島　直人</v>
          </cell>
          <cell r="J272" t="str">
            <v>新潟県長岡市</v>
          </cell>
          <cell r="K272" t="str">
            <v>025-779-2893</v>
          </cell>
          <cell r="L272" t="str">
            <v>eng1633@nnc-eng.jp</v>
          </cell>
          <cell r="M272" t="str">
            <v>ｴﾇｴﾇｼｰｴﾝｼﾞﾆｱﾘﾝｸﾞ</v>
          </cell>
          <cell r="N272" t="str">
            <v>有</v>
          </cell>
          <cell r="O272">
            <v>47</v>
          </cell>
          <cell r="P272">
            <v>90</v>
          </cell>
          <cell r="Q272">
            <v>2110001025685</v>
          </cell>
          <cell r="R272">
            <v>84000</v>
          </cell>
          <cell r="S272">
            <v>1141219</v>
          </cell>
          <cell r="T272">
            <v>2918471</v>
          </cell>
          <cell r="V272" t="str">
            <v>am702434</v>
          </cell>
          <cell r="W272" t="str">
            <v>sd302973</v>
          </cell>
          <cell r="X272" t="str">
            <v>機(清)(と)(管)(鋼)(舗)(機)(井)(水)(解)土建と電管鋼舗井水解</v>
          </cell>
          <cell r="Y272" t="str">
            <v>機(清)(と)(管)(鋼)(舗)(機)(井)(水)(解)</v>
          </cell>
          <cell r="Z272" t="str">
            <v>土建と電管鋼舗井水解</v>
          </cell>
          <cell r="AA272" t="str">
            <v>さく井</v>
          </cell>
          <cell r="AB272" t="str">
            <v>機械器具</v>
          </cell>
          <cell r="AC272" t="str">
            <v>管</v>
          </cell>
          <cell r="AD272" t="str">
            <v>解体</v>
          </cell>
          <cell r="AE272">
            <v>43100</v>
          </cell>
          <cell r="AF272" t="str">
            <v/>
          </cell>
          <cell r="AG272" t="str">
            <v>さく井</v>
          </cell>
          <cell r="AH272" t="str">
            <v>特定</v>
          </cell>
          <cell r="AI272">
            <v>1076</v>
          </cell>
          <cell r="AJ272">
            <v>1495373</v>
          </cell>
          <cell r="AK272" t="str">
            <v>0(0)/36/0</v>
          </cell>
          <cell r="AL272" t="str">
            <v>機械器具</v>
          </cell>
          <cell r="AM272" t="str">
            <v>一般</v>
          </cell>
          <cell r="AN272">
            <v>879</v>
          </cell>
          <cell r="AO272">
            <v>119435</v>
          </cell>
          <cell r="AP272" t="str">
            <v>0(0)/0/6</v>
          </cell>
          <cell r="AQ272" t="str">
            <v>管</v>
          </cell>
          <cell r="AR272" t="str">
            <v>特定</v>
          </cell>
          <cell r="AS272">
            <v>1039</v>
          </cell>
          <cell r="AT272">
            <v>585825</v>
          </cell>
          <cell r="AU272" t="str">
            <v>11(11)/7/3</v>
          </cell>
          <cell r="AV272" t="str">
            <v>解体</v>
          </cell>
          <cell r="AW272" t="str">
            <v>特定</v>
          </cell>
          <cell r="AX272">
            <v>875</v>
          </cell>
          <cell r="AY272">
            <v>10970</v>
          </cell>
          <cell r="AZ272" t="str">
            <v>6(6)/7/0</v>
          </cell>
          <cell r="BA272" t="str">
            <v>新潟県</v>
          </cell>
          <cell r="BB272">
            <v>0</v>
          </cell>
          <cell r="CR272">
            <v>4413</v>
          </cell>
          <cell r="CS272" t="str">
            <v>ﾅｶﾂｶｻ ﾖｳｺ</v>
          </cell>
          <cell r="CT272" t="str">
            <v>中務  葉子</v>
          </cell>
          <cell r="CU272" t="str">
            <v>保育課</v>
          </cell>
          <cell r="CW272" t="str">
            <v xml:space="preserve"> </v>
          </cell>
          <cell r="CX272" t="str">
            <v>所長</v>
          </cell>
          <cell r="CY272" t="str">
            <v>保育課長</v>
          </cell>
        </row>
        <row r="273">
          <cell r="B273">
            <v>2263</v>
          </cell>
          <cell r="C273" t="str">
            <v>(株)永大興業</v>
          </cell>
          <cell r="D273" t="str">
            <v>072-673-6305</v>
          </cell>
          <cell r="E273" t="str">
            <v>569-0041</v>
          </cell>
          <cell r="F273" t="str">
            <v>大阪府高槻市北大樋町45-3</v>
          </cell>
          <cell r="G273" t="str">
            <v>高槻市</v>
          </cell>
          <cell r="H273" t="str">
            <v/>
          </cell>
          <cell r="I273" t="str">
            <v>代表取締役 吉竹　央行</v>
          </cell>
          <cell r="J273" t="str">
            <v>本店</v>
          </cell>
          <cell r="K273" t="str">
            <v>072-673-6306</v>
          </cell>
          <cell r="L273" t="str">
            <v>eidai@hcn.zaq.ne.jp</v>
          </cell>
          <cell r="M273" t="str">
            <v>ｴｲﾀﾞｲｺｳｷﾞｮｳ</v>
          </cell>
          <cell r="N273" t="str">
            <v>無</v>
          </cell>
          <cell r="O273">
            <v>30</v>
          </cell>
          <cell r="P273">
            <v>9</v>
          </cell>
          <cell r="Q273">
            <v>8120901010474</v>
          </cell>
          <cell r="R273">
            <v>49500</v>
          </cell>
          <cell r="S273">
            <v>375073</v>
          </cell>
          <cell r="T273">
            <v>1427799</v>
          </cell>
          <cell r="V273" t="str">
            <v>es368949</v>
          </cell>
          <cell r="W273" t="str">
            <v>aq664965</v>
          </cell>
          <cell r="X273" t="str">
            <v>内土建大と石屋タ鋼鉄舗浚板ガ塗防熱具水</v>
          </cell>
          <cell r="Y273" t="str">
            <v>内</v>
          </cell>
          <cell r="Z273" t="str">
            <v>土建大と石屋タ鋼鉄舗浚板ガ塗防熱具水</v>
          </cell>
          <cell r="AA273" t="str">
            <v>土木一式</v>
          </cell>
          <cell r="AB273" t="str">
            <v>建築一式</v>
          </cell>
          <cell r="AC273" t="str">
            <v>とび土工</v>
          </cell>
          <cell r="AD273" t="str">
            <v>舗装</v>
          </cell>
          <cell r="AE273">
            <v>43039</v>
          </cell>
          <cell r="AF273" t="str">
            <v>希望する</v>
          </cell>
          <cell r="AG273" t="str">
            <v>土木一式</v>
          </cell>
          <cell r="AH273" t="str">
            <v/>
          </cell>
          <cell r="AI273">
            <v>910</v>
          </cell>
          <cell r="AJ273">
            <v>786284</v>
          </cell>
          <cell r="AK273" t="str">
            <v>5(5)/3/2</v>
          </cell>
          <cell r="AL273" t="str">
            <v>建築一式</v>
          </cell>
          <cell r="AM273" t="str">
            <v/>
          </cell>
          <cell r="AN273">
            <v>841</v>
          </cell>
          <cell r="AO273">
            <v>631604</v>
          </cell>
          <cell r="AP273" t="str">
            <v>2(2)/3/4</v>
          </cell>
          <cell r="AQ273" t="str">
            <v>とび土工</v>
          </cell>
          <cell r="AR273" t="str">
            <v/>
          </cell>
          <cell r="AS273">
            <v>659</v>
          </cell>
          <cell r="AT273">
            <v>2500</v>
          </cell>
          <cell r="AU273" t="str">
            <v>0(0)/0/0</v>
          </cell>
          <cell r="AV273" t="str">
            <v>舗装</v>
          </cell>
          <cell r="AW273" t="str">
            <v/>
          </cell>
          <cell r="AX273">
            <v>671</v>
          </cell>
          <cell r="AY273">
            <v>5975</v>
          </cell>
          <cell r="AZ273" t="str">
            <v>0(0)/0/0</v>
          </cell>
          <cell r="BA273" t="str">
            <v>大阪府</v>
          </cell>
          <cell r="BB273">
            <v>0</v>
          </cell>
          <cell r="CR273">
            <v>4425</v>
          </cell>
          <cell r="CS273" t="str">
            <v>ｺｼﾞﾏ ﾁｴﾐ</v>
          </cell>
          <cell r="CT273" t="str">
            <v>小嶋　千恵美</v>
          </cell>
          <cell r="CU273" t="str">
            <v>こども福祉課</v>
          </cell>
          <cell r="CW273" t="str">
            <v xml:space="preserve"> </v>
          </cell>
          <cell r="CX273" t="str">
            <v>副主査</v>
          </cell>
          <cell r="CY273" t="str">
            <v>こども福祉課長</v>
          </cell>
        </row>
        <row r="274">
          <cell r="B274">
            <v>2265</v>
          </cell>
          <cell r="C274" t="str">
            <v>(株)永倭興商</v>
          </cell>
          <cell r="D274" t="str">
            <v>072-638-0040</v>
          </cell>
          <cell r="E274" t="str">
            <v>567-0851</v>
          </cell>
          <cell r="F274" t="str">
            <v>大阪府茨木市真砂3-16-15</v>
          </cell>
          <cell r="G274" t="str">
            <v>茨木市</v>
          </cell>
          <cell r="H274" t="str">
            <v/>
          </cell>
          <cell r="I274" t="str">
            <v>代表取締役 辻村　健</v>
          </cell>
          <cell r="J274" t="str">
            <v>本店</v>
          </cell>
          <cell r="K274" t="str">
            <v>072-638-0180</v>
          </cell>
          <cell r="L274" t="str">
            <v>eiwa@hcn.zaq.ne.jp</v>
          </cell>
          <cell r="M274" t="str">
            <v>ｴｲﾜｺｳｼｮｳ</v>
          </cell>
          <cell r="N274" t="str">
            <v>無</v>
          </cell>
          <cell r="O274">
            <v>24</v>
          </cell>
          <cell r="P274">
            <v>6</v>
          </cell>
          <cell r="Q274">
            <v>1120901000291</v>
          </cell>
          <cell r="R274">
            <v>20000</v>
          </cell>
          <cell r="S274">
            <v>113626</v>
          </cell>
          <cell r="T274">
            <v>689289</v>
          </cell>
          <cell r="V274" t="str">
            <v>qb653508</v>
          </cell>
          <cell r="W274" t="str">
            <v>vp610371</v>
          </cell>
          <cell r="X274" t="str">
            <v>建土と石鋼舗浚塗園水</v>
          </cell>
          <cell r="Y274" t="str">
            <v>建</v>
          </cell>
          <cell r="Z274" t="str">
            <v>土と石鋼舗浚塗園水</v>
          </cell>
          <cell r="AA274" t="str">
            <v>土木一式</v>
          </cell>
          <cell r="AB274" t="str">
            <v>建築一式</v>
          </cell>
          <cell r="AC274" t="str">
            <v>舗装</v>
          </cell>
          <cell r="AD274" t="str">
            <v>とび土工</v>
          </cell>
          <cell r="AE274">
            <v>43190</v>
          </cell>
          <cell r="AF274" t="str">
            <v>希望する</v>
          </cell>
          <cell r="AG274" t="str">
            <v>土木一式</v>
          </cell>
          <cell r="AH274" t="str">
            <v>特定</v>
          </cell>
          <cell r="AI274">
            <v>861</v>
          </cell>
          <cell r="AJ274">
            <v>583717</v>
          </cell>
          <cell r="AK274" t="str">
            <v>4(4)/0/1</v>
          </cell>
          <cell r="AL274" t="str">
            <v>建築一式</v>
          </cell>
          <cell r="AM274" t="str">
            <v>一般</v>
          </cell>
          <cell r="AN274">
            <v>712</v>
          </cell>
          <cell r="AO274">
            <v>56689</v>
          </cell>
          <cell r="AP274" t="str">
            <v>0(0)/1/4</v>
          </cell>
          <cell r="AQ274" t="str">
            <v>舗装</v>
          </cell>
          <cell r="AR274" t="str">
            <v>特定</v>
          </cell>
          <cell r="AS274">
            <v>679</v>
          </cell>
          <cell r="AT274">
            <v>22961</v>
          </cell>
          <cell r="AU274" t="str">
            <v>0(0)/0/0</v>
          </cell>
          <cell r="AV274" t="str">
            <v>とび土工</v>
          </cell>
          <cell r="AW274" t="str">
            <v>特定</v>
          </cell>
          <cell r="AX274">
            <v>640</v>
          </cell>
          <cell r="AY274">
            <v>2303</v>
          </cell>
          <cell r="AZ274" t="str">
            <v>0(0)/0/0</v>
          </cell>
          <cell r="BA274" t="str">
            <v>大阪府</v>
          </cell>
          <cell r="BB274">
            <v>0</v>
          </cell>
          <cell r="CR274">
            <v>4442</v>
          </cell>
          <cell r="CS274" t="str">
            <v>ﾏﾂﾓﾄ ｶｽﾞﾕｷ</v>
          </cell>
          <cell r="CT274" t="str">
            <v>松本  和之</v>
          </cell>
          <cell r="CU274" t="str">
            <v>消防総務課</v>
          </cell>
          <cell r="CW274">
            <v>6680202</v>
          </cell>
          <cell r="CX274" t="str">
            <v>消防局次長</v>
          </cell>
          <cell r="CY274" t="str">
            <v>消防総務課長</v>
          </cell>
        </row>
        <row r="275">
          <cell r="B275">
            <v>2266</v>
          </cell>
          <cell r="C275" t="str">
            <v>(株)エーユー</v>
          </cell>
          <cell r="D275" t="str">
            <v>06-6386-6686</v>
          </cell>
          <cell r="E275" t="str">
            <v>564-0004</v>
          </cell>
          <cell r="F275" t="str">
            <v>大阪府吹田市原町1-4-13</v>
          </cell>
          <cell r="G275" t="str">
            <v>吹田市</v>
          </cell>
          <cell r="H275" t="str">
            <v/>
          </cell>
          <cell r="I275" t="str">
            <v>代表取締役 小川　翔輝</v>
          </cell>
          <cell r="J275" t="str">
            <v>本店</v>
          </cell>
          <cell r="K275" t="str">
            <v>06-6386-6687</v>
          </cell>
          <cell r="L275" t="str">
            <v>a-u@hcn.zaq.ne.jp</v>
          </cell>
          <cell r="M275" t="str">
            <v>ｴｰﾕｰ</v>
          </cell>
          <cell r="N275" t="str">
            <v>無</v>
          </cell>
          <cell r="O275">
            <v>35</v>
          </cell>
          <cell r="P275">
            <v>13</v>
          </cell>
          <cell r="Q275">
            <v>2120901005637</v>
          </cell>
          <cell r="R275">
            <v>75000</v>
          </cell>
          <cell r="S275">
            <v>285168</v>
          </cell>
          <cell r="T275">
            <v>1072661</v>
          </cell>
          <cell r="V275" t="str">
            <v>xv977694</v>
          </cell>
          <cell r="W275" t="str">
            <v>nj481971</v>
          </cell>
          <cell r="X275" t="str">
            <v>土建大と石屋タ鋼鉄舗浚板ガ塗防内熱具水</v>
          </cell>
          <cell r="Y275" t="str">
            <v/>
          </cell>
          <cell r="Z275" t="str">
            <v>土建大と石屋タ鋼鉄舗浚板ガ塗防内熱具水</v>
          </cell>
          <cell r="AA275" t="str">
            <v>土木一式</v>
          </cell>
          <cell r="AB275" t="str">
            <v>建築一式</v>
          </cell>
          <cell r="AC275" t="str">
            <v>舗装</v>
          </cell>
          <cell r="AD275" t="str">
            <v>とび土工</v>
          </cell>
          <cell r="AE275">
            <v>42978</v>
          </cell>
          <cell r="AF275" t="str">
            <v>希望する</v>
          </cell>
          <cell r="AG275" t="str">
            <v>土木一式</v>
          </cell>
          <cell r="AH275" t="str">
            <v>特定</v>
          </cell>
          <cell r="AI275">
            <v>923</v>
          </cell>
          <cell r="AJ275">
            <v>794849</v>
          </cell>
          <cell r="AK275" t="str">
            <v>6(6)/1/6</v>
          </cell>
          <cell r="AL275" t="str">
            <v>建築一式</v>
          </cell>
          <cell r="AM275" t="str">
            <v>特定</v>
          </cell>
          <cell r="AN275">
            <v>875</v>
          </cell>
          <cell r="AO275">
            <v>210862</v>
          </cell>
          <cell r="AP275" t="str">
            <v>6(6)/2/4</v>
          </cell>
          <cell r="AQ275" t="str">
            <v>舗装</v>
          </cell>
          <cell r="AR275" t="str">
            <v>特定</v>
          </cell>
          <cell r="AS275">
            <v>730</v>
          </cell>
          <cell r="AT275">
            <v>32835</v>
          </cell>
          <cell r="AU275" t="str">
            <v>0(0)/0/0</v>
          </cell>
          <cell r="AV275" t="str">
            <v>とび土工</v>
          </cell>
          <cell r="AW275" t="str">
            <v>特定</v>
          </cell>
          <cell r="AX275">
            <v>696</v>
          </cell>
          <cell r="AY275">
            <v>8255</v>
          </cell>
          <cell r="AZ275" t="str">
            <v>0(0)/0/0</v>
          </cell>
          <cell r="BA275" t="str">
            <v>大阪府</v>
          </cell>
          <cell r="BB275">
            <v>0</v>
          </cell>
          <cell r="CR275">
            <v>4442</v>
          </cell>
          <cell r="CS275" t="str">
            <v>ﾏﾂﾓﾄ ｶｽﾞﾕｷ</v>
          </cell>
          <cell r="CT275" t="str">
            <v>松本  和之</v>
          </cell>
          <cell r="CW275">
            <v>6680202</v>
          </cell>
          <cell r="CX275" t="str">
            <v>次長</v>
          </cell>
          <cell r="CY275" t="str">
            <v>　</v>
          </cell>
        </row>
        <row r="276">
          <cell r="B276">
            <v>2269</v>
          </cell>
          <cell r="C276" t="str">
            <v>(株)エムティアイ</v>
          </cell>
          <cell r="D276" t="str">
            <v>06-6462-2181</v>
          </cell>
          <cell r="E276" t="str">
            <v>554-0051</v>
          </cell>
          <cell r="F276" t="str">
            <v>大阪府大阪市此花区酉島2-2-8</v>
          </cell>
          <cell r="G276" t="str">
            <v>大阪市</v>
          </cell>
          <cell r="H276" t="str">
            <v/>
          </cell>
          <cell r="I276" t="str">
            <v>代表取締役 髙井　伸一</v>
          </cell>
          <cell r="J276" t="str">
            <v>本店</v>
          </cell>
          <cell r="K276" t="str">
            <v>06-6462-2210</v>
          </cell>
          <cell r="L276" t="str">
            <v>info@mti-web.co.jp</v>
          </cell>
          <cell r="M276" t="str">
            <v>ｴﾑﾃｨｱｲ</v>
          </cell>
          <cell r="N276" t="str">
            <v>無</v>
          </cell>
          <cell r="O276">
            <v>23</v>
          </cell>
          <cell r="P276">
            <v>7</v>
          </cell>
          <cell r="Q276">
            <v>2120001026138</v>
          </cell>
          <cell r="R276">
            <v>10000</v>
          </cell>
          <cell r="S276">
            <v>-20174</v>
          </cell>
          <cell r="T276">
            <v>57825</v>
          </cell>
          <cell r="V276" t="str">
            <v>qc592385</v>
          </cell>
          <cell r="W276" t="str">
            <v>vn455356</v>
          </cell>
          <cell r="X276" t="str">
            <v>機</v>
          </cell>
          <cell r="Y276" t="str">
            <v>機</v>
          </cell>
          <cell r="Z276" t="str">
            <v/>
          </cell>
          <cell r="AA276" t="str">
            <v>機械器具</v>
          </cell>
          <cell r="AB276" t="str">
            <v/>
          </cell>
          <cell r="AC276" t="str">
            <v/>
          </cell>
          <cell r="AD276" t="str">
            <v/>
          </cell>
          <cell r="AE276">
            <v>43039</v>
          </cell>
          <cell r="AF276" t="str">
            <v>希望しない</v>
          </cell>
          <cell r="AG276" t="str">
            <v>機械器具</v>
          </cell>
          <cell r="AH276" t="str">
            <v>一般</v>
          </cell>
          <cell r="AI276">
            <v>676</v>
          </cell>
          <cell r="AJ276">
            <v>71104</v>
          </cell>
          <cell r="AK276" t="str">
            <v>()//2</v>
          </cell>
          <cell r="AL276" t="str">
            <v/>
          </cell>
          <cell r="AM276" t="str">
            <v/>
          </cell>
          <cell r="AN276" t="str">
            <v/>
          </cell>
          <cell r="AO276" t="str">
            <v/>
          </cell>
          <cell r="AP276" t="str">
            <v/>
          </cell>
          <cell r="AQ276" t="str">
            <v/>
          </cell>
          <cell r="AR276" t="str">
            <v/>
          </cell>
          <cell r="AS276" t="str">
            <v/>
          </cell>
          <cell r="AT276" t="str">
            <v/>
          </cell>
          <cell r="AU276" t="str">
            <v/>
          </cell>
          <cell r="AV276" t="str">
            <v/>
          </cell>
          <cell r="AW276" t="str">
            <v/>
          </cell>
          <cell r="AX276" t="str">
            <v/>
          </cell>
          <cell r="AY276" t="str">
            <v/>
          </cell>
          <cell r="AZ276" t="str">
            <v/>
          </cell>
          <cell r="BA276" t="str">
            <v>大阪府</v>
          </cell>
          <cell r="BB276">
            <v>0</v>
          </cell>
          <cell r="CR276">
            <v>4475</v>
          </cell>
          <cell r="CS276" t="str">
            <v>ﾀｷｳﾁ ｼﾝｲﾁ</v>
          </cell>
          <cell r="CT276" t="str">
            <v>滝内  伸一</v>
          </cell>
          <cell r="CU276" t="str">
            <v>公園課</v>
          </cell>
          <cell r="CW276">
            <v>2874</v>
          </cell>
          <cell r="CX276" t="str">
            <v>主査</v>
          </cell>
          <cell r="CY276" t="str">
            <v>公園課長</v>
          </cell>
        </row>
        <row r="277">
          <cell r="B277">
            <v>2272</v>
          </cell>
          <cell r="C277" t="str">
            <v>ＮＤネットサービス(有)</v>
          </cell>
          <cell r="D277" t="str">
            <v>072-229-5252</v>
          </cell>
          <cell r="E277" t="str">
            <v>590-0984</v>
          </cell>
          <cell r="F277" t="str">
            <v>大阪府大阪市此花区酉島2-2-8</v>
          </cell>
          <cell r="G277" t="str">
            <v>堺市</v>
          </cell>
          <cell r="H277" t="str">
            <v/>
          </cell>
          <cell r="I277" t="str">
            <v>代表取締役 鈴木　宏隆</v>
          </cell>
          <cell r="J277" t="str">
            <v>本店</v>
          </cell>
          <cell r="K277" t="str">
            <v>072-229-7171</v>
          </cell>
          <cell r="L277" t="str">
            <v>info@nd-net.co.jp</v>
          </cell>
          <cell r="M277" t="str">
            <v>ｴﾇﾃﾞｨﾈｯﾄｻｰﾋﾞｽ</v>
          </cell>
          <cell r="N277" t="str">
            <v>無</v>
          </cell>
          <cell r="O277">
            <v>19</v>
          </cell>
          <cell r="P277">
            <v>14</v>
          </cell>
          <cell r="Q277">
            <v>9120002041377</v>
          </cell>
          <cell r="R277">
            <v>3000</v>
          </cell>
          <cell r="S277">
            <v>12993</v>
          </cell>
          <cell r="T277">
            <v>235100</v>
          </cell>
          <cell r="V277" t="str">
            <v>hb766707</v>
          </cell>
          <cell r="W277" t="str">
            <v>fa991452</v>
          </cell>
          <cell r="X277" t="str">
            <v>土と鋼</v>
          </cell>
          <cell r="Y277" t="str">
            <v>土と鋼</v>
          </cell>
          <cell r="Z277" t="str">
            <v/>
          </cell>
          <cell r="AA277" t="str">
            <v>土木一式</v>
          </cell>
          <cell r="AB277" t="str">
            <v>とび土工</v>
          </cell>
          <cell r="AC277" t="str">
            <v>鋼構造物</v>
          </cell>
          <cell r="AD277" t="str">
            <v/>
          </cell>
          <cell r="AE277">
            <v>42947</v>
          </cell>
          <cell r="AF277" t="str">
            <v/>
          </cell>
          <cell r="AG277" t="str">
            <v>土木一式</v>
          </cell>
          <cell r="AH277" t="str">
            <v>一般</v>
          </cell>
          <cell r="AI277">
            <v>507</v>
          </cell>
          <cell r="AJ277">
            <v>3065</v>
          </cell>
          <cell r="AK277" t="str">
            <v>2(1)/0/1</v>
          </cell>
          <cell r="AL277" t="str">
            <v>とび土工</v>
          </cell>
          <cell r="AM277" t="str">
            <v>一般</v>
          </cell>
          <cell r="AN277">
            <v>503</v>
          </cell>
          <cell r="AO277">
            <v>14689</v>
          </cell>
          <cell r="AP277" t="str">
            <v>0(0)/0/0</v>
          </cell>
          <cell r="AQ277" t="str">
            <v>鋼構造物</v>
          </cell>
          <cell r="AR277" t="str">
            <v>一般</v>
          </cell>
          <cell r="AS277">
            <v>549</v>
          </cell>
          <cell r="AT277">
            <v>41813</v>
          </cell>
          <cell r="AU277" t="str">
            <v>2(1)/0/0</v>
          </cell>
          <cell r="AV277" t="str">
            <v/>
          </cell>
          <cell r="AW277" t="str">
            <v/>
          </cell>
          <cell r="AX277" t="str">
            <v/>
          </cell>
          <cell r="AY277" t="str">
            <v/>
          </cell>
          <cell r="AZ277" t="str">
            <v/>
          </cell>
          <cell r="BA277" t="str">
            <v>大阪府</v>
          </cell>
          <cell r="BB277">
            <v>0</v>
          </cell>
          <cell r="CR277">
            <v>4476</v>
          </cell>
          <cell r="CS277" t="str">
            <v>ﾎﾘｸﾞﾁ ｱｷﾉﾌﾞ</v>
          </cell>
          <cell r="CT277" t="str">
            <v>堀口  明伸</v>
          </cell>
          <cell r="CU277" t="str">
            <v xml:space="preserve"> </v>
          </cell>
          <cell r="CW277">
            <v>4300</v>
          </cell>
          <cell r="CX277" t="str">
            <v>部長</v>
          </cell>
        </row>
        <row r="278">
          <cell r="B278">
            <v>2273</v>
          </cell>
          <cell r="C278" t="str">
            <v>ＮＰトレード(株)</v>
          </cell>
          <cell r="D278" t="str">
            <v>06-6439-7223</v>
          </cell>
          <cell r="E278" t="str">
            <v>660-0085</v>
          </cell>
          <cell r="F278" t="str">
            <v>兵庫県尼崎市元浜町1-1-4</v>
          </cell>
          <cell r="G278" t="str">
            <v>尼崎市</v>
          </cell>
          <cell r="H278" t="str">
            <v/>
          </cell>
          <cell r="I278" t="str">
            <v>代表取締役 畑　邦樹</v>
          </cell>
          <cell r="J278" t="str">
            <v>本店</v>
          </cell>
          <cell r="K278" t="str">
            <v>06-6439-7224</v>
          </cell>
          <cell r="L278" t="str">
            <v>np-trade@future.ocn.ne.jp</v>
          </cell>
          <cell r="M278" t="str">
            <v>ｴﾇﾋﾟｰﾄﾚｰﾄﾞ</v>
          </cell>
          <cell r="N278" t="str">
            <v>無</v>
          </cell>
          <cell r="O278">
            <v>12</v>
          </cell>
          <cell r="P278">
            <v>5</v>
          </cell>
          <cell r="Q278">
            <v>4140002060652</v>
          </cell>
          <cell r="R278">
            <v>20000</v>
          </cell>
          <cell r="S278">
            <v>290504</v>
          </cell>
          <cell r="T278">
            <v>320207</v>
          </cell>
          <cell r="V278" t="str">
            <v>rd942906</v>
          </cell>
          <cell r="W278" t="str">
            <v>wy619226</v>
          </cell>
          <cell r="X278" t="str">
            <v>土建と塗防内</v>
          </cell>
          <cell r="Y278" t="str">
            <v/>
          </cell>
          <cell r="Z278" t="str">
            <v>土建と塗防内</v>
          </cell>
          <cell r="AA278" t="str">
            <v>建築一式</v>
          </cell>
          <cell r="AB278" t="str">
            <v>土木一式</v>
          </cell>
          <cell r="AC278" t="str">
            <v/>
          </cell>
          <cell r="AD278" t="str">
            <v/>
          </cell>
          <cell r="AE278">
            <v>43251</v>
          </cell>
          <cell r="AF278" t="str">
            <v>希望しない</v>
          </cell>
          <cell r="AG278" t="str">
            <v>建築一式</v>
          </cell>
          <cell r="AH278" t="str">
            <v>特定</v>
          </cell>
          <cell r="AI278">
            <v>714</v>
          </cell>
          <cell r="AJ278">
            <v>303502</v>
          </cell>
          <cell r="AK278" t="str">
            <v>1(1)/1/0</v>
          </cell>
          <cell r="AL278" t="str">
            <v>土木一式</v>
          </cell>
          <cell r="AM278" t="str">
            <v>特定</v>
          </cell>
          <cell r="AN278">
            <v>654</v>
          </cell>
          <cell r="AO278">
            <v>39732</v>
          </cell>
          <cell r="AP278" t="str">
            <v>1(1)/1/0</v>
          </cell>
          <cell r="AQ278" t="str">
            <v/>
          </cell>
          <cell r="AR278" t="str">
            <v/>
          </cell>
          <cell r="AS278" t="str">
            <v/>
          </cell>
          <cell r="AT278" t="str">
            <v/>
          </cell>
          <cell r="AU278" t="str">
            <v/>
          </cell>
          <cell r="AV278" t="str">
            <v/>
          </cell>
          <cell r="AW278" t="str">
            <v/>
          </cell>
          <cell r="AX278" t="str">
            <v/>
          </cell>
          <cell r="AY278" t="str">
            <v/>
          </cell>
          <cell r="AZ278" t="str">
            <v/>
          </cell>
          <cell r="BA278" t="str">
            <v>兵庫県</v>
          </cell>
          <cell r="BB278">
            <v>0</v>
          </cell>
          <cell r="CR278">
            <v>4476</v>
          </cell>
          <cell r="CS278" t="str">
            <v>ﾎﾘｸﾞﾁ ｱｷﾉﾌﾞ</v>
          </cell>
          <cell r="CT278" t="str">
            <v>堀口  明伸</v>
          </cell>
          <cell r="CU278" t="str">
            <v xml:space="preserve"> </v>
          </cell>
          <cell r="CW278">
            <v>4300</v>
          </cell>
          <cell r="CX278" t="str">
            <v>（併）教育長付参事</v>
          </cell>
        </row>
        <row r="279">
          <cell r="B279">
            <v>2274</v>
          </cell>
          <cell r="C279" t="str">
            <v>荏原商事(株)</v>
          </cell>
          <cell r="D279" t="str">
            <v>06-4805-8261</v>
          </cell>
          <cell r="E279" t="str">
            <v>532-0011</v>
          </cell>
          <cell r="F279" t="str">
            <v>大阪府大阪市淀川区西中島5-2-5</v>
          </cell>
          <cell r="G279" t="str">
            <v/>
          </cell>
          <cell r="H279" t="str">
            <v>大阪支店</v>
          </cell>
          <cell r="I279" t="str">
            <v>支店長 鈴木　智尚</v>
          </cell>
          <cell r="J279" t="str">
            <v>東京都</v>
          </cell>
          <cell r="K279" t="str">
            <v>06-4805-8265</v>
          </cell>
          <cell r="L279" t="str">
            <v>n3210@ebasho.co.jp</v>
          </cell>
          <cell r="M279" t="str">
            <v>ｴﾊﾞﾗｼｮｳｼﾞ</v>
          </cell>
          <cell r="N279" t="str">
            <v>有</v>
          </cell>
          <cell r="O279">
            <v>63</v>
          </cell>
          <cell r="P279">
            <v>506</v>
          </cell>
          <cell r="Q279">
            <v>2010001062813</v>
          </cell>
          <cell r="R279">
            <v>200000</v>
          </cell>
          <cell r="S279">
            <v>6235789</v>
          </cell>
          <cell r="T279">
            <v>23789726</v>
          </cell>
          <cell r="V279" t="str">
            <v>af822756</v>
          </cell>
          <cell r="W279" t="str">
            <v>su817962</v>
          </cell>
          <cell r="X279" t="str">
            <v>通(清)(と)(電)(塗)(機)(水)土建と電管鋼塗防機水清</v>
          </cell>
          <cell r="Y279" t="str">
            <v>通(清)(と)(電)(塗)(機)(水)</v>
          </cell>
          <cell r="Z279" t="str">
            <v>土建と電管鋼塗防機水清</v>
          </cell>
          <cell r="AA279" t="str">
            <v>機械器具</v>
          </cell>
          <cell r="AB279" t="str">
            <v>電気</v>
          </cell>
          <cell r="AC279" t="str">
            <v>水道施設</v>
          </cell>
          <cell r="AD279" t="str">
            <v>とび土工</v>
          </cell>
          <cell r="AE279">
            <v>43008</v>
          </cell>
          <cell r="AF279" t="str">
            <v>希望しない</v>
          </cell>
          <cell r="AG279" t="str">
            <v>機械器具</v>
          </cell>
          <cell r="AH279" t="str">
            <v>特定</v>
          </cell>
          <cell r="AI279">
            <v>1275</v>
          </cell>
          <cell r="AJ279">
            <v>7251283</v>
          </cell>
          <cell r="AK279" t="str">
            <v>1(1)/0/137</v>
          </cell>
          <cell r="AL279" t="str">
            <v>電気</v>
          </cell>
          <cell r="AM279" t="str">
            <v>特定</v>
          </cell>
          <cell r="AN279">
            <v>1307</v>
          </cell>
          <cell r="AO279">
            <v>3853379</v>
          </cell>
          <cell r="AP279" t="str">
            <v>102(98)/36/0</v>
          </cell>
          <cell r="AQ279" t="str">
            <v>水道施設</v>
          </cell>
          <cell r="AR279" t="str">
            <v>特定</v>
          </cell>
          <cell r="AS279">
            <v>1213</v>
          </cell>
          <cell r="AT279">
            <v>818029</v>
          </cell>
          <cell r="AU279" t="str">
            <v>100(97)/10/2</v>
          </cell>
          <cell r="AV279" t="str">
            <v>とび土工</v>
          </cell>
          <cell r="AW279" t="str">
            <v>特定</v>
          </cell>
          <cell r="AX279">
            <v>921</v>
          </cell>
          <cell r="AY279">
            <v>81488</v>
          </cell>
          <cell r="AZ279" t="str">
            <v>2(2)/0/0</v>
          </cell>
          <cell r="BA279" t="str">
            <v>東京都</v>
          </cell>
          <cell r="BB279">
            <v>0</v>
          </cell>
          <cell r="CR279">
            <v>4477</v>
          </cell>
          <cell r="CS279" t="str">
            <v>ﾖﾈｸﾗ ﾔｽｱｷ</v>
          </cell>
          <cell r="CT279" t="str">
            <v>米倉  康明</v>
          </cell>
          <cell r="CU279" t="str">
            <v xml:space="preserve"> </v>
          </cell>
          <cell r="CW279">
            <v>3851</v>
          </cell>
          <cell r="CX279" t="str">
            <v>室長</v>
          </cell>
        </row>
        <row r="280">
          <cell r="B280">
            <v>2275</v>
          </cell>
          <cell r="C280" t="str">
            <v>(株)ＦＭＲ</v>
          </cell>
          <cell r="D280" t="str">
            <v>072-648-7040</v>
          </cell>
          <cell r="E280" t="str">
            <v>541-0059</v>
          </cell>
          <cell r="F280" t="str">
            <v>大阪府茨木市新郡山2-31-28</v>
          </cell>
          <cell r="G280" t="str">
            <v>茨木市</v>
          </cell>
          <cell r="H280" t="str">
            <v/>
          </cell>
          <cell r="I280" t="str">
            <v>代表取締役　 藤野　由紀子</v>
          </cell>
          <cell r="J280" t="str">
            <v>本店</v>
          </cell>
          <cell r="K280" t="str">
            <v>072-648-7041</v>
          </cell>
          <cell r="L280" t="str">
            <v>kinoshita-toru@fujino-kougyo.co.jp</v>
          </cell>
          <cell r="M280" t="str">
            <v>ｴﾌｴﾑｱ-ﾙ</v>
          </cell>
          <cell r="N280" t="str">
            <v>無</v>
          </cell>
          <cell r="O280">
            <v>8</v>
          </cell>
          <cell r="P280">
            <v>6</v>
          </cell>
          <cell r="Q280">
            <v>2120000000000</v>
          </cell>
          <cell r="R280">
            <v>20000</v>
          </cell>
          <cell r="S280">
            <v>43363</v>
          </cell>
          <cell r="T280">
            <v>44910</v>
          </cell>
          <cell r="V280" t="str">
            <v>wq404695</v>
          </cell>
          <cell r="W280" t="str">
            <v>aq708930</v>
          </cell>
          <cell r="X280" t="str">
            <v>通(清)(と)(電)(塗)(機)(水)土建と電管鋼塗防機水清</v>
          </cell>
          <cell r="Y280" t="str">
            <v>通(清)(と)(電)(塗)(機)(水)</v>
          </cell>
          <cell r="Z280" t="str">
            <v>土建と電管鋼塗防機水清</v>
          </cell>
          <cell r="AA280" t="str">
            <v>土木一式</v>
          </cell>
          <cell r="AB280" t="str">
            <v/>
          </cell>
          <cell r="AC280" t="str">
            <v/>
          </cell>
          <cell r="AD280" t="str">
            <v/>
          </cell>
          <cell r="AE280">
            <v>43190</v>
          </cell>
          <cell r="AF280" t="str">
            <v>ＳＰＲ工法</v>
          </cell>
          <cell r="AG280" t="str">
            <v>土木一式</v>
          </cell>
          <cell r="AH280" t="str">
            <v>特定</v>
          </cell>
          <cell r="AI280">
            <v>678</v>
          </cell>
          <cell r="AJ280">
            <v>22016</v>
          </cell>
          <cell r="AK280" t="str">
            <v>3(3)/0/0</v>
          </cell>
          <cell r="AL280" t="str">
            <v/>
          </cell>
          <cell r="AM280" t="str">
            <v/>
          </cell>
          <cell r="AN280" t="str">
            <v/>
          </cell>
          <cell r="AO280" t="str">
            <v/>
          </cell>
          <cell r="AP280" t="str">
            <v/>
          </cell>
          <cell r="AQ280" t="str">
            <v/>
          </cell>
          <cell r="AR280" t="str">
            <v/>
          </cell>
          <cell r="AS280" t="str">
            <v/>
          </cell>
          <cell r="AT280" t="str">
            <v/>
          </cell>
          <cell r="AU280" t="str">
            <v/>
          </cell>
          <cell r="AV280" t="str">
            <v/>
          </cell>
          <cell r="AW280" t="str">
            <v/>
          </cell>
          <cell r="AX280" t="str">
            <v/>
          </cell>
          <cell r="AY280" t="str">
            <v/>
          </cell>
          <cell r="AZ280" t="str">
            <v/>
          </cell>
          <cell r="BA280" t="str">
            <v>大阪府</v>
          </cell>
          <cell r="BB280">
            <v>0</v>
          </cell>
          <cell r="CR280">
            <v>4477</v>
          </cell>
          <cell r="CS280" t="str">
            <v>ﾖﾈｸﾗ ﾔｽｱｷ</v>
          </cell>
          <cell r="CT280" t="str">
            <v>米倉  康明</v>
          </cell>
          <cell r="CU280" t="str">
            <v>地域医療推進課</v>
          </cell>
          <cell r="CW280">
            <v>3851</v>
          </cell>
          <cell r="CX280" t="str">
            <v>（兼）課長</v>
          </cell>
          <cell r="CY280" t="str">
            <v>地域医療推進課長</v>
          </cell>
        </row>
        <row r="281">
          <cell r="B281">
            <v>2279</v>
          </cell>
          <cell r="C281" t="str">
            <v>(株)エーステック</v>
          </cell>
          <cell r="D281" t="str">
            <v>078-733-2110</v>
          </cell>
          <cell r="E281" t="str">
            <v>654-0044</v>
          </cell>
          <cell r="F281" t="str">
            <v>兵庫県神戸市須磨区稲葉町1-1-3</v>
          </cell>
          <cell r="G281" t="str">
            <v>神戸市</v>
          </cell>
          <cell r="H281" t="str">
            <v/>
          </cell>
          <cell r="I281" t="str">
            <v>代表取締役 加納　由紀夫</v>
          </cell>
          <cell r="J281" t="str">
            <v>本店</v>
          </cell>
          <cell r="K281" t="str">
            <v>078-734-5295</v>
          </cell>
          <cell r="L281" t="str">
            <v>kashimoto@ace-tec.jp</v>
          </cell>
          <cell r="M281" t="str">
            <v>ｴｰｽﾃｯｸ</v>
          </cell>
          <cell r="N281" t="str">
            <v>無</v>
          </cell>
          <cell r="O281">
            <v>29</v>
          </cell>
          <cell r="P281">
            <v>24</v>
          </cell>
          <cell r="Q281">
            <v>4140001017307</v>
          </cell>
          <cell r="R281">
            <v>15000</v>
          </cell>
          <cell r="S281">
            <v>21316</v>
          </cell>
          <cell r="T281">
            <v>478831</v>
          </cell>
          <cell r="V281" t="str">
            <v>hr142514</v>
          </cell>
          <cell r="W281" t="str">
            <v>wf012457</v>
          </cell>
          <cell r="X281" t="str">
            <v>建電機</v>
          </cell>
          <cell r="Y281" t="str">
            <v>建電機</v>
          </cell>
          <cell r="Z281" t="str">
            <v/>
          </cell>
          <cell r="AA281" t="str">
            <v>機械器具</v>
          </cell>
          <cell r="AB281" t="str">
            <v/>
          </cell>
          <cell r="AC281" t="str">
            <v/>
          </cell>
          <cell r="AD281" t="str">
            <v/>
          </cell>
          <cell r="AE281">
            <v>43159</v>
          </cell>
          <cell r="AF281" t="str">
            <v>希望しない</v>
          </cell>
          <cell r="AG281" t="str">
            <v>機械器具</v>
          </cell>
          <cell r="AH281" t="str">
            <v>一般</v>
          </cell>
          <cell r="AI281">
            <v>753</v>
          </cell>
          <cell r="AJ281">
            <v>262729</v>
          </cell>
          <cell r="AK281" t="str">
            <v>0(0)/0/11</v>
          </cell>
          <cell r="AL281" t="str">
            <v/>
          </cell>
          <cell r="AM281" t="str">
            <v/>
          </cell>
          <cell r="AN281" t="str">
            <v/>
          </cell>
          <cell r="AO281" t="str">
            <v/>
          </cell>
          <cell r="AP281" t="str">
            <v/>
          </cell>
          <cell r="AQ281" t="str">
            <v/>
          </cell>
          <cell r="AR281" t="str">
            <v/>
          </cell>
          <cell r="AS281" t="str">
            <v/>
          </cell>
          <cell r="AT281" t="str">
            <v/>
          </cell>
          <cell r="AU281" t="str">
            <v/>
          </cell>
          <cell r="AV281" t="str">
            <v/>
          </cell>
          <cell r="AW281" t="str">
            <v/>
          </cell>
          <cell r="AX281" t="str">
            <v/>
          </cell>
          <cell r="AY281" t="str">
            <v/>
          </cell>
          <cell r="AZ281" t="str">
            <v/>
          </cell>
          <cell r="BA281" t="str">
            <v>兵庫県</v>
          </cell>
          <cell r="BB281">
            <v>0</v>
          </cell>
          <cell r="CR281">
            <v>4478</v>
          </cell>
          <cell r="CS281" t="str">
            <v>ｱﾔﾉ ﾏｻﾕｷ</v>
          </cell>
          <cell r="CT281" t="str">
            <v>綾野  昌幸</v>
          </cell>
          <cell r="CU281" t="str">
            <v xml:space="preserve"> </v>
          </cell>
          <cell r="CW281">
            <v>3210</v>
          </cell>
          <cell r="CX281" t="str">
            <v>参事</v>
          </cell>
        </row>
        <row r="282">
          <cell r="B282">
            <v>2280</v>
          </cell>
          <cell r="C282" t="str">
            <v>(株)エネテック大阪</v>
          </cell>
          <cell r="D282" t="str">
            <v>072-226-2880</v>
          </cell>
          <cell r="E282" t="str">
            <v>590-0002</v>
          </cell>
          <cell r="F282" t="str">
            <v>大阪府堺市堺区砂道町1-1-29</v>
          </cell>
          <cell r="G282" t="str">
            <v>堺市</v>
          </cell>
          <cell r="H282" t="str">
            <v/>
          </cell>
          <cell r="I282" t="str">
            <v>代表取締役 竹内　浩</v>
          </cell>
          <cell r="J282" t="str">
            <v>本店</v>
          </cell>
          <cell r="K282" t="str">
            <v>072-226-2830</v>
          </cell>
          <cell r="L282" t="str">
            <v>n-oka@enetec-osaka.co.jp</v>
          </cell>
          <cell r="M282" t="str">
            <v>ｴﾈﾃｯｸｵｵｻｶ</v>
          </cell>
          <cell r="N282" t="str">
            <v>無</v>
          </cell>
          <cell r="O282">
            <v>27</v>
          </cell>
          <cell r="P282">
            <v>81</v>
          </cell>
          <cell r="Q282">
            <v>1120101009571</v>
          </cell>
          <cell r="R282">
            <v>20000</v>
          </cell>
          <cell r="S282">
            <v>1081088</v>
          </cell>
          <cell r="T282">
            <v>3889358</v>
          </cell>
          <cell r="V282" t="str">
            <v>dw475862</v>
          </cell>
          <cell r="W282" t="str">
            <v>he419697</v>
          </cell>
          <cell r="X282" t="str">
            <v>電管機</v>
          </cell>
          <cell r="Y282" t="str">
            <v/>
          </cell>
          <cell r="Z282" t="str">
            <v>電管機</v>
          </cell>
          <cell r="AA282" t="str">
            <v>管</v>
          </cell>
          <cell r="AB282" t="str">
            <v>電気</v>
          </cell>
          <cell r="AC282" t="str">
            <v>機械器具</v>
          </cell>
          <cell r="AD282" t="str">
            <v/>
          </cell>
          <cell r="AE282">
            <v>43190</v>
          </cell>
          <cell r="AF282" t="str">
            <v>希望しない</v>
          </cell>
          <cell r="AG282" t="str">
            <v>管</v>
          </cell>
          <cell r="AH282" t="str">
            <v>特定</v>
          </cell>
          <cell r="AI282">
            <v>973</v>
          </cell>
          <cell r="AJ282">
            <v>2328394</v>
          </cell>
          <cell r="AK282" t="str">
            <v>16(11)/11/</v>
          </cell>
          <cell r="AL282" t="str">
            <v>電気</v>
          </cell>
          <cell r="AM282" t="str">
            <v>特定</v>
          </cell>
          <cell r="AN282">
            <v>785</v>
          </cell>
          <cell r="AO282">
            <v>115220</v>
          </cell>
          <cell r="AP282" t="str">
            <v>4(3)/6/1</v>
          </cell>
          <cell r="AQ282" t="str">
            <v>機械器具</v>
          </cell>
          <cell r="AR282" t="str">
            <v>特定</v>
          </cell>
          <cell r="AS282">
            <v>722</v>
          </cell>
          <cell r="AT282">
            <v>137265</v>
          </cell>
          <cell r="AU282" t="str">
            <v>()//1</v>
          </cell>
          <cell r="AV282" t="str">
            <v/>
          </cell>
          <cell r="AW282" t="str">
            <v/>
          </cell>
          <cell r="AX282" t="str">
            <v/>
          </cell>
          <cell r="AY282" t="str">
            <v/>
          </cell>
          <cell r="AZ282" t="str">
            <v/>
          </cell>
          <cell r="BA282" t="str">
            <v>大阪府</v>
          </cell>
          <cell r="BB282">
            <v>0</v>
          </cell>
          <cell r="CR282">
            <v>4478</v>
          </cell>
          <cell r="CS282" t="str">
            <v>ｱﾔﾉ ﾏｻﾕｷ</v>
          </cell>
          <cell r="CT282" t="str">
            <v>綾野  昌幸</v>
          </cell>
          <cell r="CU282" t="str">
            <v xml:space="preserve"> </v>
          </cell>
          <cell r="CW282">
            <v>3210</v>
          </cell>
          <cell r="CX282" t="str">
            <v>（兼）室長</v>
          </cell>
        </row>
        <row r="283">
          <cell r="B283">
            <v>2281</v>
          </cell>
          <cell r="C283" t="str">
            <v>(株)オアスコ</v>
          </cell>
          <cell r="D283" t="str">
            <v>06-6568-6882</v>
          </cell>
          <cell r="E283" t="str">
            <v>557-0061</v>
          </cell>
          <cell r="F283" t="str">
            <v>大阪府大阪市西成区北津守3-11-12</v>
          </cell>
          <cell r="G283" t="str">
            <v>大阪市</v>
          </cell>
          <cell r="H283" t="str">
            <v/>
          </cell>
          <cell r="I283" t="str">
            <v>代表取締役 奥　研吾</v>
          </cell>
          <cell r="J283" t="str">
            <v>本店</v>
          </cell>
          <cell r="K283" t="str">
            <v>06-6568-6886</v>
          </cell>
          <cell r="L283" t="str">
            <v>ogawa@oasco.co.jp</v>
          </cell>
          <cell r="M283" t="str">
            <v>ｵｱｽｺ</v>
          </cell>
          <cell r="N283" t="str">
            <v>無</v>
          </cell>
          <cell r="O283">
            <v>15</v>
          </cell>
          <cell r="P283">
            <v>6</v>
          </cell>
          <cell r="Q283">
            <v>4120001061959</v>
          </cell>
          <cell r="R283">
            <v>10000</v>
          </cell>
          <cell r="S283">
            <v>13788</v>
          </cell>
          <cell r="T283">
            <v>213134</v>
          </cell>
          <cell r="V283" t="str">
            <v>sy337495</v>
          </cell>
          <cell r="W283" t="str">
            <v>pm691375</v>
          </cell>
          <cell r="X283" t="str">
            <v>土と舗園</v>
          </cell>
          <cell r="Y283" t="str">
            <v>土と舗園</v>
          </cell>
          <cell r="Z283" t="str">
            <v/>
          </cell>
          <cell r="AA283" t="str">
            <v>土木一式</v>
          </cell>
          <cell r="AB283" t="str">
            <v>造園</v>
          </cell>
          <cell r="AC283" t="str">
            <v>舗装</v>
          </cell>
          <cell r="AD283" t="str">
            <v>とび土工</v>
          </cell>
          <cell r="AE283">
            <v>43281</v>
          </cell>
          <cell r="AF283" t="str">
            <v>希望しない</v>
          </cell>
          <cell r="AG283" t="str">
            <v>土木一式</v>
          </cell>
          <cell r="AH283" t="str">
            <v>一般</v>
          </cell>
          <cell r="AI283">
            <v>761</v>
          </cell>
          <cell r="AJ283">
            <v>143390</v>
          </cell>
          <cell r="AK283" t="str">
            <v>5(5)/0/1</v>
          </cell>
          <cell r="AL283" t="str">
            <v>造園</v>
          </cell>
          <cell r="AM283" t="str">
            <v>一般</v>
          </cell>
          <cell r="AN283">
            <v>684</v>
          </cell>
          <cell r="AO283">
            <v>26136</v>
          </cell>
          <cell r="AP283" t="str">
            <v>2(2)/2/0</v>
          </cell>
          <cell r="AQ283" t="str">
            <v>舗装</v>
          </cell>
          <cell r="AR283" t="str">
            <v>一般</v>
          </cell>
          <cell r="AS283">
            <v>651</v>
          </cell>
          <cell r="AT283">
            <v>27042</v>
          </cell>
          <cell r="AU283" t="str">
            <v>1(1)/0/0</v>
          </cell>
          <cell r="AV283" t="str">
            <v>とび土工</v>
          </cell>
          <cell r="AW283" t="str">
            <v>一般</v>
          </cell>
          <cell r="AX283">
            <v>628</v>
          </cell>
          <cell r="AY283">
            <v>17278</v>
          </cell>
          <cell r="AZ283" t="str">
            <v>0(0)/0/0</v>
          </cell>
          <cell r="BA283" t="str">
            <v>大阪府</v>
          </cell>
          <cell r="BB283">
            <v>0</v>
          </cell>
          <cell r="CR283">
            <v>4479</v>
          </cell>
          <cell r="CS283" t="str">
            <v>ｵｵﾊｼ ﾖｼﾋﾃﾞ</v>
          </cell>
          <cell r="CT283" t="str">
            <v>大橋  吉英</v>
          </cell>
          <cell r="CU283" t="str">
            <v>住宅管理課</v>
          </cell>
          <cell r="CW283">
            <v>3303</v>
          </cell>
          <cell r="CX283" t="str">
            <v>課長</v>
          </cell>
          <cell r="CY283" t="str">
            <v>住宅管理課長</v>
          </cell>
        </row>
        <row r="284">
          <cell r="B284">
            <v>2284</v>
          </cell>
          <cell r="C284" t="str">
            <v>オーイー設備(株)</v>
          </cell>
          <cell r="D284" t="str">
            <v>078-881-4350</v>
          </cell>
          <cell r="E284" t="str">
            <v>657-0057</v>
          </cell>
          <cell r="F284" t="str">
            <v>兵庫県神戸市灘区神ﾉ木通2-4-1</v>
          </cell>
          <cell r="G284" t="str">
            <v>神戸市</v>
          </cell>
          <cell r="H284" t="str">
            <v/>
          </cell>
          <cell r="I284" t="str">
            <v>代表取締役 田上　元英</v>
          </cell>
          <cell r="J284" t="str">
            <v>本店</v>
          </cell>
          <cell r="K284" t="str">
            <v>078-881-4424</v>
          </cell>
          <cell r="L284" t="str">
            <v>oesetsubi@mizu.or.jp</v>
          </cell>
          <cell r="M284" t="str">
            <v>ｵｰｲｰｾﾂﾋﾞ</v>
          </cell>
          <cell r="N284" t="str">
            <v>無</v>
          </cell>
          <cell r="O284">
            <v>46</v>
          </cell>
          <cell r="P284">
            <v>7</v>
          </cell>
          <cell r="Q284">
            <v>9140001003112</v>
          </cell>
          <cell r="R284">
            <v>11000</v>
          </cell>
          <cell r="S284">
            <v>38964</v>
          </cell>
          <cell r="T284">
            <v>40231</v>
          </cell>
          <cell r="V284" t="str">
            <v>np263247</v>
          </cell>
          <cell r="W284" t="str">
            <v>ec738279</v>
          </cell>
          <cell r="X284" t="str">
            <v>電管機消</v>
          </cell>
          <cell r="Y284" t="str">
            <v>電管機消</v>
          </cell>
          <cell r="Z284" t="str">
            <v/>
          </cell>
          <cell r="AA284" t="str">
            <v>機械器具</v>
          </cell>
          <cell r="AB284" t="str">
            <v>管</v>
          </cell>
          <cell r="AC284" t="str">
            <v>消防施設</v>
          </cell>
          <cell r="AD284" t="str">
            <v>電気</v>
          </cell>
          <cell r="AE284">
            <v>43190</v>
          </cell>
          <cell r="AF284" t="str">
            <v/>
          </cell>
          <cell r="AG284" t="str">
            <v>機械器具</v>
          </cell>
          <cell r="AH284" t="str">
            <v>一般</v>
          </cell>
          <cell r="AI284">
            <v>584</v>
          </cell>
          <cell r="AJ284">
            <v>22500</v>
          </cell>
          <cell r="AK284" t="str">
            <v>0(0)/0/1</v>
          </cell>
          <cell r="AL284" t="str">
            <v>管</v>
          </cell>
          <cell r="AM284" t="str">
            <v>一般</v>
          </cell>
          <cell r="AN284">
            <v>585</v>
          </cell>
          <cell r="AO284">
            <v>11470</v>
          </cell>
          <cell r="AP284" t="str">
            <v>1(1)/0/0</v>
          </cell>
          <cell r="AQ284" t="str">
            <v>消防施設</v>
          </cell>
          <cell r="AR284" t="str">
            <v>一般</v>
          </cell>
          <cell r="AS284">
            <v>541</v>
          </cell>
          <cell r="AT284">
            <v>4800</v>
          </cell>
          <cell r="AU284" t="str">
            <v>0(0)/0/0</v>
          </cell>
          <cell r="AV284" t="str">
            <v>電気</v>
          </cell>
          <cell r="AW284" t="str">
            <v>一般</v>
          </cell>
          <cell r="AX284">
            <v>540</v>
          </cell>
          <cell r="AY284">
            <v>4500</v>
          </cell>
          <cell r="AZ284" t="str">
            <v>0(0)/0/0</v>
          </cell>
          <cell r="BA284" t="str">
            <v>兵庫県</v>
          </cell>
          <cell r="BB284">
            <v>0</v>
          </cell>
          <cell r="CR284">
            <v>4480</v>
          </cell>
          <cell r="CS284" t="str">
            <v>ﾏﾂｳﾗ ﾐﾉﾙ</v>
          </cell>
          <cell r="CT284" t="str">
            <v>松浦  実</v>
          </cell>
          <cell r="CU284" t="str">
            <v xml:space="preserve"> </v>
          </cell>
          <cell r="CW284">
            <v>3511</v>
          </cell>
          <cell r="CX284" t="str">
            <v>事務局長</v>
          </cell>
        </row>
        <row r="285">
          <cell r="B285">
            <v>2289</v>
          </cell>
          <cell r="C285" t="str">
            <v>(株)エムライン</v>
          </cell>
          <cell r="D285" t="str">
            <v>06-6468-7505</v>
          </cell>
          <cell r="E285" t="str">
            <v>554-0032</v>
          </cell>
          <cell r="F285" t="str">
            <v>大阪府大阪市此花区梅町2-2-25</v>
          </cell>
          <cell r="G285" t="str">
            <v>大阪市</v>
          </cell>
          <cell r="H285" t="str">
            <v/>
          </cell>
          <cell r="I285" t="str">
            <v>代表取締役 中　篤司</v>
          </cell>
          <cell r="J285" t="str">
            <v>本店</v>
          </cell>
          <cell r="K285" t="str">
            <v>06-6468-7510</v>
          </cell>
          <cell r="L285" t="str">
            <v>info@m-line-m.jp</v>
          </cell>
          <cell r="M285" t="str">
            <v>ｴﾑﾗｲﾝ</v>
          </cell>
          <cell r="N285" t="str">
            <v>無</v>
          </cell>
          <cell r="O285">
            <v>14</v>
          </cell>
          <cell r="P285">
            <v>13</v>
          </cell>
          <cell r="Q285">
            <v>8120001016224</v>
          </cell>
          <cell r="R285">
            <v>28000</v>
          </cell>
          <cell r="S285">
            <v>61430</v>
          </cell>
          <cell r="T285">
            <v>188864</v>
          </cell>
          <cell r="V285" t="str">
            <v>ta963703</v>
          </cell>
          <cell r="W285" t="str">
            <v>ee747510</v>
          </cell>
          <cell r="X285" t="str">
            <v>管浚(清)(と)(石)(鋼)(舗)(浚)(塗)土と舗</v>
          </cell>
          <cell r="Y285" t="str">
            <v>管浚(清)(と)(石)(鋼)(舗)(浚)(塗)</v>
          </cell>
          <cell r="Z285" t="str">
            <v>土と舗</v>
          </cell>
          <cell r="AA285" t="str">
            <v>土木一式</v>
          </cell>
          <cell r="AB285" t="str">
            <v>管</v>
          </cell>
          <cell r="AC285" t="str">
            <v>浚渫</v>
          </cell>
          <cell r="AD285" t="str">
            <v>舗装</v>
          </cell>
          <cell r="AE285">
            <v>43190</v>
          </cell>
          <cell r="AF285" t="str">
            <v>希望する</v>
          </cell>
          <cell r="AG285" t="str">
            <v>土木一式</v>
          </cell>
          <cell r="AH285" t="str">
            <v>特定</v>
          </cell>
          <cell r="AI285">
            <v>807</v>
          </cell>
          <cell r="AJ285">
            <v>192960</v>
          </cell>
          <cell r="AK285" t="str">
            <v>6(4)/0/2</v>
          </cell>
          <cell r="AL285" t="str">
            <v>管</v>
          </cell>
          <cell r="AM285" t="str">
            <v>一般</v>
          </cell>
          <cell r="AN285">
            <v>670</v>
          </cell>
          <cell r="AO285">
            <v>16744</v>
          </cell>
          <cell r="AP285" t="str">
            <v>1(1)/0/2</v>
          </cell>
          <cell r="AQ285" t="str">
            <v>浚渫</v>
          </cell>
          <cell r="AR285" t="str">
            <v>一般</v>
          </cell>
          <cell r="AS285">
            <v>612</v>
          </cell>
          <cell r="AT285">
            <v>807</v>
          </cell>
          <cell r="AU285" t="str">
            <v>0(1)/0/0</v>
          </cell>
          <cell r="AV285" t="str">
            <v>舗装</v>
          </cell>
          <cell r="AW285" t="str">
            <v>特定</v>
          </cell>
          <cell r="AX285">
            <v>676</v>
          </cell>
          <cell r="AY285">
            <v>1834</v>
          </cell>
          <cell r="AZ285" t="str">
            <v>5(3)/0/0</v>
          </cell>
          <cell r="BA285" t="str">
            <v>大阪府</v>
          </cell>
          <cell r="BB285">
            <v>0</v>
          </cell>
          <cell r="CR285">
            <v>4481</v>
          </cell>
          <cell r="CS285" t="str">
            <v>ﾏｽﾑﾗ ｶｽﾞﾋﾛ</v>
          </cell>
          <cell r="CT285" t="str">
            <v>桝村  一弘</v>
          </cell>
          <cell r="CU285" t="str">
            <v xml:space="preserve"> </v>
          </cell>
          <cell r="CW285">
            <v>2200</v>
          </cell>
          <cell r="CX285" t="str">
            <v>部長</v>
          </cell>
        </row>
        <row r="286">
          <cell r="B286">
            <v>2290</v>
          </cell>
          <cell r="C286" t="str">
            <v>(株)大川商事</v>
          </cell>
          <cell r="D286" t="str">
            <v>072-682-2136</v>
          </cell>
          <cell r="E286" t="str">
            <v>569-1123</v>
          </cell>
          <cell r="F286" t="str">
            <v>大阪府高槻市芥川町2-19-1</v>
          </cell>
          <cell r="G286" t="str">
            <v>高槻市</v>
          </cell>
          <cell r="H286" t="str">
            <v/>
          </cell>
          <cell r="I286" t="str">
            <v>代表取締役 大川　靖志</v>
          </cell>
          <cell r="J286" t="str">
            <v>本店</v>
          </cell>
          <cell r="K286" t="str">
            <v>072-682-8464</v>
          </cell>
          <cell r="L286" t="str">
            <v>k.k-okawashoji@wine.ocn.ne.jp</v>
          </cell>
          <cell r="M286" t="str">
            <v>ｵｵｶﾜｼｮｳｼﾞ</v>
          </cell>
          <cell r="N286" t="str">
            <v>無</v>
          </cell>
          <cell r="O286">
            <v>40</v>
          </cell>
          <cell r="P286">
            <v>4</v>
          </cell>
          <cell r="Q286">
            <v>1120901010563</v>
          </cell>
          <cell r="R286">
            <v>10000</v>
          </cell>
          <cell r="S286">
            <v>21113</v>
          </cell>
          <cell r="T286">
            <v>47824</v>
          </cell>
          <cell r="V286" t="str">
            <v>zn949461</v>
          </cell>
          <cell r="W286" t="str">
            <v>zf515949</v>
          </cell>
          <cell r="X286" t="str">
            <v>土と石管鋼舗浚塗水</v>
          </cell>
          <cell r="Y286" t="str">
            <v>土と石管鋼舗浚塗水</v>
          </cell>
          <cell r="Z286" t="str">
            <v/>
          </cell>
          <cell r="AA286" t="str">
            <v>浚渫</v>
          </cell>
          <cell r="AB286" t="str">
            <v>管</v>
          </cell>
          <cell r="AC286" t="str">
            <v>とび土工</v>
          </cell>
          <cell r="AD286" t="str">
            <v>土木一式</v>
          </cell>
          <cell r="AE286">
            <v>43251</v>
          </cell>
          <cell r="AF286" t="str">
            <v>希望しない</v>
          </cell>
          <cell r="AG286" t="str">
            <v>浚渫</v>
          </cell>
          <cell r="AH286" t="str">
            <v>一般</v>
          </cell>
          <cell r="AI286">
            <v>677</v>
          </cell>
          <cell r="AJ286">
            <v>37655</v>
          </cell>
          <cell r="AK286" t="str">
            <v>2(2)/0/2</v>
          </cell>
          <cell r="AL286" t="str">
            <v>管</v>
          </cell>
          <cell r="AM286" t="str">
            <v>一般</v>
          </cell>
          <cell r="AN286">
            <v>589</v>
          </cell>
          <cell r="AO286">
            <v>1514</v>
          </cell>
          <cell r="AP286" t="str">
            <v>1(1)/0/0</v>
          </cell>
          <cell r="AQ286" t="str">
            <v>とび土工</v>
          </cell>
          <cell r="AR286" t="str">
            <v>一般</v>
          </cell>
          <cell r="AS286">
            <v>593</v>
          </cell>
          <cell r="AT286">
            <v>1175</v>
          </cell>
          <cell r="AU286" t="str">
            <v>1(0)/0/2</v>
          </cell>
          <cell r="AV286" t="str">
            <v>土木一式</v>
          </cell>
          <cell r="AW286" t="str">
            <v>一般</v>
          </cell>
          <cell r="AX286">
            <v>574</v>
          </cell>
          <cell r="AY286">
            <v>1630</v>
          </cell>
          <cell r="AZ286" t="str">
            <v>0(0)/0/0</v>
          </cell>
          <cell r="BA286" t="str">
            <v>大阪府</v>
          </cell>
          <cell r="BB286">
            <v>0</v>
          </cell>
          <cell r="CR286">
            <v>4482</v>
          </cell>
          <cell r="CS286" t="str">
            <v>ﾅｶﾞﾉ ﾅｵﾐ</v>
          </cell>
          <cell r="CT286" t="str">
            <v>長野  直美</v>
          </cell>
          <cell r="CU286" t="str">
            <v xml:space="preserve"> </v>
          </cell>
          <cell r="CW286">
            <v>2764</v>
          </cell>
          <cell r="CX286" t="str">
            <v>室長</v>
          </cell>
        </row>
        <row r="287">
          <cell r="B287">
            <v>2291</v>
          </cell>
          <cell r="C287" t="str">
            <v>大木建設(株)</v>
          </cell>
          <cell r="D287" t="str">
            <v>078-334-1620</v>
          </cell>
          <cell r="E287" t="str">
            <v>650-0024</v>
          </cell>
          <cell r="F287" t="str">
            <v>兵庫県神戸市中央区海岸通2-1-2</v>
          </cell>
          <cell r="G287" t="str">
            <v/>
          </cell>
          <cell r="H287" t="str">
            <v>神戸営業所</v>
          </cell>
          <cell r="I287" t="str">
            <v>所長 髙野　敏洋</v>
          </cell>
          <cell r="J287" t="str">
            <v>東京都</v>
          </cell>
          <cell r="K287" t="str">
            <v>078-334-1621</v>
          </cell>
          <cell r="L287" t="str">
            <v>einfo@ohki.co.jp</v>
          </cell>
          <cell r="M287" t="str">
            <v>ｵｵｷｹﾝｾﾂ</v>
          </cell>
          <cell r="N287" t="str">
            <v>有</v>
          </cell>
          <cell r="O287">
            <v>13</v>
          </cell>
          <cell r="P287">
            <v>211</v>
          </cell>
          <cell r="Q287">
            <v>1010601039204</v>
          </cell>
          <cell r="R287">
            <v>489516</v>
          </cell>
          <cell r="S287">
            <v>3669667</v>
          </cell>
          <cell r="T287">
            <v>21993292</v>
          </cell>
          <cell r="V287" t="str">
            <v>gv141882</v>
          </cell>
          <cell r="W287" t="str">
            <v>ur704457</v>
          </cell>
          <cell r="X287" t="str">
            <v>(清)(建)(と)(石)(屋)(タ)(鋼)(舗)(浚)(防)(内)(水)土建大と石屋電管タ鋼鉄舗浚板ガ塗防内熱園具水</v>
          </cell>
          <cell r="Y287" t="str">
            <v>(清)(建)(と)(石)(屋)(タ)(鋼)(舗)(浚)(防)(内)(水)</v>
          </cell>
          <cell r="Z287" t="str">
            <v>土建大と石屋電管タ鋼鉄舗浚板ガ塗防内熱園具水</v>
          </cell>
          <cell r="AA287" t="str">
            <v>建築一式</v>
          </cell>
          <cell r="AB287" t="str">
            <v>土木一式</v>
          </cell>
          <cell r="AC287" t="str">
            <v/>
          </cell>
          <cell r="AD287" t="str">
            <v/>
          </cell>
          <cell r="AE287">
            <v>43190</v>
          </cell>
          <cell r="AF287" t="str">
            <v/>
          </cell>
          <cell r="AG287" t="str">
            <v>建築一式</v>
          </cell>
          <cell r="AH287" t="str">
            <v>特定</v>
          </cell>
          <cell r="AI287">
            <v>1327</v>
          </cell>
          <cell r="AJ287">
            <v>19620190</v>
          </cell>
          <cell r="AK287" t="str">
            <v>104(92)/0/12</v>
          </cell>
          <cell r="AL287" t="str">
            <v>土木一式</v>
          </cell>
          <cell r="AM287" t="str">
            <v>特定</v>
          </cell>
          <cell r="AN287">
            <v>1125</v>
          </cell>
          <cell r="AO287">
            <v>2277804</v>
          </cell>
          <cell r="AP287" t="str">
            <v>46(44)/0/0</v>
          </cell>
          <cell r="AQ287" t="str">
            <v/>
          </cell>
          <cell r="AR287" t="str">
            <v/>
          </cell>
          <cell r="AS287" t="str">
            <v/>
          </cell>
          <cell r="AT287" t="str">
            <v/>
          </cell>
          <cell r="AU287" t="str">
            <v/>
          </cell>
          <cell r="AV287" t="str">
            <v/>
          </cell>
          <cell r="AW287" t="str">
            <v/>
          </cell>
          <cell r="AX287" t="str">
            <v/>
          </cell>
          <cell r="AY287" t="str">
            <v/>
          </cell>
          <cell r="AZ287" t="str">
            <v/>
          </cell>
          <cell r="BA287" t="str">
            <v>東京都</v>
          </cell>
          <cell r="BB287">
            <v>0</v>
          </cell>
          <cell r="CR287">
            <v>4482</v>
          </cell>
          <cell r="CS287" t="str">
            <v>ﾅｶﾞﾉ ﾅｵﾐ</v>
          </cell>
          <cell r="CT287" t="str">
            <v>長野  直美</v>
          </cell>
          <cell r="CU287" t="str">
            <v>後期医療福祉課</v>
          </cell>
          <cell r="CW287">
            <v>2764</v>
          </cell>
          <cell r="CX287" t="str">
            <v>（兼）課長</v>
          </cell>
          <cell r="CY287" t="str">
            <v>後期医療福祉課長</v>
          </cell>
        </row>
        <row r="288">
          <cell r="B288">
            <v>2293</v>
          </cell>
          <cell r="C288" t="str">
            <v>オーク設備工業(株)</v>
          </cell>
          <cell r="D288" t="str">
            <v>06-4705-0362</v>
          </cell>
          <cell r="E288" t="str">
            <v>512-0051</v>
          </cell>
          <cell r="F288" t="str">
            <v>大阪府大阪市中央区備後町1-7-10</v>
          </cell>
          <cell r="G288" t="str">
            <v/>
          </cell>
          <cell r="H288" t="str">
            <v>オーク設備工業(株)　大阪営業所</v>
          </cell>
          <cell r="I288" t="str">
            <v>所長 浜崎　慶太郎</v>
          </cell>
          <cell r="J288" t="str">
            <v>東京都</v>
          </cell>
          <cell r="K288" t="str">
            <v>06-4705-0367</v>
          </cell>
          <cell r="L288" t="str">
            <v>nishiei@oaksetsubi.co.jp</v>
          </cell>
          <cell r="M288" t="str">
            <v>ｵｰｸｾﾂﾋﾞｺｳｷﾞｮｳ</v>
          </cell>
          <cell r="N288" t="str">
            <v>有</v>
          </cell>
          <cell r="O288">
            <v>48</v>
          </cell>
          <cell r="P288">
            <v>270</v>
          </cell>
          <cell r="Q288">
            <v>4010001024448</v>
          </cell>
          <cell r="R288">
            <v>300000</v>
          </cell>
          <cell r="S288">
            <v>2969879</v>
          </cell>
          <cell r="T288">
            <v>18457753</v>
          </cell>
          <cell r="V288" t="str">
            <v>ux592124</v>
          </cell>
          <cell r="W288" t="str">
            <v>ht982696</v>
          </cell>
          <cell r="X288" t="str">
            <v>機消(管)(消)建電管</v>
          </cell>
          <cell r="Y288" t="str">
            <v>機消(管)(消)</v>
          </cell>
          <cell r="Z288" t="str">
            <v>建電管</v>
          </cell>
          <cell r="AA288" t="str">
            <v>管</v>
          </cell>
          <cell r="AB288" t="str">
            <v>消防施設</v>
          </cell>
          <cell r="AC288" t="str">
            <v/>
          </cell>
          <cell r="AD288" t="str">
            <v/>
          </cell>
          <cell r="AE288">
            <v>43190</v>
          </cell>
          <cell r="AF288" t="str">
            <v>希望しない</v>
          </cell>
          <cell r="AG288" t="str">
            <v>管</v>
          </cell>
          <cell r="AH288" t="str">
            <v>特定</v>
          </cell>
          <cell r="AI288">
            <v>1399</v>
          </cell>
          <cell r="AJ288">
            <v>20530179</v>
          </cell>
          <cell r="AK288" t="str">
            <v>158(139)/21/0</v>
          </cell>
          <cell r="AL288" t="str">
            <v>消防施設</v>
          </cell>
          <cell r="AM288" t="str">
            <v>一般</v>
          </cell>
          <cell r="AN288">
            <v>903</v>
          </cell>
          <cell r="AO288">
            <v>613</v>
          </cell>
          <cell r="AP288" t="str">
            <v>0(0)/68/0</v>
          </cell>
          <cell r="AQ288" t="str">
            <v/>
          </cell>
          <cell r="AR288" t="str">
            <v/>
          </cell>
          <cell r="AS288" t="str">
            <v/>
          </cell>
          <cell r="AT288" t="str">
            <v/>
          </cell>
          <cell r="AU288" t="str">
            <v/>
          </cell>
          <cell r="AV288" t="str">
            <v/>
          </cell>
          <cell r="AW288" t="str">
            <v/>
          </cell>
          <cell r="AX288" t="str">
            <v/>
          </cell>
          <cell r="AY288" t="str">
            <v/>
          </cell>
          <cell r="AZ288" t="str">
            <v/>
          </cell>
          <cell r="BA288" t="str">
            <v>東京都</v>
          </cell>
          <cell r="BB288">
            <v>0</v>
          </cell>
          <cell r="CR288">
            <v>4483</v>
          </cell>
          <cell r="CS288" t="str">
            <v>ﾐｴﾀﾞ ﾖｼﾐ</v>
          </cell>
          <cell r="CT288" t="str">
            <v>三枝  芳美</v>
          </cell>
          <cell r="CU288" t="str">
            <v>文化振興課</v>
          </cell>
          <cell r="CW288">
            <v>2935</v>
          </cell>
          <cell r="CX288" t="str">
            <v>課長</v>
          </cell>
          <cell r="CY288" t="str">
            <v>文化振興課長</v>
          </cell>
        </row>
        <row r="289">
          <cell r="B289">
            <v>2294</v>
          </cell>
          <cell r="C289" t="str">
            <v>大久保体器(株)</v>
          </cell>
          <cell r="D289" t="str">
            <v>086-279-0585</v>
          </cell>
          <cell r="E289" t="str">
            <v>703-8214</v>
          </cell>
          <cell r="F289" t="str">
            <v>岡山県岡山市東区鉄409</v>
          </cell>
          <cell r="G289" t="str">
            <v>岡山市</v>
          </cell>
          <cell r="H289" t="str">
            <v/>
          </cell>
          <cell r="I289" t="str">
            <v>代表取締役 安田　透</v>
          </cell>
          <cell r="J289" t="str">
            <v>本店</v>
          </cell>
          <cell r="K289" t="str">
            <v>086-279-0460</v>
          </cell>
          <cell r="L289" t="str">
            <v>info@ohkubo-taiki.co.jp</v>
          </cell>
          <cell r="M289" t="str">
            <v>ｵｵｸﾎﾞﾀｲｷ</v>
          </cell>
          <cell r="N289" t="str">
            <v>無</v>
          </cell>
          <cell r="O289">
            <v>50</v>
          </cell>
          <cell r="P289">
            <v>41</v>
          </cell>
          <cell r="Q289">
            <v>4260001001406</v>
          </cell>
          <cell r="R289">
            <v>20000</v>
          </cell>
          <cell r="S289">
            <v>310008</v>
          </cell>
          <cell r="T289">
            <v>730953</v>
          </cell>
          <cell r="V289" t="str">
            <v>kh395051</v>
          </cell>
          <cell r="W289" t="str">
            <v>bx531884</v>
          </cell>
          <cell r="X289" t="str">
            <v>土と石鋼舗浚園水</v>
          </cell>
          <cell r="Y289" t="str">
            <v/>
          </cell>
          <cell r="Z289" t="str">
            <v>土と石鋼舗浚園水</v>
          </cell>
          <cell r="AA289" t="str">
            <v>とび土工</v>
          </cell>
          <cell r="AB289" t="str">
            <v>造園</v>
          </cell>
          <cell r="AC289" t="str">
            <v/>
          </cell>
          <cell r="AD289" t="str">
            <v/>
          </cell>
          <cell r="AE289">
            <v>43100</v>
          </cell>
          <cell r="AF289" t="str">
            <v>希望しない</v>
          </cell>
          <cell r="AG289" t="str">
            <v>とび土工</v>
          </cell>
          <cell r="AH289" t="str">
            <v>特定</v>
          </cell>
          <cell r="AI289">
            <v>877</v>
          </cell>
          <cell r="AJ289">
            <v>630208</v>
          </cell>
          <cell r="AK289" t="str">
            <v>2(2)/9/10</v>
          </cell>
          <cell r="AL289" t="str">
            <v>造園</v>
          </cell>
          <cell r="AM289" t="str">
            <v>特定</v>
          </cell>
          <cell r="AN289">
            <v>707</v>
          </cell>
          <cell r="AO289">
            <v>8757</v>
          </cell>
          <cell r="AP289" t="str">
            <v>1(1)/5/5</v>
          </cell>
          <cell r="AQ289" t="str">
            <v/>
          </cell>
          <cell r="AR289" t="str">
            <v/>
          </cell>
          <cell r="AS289" t="str">
            <v/>
          </cell>
          <cell r="AT289" t="str">
            <v/>
          </cell>
          <cell r="AU289" t="str">
            <v/>
          </cell>
          <cell r="AV289" t="str">
            <v/>
          </cell>
          <cell r="AW289" t="str">
            <v/>
          </cell>
          <cell r="AX289" t="str">
            <v/>
          </cell>
          <cell r="AY289" t="str">
            <v/>
          </cell>
          <cell r="AZ289" t="str">
            <v/>
          </cell>
          <cell r="BA289" t="str">
            <v>岡山県</v>
          </cell>
          <cell r="BB289">
            <v>0</v>
          </cell>
          <cell r="CR289">
            <v>4484</v>
          </cell>
          <cell r="CS289" t="str">
            <v>ｶﾈﾀﾞ ﾖｳｺ</v>
          </cell>
          <cell r="CT289" t="str">
            <v>金田  洋子</v>
          </cell>
          <cell r="CU289" t="str">
            <v>管理課</v>
          </cell>
          <cell r="CW289" t="str">
            <v xml:space="preserve"> </v>
          </cell>
          <cell r="CX289" t="str">
            <v>課長</v>
          </cell>
          <cell r="CY289" t="str">
            <v>管理課長</v>
          </cell>
        </row>
        <row r="290">
          <cell r="B290">
            <v>2295</v>
          </cell>
          <cell r="C290" t="str">
            <v>ＯＥＳアクアフオーコ(株)</v>
          </cell>
          <cell r="D290" t="str">
            <v>0796-29-5210</v>
          </cell>
          <cell r="E290" t="str">
            <v>668-0831</v>
          </cell>
          <cell r="F290" t="str">
            <v>兵庫県豊岡市神美台157-76</v>
          </cell>
          <cell r="G290" t="str">
            <v>豊岡市</v>
          </cell>
          <cell r="H290" t="str">
            <v/>
          </cell>
          <cell r="I290" t="str">
            <v>代表取締役 鈴木　寛</v>
          </cell>
          <cell r="J290" t="str">
            <v>本店</v>
          </cell>
          <cell r="K290" t="str">
            <v>0796-29-5212</v>
          </cell>
          <cell r="L290" t="str">
            <v>azusa@acquafuoco.co.jp</v>
          </cell>
          <cell r="M290" t="str">
            <v>ｵｰｲｰｴｽｱｸｱﾌｵｰｺ</v>
          </cell>
          <cell r="N290" t="str">
            <v>無</v>
          </cell>
          <cell r="O290">
            <v>43</v>
          </cell>
          <cell r="P290">
            <v>113</v>
          </cell>
          <cell r="Q290">
            <v>7120001109334</v>
          </cell>
          <cell r="R290">
            <v>30000</v>
          </cell>
          <cell r="S290">
            <v>344278</v>
          </cell>
          <cell r="T290">
            <v>2316390</v>
          </cell>
          <cell r="V290" t="str">
            <v>cr372518</v>
          </cell>
          <cell r="W290" t="str">
            <v>db187135</v>
          </cell>
          <cell r="X290" t="str">
            <v>とタ清土石電管鋼舗浚塗機水</v>
          </cell>
          <cell r="Y290" t="str">
            <v>とタ清</v>
          </cell>
          <cell r="Z290" t="str">
            <v>土石電管鋼舗浚塗機水</v>
          </cell>
          <cell r="AA290" t="str">
            <v>機械器具</v>
          </cell>
          <cell r="AB290" t="str">
            <v>電気</v>
          </cell>
          <cell r="AC290" t="str">
            <v>水道施設</v>
          </cell>
          <cell r="AD290" t="str">
            <v/>
          </cell>
          <cell r="AE290">
            <v>43251</v>
          </cell>
          <cell r="AF290" t="str">
            <v>希望しない</v>
          </cell>
          <cell r="AG290" t="str">
            <v>機械器具</v>
          </cell>
          <cell r="AH290" t="str">
            <v>特定</v>
          </cell>
          <cell r="AI290">
            <v>952</v>
          </cell>
          <cell r="AJ290">
            <v>1273958</v>
          </cell>
          <cell r="AK290" t="str">
            <v>0(0)/0/45</v>
          </cell>
          <cell r="AL290" t="str">
            <v>電気</v>
          </cell>
          <cell r="AM290" t="str">
            <v>特定</v>
          </cell>
          <cell r="AN290">
            <v>843</v>
          </cell>
          <cell r="AO290">
            <v>229828</v>
          </cell>
          <cell r="AP290" t="str">
            <v>2(2)/3/4</v>
          </cell>
          <cell r="AQ290" t="str">
            <v>水道施設</v>
          </cell>
          <cell r="AR290" t="str">
            <v>特定</v>
          </cell>
          <cell r="AS290">
            <v>803</v>
          </cell>
          <cell r="AT290">
            <v>49862</v>
          </cell>
          <cell r="AU290" t="str">
            <v>3(3)/3/5</v>
          </cell>
          <cell r="AV290" t="str">
            <v/>
          </cell>
          <cell r="AW290" t="str">
            <v/>
          </cell>
          <cell r="AX290" t="str">
            <v/>
          </cell>
          <cell r="AY290" t="str">
            <v/>
          </cell>
          <cell r="AZ290" t="str">
            <v/>
          </cell>
          <cell r="BA290" t="str">
            <v>兵庫県</v>
          </cell>
          <cell r="BB290">
            <v>0</v>
          </cell>
          <cell r="CR290">
            <v>4486</v>
          </cell>
          <cell r="CS290" t="str">
            <v>ｵﾉ ﾉﾌﾞｴ</v>
          </cell>
          <cell r="CT290" t="str">
            <v>小野  信江</v>
          </cell>
          <cell r="CU290" t="str">
            <v>まちづくり推進課</v>
          </cell>
          <cell r="CW290">
            <v>2104</v>
          </cell>
          <cell r="CX290" t="str">
            <v>課長</v>
          </cell>
          <cell r="CY290" t="str">
            <v>まちづくり推進課長</v>
          </cell>
        </row>
        <row r="291">
          <cell r="B291">
            <v>2296</v>
          </cell>
          <cell r="C291" t="str">
            <v>(株)大阪環境</v>
          </cell>
          <cell r="D291" t="str">
            <v>078-414-6370</v>
          </cell>
          <cell r="E291" t="str">
            <v>658-0084</v>
          </cell>
          <cell r="F291" t="str">
            <v>兵庫県神戸市東灘区甲南町3-5-15-407</v>
          </cell>
          <cell r="G291" t="str">
            <v>守口市</v>
          </cell>
          <cell r="H291" t="str">
            <v>神戸支店</v>
          </cell>
          <cell r="I291" t="str">
            <v>支店長 杉下　謙一</v>
          </cell>
          <cell r="J291" t="str">
            <v>大阪府守口市</v>
          </cell>
          <cell r="K291" t="str">
            <v>078-414-6371</v>
          </cell>
          <cell r="L291" t="str">
            <v>o.kankyo@nifty.ne.jp</v>
          </cell>
          <cell r="M291" t="str">
            <v>ｵｵｻｶｶﾝｷｮｳ</v>
          </cell>
          <cell r="N291" t="str">
            <v>有</v>
          </cell>
          <cell r="O291">
            <v>47</v>
          </cell>
          <cell r="P291">
            <v>32</v>
          </cell>
          <cell r="Q291">
            <v>2120001158583</v>
          </cell>
          <cell r="R291">
            <v>30000</v>
          </cell>
          <cell r="S291">
            <v>90967</v>
          </cell>
          <cell r="T291">
            <v>949074</v>
          </cell>
          <cell r="V291" t="str">
            <v>gq541663</v>
          </cell>
          <cell r="W291" t="str">
            <v>da139062</v>
          </cell>
          <cell r="X291" t="str">
            <v>管(清)(と)(石)(管)(鋼)(舗)(塗)(水)土と石鋼舗浚塗水</v>
          </cell>
          <cell r="Y291" t="str">
            <v>管(清)(と)(石)(管)(鋼)(舗)(塗)(水)</v>
          </cell>
          <cell r="Z291" t="str">
            <v>土と石鋼舗浚塗水</v>
          </cell>
          <cell r="AA291" t="str">
            <v>土木一式</v>
          </cell>
          <cell r="AB291" t="str">
            <v>浚渫</v>
          </cell>
          <cell r="AC291" t="str">
            <v>管</v>
          </cell>
          <cell r="AD291" t="str">
            <v/>
          </cell>
          <cell r="AE291">
            <v>43281</v>
          </cell>
          <cell r="AF291" t="str">
            <v>希望する</v>
          </cell>
          <cell r="AG291" t="str">
            <v>土木一式</v>
          </cell>
          <cell r="AH291" t="str">
            <v>特定</v>
          </cell>
          <cell r="AI291">
            <v>929</v>
          </cell>
          <cell r="AJ291">
            <v>626442</v>
          </cell>
          <cell r="AK291" t="str">
            <v>11(11)/11/4</v>
          </cell>
          <cell r="AL291" t="str">
            <v>浚渫</v>
          </cell>
          <cell r="AM291" t="str">
            <v>特定</v>
          </cell>
          <cell r="AN291">
            <v>854</v>
          </cell>
          <cell r="AO291">
            <v>122921</v>
          </cell>
          <cell r="AP291" t="str">
            <v>6(6)/10/0</v>
          </cell>
          <cell r="AQ291" t="str">
            <v>管</v>
          </cell>
          <cell r="AR291" t="str">
            <v>一般</v>
          </cell>
          <cell r="AS291">
            <v>787</v>
          </cell>
          <cell r="AT291">
            <v>194425</v>
          </cell>
          <cell r="AU291" t="str">
            <v>0(0)/6/1</v>
          </cell>
          <cell r="AV291" t="str">
            <v/>
          </cell>
          <cell r="AW291" t="str">
            <v/>
          </cell>
          <cell r="AX291" t="str">
            <v/>
          </cell>
          <cell r="AY291" t="str">
            <v/>
          </cell>
          <cell r="AZ291" t="str">
            <v/>
          </cell>
          <cell r="BA291" t="str">
            <v>大阪府</v>
          </cell>
          <cell r="BB291">
            <v>0</v>
          </cell>
          <cell r="CR291">
            <v>4487</v>
          </cell>
          <cell r="CS291" t="str">
            <v>ｼﾓｸﾎﾞ ｹｲｺ</v>
          </cell>
          <cell r="CT291" t="str">
            <v>下久保  恵子</v>
          </cell>
          <cell r="CU291" t="str">
            <v>選挙管理委員会事務局</v>
          </cell>
          <cell r="CW291">
            <v>3526</v>
          </cell>
          <cell r="CX291" t="str">
            <v>主査</v>
          </cell>
          <cell r="CY291" t="str">
            <v>選挙管理委員会事務局長</v>
          </cell>
        </row>
        <row r="292">
          <cell r="B292">
            <v>2300</v>
          </cell>
          <cell r="C292" t="str">
            <v>大阪水源開発(株)</v>
          </cell>
          <cell r="D292" t="str">
            <v>06-6772-7655</v>
          </cell>
          <cell r="E292" t="str">
            <v>543-0072</v>
          </cell>
          <cell r="F292" t="str">
            <v>大阪府大阪市天王寺区生玉前町5-15</v>
          </cell>
          <cell r="G292" t="str">
            <v>大阪市</v>
          </cell>
          <cell r="H292" t="str">
            <v/>
          </cell>
          <cell r="I292" t="str">
            <v>代表取締役 佐藤　崇</v>
          </cell>
          <cell r="J292" t="str">
            <v>本店</v>
          </cell>
          <cell r="K292" t="str">
            <v>06-6772-6855</v>
          </cell>
          <cell r="L292" t="str">
            <v>osakasuigen@osakasuigen.co.jp</v>
          </cell>
          <cell r="M292" t="str">
            <v>ｵｵｻｶｽｲｹﾞﾝｶｲﾊﾂ</v>
          </cell>
          <cell r="N292" t="str">
            <v>無</v>
          </cell>
          <cell r="O292">
            <v>28</v>
          </cell>
          <cell r="P292">
            <v>4</v>
          </cell>
          <cell r="Q292">
            <v>8120001025943</v>
          </cell>
          <cell r="R292">
            <v>12000</v>
          </cell>
          <cell r="S292">
            <v>-6149</v>
          </cell>
          <cell r="T292">
            <v>77705</v>
          </cell>
          <cell r="V292" t="str">
            <v>tu867857</v>
          </cell>
          <cell r="W292" t="str">
            <v>ax254115</v>
          </cell>
          <cell r="X292" t="str">
            <v>土井</v>
          </cell>
          <cell r="Y292" t="str">
            <v>土井</v>
          </cell>
          <cell r="Z292" t="str">
            <v/>
          </cell>
          <cell r="AA292" t="str">
            <v>さく井</v>
          </cell>
          <cell r="AB292" t="str">
            <v>土木一式</v>
          </cell>
          <cell r="AC292" t="str">
            <v/>
          </cell>
          <cell r="AD292" t="str">
            <v/>
          </cell>
          <cell r="AE292">
            <v>43100</v>
          </cell>
          <cell r="AF292" t="str">
            <v/>
          </cell>
          <cell r="AG292" t="str">
            <v>さく井</v>
          </cell>
          <cell r="AH292" t="str">
            <v>一般</v>
          </cell>
          <cell r="AI292">
            <v>664</v>
          </cell>
          <cell r="AJ292">
            <v>72567</v>
          </cell>
          <cell r="AK292" t="str">
            <v>1(1)/0/2</v>
          </cell>
          <cell r="AL292" t="str">
            <v>土木一式</v>
          </cell>
          <cell r="AM292" t="str">
            <v>一般</v>
          </cell>
          <cell r="AN292">
            <v>568</v>
          </cell>
          <cell r="AO292">
            <v>926</v>
          </cell>
          <cell r="AP292" t="str">
            <v>1(0)/0/1</v>
          </cell>
          <cell r="AQ292" t="str">
            <v/>
          </cell>
          <cell r="AR292" t="str">
            <v/>
          </cell>
          <cell r="AS292" t="str">
            <v/>
          </cell>
          <cell r="AT292" t="str">
            <v/>
          </cell>
          <cell r="AU292" t="str">
            <v/>
          </cell>
          <cell r="AV292" t="str">
            <v/>
          </cell>
          <cell r="AW292" t="str">
            <v/>
          </cell>
          <cell r="AX292" t="str">
            <v/>
          </cell>
          <cell r="AY292" t="str">
            <v/>
          </cell>
          <cell r="AZ292" t="str">
            <v/>
          </cell>
          <cell r="BA292" t="str">
            <v>大阪府</v>
          </cell>
          <cell r="BB292">
            <v>0</v>
          </cell>
          <cell r="CR292">
            <v>4490</v>
          </cell>
          <cell r="CS292" t="str">
            <v>ｶﾅｲ ｴｲｺ</v>
          </cell>
          <cell r="CT292" t="str">
            <v>金井  英子</v>
          </cell>
          <cell r="CU292" t="str">
            <v>同和・人権推進課</v>
          </cell>
          <cell r="CW292">
            <v>2180</v>
          </cell>
          <cell r="CX292" t="str">
            <v>主査</v>
          </cell>
          <cell r="CY292" t="str">
            <v>同和・人権推進課長</v>
          </cell>
        </row>
        <row r="293">
          <cell r="B293">
            <v>2301</v>
          </cell>
          <cell r="C293" t="str">
            <v>大阪造園土木(株)</v>
          </cell>
          <cell r="D293" t="str">
            <v>06-6361-0619</v>
          </cell>
          <cell r="E293" t="str">
            <v>530-0027</v>
          </cell>
          <cell r="F293" t="str">
            <v>大阪府大阪市北区堂山町14-20</v>
          </cell>
          <cell r="G293" t="str">
            <v>大阪市</v>
          </cell>
          <cell r="H293" t="str">
            <v/>
          </cell>
          <cell r="I293" t="str">
            <v>代表取締役 阪口　昌行</v>
          </cell>
          <cell r="J293" t="str">
            <v>本店</v>
          </cell>
          <cell r="K293" t="str">
            <v>06-6361-2134</v>
          </cell>
          <cell r="L293" t="str">
            <v>info@osakazoen.co.jp</v>
          </cell>
          <cell r="M293" t="str">
            <v>ｵｵｻｶｿﾞｳｴﾝﾄﾞﾎﾞｸ</v>
          </cell>
          <cell r="N293" t="str">
            <v>無</v>
          </cell>
          <cell r="O293">
            <v>67</v>
          </cell>
          <cell r="P293">
            <v>20</v>
          </cell>
          <cell r="Q293">
            <v>1120001072546</v>
          </cell>
          <cell r="R293">
            <v>20150</v>
          </cell>
          <cell r="S293">
            <v>67635</v>
          </cell>
          <cell r="T293">
            <v>343938</v>
          </cell>
          <cell r="V293" t="str">
            <v>rf328137</v>
          </cell>
          <cell r="W293" t="str">
            <v>kb654655</v>
          </cell>
          <cell r="X293" t="str">
            <v>土園</v>
          </cell>
          <cell r="Y293" t="str">
            <v/>
          </cell>
          <cell r="Z293" t="str">
            <v>土園</v>
          </cell>
          <cell r="AA293" t="str">
            <v>造園</v>
          </cell>
          <cell r="AB293" t="str">
            <v>土木一式</v>
          </cell>
          <cell r="AC293" t="str">
            <v/>
          </cell>
          <cell r="AD293" t="str">
            <v/>
          </cell>
          <cell r="AE293">
            <v>43008</v>
          </cell>
          <cell r="AF293" t="str">
            <v/>
          </cell>
          <cell r="AG293" t="str">
            <v>造園</v>
          </cell>
          <cell r="AH293" t="str">
            <v>特定</v>
          </cell>
          <cell r="AI293">
            <v>875</v>
          </cell>
          <cell r="AJ293">
            <v>138110</v>
          </cell>
          <cell r="AK293" t="str">
            <v>7(7)/3/</v>
          </cell>
          <cell r="AL293" t="str">
            <v>土木一式</v>
          </cell>
          <cell r="AM293" t="str">
            <v>特定</v>
          </cell>
          <cell r="AN293">
            <v>726</v>
          </cell>
          <cell r="AO293" t="str">
            <v/>
          </cell>
          <cell r="AP293" t="str">
            <v>3(3)/2/</v>
          </cell>
          <cell r="AQ293" t="str">
            <v/>
          </cell>
          <cell r="AR293" t="str">
            <v/>
          </cell>
          <cell r="AS293" t="str">
            <v/>
          </cell>
          <cell r="AT293" t="str">
            <v/>
          </cell>
          <cell r="AU293" t="str">
            <v/>
          </cell>
          <cell r="AV293" t="str">
            <v/>
          </cell>
          <cell r="AW293" t="str">
            <v/>
          </cell>
          <cell r="AX293" t="str">
            <v/>
          </cell>
          <cell r="AY293" t="str">
            <v/>
          </cell>
          <cell r="AZ293" t="str">
            <v/>
          </cell>
          <cell r="BA293" t="str">
            <v>大阪府</v>
          </cell>
          <cell r="BB293">
            <v>0</v>
          </cell>
          <cell r="CR293">
            <v>4491</v>
          </cell>
          <cell r="CS293" t="str">
            <v>ｳﾒﾓﾄ ﾘｴ</v>
          </cell>
          <cell r="CT293" t="str">
            <v>梅本  理恵</v>
          </cell>
          <cell r="CU293" t="str">
            <v>こども福祉課</v>
          </cell>
          <cell r="CW293" t="str">
            <v xml:space="preserve"> </v>
          </cell>
          <cell r="CX293" t="str">
            <v>園長</v>
          </cell>
          <cell r="CY293" t="str">
            <v>こども福祉課長</v>
          </cell>
        </row>
        <row r="294">
          <cell r="B294">
            <v>2303</v>
          </cell>
          <cell r="C294" t="str">
            <v>(株)大阪防水建設社</v>
          </cell>
          <cell r="D294" t="str">
            <v>078-515-1227</v>
          </cell>
          <cell r="E294" t="str">
            <v>653-0016</v>
          </cell>
          <cell r="F294" t="str">
            <v>兵庫県神戸市長田区北町2-38-1</v>
          </cell>
          <cell r="G294" t="str">
            <v>大阪市</v>
          </cell>
          <cell r="H294" t="str">
            <v>神戸営業所</v>
          </cell>
          <cell r="I294" t="str">
            <v>所長 後藤　憲二</v>
          </cell>
          <cell r="J294" t="str">
            <v>大阪府大阪市</v>
          </cell>
          <cell r="K294" t="str">
            <v>078-515-1228</v>
          </cell>
          <cell r="L294" t="str">
            <v>e-nyuusatsu@obcc.co.jp</v>
          </cell>
          <cell r="M294" t="str">
            <v>ｵｵｻｶﾎﾞｳｽｲｹﾝｾﾂｼｬ</v>
          </cell>
          <cell r="N294" t="str">
            <v>有</v>
          </cell>
          <cell r="O294">
            <v>66</v>
          </cell>
          <cell r="P294">
            <v>266</v>
          </cell>
          <cell r="Q294">
            <v>5120001025962</v>
          </cell>
          <cell r="R294">
            <v>50000</v>
          </cell>
          <cell r="S294">
            <v>8774858</v>
          </cell>
          <cell r="T294">
            <v>21165837</v>
          </cell>
          <cell r="V294" t="str">
            <v>ax142453</v>
          </cell>
          <cell r="W294" t="str">
            <v>yc852366</v>
          </cell>
          <cell r="X294" t="str">
            <v>井(清)(と)(舗)(塗)(水)土と管鉄舗塗防水</v>
          </cell>
          <cell r="Y294" t="str">
            <v>井(清)(と)(舗)(塗)(水)</v>
          </cell>
          <cell r="Z294" t="str">
            <v>土と管鉄舗塗防水</v>
          </cell>
          <cell r="AA294" t="str">
            <v>土木一式</v>
          </cell>
          <cell r="AB294" t="str">
            <v>とび土工</v>
          </cell>
          <cell r="AC294" t="str">
            <v>水道施設</v>
          </cell>
          <cell r="AD294" t="str">
            <v>塗装</v>
          </cell>
          <cell r="AE294">
            <v>42998</v>
          </cell>
          <cell r="AF294" t="str">
            <v>希望する</v>
          </cell>
          <cell r="AG294" t="str">
            <v>土木一式</v>
          </cell>
          <cell r="AH294" t="str">
            <v>特定</v>
          </cell>
          <cell r="AI294">
            <v>1318</v>
          </cell>
          <cell r="AJ294">
            <v>9108465</v>
          </cell>
          <cell r="AK294" t="str">
            <v>106(88)/16/19</v>
          </cell>
          <cell r="AL294" t="str">
            <v>とび土工</v>
          </cell>
          <cell r="AM294" t="str">
            <v>特定</v>
          </cell>
          <cell r="AN294">
            <v>1288</v>
          </cell>
          <cell r="AO294">
            <v>5222003</v>
          </cell>
          <cell r="AP294" t="str">
            <v>93(78)/28/11</v>
          </cell>
          <cell r="AQ294" t="str">
            <v>水道施設</v>
          </cell>
          <cell r="AR294" t="str">
            <v>特定</v>
          </cell>
          <cell r="AS294">
            <v>975</v>
          </cell>
          <cell r="AT294">
            <v>117600</v>
          </cell>
          <cell r="AU294" t="str">
            <v>5(4)/0/0</v>
          </cell>
          <cell r="AV294" t="str">
            <v>塗装</v>
          </cell>
          <cell r="AW294" t="str">
            <v>特定</v>
          </cell>
          <cell r="AX294">
            <v>918</v>
          </cell>
          <cell r="AY294">
            <v>222253</v>
          </cell>
          <cell r="AZ294" t="str">
            <v>0(0)/0/1</v>
          </cell>
          <cell r="BA294" t="str">
            <v>大阪府</v>
          </cell>
          <cell r="BB294">
            <v>0</v>
          </cell>
          <cell r="CR294">
            <v>4496</v>
          </cell>
          <cell r="CS294" t="str">
            <v>ﾊｷﾞﾉ ｷﾖｳｺ</v>
          </cell>
          <cell r="CT294" t="str">
            <v>萩野  京子</v>
          </cell>
          <cell r="CU294" t="str">
            <v>市民課</v>
          </cell>
          <cell r="CW294">
            <v>2619</v>
          </cell>
          <cell r="CX294" t="str">
            <v xml:space="preserve"> </v>
          </cell>
          <cell r="CY294" t="str">
            <v>市民課長</v>
          </cell>
        </row>
        <row r="295">
          <cell r="B295">
            <v>2305</v>
          </cell>
          <cell r="C295" t="str">
            <v>太田土建(株)</v>
          </cell>
          <cell r="D295" t="str">
            <v>0799-42-3138</v>
          </cell>
          <cell r="E295" t="str">
            <v>656-0483</v>
          </cell>
          <cell r="F295" t="str">
            <v>兵庫県南あわじ市志知中島903-2</v>
          </cell>
          <cell r="G295" t="str">
            <v>南あわじ市</v>
          </cell>
          <cell r="H295" t="str">
            <v/>
          </cell>
          <cell r="I295" t="str">
            <v>代表取締役　 太田　光二</v>
          </cell>
          <cell r="J295" t="str">
            <v>本店</v>
          </cell>
          <cell r="K295" t="str">
            <v>0799-42-7508</v>
          </cell>
          <cell r="L295" t="str">
            <v>ohta-dkne@sweet.ocn.ne.jp</v>
          </cell>
          <cell r="M295" t="str">
            <v>ｵｵﾀﾄﾞｹﾝ</v>
          </cell>
          <cell r="N295" t="str">
            <v>無</v>
          </cell>
          <cell r="O295">
            <v>68</v>
          </cell>
          <cell r="P295">
            <v>37</v>
          </cell>
          <cell r="Q295">
            <v>3140000000000</v>
          </cell>
          <cell r="R295">
            <v>50000</v>
          </cell>
          <cell r="S295">
            <v>963254</v>
          </cell>
          <cell r="T295">
            <v>1335188</v>
          </cell>
          <cell r="V295" t="str">
            <v>ca776348</v>
          </cell>
          <cell r="W295" t="str">
            <v>ca649533</v>
          </cell>
          <cell r="X295" t="str">
            <v>井(清)(と)(舗)(塗)(水)土と管鉄舗塗防水</v>
          </cell>
          <cell r="Y295" t="str">
            <v>井(清)(と)(舗)(塗)(水)</v>
          </cell>
          <cell r="Z295" t="str">
            <v>土と管鉄舗塗防水</v>
          </cell>
          <cell r="AA295" t="str">
            <v>土木一式</v>
          </cell>
          <cell r="AB295" t="str">
            <v>建築一式</v>
          </cell>
          <cell r="AC295" t="str">
            <v>管</v>
          </cell>
          <cell r="AD295" t="str">
            <v>造園</v>
          </cell>
          <cell r="AE295">
            <v>43190</v>
          </cell>
          <cell r="AF295" t="str">
            <v>ＥＸ・ダンビー工法</v>
          </cell>
          <cell r="AG295" t="str">
            <v>土木一式</v>
          </cell>
          <cell r="AH295" t="str">
            <v>特定</v>
          </cell>
          <cell r="AI295">
            <v>1037</v>
          </cell>
          <cell r="AJ295">
            <v>747144</v>
          </cell>
          <cell r="AK295" t="str">
            <v>18(18)/2/7</v>
          </cell>
          <cell r="AL295" t="str">
            <v>建築一式</v>
          </cell>
          <cell r="AM295" t="str">
            <v>特定</v>
          </cell>
          <cell r="AN295">
            <v>965</v>
          </cell>
          <cell r="AO295">
            <v>364906</v>
          </cell>
          <cell r="AP295" t="str">
            <v>7(7)/2/3</v>
          </cell>
          <cell r="AQ295" t="str">
            <v>管</v>
          </cell>
          <cell r="AR295" t="str">
            <v>特定</v>
          </cell>
          <cell r="AS295">
            <v>790</v>
          </cell>
          <cell r="AT295">
            <v>20542</v>
          </cell>
          <cell r="AU295" t="str">
            <v>0(0)/1/0</v>
          </cell>
          <cell r="AV295" t="str">
            <v>造園</v>
          </cell>
          <cell r="AW295" t="str">
            <v>特定</v>
          </cell>
          <cell r="AX295">
            <v>726</v>
          </cell>
          <cell r="AY295">
            <v>1033</v>
          </cell>
          <cell r="AZ295" t="str">
            <v>0(0)/0/0</v>
          </cell>
          <cell r="BA295" t="str">
            <v>兵庫県</v>
          </cell>
          <cell r="BB295">
            <v>0</v>
          </cell>
          <cell r="CR295">
            <v>4519</v>
          </cell>
          <cell r="CS295" t="str">
            <v>ｱﾍﾞ ｼﾞﾕﾝｺ</v>
          </cell>
          <cell r="CT295" t="str">
            <v>阿部  純子</v>
          </cell>
          <cell r="CU295" t="str">
            <v>保育課</v>
          </cell>
          <cell r="CW295" t="str">
            <v xml:space="preserve"> </v>
          </cell>
          <cell r="CX295" t="str">
            <v>副主査</v>
          </cell>
          <cell r="CY295" t="str">
            <v>保育課長</v>
          </cell>
        </row>
        <row r="296">
          <cell r="B296">
            <v>2307</v>
          </cell>
          <cell r="C296" t="str">
            <v>鳳工業(株)</v>
          </cell>
          <cell r="D296" t="str">
            <v>078-841-3490</v>
          </cell>
          <cell r="E296" t="str">
            <v>658-0041</v>
          </cell>
          <cell r="F296" t="str">
            <v>兵庫県神戸市東灘区住吉南町3-3-5</v>
          </cell>
          <cell r="G296" t="str">
            <v>大阪市</v>
          </cell>
          <cell r="H296" t="str">
            <v>神戸営業所</v>
          </cell>
          <cell r="I296" t="str">
            <v>所長 平地　秀行</v>
          </cell>
          <cell r="J296" t="str">
            <v>大阪府大阪市</v>
          </cell>
          <cell r="K296" t="str">
            <v>078-821-4436</v>
          </cell>
          <cell r="L296" t="str">
            <v>eigyo@ohtorikogyo.co.jp</v>
          </cell>
          <cell r="M296" t="str">
            <v>ｵｵﾄﾘｺｳｷﾞｮｳ</v>
          </cell>
          <cell r="N296" t="str">
            <v>有</v>
          </cell>
          <cell r="O296">
            <v>56</v>
          </cell>
          <cell r="P296">
            <v>326</v>
          </cell>
          <cell r="Q296">
            <v>3120001059616</v>
          </cell>
          <cell r="R296">
            <v>100000</v>
          </cell>
          <cell r="S296">
            <v>7359632</v>
          </cell>
          <cell r="T296">
            <v>15088426</v>
          </cell>
          <cell r="V296" t="str">
            <v>ee640555</v>
          </cell>
          <cell r="W296" t="str">
            <v>xd587588</v>
          </cell>
          <cell r="X296" t="str">
            <v>消(清)(管)(舗)(水)土建大と石屋電管タ鋼鉄舗浚板ガ塗防内熱園具水解</v>
          </cell>
          <cell r="Y296" t="str">
            <v>消(清)(管)(舗)(水)</v>
          </cell>
          <cell r="Z296" t="str">
            <v>土建大と石屋電管タ鋼鉄舗浚板ガ塗防内熱園具水解</v>
          </cell>
          <cell r="AA296" t="str">
            <v>管</v>
          </cell>
          <cell r="AB296" t="str">
            <v>土木一式</v>
          </cell>
          <cell r="AC296" t="str">
            <v>舗装</v>
          </cell>
          <cell r="AD296" t="str">
            <v/>
          </cell>
          <cell r="AE296">
            <v>43008</v>
          </cell>
          <cell r="AF296" t="str">
            <v/>
          </cell>
          <cell r="AG296" t="str">
            <v>管</v>
          </cell>
          <cell r="AH296" t="str">
            <v>特定</v>
          </cell>
          <cell r="AI296">
            <v>1294</v>
          </cell>
          <cell r="AJ296">
            <v>9260798</v>
          </cell>
          <cell r="AK296" t="str">
            <v>68(50)/44/52</v>
          </cell>
          <cell r="AL296" t="str">
            <v>土木一式</v>
          </cell>
          <cell r="AM296" t="str">
            <v>特定</v>
          </cell>
          <cell r="AN296">
            <v>1237</v>
          </cell>
          <cell r="AO296">
            <v>4077846</v>
          </cell>
          <cell r="AP296" t="str">
            <v>34(29)/15/56</v>
          </cell>
          <cell r="AQ296" t="str">
            <v>舗装</v>
          </cell>
          <cell r="AR296" t="str">
            <v>特定</v>
          </cell>
          <cell r="AS296">
            <v>1189</v>
          </cell>
          <cell r="AT296">
            <v>1749783</v>
          </cell>
          <cell r="AU296" t="str">
            <v>34(29)/24/36</v>
          </cell>
          <cell r="AV296" t="str">
            <v/>
          </cell>
          <cell r="AW296" t="str">
            <v/>
          </cell>
          <cell r="AX296" t="str">
            <v/>
          </cell>
          <cell r="AY296" t="str">
            <v/>
          </cell>
          <cell r="AZ296" t="str">
            <v/>
          </cell>
          <cell r="BA296" t="str">
            <v>大阪府</v>
          </cell>
          <cell r="BB296">
            <v>0</v>
          </cell>
          <cell r="CR296">
            <v>4522</v>
          </cell>
          <cell r="CS296" t="str">
            <v>ｸﾗﾉ ﾋﾛﾔｽ</v>
          </cell>
          <cell r="CT296" t="str">
            <v>蔵野  博康</v>
          </cell>
          <cell r="CU296" t="str">
            <v>土地調査課</v>
          </cell>
          <cell r="CW296">
            <v>3339</v>
          </cell>
          <cell r="CX296" t="str">
            <v>課長</v>
          </cell>
          <cell r="CY296" t="str">
            <v>土地調査課長</v>
          </cell>
        </row>
        <row r="297">
          <cell r="B297">
            <v>2311</v>
          </cell>
          <cell r="C297" t="str">
            <v>大橋エアシステム(株)</v>
          </cell>
          <cell r="D297" t="str">
            <v>06-6922-4451</v>
          </cell>
          <cell r="E297" t="str">
            <v>534-0021</v>
          </cell>
          <cell r="F297" t="str">
            <v>大阪府大阪市都島本通1-7-19</v>
          </cell>
          <cell r="G297" t="str">
            <v>福岡市</v>
          </cell>
          <cell r="H297" t="str">
            <v>大阪支店</v>
          </cell>
          <cell r="I297" t="str">
            <v>支店長 岡村　宏紀</v>
          </cell>
          <cell r="J297" t="str">
            <v>福岡県福岡市</v>
          </cell>
          <cell r="K297" t="str">
            <v>06-6922-4455</v>
          </cell>
          <cell r="L297" t="str">
            <v>osaka@oasys.co.jp</v>
          </cell>
          <cell r="M297" t="str">
            <v>ｵｵﾊｼｴｱｼｽﾃﾑ</v>
          </cell>
          <cell r="N297" t="str">
            <v>有</v>
          </cell>
          <cell r="O297">
            <v>66</v>
          </cell>
          <cell r="P297">
            <v>118</v>
          </cell>
          <cell r="Q297">
            <v>6290001006672</v>
          </cell>
          <cell r="R297">
            <v>90000</v>
          </cell>
          <cell r="S297">
            <v>1857549</v>
          </cell>
          <cell r="T297">
            <v>5688824</v>
          </cell>
          <cell r="V297" t="str">
            <v>sx157957</v>
          </cell>
          <cell r="W297" t="str">
            <v>db113872</v>
          </cell>
          <cell r="X297" t="str">
            <v>管</v>
          </cell>
          <cell r="Y297" t="str">
            <v/>
          </cell>
          <cell r="Z297" t="str">
            <v>管</v>
          </cell>
          <cell r="AA297" t="str">
            <v>管</v>
          </cell>
          <cell r="AB297" t="str">
            <v/>
          </cell>
          <cell r="AC297" t="str">
            <v/>
          </cell>
          <cell r="AD297" t="str">
            <v/>
          </cell>
          <cell r="AE297">
            <v>43100</v>
          </cell>
          <cell r="AF297" t="str">
            <v>希望しない</v>
          </cell>
          <cell r="AG297" t="str">
            <v>管</v>
          </cell>
          <cell r="AH297" t="str">
            <v>特定</v>
          </cell>
          <cell r="AI297">
            <v>1209</v>
          </cell>
          <cell r="AJ297">
            <v>5688824</v>
          </cell>
          <cell r="AK297" t="str">
            <v>58(58)/13/0</v>
          </cell>
          <cell r="AL297" t="str">
            <v/>
          </cell>
          <cell r="AM297" t="str">
            <v/>
          </cell>
          <cell r="AN297" t="str">
            <v/>
          </cell>
          <cell r="AO297" t="str">
            <v/>
          </cell>
          <cell r="AP297" t="str">
            <v/>
          </cell>
          <cell r="AQ297" t="str">
            <v/>
          </cell>
          <cell r="AR297" t="str">
            <v/>
          </cell>
          <cell r="AS297" t="str">
            <v/>
          </cell>
          <cell r="AT297" t="str">
            <v/>
          </cell>
          <cell r="AU297" t="str">
            <v/>
          </cell>
          <cell r="AV297" t="str">
            <v/>
          </cell>
          <cell r="AW297" t="str">
            <v/>
          </cell>
          <cell r="AX297" t="str">
            <v/>
          </cell>
          <cell r="AY297" t="str">
            <v/>
          </cell>
          <cell r="AZ297" t="str">
            <v/>
          </cell>
          <cell r="BA297" t="str">
            <v>福岡県</v>
          </cell>
          <cell r="BB297">
            <v>0</v>
          </cell>
          <cell r="CR297">
            <v>4524</v>
          </cell>
          <cell r="CS297" t="str">
            <v>ｼﾓｶｻ ﾏｻｷ</v>
          </cell>
          <cell r="CT297" t="str">
            <v>下笠  正樹</v>
          </cell>
          <cell r="CU297" t="str">
            <v xml:space="preserve"> </v>
          </cell>
          <cell r="CW297">
            <v>3514</v>
          </cell>
          <cell r="CX297" t="str">
            <v>次長</v>
          </cell>
        </row>
        <row r="298">
          <cell r="B298">
            <v>2312</v>
          </cell>
          <cell r="C298" t="str">
            <v>(株)大林組</v>
          </cell>
          <cell r="D298" t="str">
            <v>078-322-4405</v>
          </cell>
          <cell r="E298" t="str">
            <v>650-0001</v>
          </cell>
          <cell r="F298" t="str">
            <v>兵庫県神戸市中央区加納町4-4-17</v>
          </cell>
          <cell r="G298" t="str">
            <v/>
          </cell>
          <cell r="H298" t="str">
            <v>神戸支店</v>
          </cell>
          <cell r="I298" t="str">
            <v>執行役員支店長 塔本　均</v>
          </cell>
          <cell r="J298" t="str">
            <v>東京都</v>
          </cell>
          <cell r="K298" t="str">
            <v>078-322-4406</v>
          </cell>
          <cell r="L298" t="str">
            <v>26_hyougoken@ml.obayashi.co.jp</v>
          </cell>
          <cell r="M298" t="str">
            <v>ｵｵﾊﾞﾔｼｸﾞﾐ</v>
          </cell>
          <cell r="N298" t="str">
            <v>有</v>
          </cell>
          <cell r="O298">
            <v>68</v>
          </cell>
          <cell r="P298">
            <v>8842</v>
          </cell>
          <cell r="Q298">
            <v>7010401088742</v>
          </cell>
          <cell r="R298">
            <v>57752671</v>
          </cell>
          <cell r="S298">
            <v>568221711</v>
          </cell>
          <cell r="T298">
            <v>1900655000</v>
          </cell>
          <cell r="V298" t="str">
            <v>xk967364</v>
          </cell>
          <cell r="W298" t="str">
            <v>yn221933</v>
          </cell>
          <cell r="X298" t="str">
            <v>消(清)(建)(大)(左)(と)(石)(屋)(電)(管)(タ)(鋼)(鉄)(舗)(浚)(板)(ガ)(塗)(防)(内)(熱)(具)(水)(解)土建大と石屋電管タ鋼鉄舗浚板ガ塗防内機熱通園具水清解</v>
          </cell>
          <cell r="Y298" t="str">
            <v>消(清)(建)(大)(左)(と)(石)(屋)(電)(管)(タ)(鋼)(鉄)(舗)(浚)(板)(ガ)(塗)(防)(内)(熱)(具)(水)(解)</v>
          </cell>
          <cell r="Z298" t="str">
            <v>土建大と石屋電管タ鋼鉄舗浚板ガ塗防内機熱通園具水清解</v>
          </cell>
          <cell r="AA298" t="str">
            <v>建築一式</v>
          </cell>
          <cell r="AB298" t="str">
            <v>土木一式</v>
          </cell>
          <cell r="AC298" t="str">
            <v>水道施設</v>
          </cell>
          <cell r="AD298" t="str">
            <v>管</v>
          </cell>
          <cell r="AE298">
            <v>43190</v>
          </cell>
          <cell r="AF298" t="str">
            <v>希望しない</v>
          </cell>
          <cell r="AG298" t="str">
            <v>建築一式</v>
          </cell>
          <cell r="AH298" t="str">
            <v>特定</v>
          </cell>
          <cell r="AI298">
            <v>2039</v>
          </cell>
          <cell r="AJ298">
            <v>914722350</v>
          </cell>
          <cell r="AK298" t="str">
            <v>2996(1462)/41/225</v>
          </cell>
          <cell r="AL298" t="str">
            <v>土木一式</v>
          </cell>
          <cell r="AM298" t="str">
            <v>特定</v>
          </cell>
          <cell r="AN298">
            <v>2014</v>
          </cell>
          <cell r="AO298">
            <v>255220574</v>
          </cell>
          <cell r="AP298" t="str">
            <v>1632(969)/30/19</v>
          </cell>
          <cell r="AQ298" t="str">
            <v>水道施設</v>
          </cell>
          <cell r="AR298" t="str">
            <v>特定</v>
          </cell>
          <cell r="AS298">
            <v>1560</v>
          </cell>
          <cell r="AT298">
            <v>6618649</v>
          </cell>
          <cell r="AU298" t="str">
            <v>50(50)/0/0</v>
          </cell>
          <cell r="AV298" t="str">
            <v>管</v>
          </cell>
          <cell r="AW298" t="str">
            <v>特定</v>
          </cell>
          <cell r="AX298">
            <v>1745</v>
          </cell>
          <cell r="AY298">
            <v>22746098</v>
          </cell>
          <cell r="AZ298" t="str">
            <v>316(159)/0/39</v>
          </cell>
          <cell r="BA298" t="str">
            <v>東京都</v>
          </cell>
          <cell r="BB298">
            <v>0</v>
          </cell>
          <cell r="CR298">
            <v>4525</v>
          </cell>
          <cell r="CS298" t="str">
            <v>ｵｵﾆｼ ﾄｼﾐ</v>
          </cell>
          <cell r="CT298" t="str">
            <v>大西  俊己</v>
          </cell>
          <cell r="CU298" t="str">
            <v xml:space="preserve"> </v>
          </cell>
          <cell r="CW298">
            <v>2139</v>
          </cell>
          <cell r="CX298" t="str">
            <v>室長</v>
          </cell>
        </row>
        <row r="299">
          <cell r="B299">
            <v>2315</v>
          </cell>
          <cell r="C299" t="str">
            <v>(株)オービス</v>
          </cell>
          <cell r="D299" t="str">
            <v>06-6325-3914</v>
          </cell>
          <cell r="E299" t="str">
            <v>533-0033</v>
          </cell>
          <cell r="F299" t="str">
            <v>大阪府大阪市東淀川区東中島1-21-15</v>
          </cell>
          <cell r="G299" t="str">
            <v>福山市</v>
          </cell>
          <cell r="H299" t="str">
            <v>大阪営業所</v>
          </cell>
          <cell r="I299" t="str">
            <v>所長 森　克行</v>
          </cell>
          <cell r="J299" t="str">
            <v>広島県福山市</v>
          </cell>
          <cell r="K299" t="str">
            <v>06-6325-3944</v>
          </cell>
          <cell r="L299" t="str">
            <v>house-osaka@orvis.co.jp</v>
          </cell>
          <cell r="M299" t="str">
            <v>ｵｰﾋﾞｽ</v>
          </cell>
          <cell r="N299" t="str">
            <v>有</v>
          </cell>
          <cell r="O299">
            <v>44</v>
          </cell>
          <cell r="P299">
            <v>240</v>
          </cell>
          <cell r="Q299">
            <v>1240001030054</v>
          </cell>
          <cell r="R299">
            <v>684980</v>
          </cell>
          <cell r="S299">
            <v>2559565</v>
          </cell>
          <cell r="T299">
            <v>8118178</v>
          </cell>
          <cell r="V299" t="str">
            <v>cs402678</v>
          </cell>
          <cell r="W299" t="str">
            <v>ab485749</v>
          </cell>
          <cell r="X299" t="str">
            <v>(建)(大)(鋼)(内)建大と電鋼内</v>
          </cell>
          <cell r="Y299" t="str">
            <v>(建)(大)(鋼)(内)</v>
          </cell>
          <cell r="Z299" t="str">
            <v>建大と電鋼内</v>
          </cell>
          <cell r="AA299" t="str">
            <v>建築一式</v>
          </cell>
          <cell r="AB299" t="str">
            <v/>
          </cell>
          <cell r="AC299" t="str">
            <v/>
          </cell>
          <cell r="AD299" t="str">
            <v/>
          </cell>
          <cell r="AE299">
            <v>43039</v>
          </cell>
          <cell r="AF299" t="str">
            <v>希望しない</v>
          </cell>
          <cell r="AG299" t="str">
            <v>建築一式</v>
          </cell>
          <cell r="AH299" t="str">
            <v>特定</v>
          </cell>
          <cell r="AI299">
            <v>961</v>
          </cell>
          <cell r="AJ299">
            <v>618109</v>
          </cell>
          <cell r="AK299" t="str">
            <v>15(15)/3/10</v>
          </cell>
          <cell r="AL299" t="str">
            <v/>
          </cell>
          <cell r="AM299" t="str">
            <v/>
          </cell>
          <cell r="AN299" t="str">
            <v/>
          </cell>
          <cell r="AO299" t="str">
            <v/>
          </cell>
          <cell r="AP299" t="str">
            <v/>
          </cell>
          <cell r="AQ299" t="str">
            <v/>
          </cell>
          <cell r="AR299" t="str">
            <v/>
          </cell>
          <cell r="AS299" t="str">
            <v/>
          </cell>
          <cell r="AT299" t="str">
            <v/>
          </cell>
          <cell r="AU299" t="str">
            <v/>
          </cell>
          <cell r="AV299" t="str">
            <v/>
          </cell>
          <cell r="AW299" t="str">
            <v/>
          </cell>
          <cell r="AX299" t="str">
            <v/>
          </cell>
          <cell r="AY299" t="str">
            <v/>
          </cell>
          <cell r="AZ299" t="str">
            <v/>
          </cell>
          <cell r="BA299" t="str">
            <v>広島県</v>
          </cell>
          <cell r="BB299">
            <v>0</v>
          </cell>
          <cell r="CR299">
            <v>4526</v>
          </cell>
          <cell r="CS299" t="str">
            <v>ﾀﾀﾞ ｶﾂｼ</v>
          </cell>
          <cell r="CT299" t="str">
            <v>多田  勝志</v>
          </cell>
          <cell r="CU299" t="str">
            <v xml:space="preserve"> </v>
          </cell>
          <cell r="CW299">
            <v>2413</v>
          </cell>
          <cell r="CX299" t="str">
            <v>室長</v>
          </cell>
        </row>
        <row r="300">
          <cell r="B300">
            <v>2317</v>
          </cell>
          <cell r="C300" t="str">
            <v>(株)大本組</v>
          </cell>
          <cell r="D300" t="str">
            <v>06-6312-8011</v>
          </cell>
          <cell r="E300" t="str">
            <v>530-0054</v>
          </cell>
          <cell r="F300" t="str">
            <v>大阪府大阪市北区南森町2-4-4</v>
          </cell>
          <cell r="G300" t="str">
            <v>岡山市</v>
          </cell>
          <cell r="H300" t="str">
            <v>大阪支店</v>
          </cell>
          <cell r="I300" t="str">
            <v>執行役員支店長 前田　雄司</v>
          </cell>
          <cell r="J300" t="str">
            <v>岡山県岡山市</v>
          </cell>
          <cell r="K300" t="str">
            <v>06-6312-8111</v>
          </cell>
          <cell r="L300" t="str">
            <v>osakaec01@gw.ohmoto.co.jp</v>
          </cell>
          <cell r="M300" t="str">
            <v>ｵｵﾓﾄｸﾞﾐ</v>
          </cell>
          <cell r="N300" t="str">
            <v>有</v>
          </cell>
          <cell r="O300">
            <v>68</v>
          </cell>
          <cell r="P300">
            <v>859</v>
          </cell>
          <cell r="Q300">
            <v>7260001001493</v>
          </cell>
          <cell r="R300">
            <v>5296100</v>
          </cell>
          <cell r="S300">
            <v>60971866</v>
          </cell>
          <cell r="T300">
            <v>96268743</v>
          </cell>
          <cell r="V300" t="str">
            <v>kg125794</v>
          </cell>
          <cell r="W300" t="str">
            <v>sz152476</v>
          </cell>
          <cell r="X300" t="str">
            <v>(清)(建)(大)(左)(と)(石)(屋)(タ)(鋼)(鉄)(舗)(浚)(板)(ガ)(塗)(防)(内)(具)(水)(解)土建大と石屋電管タ鋼鉄舗浚板ガ塗防内園具水解</v>
          </cell>
          <cell r="Y300" t="str">
            <v>(清)(建)(大)(左)(と)(石)(屋)(タ)(鋼)(鉄)(舗)(浚)(板)(ガ)(塗)(防)(内)(具)(水)(解)</v>
          </cell>
          <cell r="Z300" t="str">
            <v>土建大と石屋電管タ鋼鉄舗浚板ガ塗防内園具水解</v>
          </cell>
          <cell r="AA300" t="str">
            <v>建築一式</v>
          </cell>
          <cell r="AB300" t="str">
            <v>土木一式</v>
          </cell>
          <cell r="AC300" t="str">
            <v>水道施設</v>
          </cell>
          <cell r="AD300" t="str">
            <v>とび土工</v>
          </cell>
          <cell r="AE300">
            <v>43190</v>
          </cell>
          <cell r="AF300" t="str">
            <v>希望する</v>
          </cell>
          <cell r="AG300" t="str">
            <v>建築一式</v>
          </cell>
          <cell r="AH300" t="str">
            <v>特定</v>
          </cell>
          <cell r="AI300">
            <v>1693</v>
          </cell>
          <cell r="AJ300">
            <v>53994698</v>
          </cell>
          <cell r="AK300" t="str">
            <v>231(124)/65/23</v>
          </cell>
          <cell r="AL300" t="str">
            <v>土木一式</v>
          </cell>
          <cell r="AM300" t="str">
            <v>特定</v>
          </cell>
          <cell r="AN300">
            <v>1628</v>
          </cell>
          <cell r="AO300">
            <v>26975935</v>
          </cell>
          <cell r="AP300" t="str">
            <v>290(245)/102/13</v>
          </cell>
          <cell r="AQ300" t="str">
            <v>水道施設</v>
          </cell>
          <cell r="AR300" t="str">
            <v>特定</v>
          </cell>
          <cell r="AS300">
            <v>1034</v>
          </cell>
          <cell r="AT300" t="str">
            <v/>
          </cell>
          <cell r="AU300" t="str">
            <v>15(15)/1/0</v>
          </cell>
          <cell r="AV300" t="str">
            <v>とび土工</v>
          </cell>
          <cell r="AW300" t="str">
            <v>特定</v>
          </cell>
          <cell r="AX300">
            <v>1308</v>
          </cell>
          <cell r="AY300">
            <v>2015197</v>
          </cell>
          <cell r="AZ300" t="str">
            <v>60(39)/2/0</v>
          </cell>
          <cell r="BA300" t="str">
            <v>岡山県</v>
          </cell>
          <cell r="BB300">
            <v>0</v>
          </cell>
          <cell r="CR300">
            <v>4526</v>
          </cell>
          <cell r="CS300" t="str">
            <v>ﾀﾀﾞ ｶﾂｼ</v>
          </cell>
          <cell r="CT300" t="str">
            <v>多田  勝志</v>
          </cell>
          <cell r="CU300" t="str">
            <v>福利厚生課</v>
          </cell>
          <cell r="CW300">
            <v>2413</v>
          </cell>
          <cell r="CX300" t="str">
            <v>（兼）課長</v>
          </cell>
          <cell r="CY300" t="str">
            <v>福利厚生課長</v>
          </cell>
        </row>
        <row r="301">
          <cell r="B301">
            <v>2319</v>
          </cell>
          <cell r="C301" t="str">
            <v>(株)岡　工務店</v>
          </cell>
          <cell r="D301" t="str">
            <v>078-576-2626</v>
          </cell>
          <cell r="E301" t="str">
            <v>652-0802</v>
          </cell>
          <cell r="F301" t="str">
            <v>兵庫県神戸市兵庫区水木通4-1-1</v>
          </cell>
          <cell r="G301" t="str">
            <v>神戸市</v>
          </cell>
          <cell r="H301" t="str">
            <v/>
          </cell>
          <cell r="I301" t="str">
            <v>代表取締役 岡　榮治</v>
          </cell>
          <cell r="J301" t="str">
            <v>本店</v>
          </cell>
          <cell r="K301" t="str">
            <v>078-576-3706</v>
          </cell>
          <cell r="L301" t="str">
            <v>oka2620@chive.ocn.ne.jp</v>
          </cell>
          <cell r="M301" t="str">
            <v>ｵｶｺｳﾑﾃﾝ</v>
          </cell>
          <cell r="N301" t="str">
            <v>無</v>
          </cell>
          <cell r="O301">
            <v>68</v>
          </cell>
          <cell r="P301">
            <v>58</v>
          </cell>
          <cell r="Q301">
            <v>2140001012689</v>
          </cell>
          <cell r="R301">
            <v>100000</v>
          </cell>
          <cell r="S301">
            <v>2981437</v>
          </cell>
          <cell r="T301">
            <v>7534827</v>
          </cell>
          <cell r="V301" t="str">
            <v>nf289965</v>
          </cell>
          <cell r="W301" t="str">
            <v>fu586895</v>
          </cell>
          <cell r="X301" t="str">
            <v>土建</v>
          </cell>
          <cell r="Y301" t="str">
            <v/>
          </cell>
          <cell r="Z301" t="str">
            <v>土建</v>
          </cell>
          <cell r="AA301" t="str">
            <v>建築一式</v>
          </cell>
          <cell r="AB301" t="str">
            <v>土木一式</v>
          </cell>
          <cell r="AC301" t="str">
            <v/>
          </cell>
          <cell r="AD301" t="str">
            <v/>
          </cell>
          <cell r="AE301">
            <v>43281</v>
          </cell>
          <cell r="AF301" t="str">
            <v>希望しない</v>
          </cell>
          <cell r="AG301" t="str">
            <v>建築一式</v>
          </cell>
          <cell r="AH301" t="str">
            <v>特定</v>
          </cell>
          <cell r="AI301">
            <v>1186</v>
          </cell>
          <cell r="AJ301">
            <v>7775884</v>
          </cell>
          <cell r="AK301" t="str">
            <v>35(33)/2/0</v>
          </cell>
          <cell r="AL301" t="str">
            <v>土木一式</v>
          </cell>
          <cell r="AM301" t="str">
            <v>特定</v>
          </cell>
          <cell r="AN301">
            <v>716</v>
          </cell>
          <cell r="AO301" t="str">
            <v/>
          </cell>
          <cell r="AP301" t="str">
            <v>1(1)/0/1</v>
          </cell>
          <cell r="AQ301" t="str">
            <v/>
          </cell>
          <cell r="AR301" t="str">
            <v/>
          </cell>
          <cell r="AS301" t="str">
            <v/>
          </cell>
          <cell r="AT301" t="str">
            <v/>
          </cell>
          <cell r="AU301" t="str">
            <v/>
          </cell>
          <cell r="AV301" t="str">
            <v/>
          </cell>
          <cell r="AW301" t="str">
            <v/>
          </cell>
          <cell r="AX301" t="str">
            <v/>
          </cell>
          <cell r="AY301" t="str">
            <v/>
          </cell>
          <cell r="AZ301" t="str">
            <v/>
          </cell>
          <cell r="BA301" t="str">
            <v>兵庫県</v>
          </cell>
          <cell r="BB301">
            <v>0</v>
          </cell>
          <cell r="CR301">
            <v>4527</v>
          </cell>
          <cell r="CS301" t="str">
            <v>ﾓﾘﾜｷ ﾖｼｶｽﾞ</v>
          </cell>
          <cell r="CT301" t="str">
            <v>森脇  義和</v>
          </cell>
          <cell r="CU301" t="str">
            <v>空港室</v>
          </cell>
          <cell r="CW301">
            <v>2833</v>
          </cell>
          <cell r="CX301" t="str">
            <v>室長</v>
          </cell>
        </row>
        <row r="302">
          <cell r="B302">
            <v>2320</v>
          </cell>
          <cell r="C302" t="str">
            <v>(株)岡野組</v>
          </cell>
          <cell r="D302" t="str">
            <v>075-761-3401</v>
          </cell>
          <cell r="E302" t="str">
            <v>606-8344</v>
          </cell>
          <cell r="F302" t="str">
            <v>京都府京都市左京区岡崎円勝寺町85-4</v>
          </cell>
          <cell r="G302" t="str">
            <v>京都市</v>
          </cell>
          <cell r="H302" t="str">
            <v/>
          </cell>
          <cell r="I302" t="str">
            <v>代表取締役 岡野　真之</v>
          </cell>
          <cell r="J302" t="str">
            <v>本店</v>
          </cell>
          <cell r="K302" t="str">
            <v>075-751-1741</v>
          </cell>
          <cell r="L302" t="str">
            <v>info@okanogumi.co.jp</v>
          </cell>
          <cell r="M302" t="str">
            <v>ｵｶﾉｸﾞﾐ</v>
          </cell>
          <cell r="N302" t="str">
            <v>無</v>
          </cell>
          <cell r="O302">
            <v>68</v>
          </cell>
          <cell r="P302">
            <v>75</v>
          </cell>
          <cell r="Q302">
            <v>3130001006096</v>
          </cell>
          <cell r="R302">
            <v>49500</v>
          </cell>
          <cell r="S302">
            <v>2170315</v>
          </cell>
          <cell r="T302">
            <v>5579615</v>
          </cell>
          <cell r="V302" t="str">
            <v>hv720205</v>
          </cell>
          <cell r="W302" t="str">
            <v>ww573525</v>
          </cell>
          <cell r="X302" t="str">
            <v>土建大と石屋電タ鋼鉄舗浚板ガ塗防内熱園具水解</v>
          </cell>
          <cell r="Y302" t="str">
            <v/>
          </cell>
          <cell r="Z302" t="str">
            <v>土建大と石屋電タ鋼鉄舗浚板ガ塗防内熱園具水解</v>
          </cell>
          <cell r="AA302" t="str">
            <v>土木一式</v>
          </cell>
          <cell r="AB302" t="str">
            <v>建築一式</v>
          </cell>
          <cell r="AC302" t="str">
            <v>舗装</v>
          </cell>
          <cell r="AD302" t="str">
            <v>水道施設</v>
          </cell>
          <cell r="AE302">
            <v>43008</v>
          </cell>
          <cell r="AF302" t="str">
            <v>希望する</v>
          </cell>
          <cell r="AG302" t="str">
            <v>土木一式</v>
          </cell>
          <cell r="AH302" t="str">
            <v>特定</v>
          </cell>
          <cell r="AI302">
            <v>1123</v>
          </cell>
          <cell r="AJ302">
            <v>2044346</v>
          </cell>
          <cell r="AK302" t="str">
            <v>25(24)/2/0</v>
          </cell>
          <cell r="AL302" t="str">
            <v>建築一式</v>
          </cell>
          <cell r="AM302" t="str">
            <v>特定</v>
          </cell>
          <cell r="AN302">
            <v>1169</v>
          </cell>
          <cell r="AO302">
            <v>4242890</v>
          </cell>
          <cell r="AP302" t="str">
            <v>24(24)/2/4</v>
          </cell>
          <cell r="AQ302" t="str">
            <v>舗装</v>
          </cell>
          <cell r="AR302" t="str">
            <v>特定</v>
          </cell>
          <cell r="AS302">
            <v>761</v>
          </cell>
          <cell r="AT302">
            <v>1050</v>
          </cell>
          <cell r="AU302" t="str">
            <v>1(1)/0/0</v>
          </cell>
          <cell r="AV302" t="str">
            <v>水道施設</v>
          </cell>
          <cell r="AW302" t="str">
            <v>特定</v>
          </cell>
          <cell r="AX302">
            <v>780</v>
          </cell>
          <cell r="AY302">
            <v>4833</v>
          </cell>
          <cell r="AZ302" t="str">
            <v>1(1)/0/0</v>
          </cell>
          <cell r="BA302" t="str">
            <v>京都府</v>
          </cell>
          <cell r="BB302">
            <v>0</v>
          </cell>
          <cell r="CR302">
            <v>4533</v>
          </cell>
          <cell r="CS302" t="str">
            <v>ﾂｼﾞﾓﾄ ｱｷｺ</v>
          </cell>
          <cell r="CT302" t="str">
            <v>辻本  彰子</v>
          </cell>
          <cell r="CU302" t="str">
            <v>こども若者企画課</v>
          </cell>
          <cell r="CW302">
            <v>3732</v>
          </cell>
          <cell r="CX302" t="str">
            <v>課長</v>
          </cell>
          <cell r="CY302" t="str">
            <v>こども若者企画課長</v>
          </cell>
        </row>
        <row r="303">
          <cell r="B303">
            <v>2321</v>
          </cell>
          <cell r="C303" t="str">
            <v>岡野建設工業(株)</v>
          </cell>
          <cell r="D303" t="str">
            <v>078-974-8446</v>
          </cell>
          <cell r="E303" t="str">
            <v>651-2115</v>
          </cell>
          <cell r="F303" t="str">
            <v>兵庫県神戸市西区伊川谷町別府34-3</v>
          </cell>
          <cell r="G303" t="str">
            <v>神戸市</v>
          </cell>
          <cell r="H303" t="str">
            <v/>
          </cell>
          <cell r="I303" t="str">
            <v>代表取締役 今中　大介</v>
          </cell>
          <cell r="J303" t="str">
            <v>本店</v>
          </cell>
          <cell r="K303" t="str">
            <v>078-974-8892</v>
          </cell>
          <cell r="L303" t="str">
            <v>somu@okano-construction.jp</v>
          </cell>
          <cell r="M303" t="str">
            <v>ｵｶﾉｹﾝｾﾂｺｳｷﾞｮｳ</v>
          </cell>
          <cell r="N303" t="str">
            <v>無</v>
          </cell>
          <cell r="O303">
            <v>41</v>
          </cell>
          <cell r="P303">
            <v>16</v>
          </cell>
          <cell r="Q303">
            <v>8140001004549</v>
          </cell>
          <cell r="R303">
            <v>49500</v>
          </cell>
          <cell r="S303">
            <v>418658</v>
          </cell>
          <cell r="T303">
            <v>463843</v>
          </cell>
          <cell r="V303" t="str">
            <v>cb240071</v>
          </cell>
          <cell r="W303" t="str">
            <v>bc903928</v>
          </cell>
          <cell r="X303" t="str">
            <v>土と鋼舗水解</v>
          </cell>
          <cell r="Y303" t="str">
            <v/>
          </cell>
          <cell r="Z303" t="str">
            <v>土と鋼舗水解</v>
          </cell>
          <cell r="AA303" t="str">
            <v>土木一式</v>
          </cell>
          <cell r="AB303" t="str">
            <v>とび土工</v>
          </cell>
          <cell r="AC303" t="str">
            <v>舗装</v>
          </cell>
          <cell r="AD303" t="str">
            <v>鋼構造物</v>
          </cell>
          <cell r="AE303">
            <v>43251</v>
          </cell>
          <cell r="AF303" t="str">
            <v>希望する</v>
          </cell>
          <cell r="AG303" t="str">
            <v>土木一式</v>
          </cell>
          <cell r="AH303" t="str">
            <v>特定</v>
          </cell>
          <cell r="AI303">
            <v>920</v>
          </cell>
          <cell r="AJ303">
            <v>426461</v>
          </cell>
          <cell r="AK303" t="str">
            <v>7(7)/2/4</v>
          </cell>
          <cell r="AL303" t="str">
            <v>とび土工</v>
          </cell>
          <cell r="AM303" t="str">
            <v>特定</v>
          </cell>
          <cell r="AN303">
            <v>672</v>
          </cell>
          <cell r="AO303" t="str">
            <v/>
          </cell>
          <cell r="AP303" t="str">
            <v>0(0)/0/1</v>
          </cell>
          <cell r="AQ303" t="str">
            <v>舗装</v>
          </cell>
          <cell r="AR303" t="str">
            <v>特定</v>
          </cell>
          <cell r="AS303">
            <v>803</v>
          </cell>
          <cell r="AT303">
            <v>28268</v>
          </cell>
          <cell r="AU303" t="str">
            <v>7(7)/2/0</v>
          </cell>
          <cell r="AV303" t="str">
            <v>鋼構造物</v>
          </cell>
          <cell r="AW303" t="str">
            <v>特定</v>
          </cell>
          <cell r="AX303">
            <v>672</v>
          </cell>
          <cell r="AY303" t="str">
            <v/>
          </cell>
          <cell r="AZ303" t="str">
            <v>0(0)/0/1</v>
          </cell>
          <cell r="BA303" t="str">
            <v>兵庫県</v>
          </cell>
          <cell r="BB303">
            <v>0</v>
          </cell>
          <cell r="CR303">
            <v>4534</v>
          </cell>
          <cell r="CS303" t="str">
            <v>ｻﾅﾀﾞ ﾐｷ</v>
          </cell>
          <cell r="CT303" t="str">
            <v>真田  美樹</v>
          </cell>
          <cell r="CU303" t="str">
            <v>債権管理課</v>
          </cell>
          <cell r="CW303">
            <v>2241</v>
          </cell>
          <cell r="CX303" t="str">
            <v>課長</v>
          </cell>
          <cell r="CY303" t="str">
            <v>債権管理課長</v>
          </cell>
        </row>
        <row r="304">
          <cell r="B304">
            <v>2322</v>
          </cell>
          <cell r="C304" t="str">
            <v>(株)オカモト・コンストラクション・システム</v>
          </cell>
          <cell r="D304" t="str">
            <v>06-6416-6855</v>
          </cell>
          <cell r="E304" t="str">
            <v>660-0052</v>
          </cell>
          <cell r="F304" t="str">
            <v>兵庫県尼崎市七松町2-27-23</v>
          </cell>
          <cell r="G304" t="str">
            <v>尼崎市</v>
          </cell>
          <cell r="H304" t="str">
            <v/>
          </cell>
          <cell r="I304" t="str">
            <v>代表取締役 岡本　征夫</v>
          </cell>
          <cell r="J304" t="str">
            <v>本店</v>
          </cell>
          <cell r="K304" t="str">
            <v>06-6416-6856</v>
          </cell>
          <cell r="L304" t="str">
            <v>okamoto-cs@mbg.nifty.com</v>
          </cell>
          <cell r="M304" t="str">
            <v>ｵｶﾓﾄ･ｺﾝｽﾄﾗｸｼｮﾝ･ｼｽﾃﾑ</v>
          </cell>
          <cell r="N304" t="str">
            <v>無</v>
          </cell>
          <cell r="O304">
            <v>63</v>
          </cell>
          <cell r="P304">
            <v>54</v>
          </cell>
          <cell r="Q304">
            <v>4140001048112</v>
          </cell>
          <cell r="R304">
            <v>70000</v>
          </cell>
          <cell r="S304">
            <v>1175839</v>
          </cell>
          <cell r="T304">
            <v>2817036</v>
          </cell>
          <cell r="V304" t="str">
            <v>us501772</v>
          </cell>
          <cell r="W304" t="str">
            <v>ay590827</v>
          </cell>
          <cell r="X304" t="str">
            <v>土建大と石屋管タ鋼鉄舗浚板ガ塗防内熱園具水解</v>
          </cell>
          <cell r="Y304" t="str">
            <v/>
          </cell>
          <cell r="Z304" t="str">
            <v>土建大と石屋管タ鋼鉄舗浚板ガ塗防内熱園具水解</v>
          </cell>
          <cell r="AA304" t="str">
            <v>建築一式</v>
          </cell>
          <cell r="AB304" t="str">
            <v>鋼構造物</v>
          </cell>
          <cell r="AC304" t="str">
            <v>土木一式</v>
          </cell>
          <cell r="AD304" t="str">
            <v>水道施設</v>
          </cell>
          <cell r="AE304">
            <v>43281</v>
          </cell>
          <cell r="AF304" t="str">
            <v>希望しない</v>
          </cell>
          <cell r="AG304" t="str">
            <v>建築一式</v>
          </cell>
          <cell r="AH304" t="str">
            <v/>
          </cell>
          <cell r="AI304">
            <v>1017</v>
          </cell>
          <cell r="AJ304">
            <v>811153</v>
          </cell>
          <cell r="AK304" t="str">
            <v>7(7)/2/4</v>
          </cell>
          <cell r="AL304" t="str">
            <v>鋼構造物</v>
          </cell>
          <cell r="AM304" t="str">
            <v/>
          </cell>
          <cell r="AN304">
            <v>906</v>
          </cell>
          <cell r="AO304">
            <v>26222</v>
          </cell>
          <cell r="AP304" t="str">
            <v>9(9)/2/0</v>
          </cell>
          <cell r="AQ304" t="str">
            <v>土木一式</v>
          </cell>
          <cell r="AR304" t="str">
            <v/>
          </cell>
          <cell r="AS304">
            <v>1094</v>
          </cell>
          <cell r="AT304">
            <v>1652647</v>
          </cell>
          <cell r="AU304" t="str">
            <v>21(20)/1/11</v>
          </cell>
          <cell r="AV304" t="str">
            <v>水道施設</v>
          </cell>
          <cell r="AW304" t="str">
            <v/>
          </cell>
          <cell r="AX304">
            <v>900</v>
          </cell>
          <cell r="AY304">
            <v>61407</v>
          </cell>
          <cell r="AZ304" t="str">
            <v>8(8)/0/0</v>
          </cell>
          <cell r="BA304" t="str">
            <v>兵庫県</v>
          </cell>
          <cell r="BB304">
            <v>0</v>
          </cell>
          <cell r="CR304">
            <v>4535</v>
          </cell>
          <cell r="CS304" t="str">
            <v>ｱｷｵｶ ｺｳｼﾞ</v>
          </cell>
          <cell r="CT304" t="str">
            <v>秋岡  宏治</v>
          </cell>
          <cell r="CU304" t="str">
            <v>情報管理課</v>
          </cell>
          <cell r="CW304">
            <v>6671361</v>
          </cell>
          <cell r="CX304" t="str">
            <v>副主幹</v>
          </cell>
          <cell r="CY304" t="str">
            <v>情報管理課長</v>
          </cell>
        </row>
        <row r="305">
          <cell r="B305">
            <v>2325</v>
          </cell>
          <cell r="C305" t="str">
            <v>沖電気工業(株)</v>
          </cell>
          <cell r="D305" t="str">
            <v>06-6260-5111</v>
          </cell>
          <cell r="E305" t="str">
            <v>541-0051</v>
          </cell>
          <cell r="F305" t="str">
            <v>大阪府大阪市中央区備後町2-6-8</v>
          </cell>
          <cell r="G305" t="str">
            <v/>
          </cell>
          <cell r="H305" t="str">
            <v>関西支社</v>
          </cell>
          <cell r="I305" t="str">
            <v>支社長 樋爪　克司</v>
          </cell>
          <cell r="J305" t="str">
            <v>東京都</v>
          </cell>
          <cell r="K305" t="str">
            <v>06-6260-5777</v>
          </cell>
          <cell r="L305" t="str">
            <v>kansai-koukyou@oki.com</v>
          </cell>
          <cell r="M305" t="str">
            <v>ｵｷﾃﾞﾝｷｺｳｷﾞｮｳ</v>
          </cell>
          <cell r="N305" t="str">
            <v>有</v>
          </cell>
          <cell r="O305">
            <v>138</v>
          </cell>
          <cell r="P305">
            <v>4029</v>
          </cell>
          <cell r="Q305">
            <v>7010401006126</v>
          </cell>
          <cell r="R305">
            <v>44000000</v>
          </cell>
          <cell r="S305">
            <v>77505000</v>
          </cell>
          <cell r="T305">
            <v>203987000</v>
          </cell>
          <cell r="V305" t="str">
            <v>sn899246</v>
          </cell>
          <cell r="W305" t="str">
            <v>gp201736</v>
          </cell>
          <cell r="X305" t="str">
            <v>(通)電通消</v>
          </cell>
          <cell r="Y305" t="str">
            <v>(通)</v>
          </cell>
          <cell r="Z305" t="str">
            <v>電通消</v>
          </cell>
          <cell r="AA305" t="str">
            <v>電気通信</v>
          </cell>
          <cell r="AB305" t="str">
            <v/>
          </cell>
          <cell r="AC305" t="str">
            <v/>
          </cell>
          <cell r="AD305" t="str">
            <v/>
          </cell>
          <cell r="AE305">
            <v>43190</v>
          </cell>
          <cell r="AF305" t="str">
            <v>希望しない</v>
          </cell>
          <cell r="AG305" t="str">
            <v>電気通信</v>
          </cell>
          <cell r="AH305" t="str">
            <v>特定</v>
          </cell>
          <cell r="AI305">
            <v>1363</v>
          </cell>
          <cell r="AJ305">
            <v>4184500</v>
          </cell>
          <cell r="AK305" t="str">
            <v>3(1)/0/242</v>
          </cell>
          <cell r="AL305" t="str">
            <v/>
          </cell>
          <cell r="AM305" t="str">
            <v/>
          </cell>
          <cell r="AN305" t="str">
            <v/>
          </cell>
          <cell r="AO305" t="str">
            <v/>
          </cell>
          <cell r="AP305" t="str">
            <v/>
          </cell>
          <cell r="AQ305" t="str">
            <v/>
          </cell>
          <cell r="AR305" t="str">
            <v/>
          </cell>
          <cell r="AS305" t="str">
            <v/>
          </cell>
          <cell r="AT305" t="str">
            <v/>
          </cell>
          <cell r="AU305" t="str">
            <v/>
          </cell>
          <cell r="AV305" t="str">
            <v/>
          </cell>
          <cell r="AW305" t="str">
            <v/>
          </cell>
          <cell r="AX305" t="str">
            <v/>
          </cell>
          <cell r="AY305" t="str">
            <v/>
          </cell>
          <cell r="AZ305" t="str">
            <v/>
          </cell>
          <cell r="BA305" t="str">
            <v>東京都</v>
          </cell>
          <cell r="BB305">
            <v>0</v>
          </cell>
          <cell r="CR305">
            <v>4536</v>
          </cell>
          <cell r="CS305" t="str">
            <v>ﾖﾈｻﾞﾜ ﾌﾄｼ</v>
          </cell>
          <cell r="CT305" t="str">
            <v>米澤  太志</v>
          </cell>
          <cell r="CU305" t="str">
            <v>東消防署</v>
          </cell>
          <cell r="CW305">
            <v>668321</v>
          </cell>
          <cell r="CX305" t="str">
            <v>副署長</v>
          </cell>
          <cell r="CY305" t="str">
            <v>東消防署長</v>
          </cell>
        </row>
        <row r="306">
          <cell r="B306">
            <v>2326</v>
          </cell>
          <cell r="C306" t="str">
            <v>荻野建設(株)</v>
          </cell>
          <cell r="D306" t="str">
            <v>0795-74-1113</v>
          </cell>
          <cell r="E306" t="str">
            <v>669-4141</v>
          </cell>
          <cell r="F306" t="str">
            <v>兵庫県丹波市春日町黒井391</v>
          </cell>
          <cell r="G306" t="str">
            <v>丹波市</v>
          </cell>
          <cell r="H306" t="str">
            <v/>
          </cell>
          <cell r="I306" t="str">
            <v>代表取締役　 荻野　憲夫</v>
          </cell>
          <cell r="J306" t="str">
            <v>本店</v>
          </cell>
          <cell r="K306" t="str">
            <v>0795-74-2901</v>
          </cell>
          <cell r="L306" t="str">
            <v>ogiken@abeam.ocn.ne.jp</v>
          </cell>
          <cell r="M306" t="str">
            <v>ｵｷﾞﾉｹﾝｾﾂ</v>
          </cell>
          <cell r="N306" t="str">
            <v>無</v>
          </cell>
          <cell r="O306">
            <v>42</v>
          </cell>
          <cell r="P306">
            <v>13</v>
          </cell>
          <cell r="Q306">
            <v>1140000000000</v>
          </cell>
          <cell r="R306">
            <v>20000</v>
          </cell>
          <cell r="S306">
            <v>694900</v>
          </cell>
          <cell r="T306">
            <v>1243701</v>
          </cell>
          <cell r="V306" t="str">
            <v>gw344076</v>
          </cell>
          <cell r="W306" t="str">
            <v>hd347509</v>
          </cell>
          <cell r="X306" t="str">
            <v>(通)電通消</v>
          </cell>
          <cell r="Y306" t="str">
            <v>(通)</v>
          </cell>
          <cell r="Z306" t="str">
            <v>電通消</v>
          </cell>
          <cell r="AA306" t="str">
            <v>建築一式</v>
          </cell>
          <cell r="AB306" t="str">
            <v>土木一式</v>
          </cell>
          <cell r="AC306" t="str">
            <v/>
          </cell>
          <cell r="AD306" t="str">
            <v/>
          </cell>
          <cell r="AE306">
            <v>43100</v>
          </cell>
          <cell r="AF306" t="str">
            <v>希望しない</v>
          </cell>
          <cell r="AG306" t="str">
            <v>建築一式</v>
          </cell>
          <cell r="AH306" t="str">
            <v>特定</v>
          </cell>
          <cell r="AI306">
            <v>942</v>
          </cell>
          <cell r="AJ306">
            <v>902236</v>
          </cell>
          <cell r="AK306" t="str">
            <v>7(7)/2/4</v>
          </cell>
          <cell r="AL306" t="str">
            <v>土木一式</v>
          </cell>
          <cell r="AM306" t="str">
            <v>特定</v>
          </cell>
          <cell r="AN306">
            <v>835</v>
          </cell>
          <cell r="AO306">
            <v>100035</v>
          </cell>
          <cell r="AP306" t="str">
            <v>5(5)/2/5</v>
          </cell>
          <cell r="AQ306" t="str">
            <v/>
          </cell>
          <cell r="AR306" t="str">
            <v/>
          </cell>
          <cell r="AS306" t="str">
            <v/>
          </cell>
          <cell r="AT306" t="str">
            <v/>
          </cell>
          <cell r="AU306" t="str">
            <v/>
          </cell>
          <cell r="AV306" t="str">
            <v/>
          </cell>
          <cell r="AW306" t="str">
            <v/>
          </cell>
          <cell r="AX306" t="str">
            <v/>
          </cell>
          <cell r="AY306" t="str">
            <v/>
          </cell>
          <cell r="AZ306" t="str">
            <v/>
          </cell>
          <cell r="BA306" t="str">
            <v>兵庫県</v>
          </cell>
          <cell r="BB306">
            <v>0</v>
          </cell>
          <cell r="CR306">
            <v>4545</v>
          </cell>
          <cell r="CS306" t="str">
            <v>ﾑﾗﾀ ﾕﾐｺ</v>
          </cell>
          <cell r="CT306" t="str">
            <v>村田  由美子</v>
          </cell>
          <cell r="CU306" t="str">
            <v xml:space="preserve"> </v>
          </cell>
          <cell r="CW306" t="str">
            <v xml:space="preserve"> </v>
          </cell>
          <cell r="CX306" t="str">
            <v>副主幹</v>
          </cell>
        </row>
        <row r="307">
          <cell r="B307">
            <v>2327</v>
          </cell>
          <cell r="C307" t="str">
            <v>奥アンツーカ(株)</v>
          </cell>
          <cell r="D307" t="str">
            <v>06-6743-3366</v>
          </cell>
          <cell r="E307" t="str">
            <v>577-0012</v>
          </cell>
          <cell r="F307" t="str">
            <v>大阪府東大阪市長田東3-2-7</v>
          </cell>
          <cell r="G307" t="str">
            <v>東大阪市</v>
          </cell>
          <cell r="H307" t="str">
            <v>近畿支店</v>
          </cell>
          <cell r="I307" t="str">
            <v>支店長　 松井　欣也</v>
          </cell>
          <cell r="J307" t="str">
            <v>大阪府東大阪市</v>
          </cell>
          <cell r="K307" t="str">
            <v>06-6743-3360</v>
          </cell>
          <cell r="L307" t="str">
            <v>kinkisiten@oku.co.jp</v>
          </cell>
          <cell r="M307" t="str">
            <v>ｵｸｱﾝﾂ-ｶ</v>
          </cell>
          <cell r="N307" t="str">
            <v>有</v>
          </cell>
          <cell r="O307">
            <v>69</v>
          </cell>
          <cell r="P307">
            <v>105</v>
          </cell>
          <cell r="Q307">
            <v>2122000000000</v>
          </cell>
          <cell r="R307">
            <v>55000</v>
          </cell>
          <cell r="S307">
            <v>2736566</v>
          </cell>
          <cell r="T307">
            <v>5319833</v>
          </cell>
          <cell r="V307" t="str">
            <v>cn238662</v>
          </cell>
          <cell r="W307" t="str">
            <v>bg441279</v>
          </cell>
          <cell r="X307" t="str">
            <v>(通)電通消</v>
          </cell>
          <cell r="Y307" t="str">
            <v>(通)</v>
          </cell>
          <cell r="Z307" t="str">
            <v>電通消</v>
          </cell>
          <cell r="AA307" t="str">
            <v>土木一式</v>
          </cell>
          <cell r="AB307" t="str">
            <v>舗装</v>
          </cell>
          <cell r="AC307" t="str">
            <v>造園</v>
          </cell>
          <cell r="AD307" t="str">
            <v>とび土工</v>
          </cell>
          <cell r="AE307">
            <v>43281</v>
          </cell>
          <cell r="AF307" t="str">
            <v>希望しない</v>
          </cell>
          <cell r="AG307" t="str">
            <v>土木一式</v>
          </cell>
          <cell r="AH307" t="str">
            <v>特定</v>
          </cell>
          <cell r="AI307">
            <v>1194</v>
          </cell>
          <cell r="AJ307">
            <v>1583483</v>
          </cell>
          <cell r="AK307" t="str">
            <v>60(57)/9/0</v>
          </cell>
          <cell r="AL307" t="str">
            <v>舗装</v>
          </cell>
          <cell r="AM307" t="str">
            <v>特定</v>
          </cell>
          <cell r="AN307">
            <v>1188</v>
          </cell>
          <cell r="AO307">
            <v>2013739</v>
          </cell>
          <cell r="AP307" t="str">
            <v>51(48)/4/0</v>
          </cell>
          <cell r="AQ307" t="str">
            <v>造園</v>
          </cell>
          <cell r="AR307" t="str">
            <v>特定</v>
          </cell>
          <cell r="AS307">
            <v>1089</v>
          </cell>
          <cell r="AT307">
            <v>515734</v>
          </cell>
          <cell r="AU307" t="str">
            <v>22(20)/1/0</v>
          </cell>
          <cell r="AV307" t="str">
            <v>とび土工</v>
          </cell>
          <cell r="AW307" t="str">
            <v/>
          </cell>
          <cell r="AX307">
            <v>945</v>
          </cell>
          <cell r="AY307">
            <v>272780</v>
          </cell>
          <cell r="AZ307" t="str">
            <v>1(1)/2/0</v>
          </cell>
          <cell r="BA307" t="str">
            <v>大阪府</v>
          </cell>
          <cell r="BB307">
            <v>0</v>
          </cell>
          <cell r="CR307">
            <v>4568</v>
          </cell>
          <cell r="CS307" t="str">
            <v>ﾄｷﾓﾄ ﾋﾛｶｽﾞ</v>
          </cell>
          <cell r="CT307" t="str">
            <v>時本  博一</v>
          </cell>
          <cell r="CU307" t="str">
            <v>こども若者企画課</v>
          </cell>
          <cell r="CW307" t="str">
            <v xml:space="preserve"> </v>
          </cell>
          <cell r="CX307" t="str">
            <v>副主査</v>
          </cell>
          <cell r="CY307" t="str">
            <v>こども若者企画課長</v>
          </cell>
        </row>
        <row r="308">
          <cell r="B308">
            <v>2328</v>
          </cell>
          <cell r="C308" t="str">
            <v>(株)奥村組</v>
          </cell>
          <cell r="D308" t="str">
            <v>078-221-9355</v>
          </cell>
          <cell r="E308" t="str">
            <v>651-0084</v>
          </cell>
          <cell r="F308" t="str">
            <v>兵庫県神戸市中央区磯辺通2丁目2番16号</v>
          </cell>
          <cell r="G308" t="str">
            <v>大阪市</v>
          </cell>
          <cell r="H308" t="str">
            <v>神戸支店</v>
          </cell>
          <cell r="I308" t="str">
            <v>支店長 黒津　忠史</v>
          </cell>
          <cell r="J308" t="str">
            <v>大阪府大阪市</v>
          </cell>
          <cell r="K308" t="str">
            <v>078-251-3374</v>
          </cell>
          <cell r="L308" t="str">
            <v>kobeeigyo@okumuragumi.co.jp</v>
          </cell>
          <cell r="M308" t="str">
            <v>ｵｸﾑﾗｸﾞﾐ</v>
          </cell>
          <cell r="N308" t="str">
            <v>有</v>
          </cell>
          <cell r="O308">
            <v>68</v>
          </cell>
          <cell r="P308">
            <v>2094</v>
          </cell>
          <cell r="Q308">
            <v>7120001004931</v>
          </cell>
          <cell r="R308">
            <v>19838913</v>
          </cell>
          <cell r="S308">
            <v>162203000</v>
          </cell>
          <cell r="T308">
            <v>223927000</v>
          </cell>
          <cell r="V308" t="str">
            <v>bm478329</v>
          </cell>
          <cell r="W308" t="str">
            <v>df957456</v>
          </cell>
          <cell r="X308" t="str">
            <v>(清)(建)(大)(左)(と)(石)(屋)(タ)(鋼)(鉄)(舗)(浚)(板)(ガ)(塗)(防)(内)(熱)(具)(水)(解)土建大と石屋電管タ鋼鉄舗浚板ガ塗防内熱園具水解</v>
          </cell>
          <cell r="Y308" t="str">
            <v>(清)(建)(大)(左)(と)(石)(屋)(タ)(鋼)(鉄)(舗)(浚)(板)(ガ)(塗)(防)(内)(熱)(具)(水)(解)</v>
          </cell>
          <cell r="Z308" t="str">
            <v>土建大と石屋電管タ鋼鉄舗浚板ガ塗防内熱園具水解</v>
          </cell>
          <cell r="AA308" t="str">
            <v>建築一式</v>
          </cell>
          <cell r="AB308" t="str">
            <v>土木一式</v>
          </cell>
          <cell r="AC308" t="str">
            <v>水道施設</v>
          </cell>
          <cell r="AD308" t="str">
            <v>鋼構造物</v>
          </cell>
          <cell r="AE308">
            <v>43190</v>
          </cell>
          <cell r="AF308" t="str">
            <v>希望する</v>
          </cell>
          <cell r="AG308" t="str">
            <v>建築一式</v>
          </cell>
          <cell r="AH308" t="str">
            <v>特定</v>
          </cell>
          <cell r="AI308">
            <v>1909</v>
          </cell>
          <cell r="AJ308">
            <v>122647696</v>
          </cell>
          <cell r="AK308" t="str">
            <v>668(488)/13/64</v>
          </cell>
          <cell r="AL308" t="str">
            <v>土木一式</v>
          </cell>
          <cell r="AM308" t="str">
            <v>特定</v>
          </cell>
          <cell r="AN308">
            <v>1858</v>
          </cell>
          <cell r="AO308">
            <v>69385044</v>
          </cell>
          <cell r="AP308" t="str">
            <v>665(568)/5/36</v>
          </cell>
          <cell r="AQ308" t="str">
            <v>水道施設</v>
          </cell>
          <cell r="AR308" t="str">
            <v>特定</v>
          </cell>
          <cell r="AS308">
            <v>1515</v>
          </cell>
          <cell r="AT308">
            <v>3594508</v>
          </cell>
          <cell r="AU308" t="str">
            <v>189(158)/0/0</v>
          </cell>
          <cell r="AV308" t="str">
            <v>鋼構造物</v>
          </cell>
          <cell r="AW308" t="str">
            <v>特定</v>
          </cell>
          <cell r="AX308">
            <v>1271</v>
          </cell>
          <cell r="AY308">
            <v>14173</v>
          </cell>
          <cell r="AZ308" t="str">
            <v>127(16)/1/0</v>
          </cell>
          <cell r="BA308" t="str">
            <v>大阪府</v>
          </cell>
          <cell r="BB308">
            <v>0</v>
          </cell>
          <cell r="CR308">
            <v>4571</v>
          </cell>
          <cell r="CS308" t="str">
            <v>ﾂｼﾞ ﾋﾛｵ</v>
          </cell>
          <cell r="CT308" t="str">
            <v>辻  博夫</v>
          </cell>
          <cell r="CU308" t="str">
            <v xml:space="preserve"> </v>
          </cell>
          <cell r="CW308">
            <v>2806</v>
          </cell>
          <cell r="CX308" t="str">
            <v>室長</v>
          </cell>
        </row>
        <row r="309">
          <cell r="B309">
            <v>2329</v>
          </cell>
          <cell r="C309" t="str">
            <v>奥村組土木興業(株)</v>
          </cell>
          <cell r="D309" t="str">
            <v>078-871-3031</v>
          </cell>
          <cell r="E309" t="str">
            <v>657-0845</v>
          </cell>
          <cell r="F309" t="str">
            <v>兵庫県神戸市灘区岩屋中町1-4-19</v>
          </cell>
          <cell r="G309" t="str">
            <v>大阪市</v>
          </cell>
          <cell r="H309" t="str">
            <v>神戸支店</v>
          </cell>
          <cell r="I309" t="str">
            <v>支店長 川崎　雄介</v>
          </cell>
          <cell r="J309" t="str">
            <v>大阪府大阪市</v>
          </cell>
          <cell r="K309" t="str">
            <v>078-861-7005</v>
          </cell>
          <cell r="L309" t="str">
            <v>k.taniguchi@okumuradbk.co.jp</v>
          </cell>
          <cell r="M309" t="str">
            <v>ｵｸﾑﾗｸﾞﾐﾄﾞﾎﾞｸｺｳｷﾞｮｳ</v>
          </cell>
          <cell r="N309" t="str">
            <v>有</v>
          </cell>
          <cell r="O309">
            <v>68</v>
          </cell>
          <cell r="P309">
            <v>822</v>
          </cell>
          <cell r="Q309">
            <v>2120001028670</v>
          </cell>
          <cell r="R309">
            <v>1000000</v>
          </cell>
          <cell r="S309">
            <v>10547969</v>
          </cell>
          <cell r="T309">
            <v>54449620</v>
          </cell>
          <cell r="V309" t="str">
            <v>ma337306</v>
          </cell>
          <cell r="W309" t="str">
            <v>ae163884</v>
          </cell>
          <cell r="X309" t="str">
            <v>(清)(建)(大)(屋)(タ)(内)土建大と石屋電管タ鋼鉄舗浚板ガ塗防内熱園具水</v>
          </cell>
          <cell r="Y309" t="str">
            <v>(清)(建)(大)(屋)(タ)(内)</v>
          </cell>
          <cell r="Z309" t="str">
            <v>土建大と石屋電管タ鋼鉄舗浚板ガ塗防内熱園具水</v>
          </cell>
          <cell r="AA309" t="str">
            <v>土木一式</v>
          </cell>
          <cell r="AB309" t="str">
            <v>舗装</v>
          </cell>
          <cell r="AC309" t="str">
            <v>建築一式</v>
          </cell>
          <cell r="AD309" t="str">
            <v>とび土工</v>
          </cell>
          <cell r="AE309">
            <v>43190</v>
          </cell>
          <cell r="AF309" t="str">
            <v>希望する</v>
          </cell>
          <cell r="AG309" t="str">
            <v>土木一式</v>
          </cell>
          <cell r="AH309" t="str">
            <v>特定</v>
          </cell>
          <cell r="AI309">
            <v>1571</v>
          </cell>
          <cell r="AJ309">
            <v>23992394</v>
          </cell>
          <cell r="AK309" t="str">
            <v>275(204)/70/58</v>
          </cell>
          <cell r="AL309" t="str">
            <v>舗装</v>
          </cell>
          <cell r="AM309" t="str">
            <v>特定</v>
          </cell>
          <cell r="AN309">
            <v>1461</v>
          </cell>
          <cell r="AO309">
            <v>7840781</v>
          </cell>
          <cell r="AP309" t="str">
            <v>250(188)/67/57</v>
          </cell>
          <cell r="AQ309" t="str">
            <v>建築一式</v>
          </cell>
          <cell r="AR309" t="str">
            <v>特定</v>
          </cell>
          <cell r="AS309">
            <v>1319</v>
          </cell>
          <cell r="AT309">
            <v>5775292</v>
          </cell>
          <cell r="AU309" t="str">
            <v>21(12)/1/3</v>
          </cell>
          <cell r="AV309" t="str">
            <v>とび土工</v>
          </cell>
          <cell r="AW309" t="str">
            <v>特定</v>
          </cell>
          <cell r="AX309">
            <v>1230</v>
          </cell>
          <cell r="AY309">
            <v>6360666</v>
          </cell>
          <cell r="AZ309" t="str">
            <v>14(8)/0/0</v>
          </cell>
          <cell r="BA309" t="str">
            <v>大阪府</v>
          </cell>
          <cell r="BB309">
            <v>0</v>
          </cell>
          <cell r="CR309">
            <v>4571</v>
          </cell>
          <cell r="CS309" t="str">
            <v>ﾂｼﾞ ﾋﾛｵ</v>
          </cell>
          <cell r="CT309" t="str">
            <v>辻  博夫</v>
          </cell>
          <cell r="CU309" t="str">
            <v>生活環境課</v>
          </cell>
          <cell r="CW309">
            <v>2806</v>
          </cell>
          <cell r="CX309" t="str">
            <v>（兼）課長</v>
          </cell>
          <cell r="CY309" t="str">
            <v>生活環境課長</v>
          </cell>
        </row>
        <row r="310">
          <cell r="B310">
            <v>2334</v>
          </cell>
          <cell r="C310" t="str">
            <v>(株)オダ産業</v>
          </cell>
          <cell r="D310" t="str">
            <v>06-6338-6435</v>
          </cell>
          <cell r="E310" t="str">
            <v>565-0832</v>
          </cell>
          <cell r="F310" t="str">
            <v>大阪府吹田市五月が丘南32-5</v>
          </cell>
          <cell r="G310" t="str">
            <v>吹田市</v>
          </cell>
          <cell r="H310" t="str">
            <v/>
          </cell>
          <cell r="I310" t="str">
            <v>代表取締役 小田　一</v>
          </cell>
          <cell r="J310" t="str">
            <v>本店</v>
          </cell>
          <cell r="K310" t="str">
            <v>06-6338-6891</v>
          </cell>
          <cell r="L310" t="str">
            <v>k-k-oda@odasangyo.co.jp</v>
          </cell>
          <cell r="M310" t="str">
            <v>ｵﾀﾞｻﾝｷﾞｮｳ</v>
          </cell>
          <cell r="N310" t="str">
            <v>無</v>
          </cell>
          <cell r="O310">
            <v>27</v>
          </cell>
          <cell r="P310">
            <v>6</v>
          </cell>
          <cell r="Q310">
            <v>3120901005735</v>
          </cell>
          <cell r="R310">
            <v>10000</v>
          </cell>
          <cell r="S310">
            <v>79487</v>
          </cell>
          <cell r="T310">
            <v>195459</v>
          </cell>
          <cell r="V310" t="str">
            <v>jp109366</v>
          </cell>
          <cell r="W310" t="str">
            <v>nz480212</v>
          </cell>
          <cell r="X310" t="str">
            <v>土と鋼塗</v>
          </cell>
          <cell r="Y310" t="str">
            <v>土と鋼塗</v>
          </cell>
          <cell r="Z310" t="str">
            <v/>
          </cell>
          <cell r="AA310" t="str">
            <v>とび土工</v>
          </cell>
          <cell r="AB310" t="str">
            <v>塗装</v>
          </cell>
          <cell r="AC310" t="str">
            <v/>
          </cell>
          <cell r="AD310" t="str">
            <v/>
          </cell>
          <cell r="AE310">
            <v>43251</v>
          </cell>
          <cell r="AF310" t="str">
            <v/>
          </cell>
          <cell r="AG310" t="str">
            <v>とび土工</v>
          </cell>
          <cell r="AH310" t="str">
            <v>一般</v>
          </cell>
          <cell r="AI310">
            <v>824</v>
          </cell>
          <cell r="AJ310">
            <v>174369</v>
          </cell>
          <cell r="AK310" t="str">
            <v>2(1)/1/0</v>
          </cell>
          <cell r="AL310" t="str">
            <v>塗装</v>
          </cell>
          <cell r="AM310" t="str">
            <v>一般</v>
          </cell>
          <cell r="AN310">
            <v>738</v>
          </cell>
          <cell r="AO310">
            <v>8056</v>
          </cell>
          <cell r="AP310" t="str">
            <v>2(1)/0/0</v>
          </cell>
          <cell r="AQ310" t="str">
            <v/>
          </cell>
          <cell r="AR310" t="str">
            <v/>
          </cell>
          <cell r="AS310" t="str">
            <v/>
          </cell>
          <cell r="AT310" t="str">
            <v/>
          </cell>
          <cell r="AU310" t="str">
            <v/>
          </cell>
          <cell r="AV310" t="str">
            <v/>
          </cell>
          <cell r="AW310" t="str">
            <v/>
          </cell>
          <cell r="AX310" t="str">
            <v/>
          </cell>
          <cell r="AY310" t="str">
            <v/>
          </cell>
          <cell r="AZ310" t="str">
            <v/>
          </cell>
          <cell r="BA310" t="str">
            <v>大阪府</v>
          </cell>
          <cell r="BB310">
            <v>0</v>
          </cell>
          <cell r="CR310">
            <v>4583</v>
          </cell>
          <cell r="CS310" t="str">
            <v>ﾀﾆｻﾞﾜ ﾐｴ</v>
          </cell>
          <cell r="CT310" t="str">
            <v>谷澤  美栄</v>
          </cell>
          <cell r="CU310" t="str">
            <v>こども福祉課</v>
          </cell>
          <cell r="CW310" t="str">
            <v xml:space="preserve"> </v>
          </cell>
          <cell r="CX310" t="str">
            <v>副主幹</v>
          </cell>
          <cell r="CY310" t="str">
            <v>こども福祉課長</v>
          </cell>
        </row>
        <row r="311">
          <cell r="B311">
            <v>2337</v>
          </cell>
          <cell r="C311" t="str">
            <v>(株)小畑工務店</v>
          </cell>
          <cell r="D311" t="str">
            <v>06-6429-6228</v>
          </cell>
          <cell r="E311" t="str">
            <v>661-0014</v>
          </cell>
          <cell r="F311" t="str">
            <v>兵庫県尼崎市上ﾉ島町1-33-1</v>
          </cell>
          <cell r="G311" t="str">
            <v>尼崎市</v>
          </cell>
          <cell r="H311" t="str">
            <v/>
          </cell>
          <cell r="I311" t="str">
            <v>代表取締役 小畑　充生</v>
          </cell>
          <cell r="J311" t="str">
            <v>本店</v>
          </cell>
          <cell r="K311" t="str">
            <v>06-6429-6201</v>
          </cell>
          <cell r="L311" t="str">
            <v>pw-obata@juno.ocn.ne.jp</v>
          </cell>
          <cell r="M311" t="str">
            <v>ｵﾊﾞﾀｺｳﾑﾃﾝ</v>
          </cell>
          <cell r="N311" t="str">
            <v>無</v>
          </cell>
          <cell r="O311">
            <v>54</v>
          </cell>
          <cell r="P311">
            <v>13</v>
          </cell>
          <cell r="Q311">
            <v>8140001048141</v>
          </cell>
          <cell r="R311">
            <v>20000</v>
          </cell>
          <cell r="S311">
            <v>128866</v>
          </cell>
          <cell r="T311">
            <v>230420</v>
          </cell>
          <cell r="V311" t="str">
            <v>vp853553</v>
          </cell>
          <cell r="W311" t="str">
            <v>ua285192</v>
          </cell>
          <cell r="X311" t="str">
            <v>土水消管</v>
          </cell>
          <cell r="Y311" t="str">
            <v>土水消</v>
          </cell>
          <cell r="Z311" t="str">
            <v>管</v>
          </cell>
          <cell r="AA311" t="str">
            <v>管</v>
          </cell>
          <cell r="AB311" t="str">
            <v>水道施設</v>
          </cell>
          <cell r="AC311" t="str">
            <v>土木一式</v>
          </cell>
          <cell r="AD311" t="str">
            <v>消防施設</v>
          </cell>
          <cell r="AE311">
            <v>43251</v>
          </cell>
          <cell r="AF311" t="str">
            <v>希望しない</v>
          </cell>
          <cell r="AG311" t="str">
            <v>管</v>
          </cell>
          <cell r="AH311" t="str">
            <v>特定</v>
          </cell>
          <cell r="AI311">
            <v>815</v>
          </cell>
          <cell r="AJ311">
            <v>117342</v>
          </cell>
          <cell r="AK311" t="str">
            <v>2(2)/1/1</v>
          </cell>
          <cell r="AL311" t="str">
            <v>水道施設</v>
          </cell>
          <cell r="AM311" t="str">
            <v>一般</v>
          </cell>
          <cell r="AN311">
            <v>759</v>
          </cell>
          <cell r="AO311">
            <v>34405</v>
          </cell>
          <cell r="AP311" t="str">
            <v>1(1)/1/0</v>
          </cell>
          <cell r="AQ311" t="str">
            <v>土木一式</v>
          </cell>
          <cell r="AR311" t="str">
            <v>一般</v>
          </cell>
          <cell r="AS311">
            <v>753</v>
          </cell>
          <cell r="AT311">
            <v>80078</v>
          </cell>
          <cell r="AU311" t="str">
            <v>0(0)/1/0</v>
          </cell>
          <cell r="AV311" t="str">
            <v>消防施設</v>
          </cell>
          <cell r="AW311" t="str">
            <v>一般</v>
          </cell>
          <cell r="AX311">
            <v>693</v>
          </cell>
          <cell r="AY311">
            <v>5792</v>
          </cell>
          <cell r="AZ311" t="str">
            <v>0(0)/1/0</v>
          </cell>
          <cell r="BA311" t="str">
            <v>兵庫県</v>
          </cell>
          <cell r="BB311">
            <v>0</v>
          </cell>
          <cell r="CR311">
            <v>4600</v>
          </cell>
          <cell r="CS311" t="str">
            <v>ｵｵｷ ﾕｶﾘ</v>
          </cell>
          <cell r="CT311" t="str">
            <v>大木  由花里</v>
          </cell>
          <cell r="CU311" t="str">
            <v>こども福祉課</v>
          </cell>
          <cell r="CW311" t="str">
            <v xml:space="preserve"> </v>
          </cell>
          <cell r="CX311" t="str">
            <v xml:space="preserve"> </v>
          </cell>
          <cell r="CY311" t="str">
            <v>こども福祉課長</v>
          </cell>
        </row>
        <row r="312">
          <cell r="B312">
            <v>2338</v>
          </cell>
          <cell r="C312" t="str">
            <v>オリエンタル白石(株)</v>
          </cell>
          <cell r="D312" t="str">
            <v>078-331-6131</v>
          </cell>
          <cell r="E312" t="str">
            <v>650-0023</v>
          </cell>
          <cell r="F312" t="str">
            <v>兵庫県神戸市中央区栄町通2-4-13</v>
          </cell>
          <cell r="G312" t="str">
            <v/>
          </cell>
          <cell r="H312" t="str">
            <v>兵庫営業所</v>
          </cell>
          <cell r="I312" t="str">
            <v>所長 川原　剛</v>
          </cell>
          <cell r="J312" t="str">
            <v>東京都</v>
          </cell>
          <cell r="K312" t="str">
            <v>078-331-6200</v>
          </cell>
          <cell r="L312" t="str">
            <v>hyogo-sales@orsc.co.jp</v>
          </cell>
          <cell r="M312" t="str">
            <v>ｵﾘｴﾝﾀﾙｼﾗｲｼ</v>
          </cell>
          <cell r="N312" t="str">
            <v>有</v>
          </cell>
          <cell r="O312">
            <v>64</v>
          </cell>
          <cell r="P312">
            <v>667</v>
          </cell>
          <cell r="Q312">
            <v>7010601040057</v>
          </cell>
          <cell r="R312">
            <v>500000</v>
          </cell>
          <cell r="S312">
            <v>22902337</v>
          </cell>
          <cell r="T312">
            <v>44616767</v>
          </cell>
          <cell r="V312" t="str">
            <v>jq709906</v>
          </cell>
          <cell r="W312" t="str">
            <v>xq278039</v>
          </cell>
          <cell r="X312" t="str">
            <v>(清)(と)(鋼)(舗)(塗)(水)土建大と電管鋼鉄舗浚塗防園水</v>
          </cell>
          <cell r="Y312" t="str">
            <v>(清)(と)(鋼)(舗)(塗)(水)</v>
          </cell>
          <cell r="Z312" t="str">
            <v>土建大と電管鋼鉄舗浚塗防園水</v>
          </cell>
          <cell r="AA312" t="str">
            <v>土木一式</v>
          </cell>
          <cell r="AB312" t="str">
            <v>水道施設</v>
          </cell>
          <cell r="AC312" t="str">
            <v>とび土工</v>
          </cell>
          <cell r="AD312" t="str">
            <v>鋼構造物</v>
          </cell>
          <cell r="AE312">
            <v>43190</v>
          </cell>
          <cell r="AF312" t="str">
            <v/>
          </cell>
          <cell r="AG312" t="str">
            <v>土木一式</v>
          </cell>
          <cell r="AH312" t="str">
            <v>特定</v>
          </cell>
          <cell r="AI312">
            <v>1653</v>
          </cell>
          <cell r="AJ312">
            <v>25798233</v>
          </cell>
          <cell r="AK312" t="str">
            <v>456(422)/2/17</v>
          </cell>
          <cell r="AL312" t="str">
            <v>水道施設</v>
          </cell>
          <cell r="AM312" t="str">
            <v>特定</v>
          </cell>
          <cell r="AN312">
            <v>1328</v>
          </cell>
          <cell r="AO312">
            <v>412188</v>
          </cell>
          <cell r="AP312" t="str">
            <v>172(158)/0/0</v>
          </cell>
          <cell r="AQ312" t="str">
            <v>とび土工</v>
          </cell>
          <cell r="AR312" t="str">
            <v>特定</v>
          </cell>
          <cell r="AS312">
            <v>1432</v>
          </cell>
          <cell r="AT312">
            <v>15586257</v>
          </cell>
          <cell r="AU312" t="str">
            <v>79(75)/2/11</v>
          </cell>
          <cell r="AV312" t="str">
            <v>鋼構造物</v>
          </cell>
          <cell r="AW312" t="str">
            <v>特定</v>
          </cell>
          <cell r="AX312">
            <v>1313</v>
          </cell>
          <cell r="AY312">
            <v>250456</v>
          </cell>
          <cell r="AZ312" t="str">
            <v>201(182)/0/0</v>
          </cell>
          <cell r="BA312" t="str">
            <v>東京都</v>
          </cell>
          <cell r="BB312">
            <v>0</v>
          </cell>
          <cell r="CR312">
            <v>4619</v>
          </cell>
          <cell r="CS312" t="str">
            <v>ﾖｼﾀﾞ ﾁﾊﾙ</v>
          </cell>
          <cell r="CT312" t="str">
            <v>吉田  千春</v>
          </cell>
          <cell r="CU312" t="str">
            <v>生活支援課</v>
          </cell>
          <cell r="CW312">
            <v>2520</v>
          </cell>
          <cell r="CX312" t="str">
            <v>主幹</v>
          </cell>
          <cell r="CY312" t="str">
            <v>生活支援課長</v>
          </cell>
        </row>
        <row r="313">
          <cell r="B313">
            <v>2339</v>
          </cell>
          <cell r="C313" t="str">
            <v>オリエントハウス(株)</v>
          </cell>
          <cell r="D313" t="str">
            <v>078-926-0870</v>
          </cell>
          <cell r="E313" t="str">
            <v>651-2147</v>
          </cell>
          <cell r="F313" t="str">
            <v>兵庫県神戸市西区玉津町田中593-3</v>
          </cell>
          <cell r="G313" t="str">
            <v>京都市</v>
          </cell>
          <cell r="H313" t="str">
            <v>神戸支店</v>
          </cell>
          <cell r="I313" t="str">
            <v>支店長 井上　大</v>
          </cell>
          <cell r="J313" t="str">
            <v>京都府京都市</v>
          </cell>
          <cell r="K313" t="str">
            <v>078-926-0872</v>
          </cell>
          <cell r="L313" t="str">
            <v>honsya@orient-house.com</v>
          </cell>
          <cell r="M313" t="str">
            <v>ｵﾘｴﾝﾄﾊｳｽ</v>
          </cell>
          <cell r="N313" t="str">
            <v>有</v>
          </cell>
          <cell r="O313">
            <v>43</v>
          </cell>
          <cell r="P313">
            <v>85</v>
          </cell>
          <cell r="Q313">
            <v>5120001147567</v>
          </cell>
          <cell r="R313">
            <v>40000</v>
          </cell>
          <cell r="S313">
            <v>1946423</v>
          </cell>
          <cell r="T313">
            <v>4050710</v>
          </cell>
          <cell r="V313" t="str">
            <v>re975794</v>
          </cell>
          <cell r="W313" t="str">
            <v>dr219375</v>
          </cell>
          <cell r="X313" t="str">
            <v>土電(建)(と)(鋼)建と鋼</v>
          </cell>
          <cell r="Y313" t="str">
            <v>土電(建)(と)(鋼)</v>
          </cell>
          <cell r="Z313" t="str">
            <v>建と鋼</v>
          </cell>
          <cell r="AA313" t="str">
            <v>建築一式</v>
          </cell>
          <cell r="AB313" t="str">
            <v>鋼構造物</v>
          </cell>
          <cell r="AC313" t="str">
            <v>とび土工</v>
          </cell>
          <cell r="AD313" t="str">
            <v/>
          </cell>
          <cell r="AE313">
            <v>43190</v>
          </cell>
          <cell r="AF313" t="str">
            <v/>
          </cell>
          <cell r="AG313" t="str">
            <v>建築一式</v>
          </cell>
          <cell r="AH313" t="str">
            <v>特定</v>
          </cell>
          <cell r="AI313">
            <v>1063</v>
          </cell>
          <cell r="AJ313">
            <v>1553908</v>
          </cell>
          <cell r="AK313" t="str">
            <v>16(13)/5/24</v>
          </cell>
          <cell r="AL313" t="str">
            <v>鋼構造物</v>
          </cell>
          <cell r="AM313" t="str">
            <v>特定</v>
          </cell>
          <cell r="AN313">
            <v>894</v>
          </cell>
          <cell r="AO313">
            <v>89800</v>
          </cell>
          <cell r="AP313" t="str">
            <v>13(10)/0/0</v>
          </cell>
          <cell r="AQ313" t="str">
            <v>とび土工</v>
          </cell>
          <cell r="AR313" t="str">
            <v>特定</v>
          </cell>
          <cell r="AS313">
            <v>798</v>
          </cell>
          <cell r="AT313">
            <v>4080</v>
          </cell>
          <cell r="AU313" t="str">
            <v>2(2)/0/25</v>
          </cell>
          <cell r="AV313" t="str">
            <v/>
          </cell>
          <cell r="AW313" t="str">
            <v/>
          </cell>
          <cell r="AX313" t="str">
            <v/>
          </cell>
          <cell r="AY313" t="str">
            <v/>
          </cell>
          <cell r="AZ313" t="str">
            <v/>
          </cell>
          <cell r="BA313" t="str">
            <v>京都府</v>
          </cell>
          <cell r="BB313">
            <v>0</v>
          </cell>
          <cell r="CR313">
            <v>4620</v>
          </cell>
          <cell r="CS313" t="str">
            <v>ｵｶﾀﾞ ｱｷﾗ</v>
          </cell>
          <cell r="CT313" t="str">
            <v>岡田  章</v>
          </cell>
          <cell r="CU313" t="str">
            <v xml:space="preserve"> </v>
          </cell>
          <cell r="CW313">
            <v>2650</v>
          </cell>
          <cell r="CX313" t="str">
            <v>室長</v>
          </cell>
        </row>
        <row r="314">
          <cell r="B314">
            <v>2340</v>
          </cell>
          <cell r="C314" t="str">
            <v>オルガノ(株)</v>
          </cell>
          <cell r="D314" t="str">
            <v>06-6193-7601</v>
          </cell>
          <cell r="E314" t="str">
            <v>651-0084</v>
          </cell>
          <cell r="F314" t="str">
            <v>大阪府吹田市江の木町1番6号</v>
          </cell>
          <cell r="G314" t="str">
            <v/>
          </cell>
          <cell r="H314" t="str">
            <v>関西支店</v>
          </cell>
          <cell r="I314" t="str">
            <v>支店長　 角　洋一郎</v>
          </cell>
          <cell r="J314" t="str">
            <v>東京都</v>
          </cell>
          <cell r="K314" t="str">
            <v>06-6192-8554</v>
          </cell>
          <cell r="L314" t="str">
            <v>kankyo-ka@organo.co.jp</v>
          </cell>
          <cell r="M314" t="str">
            <v>ｵﾙｶﾞﾉ</v>
          </cell>
          <cell r="N314" t="str">
            <v>有</v>
          </cell>
          <cell r="O314">
            <v>60</v>
          </cell>
          <cell r="P314">
            <v>1163</v>
          </cell>
          <cell r="Q314">
            <v>3010600000000</v>
          </cell>
          <cell r="R314">
            <v>8225499</v>
          </cell>
          <cell r="S314">
            <v>44437874</v>
          </cell>
          <cell r="T314">
            <v>57604000</v>
          </cell>
          <cell r="V314" t="str">
            <v>ur864373</v>
          </cell>
          <cell r="W314" t="str">
            <v>ab319123</v>
          </cell>
          <cell r="X314" t="str">
            <v>土電(建)(と)(鋼)建と鋼</v>
          </cell>
          <cell r="Y314" t="str">
            <v>土電(建)(と)(鋼)</v>
          </cell>
          <cell r="Z314" t="str">
            <v>建と鋼</v>
          </cell>
          <cell r="AA314" t="str">
            <v>機械器具</v>
          </cell>
          <cell r="AB314" t="str">
            <v>水道施設</v>
          </cell>
          <cell r="AC314" t="str">
            <v>電気</v>
          </cell>
          <cell r="AD314" t="str">
            <v/>
          </cell>
          <cell r="AE314">
            <v>43190</v>
          </cell>
          <cell r="AF314" t="str">
            <v>希望しない</v>
          </cell>
          <cell r="AG314" t="str">
            <v>機械器具</v>
          </cell>
          <cell r="AH314" t="str">
            <v>特定</v>
          </cell>
          <cell r="AI314">
            <v>1526</v>
          </cell>
          <cell r="AJ314">
            <v>22783021</v>
          </cell>
          <cell r="AK314" t="str">
            <v>1(1)/0/334</v>
          </cell>
          <cell r="AL314" t="str">
            <v>水道施設</v>
          </cell>
          <cell r="AM314" t="str">
            <v>特定</v>
          </cell>
          <cell r="AN314">
            <v>1331</v>
          </cell>
          <cell r="AO314">
            <v>1245385</v>
          </cell>
          <cell r="AP314" t="str">
            <v>62(52)/3/81</v>
          </cell>
          <cell r="AQ314" t="str">
            <v>電気</v>
          </cell>
          <cell r="AR314" t="str">
            <v>特定</v>
          </cell>
          <cell r="AS314">
            <v>1212</v>
          </cell>
          <cell r="AT314">
            <v>219058</v>
          </cell>
          <cell r="AU314" t="str">
            <v>28(21)/5/11</v>
          </cell>
          <cell r="AV314" t="str">
            <v/>
          </cell>
          <cell r="AW314" t="str">
            <v/>
          </cell>
          <cell r="AX314" t="str">
            <v/>
          </cell>
          <cell r="AY314" t="str">
            <v/>
          </cell>
          <cell r="AZ314" t="str">
            <v/>
          </cell>
          <cell r="BA314" t="str">
            <v>東京都</v>
          </cell>
          <cell r="BB314">
            <v>0</v>
          </cell>
          <cell r="CR314">
            <v>4620</v>
          </cell>
          <cell r="CS314" t="str">
            <v>ｵｶﾀﾞ ｱｷﾗ</v>
          </cell>
          <cell r="CT314" t="str">
            <v>岡田  章</v>
          </cell>
          <cell r="CU314" t="str">
            <v>保育課</v>
          </cell>
          <cell r="CW314">
            <v>2650</v>
          </cell>
          <cell r="CX314" t="str">
            <v>（兼）課長</v>
          </cell>
          <cell r="CY314" t="str">
            <v>保育課長</v>
          </cell>
        </row>
        <row r="315">
          <cell r="B315">
            <v>2341</v>
          </cell>
          <cell r="C315" t="str">
            <v>オルガノプラントサービス(株)</v>
          </cell>
          <cell r="D315" t="str">
            <v>06-6190-6021</v>
          </cell>
          <cell r="E315" t="str">
            <v>564-0053</v>
          </cell>
          <cell r="F315" t="str">
            <v>大阪府吹田市江の木町1-6</v>
          </cell>
          <cell r="G315" t="str">
            <v/>
          </cell>
          <cell r="H315" t="str">
            <v>関西事業所</v>
          </cell>
          <cell r="I315" t="str">
            <v>取締役関西事業所長 松本　浩二</v>
          </cell>
          <cell r="J315" t="str">
            <v>東京都</v>
          </cell>
          <cell r="K315" t="str">
            <v>06-6190-6027</v>
          </cell>
          <cell r="L315" t="str">
            <v>e50500@organo.co.jp</v>
          </cell>
          <cell r="M315" t="str">
            <v>ｵﾙｶﾞﾉﾌﾟﾗﾝﾄｻｰﾋﾞｽ</v>
          </cell>
          <cell r="N315" t="str">
            <v>有</v>
          </cell>
          <cell r="O315">
            <v>43</v>
          </cell>
          <cell r="P315">
            <v>319</v>
          </cell>
          <cell r="Q315">
            <v>5010001001652</v>
          </cell>
          <cell r="R315">
            <v>93000</v>
          </cell>
          <cell r="S315">
            <v>2925934</v>
          </cell>
          <cell r="T315">
            <v>12176551</v>
          </cell>
          <cell r="V315" t="str">
            <v>we453667</v>
          </cell>
          <cell r="W315" t="str">
            <v>jh991161</v>
          </cell>
          <cell r="X315" t="str">
            <v>(清)(電)(管)(機)(水)土電管機水</v>
          </cell>
          <cell r="Y315" t="str">
            <v>(清)(電)(管)(機)(水)</v>
          </cell>
          <cell r="Z315" t="str">
            <v>土電管機水</v>
          </cell>
          <cell r="AA315" t="str">
            <v>機械器具</v>
          </cell>
          <cell r="AB315" t="str">
            <v>水道施設</v>
          </cell>
          <cell r="AC315" t="str">
            <v>電気</v>
          </cell>
          <cell r="AD315" t="str">
            <v/>
          </cell>
          <cell r="AE315">
            <v>43190</v>
          </cell>
          <cell r="AF315" t="str">
            <v/>
          </cell>
          <cell r="AG315" t="str">
            <v>機械器具</v>
          </cell>
          <cell r="AH315" t="str">
            <v>特定</v>
          </cell>
          <cell r="AI315">
            <v>1176</v>
          </cell>
          <cell r="AJ315">
            <v>4131856</v>
          </cell>
          <cell r="AK315" t="str">
            <v>1(1)/0/192</v>
          </cell>
          <cell r="AL315" t="str">
            <v>水道施設</v>
          </cell>
          <cell r="AM315" t="str">
            <v>特定</v>
          </cell>
          <cell r="AN315">
            <v>1068</v>
          </cell>
          <cell r="AO315">
            <v>350984</v>
          </cell>
          <cell r="AP315" t="str">
            <v>26(23)/2/75</v>
          </cell>
          <cell r="AQ315" t="str">
            <v>電気</v>
          </cell>
          <cell r="AR315" t="str">
            <v>特定</v>
          </cell>
          <cell r="AS315">
            <v>1055</v>
          </cell>
          <cell r="AT315">
            <v>675747</v>
          </cell>
          <cell r="AU315" t="str">
            <v>15(14)/5/33</v>
          </cell>
          <cell r="AV315" t="str">
            <v/>
          </cell>
          <cell r="AW315" t="str">
            <v/>
          </cell>
          <cell r="AX315" t="str">
            <v/>
          </cell>
          <cell r="AY315" t="str">
            <v/>
          </cell>
          <cell r="AZ315" t="str">
            <v/>
          </cell>
          <cell r="BA315" t="str">
            <v>東京都</v>
          </cell>
          <cell r="BB315">
            <v>0</v>
          </cell>
          <cell r="CR315">
            <v>4621</v>
          </cell>
          <cell r="CS315" t="str">
            <v>ｺﾀﾆ ｺｳｲﾁ</v>
          </cell>
          <cell r="CT315" t="str">
            <v>小谷  浩一</v>
          </cell>
          <cell r="CU315" t="str">
            <v>契約・検査課</v>
          </cell>
          <cell r="CW315">
            <v>2444</v>
          </cell>
          <cell r="CX315" t="str">
            <v>課長</v>
          </cell>
          <cell r="CY315" t="str">
            <v>契約・検査課長</v>
          </cell>
        </row>
        <row r="316">
          <cell r="B316">
            <v>2342</v>
          </cell>
          <cell r="C316" t="str">
            <v>(株)オペレーションサービス</v>
          </cell>
          <cell r="D316" t="str">
            <v>03-5439-1211</v>
          </cell>
          <cell r="E316" t="str">
            <v>105-0014</v>
          </cell>
          <cell r="F316" t="str">
            <v>東京都港区芝2-22-17</v>
          </cell>
          <cell r="G316" t="str">
            <v/>
          </cell>
          <cell r="H316" t="str">
            <v/>
          </cell>
          <cell r="I316" t="str">
            <v>代表取締役社長 笹川　政弘</v>
          </cell>
          <cell r="J316" t="str">
            <v>本店</v>
          </cell>
          <cell r="K316" t="str">
            <v>03-5439-1212</v>
          </cell>
          <cell r="L316" t="str">
            <v>toshiharu-kamata@opsv.co.jp</v>
          </cell>
          <cell r="M316" t="str">
            <v>ｵﾍﾟﾚｰｼｮﾝｻｰﾋﾞｽ</v>
          </cell>
          <cell r="N316" t="str">
            <v>無</v>
          </cell>
          <cell r="O316">
            <v>38</v>
          </cell>
          <cell r="P316">
            <v>173</v>
          </cell>
          <cell r="Q316">
            <v>9010401087651</v>
          </cell>
          <cell r="R316">
            <v>450000</v>
          </cell>
          <cell r="S316">
            <v>1817865</v>
          </cell>
          <cell r="T316">
            <v>1520019</v>
          </cell>
          <cell r="V316" t="str">
            <v>zg737941</v>
          </cell>
          <cell r="W316" t="str">
            <v>nh667455</v>
          </cell>
          <cell r="X316" t="str">
            <v>電</v>
          </cell>
          <cell r="Y316" t="str">
            <v>電</v>
          </cell>
          <cell r="Z316" t="str">
            <v/>
          </cell>
          <cell r="AA316" t="str">
            <v>電気</v>
          </cell>
          <cell r="AB316" t="str">
            <v/>
          </cell>
          <cell r="AC316" t="str">
            <v/>
          </cell>
          <cell r="AD316" t="str">
            <v/>
          </cell>
          <cell r="AE316">
            <v>43190</v>
          </cell>
          <cell r="AF316" t="str">
            <v>希望しない</v>
          </cell>
          <cell r="AG316" t="str">
            <v>電気</v>
          </cell>
          <cell r="AH316" t="str">
            <v>一般</v>
          </cell>
          <cell r="AI316">
            <v>588</v>
          </cell>
          <cell r="AJ316">
            <v>8390</v>
          </cell>
          <cell r="AK316" t="str">
            <v>2(1)/0/0</v>
          </cell>
          <cell r="AL316" t="str">
            <v/>
          </cell>
          <cell r="AM316" t="str">
            <v/>
          </cell>
          <cell r="AN316" t="str">
            <v/>
          </cell>
          <cell r="AO316" t="str">
            <v/>
          </cell>
          <cell r="AP316" t="str">
            <v/>
          </cell>
          <cell r="AQ316" t="str">
            <v/>
          </cell>
          <cell r="AR316" t="str">
            <v/>
          </cell>
          <cell r="AS316" t="str">
            <v/>
          </cell>
          <cell r="AT316" t="str">
            <v/>
          </cell>
          <cell r="AU316" t="str">
            <v/>
          </cell>
          <cell r="AV316" t="str">
            <v/>
          </cell>
          <cell r="AW316" t="str">
            <v/>
          </cell>
          <cell r="AX316" t="str">
            <v/>
          </cell>
          <cell r="AY316" t="str">
            <v/>
          </cell>
          <cell r="AZ316" t="str">
            <v/>
          </cell>
          <cell r="BA316" t="str">
            <v>東京都</v>
          </cell>
          <cell r="BB316">
            <v>0</v>
          </cell>
          <cell r="CR316">
            <v>4622</v>
          </cell>
          <cell r="CS316" t="str">
            <v>ｻｶﾓﾄ ｺｳｼﾞ</v>
          </cell>
          <cell r="CT316" t="str">
            <v>坂本  孝二</v>
          </cell>
          <cell r="CU316" t="str">
            <v>政策室</v>
          </cell>
          <cell r="CW316">
            <v>2201</v>
          </cell>
          <cell r="CX316" t="str">
            <v>室長</v>
          </cell>
        </row>
        <row r="317">
          <cell r="B317">
            <v>2343</v>
          </cell>
          <cell r="C317" t="str">
            <v>大豊機工(株)</v>
          </cell>
          <cell r="D317" t="str">
            <v>0796-23-1500</v>
          </cell>
          <cell r="E317" t="str">
            <v>668-0013</v>
          </cell>
          <cell r="F317" t="str">
            <v>兵庫県豊岡市中陰470</v>
          </cell>
          <cell r="G317" t="str">
            <v>豊岡市</v>
          </cell>
          <cell r="H317" t="str">
            <v/>
          </cell>
          <cell r="I317" t="str">
            <v>代表取締役 田中　剛</v>
          </cell>
          <cell r="J317" t="str">
            <v>本店</v>
          </cell>
          <cell r="K317" t="str">
            <v>0796-24-1611</v>
          </cell>
          <cell r="L317" t="str">
            <v/>
          </cell>
          <cell r="M317" t="str">
            <v>ｵｵﾄﾖｷｺｳ</v>
          </cell>
          <cell r="N317" t="str">
            <v>無</v>
          </cell>
          <cell r="O317">
            <v>33</v>
          </cell>
          <cell r="P317">
            <v>113</v>
          </cell>
          <cell r="Q317">
            <v>7140001055840</v>
          </cell>
          <cell r="R317">
            <v>94000</v>
          </cell>
          <cell r="S317">
            <v>530071</v>
          </cell>
          <cell r="T317">
            <v>2584560</v>
          </cell>
          <cell r="V317" t="str">
            <v>wc862893</v>
          </cell>
          <cell r="W317" t="str">
            <v>fe981052</v>
          </cell>
          <cell r="X317" t="str">
            <v>機通電</v>
          </cell>
          <cell r="Y317" t="str">
            <v>機通</v>
          </cell>
          <cell r="Z317" t="str">
            <v>電</v>
          </cell>
          <cell r="AA317" t="str">
            <v>電気</v>
          </cell>
          <cell r="AB317" t="str">
            <v>電気通信</v>
          </cell>
          <cell r="AC317" t="str">
            <v>機械器具</v>
          </cell>
          <cell r="AD317" t="str">
            <v/>
          </cell>
          <cell r="AE317">
            <v>43190</v>
          </cell>
          <cell r="AF317" t="str">
            <v>希望しない</v>
          </cell>
          <cell r="AG317" t="str">
            <v>電気</v>
          </cell>
          <cell r="AH317" t="str">
            <v>特定</v>
          </cell>
          <cell r="AI317">
            <v>776</v>
          </cell>
          <cell r="AJ317">
            <v>202863</v>
          </cell>
          <cell r="AK317" t="str">
            <v>4(1)/3/16</v>
          </cell>
          <cell r="AL317" t="str">
            <v>電気通信</v>
          </cell>
          <cell r="AM317" t="str">
            <v>一般</v>
          </cell>
          <cell r="AN317">
            <v>685</v>
          </cell>
          <cell r="AO317">
            <v>11977</v>
          </cell>
          <cell r="AP317" t="str">
            <v>0(0)/0/17</v>
          </cell>
          <cell r="AQ317" t="str">
            <v>機械器具</v>
          </cell>
          <cell r="AR317" t="str">
            <v>一般</v>
          </cell>
          <cell r="AS317">
            <v>669</v>
          </cell>
          <cell r="AT317">
            <v>37153</v>
          </cell>
          <cell r="AU317" t="str">
            <v>0(0)/0/12</v>
          </cell>
          <cell r="AV317" t="str">
            <v/>
          </cell>
          <cell r="AW317" t="str">
            <v/>
          </cell>
          <cell r="AX317" t="str">
            <v/>
          </cell>
          <cell r="AY317" t="str">
            <v/>
          </cell>
          <cell r="AZ317" t="str">
            <v/>
          </cell>
          <cell r="BA317" t="str">
            <v>兵庫県</v>
          </cell>
          <cell r="BB317">
            <v>0</v>
          </cell>
          <cell r="CR317">
            <v>4624</v>
          </cell>
          <cell r="CS317" t="str">
            <v>ﾄﾐﾅｶﾞ ｸﾐﾖ</v>
          </cell>
          <cell r="CT317" t="str">
            <v>富永  久美代</v>
          </cell>
          <cell r="CU317" t="str">
            <v>後期医療福祉課</v>
          </cell>
          <cell r="CW317">
            <v>2733</v>
          </cell>
          <cell r="CX317" t="str">
            <v>副主査</v>
          </cell>
          <cell r="CY317" t="str">
            <v>後期医療福祉課長</v>
          </cell>
        </row>
        <row r="318">
          <cell r="B318">
            <v>2344</v>
          </cell>
          <cell r="C318" t="str">
            <v>(株)株式会社　大阪ポンプ製作所</v>
          </cell>
          <cell r="D318" t="str">
            <v>06-6301-2158</v>
          </cell>
          <cell r="E318" t="str">
            <v>532-0023</v>
          </cell>
          <cell r="F318" t="str">
            <v>大阪府大阪市淀川区十三東1-15-20</v>
          </cell>
          <cell r="G318" t="str">
            <v>大阪市</v>
          </cell>
          <cell r="H318" t="str">
            <v/>
          </cell>
          <cell r="I318" t="str">
            <v>代表取締役 上田　昭榮</v>
          </cell>
          <cell r="J318" t="str">
            <v>本店</v>
          </cell>
          <cell r="K318" t="str">
            <v>06-6302-7630</v>
          </cell>
          <cell r="L318" t="str">
            <v>info@osaka-pump.co.jp</v>
          </cell>
          <cell r="M318" t="str">
            <v>ｵｵｻｶﾎﾟﾝﾌﾟｾｲｻｸｼｮ</v>
          </cell>
          <cell r="N318" t="str">
            <v>無</v>
          </cell>
          <cell r="O318">
            <v>64</v>
          </cell>
          <cell r="P318">
            <v>5</v>
          </cell>
          <cell r="Q318">
            <v>9120001059577</v>
          </cell>
          <cell r="R318">
            <v>10000</v>
          </cell>
          <cell r="S318">
            <v>33850</v>
          </cell>
          <cell r="T318">
            <v>103462</v>
          </cell>
          <cell r="V318" t="str">
            <v>rh129991</v>
          </cell>
          <cell r="W318" t="str">
            <v>ea378818</v>
          </cell>
          <cell r="X318" t="str">
            <v>機井</v>
          </cell>
          <cell r="Y318" t="str">
            <v>機井</v>
          </cell>
          <cell r="Z318" t="str">
            <v/>
          </cell>
          <cell r="AA318" t="str">
            <v>機械器具</v>
          </cell>
          <cell r="AB318" t="str">
            <v>さく井</v>
          </cell>
          <cell r="AC318" t="str">
            <v/>
          </cell>
          <cell r="AD318" t="str">
            <v/>
          </cell>
          <cell r="AE318">
            <v>43190</v>
          </cell>
          <cell r="AF318" t="str">
            <v/>
          </cell>
          <cell r="AG318" t="str">
            <v>機械器具</v>
          </cell>
          <cell r="AH318" t="str">
            <v>一般</v>
          </cell>
          <cell r="AI318">
            <v>713</v>
          </cell>
          <cell r="AJ318">
            <v>95552</v>
          </cell>
          <cell r="AK318" t="str">
            <v>0(0)/0/1</v>
          </cell>
          <cell r="AL318" t="str">
            <v>さく井</v>
          </cell>
          <cell r="AM318" t="str">
            <v>一般</v>
          </cell>
          <cell r="AN318">
            <v>633</v>
          </cell>
          <cell r="AO318">
            <v>4969</v>
          </cell>
          <cell r="AP318" t="str">
            <v>0(0)/0/1</v>
          </cell>
          <cell r="AQ318" t="str">
            <v/>
          </cell>
          <cell r="AR318" t="str">
            <v/>
          </cell>
          <cell r="AS318" t="str">
            <v/>
          </cell>
          <cell r="AT318" t="str">
            <v/>
          </cell>
          <cell r="AU318" t="str">
            <v/>
          </cell>
          <cell r="AV318" t="str">
            <v/>
          </cell>
          <cell r="AW318" t="str">
            <v/>
          </cell>
          <cell r="AX318" t="str">
            <v/>
          </cell>
          <cell r="AY318" t="str">
            <v/>
          </cell>
          <cell r="AZ318" t="str">
            <v/>
          </cell>
          <cell r="BA318" t="str">
            <v>大阪府</v>
          </cell>
          <cell r="BB318">
            <v>0</v>
          </cell>
          <cell r="CR318">
            <v>4625</v>
          </cell>
          <cell r="CS318" t="str">
            <v>ｽｽﾞﾔ ﾕｳｼﾞ</v>
          </cell>
          <cell r="CT318" t="str">
            <v>鈴屋  裕二</v>
          </cell>
          <cell r="CU318" t="str">
            <v>商工労働課</v>
          </cell>
          <cell r="CW318">
            <v>2910</v>
          </cell>
          <cell r="CX318" t="str">
            <v>副主査</v>
          </cell>
          <cell r="CY318" t="str">
            <v>商工労働課長</v>
          </cell>
        </row>
        <row r="319">
          <cell r="B319">
            <v>2345</v>
          </cell>
          <cell r="C319" t="str">
            <v>リフレックス(株)</v>
          </cell>
          <cell r="D319" t="str">
            <v>06-6352-1086</v>
          </cell>
          <cell r="E319" t="str">
            <v>534-0025</v>
          </cell>
          <cell r="F319" t="str">
            <v>大阪府大阪市都島区片町2-11-19</v>
          </cell>
          <cell r="G319" t="str">
            <v>大阪市</v>
          </cell>
          <cell r="H319" t="str">
            <v/>
          </cell>
          <cell r="I319" t="str">
            <v>代表取締役 別所　亨</v>
          </cell>
          <cell r="J319" t="str">
            <v>本店</v>
          </cell>
          <cell r="K319" t="str">
            <v>06-6352-5779</v>
          </cell>
          <cell r="L319" t="str">
            <v>info@re-flex.co.jp</v>
          </cell>
          <cell r="M319" t="str">
            <v>ﾘﾌﾚｯｸｽ</v>
          </cell>
          <cell r="N319" t="str">
            <v>無</v>
          </cell>
          <cell r="O319">
            <v>62</v>
          </cell>
          <cell r="P319">
            <v>16</v>
          </cell>
          <cell r="Q319">
            <v>5120001009065</v>
          </cell>
          <cell r="R319">
            <v>50000</v>
          </cell>
          <cell r="S319">
            <v>150096</v>
          </cell>
          <cell r="T319">
            <v>612572</v>
          </cell>
          <cell r="V319" t="str">
            <v>vd269494</v>
          </cell>
          <cell r="W319" t="str">
            <v>vv841016</v>
          </cell>
          <cell r="X319" t="str">
            <v>電土建大と石タ鋼舗板ガ塗防内具水</v>
          </cell>
          <cell r="Y319" t="str">
            <v>電</v>
          </cell>
          <cell r="Z319" t="str">
            <v>土建大と石タ鋼舗板ガ塗防内具水</v>
          </cell>
          <cell r="AA319" t="str">
            <v>塗装</v>
          </cell>
          <cell r="AB319" t="str">
            <v>防水</v>
          </cell>
          <cell r="AC319" t="str">
            <v>建築一式</v>
          </cell>
          <cell r="AD319" t="str">
            <v>土木一式</v>
          </cell>
          <cell r="AE319">
            <v>43131</v>
          </cell>
          <cell r="AF319" t="str">
            <v>希望しない</v>
          </cell>
          <cell r="AG319" t="str">
            <v>塗装</v>
          </cell>
          <cell r="AH319" t="str">
            <v>特定</v>
          </cell>
          <cell r="AI319">
            <v>886</v>
          </cell>
          <cell r="AJ319">
            <v>526423</v>
          </cell>
          <cell r="AK319" t="str">
            <v>7(7)/1/3</v>
          </cell>
          <cell r="AL319" t="str">
            <v>防水</v>
          </cell>
          <cell r="AM319" t="str">
            <v>特定</v>
          </cell>
          <cell r="AN319">
            <v>758</v>
          </cell>
          <cell r="AO319">
            <v>41665</v>
          </cell>
          <cell r="AP319" t="str">
            <v>3(3)/0/0</v>
          </cell>
          <cell r="AQ319" t="str">
            <v>建築一式</v>
          </cell>
          <cell r="AR319" t="str">
            <v>特定</v>
          </cell>
          <cell r="AS319">
            <v>817</v>
          </cell>
          <cell r="AT319">
            <v>195727</v>
          </cell>
          <cell r="AU319" t="str">
            <v>4(4)/0/0</v>
          </cell>
          <cell r="AV319" t="str">
            <v>土木一式</v>
          </cell>
          <cell r="AW319" t="str">
            <v>特定</v>
          </cell>
          <cell r="AX319">
            <v>637</v>
          </cell>
          <cell r="AY319" t="str">
            <v/>
          </cell>
          <cell r="AZ319" t="str">
            <v>0(0)/0/0</v>
          </cell>
          <cell r="BA319" t="str">
            <v>大阪府</v>
          </cell>
          <cell r="BB319">
            <v>0</v>
          </cell>
          <cell r="CR319">
            <v>4626</v>
          </cell>
          <cell r="CS319" t="str">
            <v>ﾔﾅｾ ｹﾝｼﾞ</v>
          </cell>
          <cell r="CT319" t="str">
            <v>柳瀬  謙二</v>
          </cell>
          <cell r="CU319" t="str">
            <v>道路建設課</v>
          </cell>
          <cell r="CW319">
            <v>3034</v>
          </cell>
          <cell r="CX319" t="str">
            <v>課長</v>
          </cell>
          <cell r="CY319" t="str">
            <v>道路建設課長</v>
          </cell>
        </row>
        <row r="320">
          <cell r="B320">
            <v>2346</v>
          </cell>
          <cell r="C320" t="str">
            <v>大阪塗工(株)</v>
          </cell>
          <cell r="D320" t="str">
            <v>06-6427-1681</v>
          </cell>
          <cell r="E320" t="str">
            <v>661-0024</v>
          </cell>
          <cell r="F320" t="str">
            <v>兵庫県尼崎市三反田町2-2-19</v>
          </cell>
          <cell r="G320" t="str">
            <v>尼崎市</v>
          </cell>
          <cell r="H320" t="str">
            <v/>
          </cell>
          <cell r="I320" t="str">
            <v>代表取締役　 早瀬　利典</v>
          </cell>
          <cell r="J320" t="str">
            <v>本店</v>
          </cell>
          <cell r="K320" t="str">
            <v>06-6427-1684</v>
          </cell>
          <cell r="L320" t="str">
            <v>tokoh@coffee.ocn.ne.jp</v>
          </cell>
          <cell r="M320" t="str">
            <v>ｵｵｻｶﾄｺｳ</v>
          </cell>
          <cell r="N320" t="str">
            <v>無</v>
          </cell>
          <cell r="O320">
            <v>47</v>
          </cell>
          <cell r="P320">
            <v>11</v>
          </cell>
          <cell r="Q320">
            <v>4140001047997</v>
          </cell>
          <cell r="R320">
            <v>30000</v>
          </cell>
          <cell r="S320">
            <v>59640</v>
          </cell>
          <cell r="T320">
            <v>411188</v>
          </cell>
          <cell r="V320" t="str">
            <v>md344072</v>
          </cell>
          <cell r="W320" t="str">
            <v>qg859365</v>
          </cell>
          <cell r="X320" t="str">
            <v>防建塗</v>
          </cell>
          <cell r="Y320" t="str">
            <v>防</v>
          </cell>
          <cell r="Z320" t="str">
            <v>建塗</v>
          </cell>
          <cell r="AA320" t="str">
            <v>塗装</v>
          </cell>
          <cell r="AB320" t="str">
            <v>建築一式</v>
          </cell>
          <cell r="AC320" t="str">
            <v>防水</v>
          </cell>
          <cell r="AD320" t="str">
            <v/>
          </cell>
          <cell r="AE320">
            <v>43008</v>
          </cell>
          <cell r="AF320" t="str">
            <v>希望しない</v>
          </cell>
          <cell r="AG320" t="str">
            <v>塗装</v>
          </cell>
          <cell r="AH320" t="str">
            <v>特定</v>
          </cell>
          <cell r="AI320">
            <v>773</v>
          </cell>
          <cell r="AJ320">
            <v>210068</v>
          </cell>
          <cell r="AK320" t="str">
            <v>4(4)/1/0</v>
          </cell>
          <cell r="AL320" t="str">
            <v>建築一式</v>
          </cell>
          <cell r="AM320" t="str">
            <v>特定</v>
          </cell>
          <cell r="AN320">
            <v>737</v>
          </cell>
          <cell r="AO320">
            <v>167424</v>
          </cell>
          <cell r="AP320" t="str">
            <v>1(1)/2/0</v>
          </cell>
          <cell r="AQ320" t="str">
            <v>防水</v>
          </cell>
          <cell r="AR320" t="str">
            <v>一般</v>
          </cell>
          <cell r="AS320">
            <v>679</v>
          </cell>
          <cell r="AT320">
            <v>33696</v>
          </cell>
          <cell r="AU320" t="str">
            <v>1(1)/1/0</v>
          </cell>
          <cell r="AV320" t="str">
            <v/>
          </cell>
          <cell r="AW320" t="str">
            <v/>
          </cell>
          <cell r="AX320" t="str">
            <v/>
          </cell>
          <cell r="AY320" t="str">
            <v/>
          </cell>
          <cell r="AZ320" t="str">
            <v/>
          </cell>
          <cell r="BA320" t="str">
            <v>兵庫県</v>
          </cell>
          <cell r="BB320">
            <v>0</v>
          </cell>
          <cell r="CR320">
            <v>4627</v>
          </cell>
          <cell r="CS320" t="str">
            <v>ﾀﾂﾐ ｶｽﾞﾖｼ</v>
          </cell>
          <cell r="CT320" t="str">
            <v>辰巳  和良</v>
          </cell>
          <cell r="CU320" t="str">
            <v>生活環境課</v>
          </cell>
          <cell r="CW320" t="str">
            <v>782-2176</v>
          </cell>
          <cell r="CX320" t="str">
            <v>副主査</v>
          </cell>
          <cell r="CY320" t="str">
            <v>生活環境課長</v>
          </cell>
        </row>
        <row r="321">
          <cell r="B321">
            <v>2350</v>
          </cell>
          <cell r="C321" t="str">
            <v>(株)小川電設</v>
          </cell>
          <cell r="D321" t="str">
            <v>06-6419-7877</v>
          </cell>
          <cell r="E321" t="str">
            <v>660-0893</v>
          </cell>
          <cell r="F321" t="str">
            <v>兵庫県尼崎市西難波町2-4-27</v>
          </cell>
          <cell r="G321" t="str">
            <v>尼崎市</v>
          </cell>
          <cell r="H321" t="str">
            <v/>
          </cell>
          <cell r="I321" t="str">
            <v>代表取締役 小川　元</v>
          </cell>
          <cell r="J321" t="str">
            <v>本店</v>
          </cell>
          <cell r="K321" t="str">
            <v>06-6419-8601</v>
          </cell>
          <cell r="L321" t="str">
            <v>g-ogawa@muj.biglobe.ne.jp</v>
          </cell>
          <cell r="M321" t="str">
            <v>ｵｶﾞﾜﾃﾞﾝｾﾂ</v>
          </cell>
          <cell r="N321" t="str">
            <v>無</v>
          </cell>
          <cell r="O321">
            <v>27</v>
          </cell>
          <cell r="P321">
            <v>16</v>
          </cell>
          <cell r="Q321">
            <v>8140001048125</v>
          </cell>
          <cell r="R321">
            <v>30100</v>
          </cell>
          <cell r="S321">
            <v>150000</v>
          </cell>
          <cell r="T321">
            <v>621589</v>
          </cell>
          <cell r="V321" t="str">
            <v>hv822348</v>
          </cell>
          <cell r="W321" t="str">
            <v>jd671415</v>
          </cell>
          <cell r="X321" t="str">
            <v>土管鋼舗通建電内</v>
          </cell>
          <cell r="Y321" t="str">
            <v>土管鋼舗通</v>
          </cell>
          <cell r="Z321" t="str">
            <v>建電内</v>
          </cell>
          <cell r="AA321" t="str">
            <v>電気</v>
          </cell>
          <cell r="AB321" t="str">
            <v>電気通信</v>
          </cell>
          <cell r="AC321" t="str">
            <v>管</v>
          </cell>
          <cell r="AD321" t="str">
            <v>土木一式</v>
          </cell>
          <cell r="AE321">
            <v>43343</v>
          </cell>
          <cell r="AF321" t="str">
            <v>希望しない</v>
          </cell>
          <cell r="AG321" t="str">
            <v>電気</v>
          </cell>
          <cell r="AH321" t="str">
            <v>特定</v>
          </cell>
          <cell r="AI321">
            <v>945</v>
          </cell>
          <cell r="AJ321">
            <v>596624</v>
          </cell>
          <cell r="AK321" t="str">
            <v>7(7)/0/4</v>
          </cell>
          <cell r="AL321" t="str">
            <v>電気通信</v>
          </cell>
          <cell r="AM321" t="str">
            <v>一般</v>
          </cell>
          <cell r="AN321">
            <v>714</v>
          </cell>
          <cell r="AO321">
            <v>4756</v>
          </cell>
          <cell r="AP321" t="str">
            <v>0(0)/0/1</v>
          </cell>
          <cell r="AQ321" t="str">
            <v>管</v>
          </cell>
          <cell r="AR321" t="str">
            <v>一般</v>
          </cell>
          <cell r="AS321">
            <v>693</v>
          </cell>
          <cell r="AT321" t="str">
            <v/>
          </cell>
          <cell r="AU321" t="str">
            <v>0(0)/0/0</v>
          </cell>
          <cell r="AV321" t="str">
            <v>土木一式</v>
          </cell>
          <cell r="AW321" t="str">
            <v>一般</v>
          </cell>
          <cell r="AX321">
            <v>693</v>
          </cell>
          <cell r="AY321" t="str">
            <v/>
          </cell>
          <cell r="AZ321" t="str">
            <v>0(0)/0/0</v>
          </cell>
          <cell r="BA321" t="str">
            <v>兵庫県</v>
          </cell>
          <cell r="BB321">
            <v>0</v>
          </cell>
          <cell r="CR321">
            <v>4631</v>
          </cell>
          <cell r="CS321" t="str">
            <v>ﾁｻｶ ｱｷﾗ</v>
          </cell>
          <cell r="CT321" t="str">
            <v>千阪  章</v>
          </cell>
          <cell r="CU321" t="str">
            <v>公園課</v>
          </cell>
          <cell r="CW321">
            <v>2858</v>
          </cell>
          <cell r="CX321" t="str">
            <v>業務主任</v>
          </cell>
          <cell r="CY321" t="str">
            <v>公園課長</v>
          </cell>
        </row>
        <row r="322">
          <cell r="B322">
            <v>2352</v>
          </cell>
          <cell r="C322" t="str">
            <v>(株)大城工業所</v>
          </cell>
          <cell r="D322" t="str">
            <v>06-6491-2842</v>
          </cell>
          <cell r="E322" t="str">
            <v>661-0972</v>
          </cell>
          <cell r="F322" t="str">
            <v>兵庫県尼崎市小中島2-6-10</v>
          </cell>
          <cell r="G322" t="str">
            <v>尼崎市</v>
          </cell>
          <cell r="H322" t="str">
            <v/>
          </cell>
          <cell r="I322" t="str">
            <v>代表取締役 徐　博史</v>
          </cell>
          <cell r="J322" t="str">
            <v>本店</v>
          </cell>
          <cell r="K322" t="str">
            <v>06-6494-2044</v>
          </cell>
          <cell r="L322" t="str">
            <v>e1gyou@ohshiro.co.jp</v>
          </cell>
          <cell r="M322" t="str">
            <v>ｵｵｼﾛｺｳｷﾞｮｳｼｮ</v>
          </cell>
          <cell r="N322" t="str">
            <v>無</v>
          </cell>
          <cell r="O322">
            <v>51</v>
          </cell>
          <cell r="P322">
            <v>35</v>
          </cell>
          <cell r="Q322">
            <v>5140001048020</v>
          </cell>
          <cell r="R322">
            <v>30000</v>
          </cell>
          <cell r="S322">
            <v>328508</v>
          </cell>
          <cell r="T322">
            <v>1450744</v>
          </cell>
          <cell r="V322" t="str">
            <v>po171247</v>
          </cell>
          <cell r="W322" t="str">
            <v>my175911</v>
          </cell>
          <cell r="X322" t="str">
            <v>建管土と石鋼舗浚塗水解</v>
          </cell>
          <cell r="Y322" t="str">
            <v>建管</v>
          </cell>
          <cell r="Z322" t="str">
            <v>土と石鋼舗浚塗水解</v>
          </cell>
          <cell r="AA322" t="str">
            <v>土木一式</v>
          </cell>
          <cell r="AB322" t="str">
            <v>浚渫</v>
          </cell>
          <cell r="AC322" t="str">
            <v>水道施設</v>
          </cell>
          <cell r="AD322" t="str">
            <v>鋼構造物</v>
          </cell>
          <cell r="AE322">
            <v>43312</v>
          </cell>
          <cell r="AF322" t="str">
            <v>希望する</v>
          </cell>
          <cell r="AG322" t="str">
            <v>土木一式</v>
          </cell>
          <cell r="AH322" t="str">
            <v>特定</v>
          </cell>
          <cell r="AI322">
            <v>1040</v>
          </cell>
          <cell r="AJ322">
            <v>1226991</v>
          </cell>
          <cell r="AK322" t="str">
            <v>8(8)/3/8</v>
          </cell>
          <cell r="AL322" t="str">
            <v>浚渫</v>
          </cell>
          <cell r="AM322" t="str">
            <v>特定</v>
          </cell>
          <cell r="AN322">
            <v>777</v>
          </cell>
          <cell r="AO322">
            <v>15633</v>
          </cell>
          <cell r="AP322" t="str">
            <v>0(0)/0/0</v>
          </cell>
          <cell r="AQ322" t="str">
            <v>水道施設</v>
          </cell>
          <cell r="AR322" t="str">
            <v>特定</v>
          </cell>
          <cell r="AS322">
            <v>785</v>
          </cell>
          <cell r="AT322">
            <v>24500</v>
          </cell>
          <cell r="AU322" t="str">
            <v>0(0)/0/0</v>
          </cell>
          <cell r="AV322" t="str">
            <v>鋼構造物</v>
          </cell>
          <cell r="AW322" t="str">
            <v>特定</v>
          </cell>
          <cell r="AX322">
            <v>861</v>
          </cell>
          <cell r="AY322">
            <v>153730</v>
          </cell>
          <cell r="AZ322" t="str">
            <v>0(0)/0/0</v>
          </cell>
          <cell r="BA322" t="str">
            <v>兵庫県</v>
          </cell>
          <cell r="BB322">
            <v>0</v>
          </cell>
          <cell r="CR322">
            <v>4633</v>
          </cell>
          <cell r="CS322" t="str">
            <v>ｽﾏ ﾊﾙｵ</v>
          </cell>
          <cell r="CT322" t="str">
            <v>須磨  治夫</v>
          </cell>
          <cell r="CU322" t="str">
            <v>管財課</v>
          </cell>
          <cell r="CW322">
            <v>4061</v>
          </cell>
          <cell r="CX322" t="str">
            <v>副主幹</v>
          </cell>
          <cell r="CY322" t="str">
            <v>運輸サービス課長</v>
          </cell>
        </row>
        <row r="323">
          <cell r="B323">
            <v>2353</v>
          </cell>
          <cell r="C323" t="str">
            <v>大阪電気機工株式会社(株)</v>
          </cell>
          <cell r="D323" t="str">
            <v>06-6712-2721</v>
          </cell>
          <cell r="E323" t="str">
            <v>544-0034</v>
          </cell>
          <cell r="F323" t="str">
            <v>大阪府大阪市生野区桃谷5-2-3</v>
          </cell>
          <cell r="G323" t="str">
            <v>大阪市</v>
          </cell>
          <cell r="H323" t="str">
            <v/>
          </cell>
          <cell r="I323" t="str">
            <v>代表取締役 杉浦　秀二</v>
          </cell>
          <cell r="J323" t="str">
            <v>本店</v>
          </cell>
          <cell r="K323" t="str">
            <v>06-6741-3225</v>
          </cell>
          <cell r="L323" t="str">
            <v>honsya@odk.ddo.jp</v>
          </cell>
          <cell r="M323" t="str">
            <v>ｵｵｻｶﾃﾞﾝｷｷｺｳ</v>
          </cell>
          <cell r="N323" t="str">
            <v>無</v>
          </cell>
          <cell r="O323">
            <v>69</v>
          </cell>
          <cell r="P323">
            <v>42</v>
          </cell>
          <cell r="Q323">
            <v>1120001019308</v>
          </cell>
          <cell r="R323">
            <v>30000</v>
          </cell>
          <cell r="S323">
            <v>725371</v>
          </cell>
          <cell r="T323">
            <v>1640833</v>
          </cell>
          <cell r="V323" t="str">
            <v>ge624717</v>
          </cell>
          <cell r="W323" t="str">
            <v>vu826865</v>
          </cell>
          <cell r="X323" t="str">
            <v>内通電管</v>
          </cell>
          <cell r="Y323" t="str">
            <v>内通</v>
          </cell>
          <cell r="Z323" t="str">
            <v>電管</v>
          </cell>
          <cell r="AA323" t="str">
            <v>電気</v>
          </cell>
          <cell r="AB323" t="str">
            <v>管</v>
          </cell>
          <cell r="AC323" t="str">
            <v>電気通信</v>
          </cell>
          <cell r="AD323" t="str">
            <v/>
          </cell>
          <cell r="AE323">
            <v>43555</v>
          </cell>
          <cell r="AF323" t="str">
            <v/>
          </cell>
          <cell r="AG323" t="str">
            <v>電気</v>
          </cell>
          <cell r="AH323" t="str">
            <v>特定</v>
          </cell>
          <cell r="AI323">
            <v>1009</v>
          </cell>
          <cell r="AJ323">
            <v>1339060</v>
          </cell>
          <cell r="AK323" t="str">
            <v>9(8)/4/9</v>
          </cell>
          <cell r="AL323" t="str">
            <v>管</v>
          </cell>
          <cell r="AM323" t="str">
            <v>特定</v>
          </cell>
          <cell r="AN323">
            <v>884</v>
          </cell>
          <cell r="AO323">
            <v>292069</v>
          </cell>
          <cell r="AP323" t="str">
            <v>1(1)/1/14</v>
          </cell>
          <cell r="AQ323" t="str">
            <v>電気通信</v>
          </cell>
          <cell r="AR323" t="str">
            <v>一般</v>
          </cell>
          <cell r="AS323">
            <v>745</v>
          </cell>
          <cell r="AT323">
            <v>9705</v>
          </cell>
          <cell r="AU323" t="str">
            <v>0(0)/0/6</v>
          </cell>
          <cell r="AV323" t="str">
            <v/>
          </cell>
          <cell r="AW323" t="str">
            <v/>
          </cell>
          <cell r="AX323" t="str">
            <v/>
          </cell>
          <cell r="AY323" t="str">
            <v/>
          </cell>
          <cell r="AZ323" t="str">
            <v/>
          </cell>
          <cell r="BA323" t="str">
            <v>大阪府</v>
          </cell>
        </row>
        <row r="324">
          <cell r="B324">
            <v>2356</v>
          </cell>
          <cell r="C324" t="str">
            <v>(株)大道</v>
          </cell>
          <cell r="D324" t="str">
            <v>06-6320-5065</v>
          </cell>
          <cell r="E324" t="str">
            <v>533-0031</v>
          </cell>
          <cell r="F324" t="str">
            <v>大阪府大阪市大阪市東淀川区西淡路3丁目5番8号108号室</v>
          </cell>
          <cell r="G324" t="str">
            <v>大阪市</v>
          </cell>
          <cell r="H324" t="str">
            <v/>
          </cell>
          <cell r="I324" t="str">
            <v>代表取締役 小泉　孝次</v>
          </cell>
          <cell r="J324" t="str">
            <v>本店</v>
          </cell>
          <cell r="K324" t="str">
            <v>06-6320-5066</v>
          </cell>
          <cell r="L324" t="str">
            <v>daido@office.email.ne.jp</v>
          </cell>
          <cell r="M324" t="str">
            <v>ﾀﾞｲﾄﾞｳ</v>
          </cell>
          <cell r="N324" t="str">
            <v>無</v>
          </cell>
          <cell r="O324">
            <v>9</v>
          </cell>
          <cell r="P324">
            <v>5</v>
          </cell>
          <cell r="Q324">
            <v>3120001133247</v>
          </cell>
          <cell r="R324">
            <v>5000</v>
          </cell>
          <cell r="S324">
            <v>13750</v>
          </cell>
          <cell r="T324">
            <v>11738</v>
          </cell>
          <cell r="V324" t="str">
            <v>ck396094</v>
          </cell>
          <cell r="W324" t="str">
            <v>jn574138</v>
          </cell>
          <cell r="X324" t="str">
            <v>土建大左と石屋タ鋼舗板ガ塗防内熱具解</v>
          </cell>
          <cell r="Y324" t="str">
            <v>土建大左と石屋タ鋼舗板ガ塗防内熱具解</v>
          </cell>
          <cell r="Z324" t="str">
            <v/>
          </cell>
          <cell r="AA324" t="str">
            <v>塗装</v>
          </cell>
          <cell r="AB324" t="str">
            <v>防水</v>
          </cell>
          <cell r="AC324" t="str">
            <v>建築一式</v>
          </cell>
          <cell r="AD324" t="str">
            <v>土木一式</v>
          </cell>
          <cell r="AE324">
            <v>43281</v>
          </cell>
          <cell r="AF324" t="str">
            <v>希望しない</v>
          </cell>
          <cell r="AG324" t="str">
            <v>塗装</v>
          </cell>
          <cell r="AH324" t="str">
            <v>一般</v>
          </cell>
          <cell r="AI324">
            <v>540</v>
          </cell>
          <cell r="AJ324">
            <v>20425</v>
          </cell>
          <cell r="AK324" t="str">
            <v>0(0)/2/1</v>
          </cell>
          <cell r="AL324" t="str">
            <v>防水</v>
          </cell>
          <cell r="AM324" t="str">
            <v>一般</v>
          </cell>
          <cell r="AN324">
            <v>471</v>
          </cell>
          <cell r="AO324" t="str">
            <v/>
          </cell>
          <cell r="AP324" t="str">
            <v>0(0)/1/0</v>
          </cell>
          <cell r="AQ324" t="str">
            <v>建築一式</v>
          </cell>
          <cell r="AR324" t="str">
            <v>一般</v>
          </cell>
          <cell r="AS324">
            <v>471</v>
          </cell>
          <cell r="AT324" t="str">
            <v/>
          </cell>
          <cell r="AU324" t="str">
            <v>0(0)/1/0</v>
          </cell>
          <cell r="AV324" t="str">
            <v>土木一式</v>
          </cell>
          <cell r="AW324" t="str">
            <v>一般</v>
          </cell>
          <cell r="AX324">
            <v>467</v>
          </cell>
          <cell r="AY324" t="str">
            <v/>
          </cell>
          <cell r="AZ324" t="str">
            <v>0(0)/0/0</v>
          </cell>
          <cell r="BA324" t="str">
            <v>大阪府</v>
          </cell>
          <cell r="BB324">
            <v>0</v>
          </cell>
          <cell r="CR324">
            <v>4648</v>
          </cell>
          <cell r="CS324" t="str">
            <v>ｲｹｳﾁ ﾁｺ</v>
          </cell>
          <cell r="CT324" t="str">
            <v>池内  智湖</v>
          </cell>
          <cell r="CU324" t="str">
            <v>市民課</v>
          </cell>
          <cell r="CW324" t="str">
            <v xml:space="preserve"> </v>
          </cell>
          <cell r="CX324" t="str">
            <v>主任</v>
          </cell>
          <cell r="CY324" t="str">
            <v>市民課長</v>
          </cell>
        </row>
        <row r="325">
          <cell r="B325">
            <v>2359</v>
          </cell>
          <cell r="C325" t="str">
            <v>岡山電設(株)</v>
          </cell>
          <cell r="D325" t="str">
            <v>0773-42-6601</v>
          </cell>
          <cell r="E325" t="str">
            <v>623-0005</v>
          </cell>
          <cell r="F325" t="str">
            <v>京都府綾部市里町大坂33-2</v>
          </cell>
          <cell r="G325" t="str">
            <v>綾部市</v>
          </cell>
          <cell r="H325" t="str">
            <v/>
          </cell>
          <cell r="I325" t="str">
            <v>代表取締役 岡山　秀行</v>
          </cell>
          <cell r="J325" t="str">
            <v>本店</v>
          </cell>
          <cell r="K325" t="str">
            <v>0773-43-0281</v>
          </cell>
          <cell r="L325" t="str">
            <v>info@okayama-e.co.jp</v>
          </cell>
          <cell r="M325" t="str">
            <v>ｵｶﾔﾏﾃﾞﾝｾﾂ</v>
          </cell>
          <cell r="N325" t="str">
            <v>無</v>
          </cell>
          <cell r="O325">
            <v>41</v>
          </cell>
          <cell r="P325">
            <v>26</v>
          </cell>
          <cell r="Q325">
            <v>9130001041699</v>
          </cell>
          <cell r="R325">
            <v>35000</v>
          </cell>
          <cell r="S325">
            <v>152726</v>
          </cell>
          <cell r="T325">
            <v>275538</v>
          </cell>
          <cell r="V325" t="str">
            <v>fw142053</v>
          </cell>
          <cell r="W325" t="str">
            <v>hy753159</v>
          </cell>
          <cell r="X325" t="str">
            <v>土と管通水消電</v>
          </cell>
          <cell r="Y325" t="str">
            <v>土と管通水消</v>
          </cell>
          <cell r="Z325" t="str">
            <v>電</v>
          </cell>
          <cell r="AA325" t="str">
            <v>電気</v>
          </cell>
          <cell r="AB325" t="str">
            <v>電気通信</v>
          </cell>
          <cell r="AC325" t="str">
            <v>管</v>
          </cell>
          <cell r="AD325" t="str">
            <v>土木一式</v>
          </cell>
          <cell r="AE325">
            <v>43100</v>
          </cell>
          <cell r="AF325" t="str">
            <v>希望しない</v>
          </cell>
          <cell r="AG325" t="str">
            <v>電気</v>
          </cell>
          <cell r="AH325" t="str">
            <v>特定</v>
          </cell>
          <cell r="AI325">
            <v>913</v>
          </cell>
          <cell r="AJ325">
            <v>291723</v>
          </cell>
          <cell r="AK325" t="str">
            <v>4(4)/3/5</v>
          </cell>
          <cell r="AL325" t="str">
            <v>電気通信</v>
          </cell>
          <cell r="AM325" t="str">
            <v>一般</v>
          </cell>
          <cell r="AN325">
            <v>731</v>
          </cell>
          <cell r="AO325">
            <v>4559</v>
          </cell>
          <cell r="AP325" t="str">
            <v>0(0)/0/2</v>
          </cell>
          <cell r="AQ325" t="str">
            <v>管</v>
          </cell>
          <cell r="AR325" t="str">
            <v>一般</v>
          </cell>
          <cell r="AS325">
            <v>757</v>
          </cell>
          <cell r="AT325">
            <v>6405</v>
          </cell>
          <cell r="AU325" t="str">
            <v>1(1)/2/0</v>
          </cell>
          <cell r="AV325" t="str">
            <v>土木一式</v>
          </cell>
          <cell r="AW325" t="str">
            <v>一般</v>
          </cell>
          <cell r="AX325">
            <v>777</v>
          </cell>
          <cell r="AY325">
            <v>16416</v>
          </cell>
          <cell r="AZ325" t="str">
            <v>1(1)/0/1</v>
          </cell>
          <cell r="BA325" t="str">
            <v>京都府</v>
          </cell>
          <cell r="BB325">
            <v>0</v>
          </cell>
          <cell r="CR325">
            <v>4649</v>
          </cell>
          <cell r="CS325" t="str">
            <v>ﾅｶﾑﾗ ﾏｻﾐﾂ</v>
          </cell>
          <cell r="CT325" t="str">
            <v>中村  雅光</v>
          </cell>
          <cell r="CU325" t="str">
            <v>商工労働課</v>
          </cell>
          <cell r="CW325">
            <v>2927</v>
          </cell>
          <cell r="CX325" t="str">
            <v>主査</v>
          </cell>
          <cell r="CY325" t="str">
            <v>商工労働課長</v>
          </cell>
        </row>
        <row r="326">
          <cell r="B326">
            <v>2360</v>
          </cell>
          <cell r="C326" t="str">
            <v>オリックス・ファシリティーズ(株)</v>
          </cell>
          <cell r="D326" t="str">
            <v>075-841-7550</v>
          </cell>
          <cell r="E326" t="str">
            <v>600-8385</v>
          </cell>
          <cell r="F326" t="str">
            <v>京都府京都市下京区大宮通仏光寺下る五坊大宮町99</v>
          </cell>
          <cell r="G326" t="str">
            <v>京都市</v>
          </cell>
          <cell r="H326" t="str">
            <v/>
          </cell>
          <cell r="I326" t="str">
            <v>代表取締役 深谷　健司</v>
          </cell>
          <cell r="J326" t="str">
            <v>本店</v>
          </cell>
          <cell r="K326" t="str">
            <v>075-841-7666</v>
          </cell>
          <cell r="L326" t="str">
            <v>gijyutu-kanri@grp.daikyo.co.jp</v>
          </cell>
          <cell r="M326" t="str">
            <v>ｵﾘｯｸｽﾌｧｼﾘﾃｨｰｽﾞ</v>
          </cell>
          <cell r="N326" t="str">
            <v>無</v>
          </cell>
          <cell r="O326">
            <v>43</v>
          </cell>
          <cell r="P326">
            <v>2379</v>
          </cell>
          <cell r="Q326">
            <v>8130001019358</v>
          </cell>
          <cell r="R326">
            <v>857500</v>
          </cell>
          <cell r="S326">
            <v>5864141</v>
          </cell>
          <cell r="T326">
            <v>50267431</v>
          </cell>
          <cell r="V326" t="str">
            <v>lx140798</v>
          </cell>
          <cell r="W326" t="str">
            <v>up121381</v>
          </cell>
          <cell r="X326" t="str">
            <v>舗消土建大と石電管タ板ガ塗防内機熱通具</v>
          </cell>
          <cell r="Y326" t="str">
            <v>舗消</v>
          </cell>
          <cell r="Z326" t="str">
            <v>土建大と石電管タ板ガ塗防内機熱通具</v>
          </cell>
          <cell r="AA326" t="str">
            <v>電気</v>
          </cell>
          <cell r="AB326" t="str">
            <v>管</v>
          </cell>
          <cell r="AC326" t="str">
            <v>消防施設</v>
          </cell>
          <cell r="AD326" t="str">
            <v/>
          </cell>
          <cell r="AE326">
            <v>43190</v>
          </cell>
          <cell r="AF326" t="str">
            <v>希望しない</v>
          </cell>
          <cell r="AG326" t="str">
            <v>電気</v>
          </cell>
          <cell r="AH326" t="str">
            <v>特定</v>
          </cell>
          <cell r="AI326">
            <v>1331</v>
          </cell>
          <cell r="AJ326">
            <v>6236690</v>
          </cell>
          <cell r="AK326" t="str">
            <v>94(37)/19/6</v>
          </cell>
          <cell r="AL326" t="str">
            <v>管</v>
          </cell>
          <cell r="AM326" t="str">
            <v>特定</v>
          </cell>
          <cell r="AN326">
            <v>1240</v>
          </cell>
          <cell r="AO326">
            <v>2324602</v>
          </cell>
          <cell r="AP326" t="str">
            <v>50(15)/15/4</v>
          </cell>
          <cell r="AQ326" t="str">
            <v>消防施設</v>
          </cell>
          <cell r="AR326" t="str">
            <v>一般</v>
          </cell>
          <cell r="AS326">
            <v>1063</v>
          </cell>
          <cell r="AT326">
            <v>208838</v>
          </cell>
          <cell r="AU326" t="str">
            <v>0(0)/40/0</v>
          </cell>
          <cell r="AV326" t="str">
            <v/>
          </cell>
          <cell r="AW326" t="str">
            <v/>
          </cell>
          <cell r="AX326" t="str">
            <v/>
          </cell>
          <cell r="AY326" t="str">
            <v/>
          </cell>
          <cell r="AZ326" t="str">
            <v/>
          </cell>
          <cell r="BA326" t="str">
            <v>京都府</v>
          </cell>
          <cell r="BB326">
            <v>0</v>
          </cell>
          <cell r="CR326">
            <v>4650</v>
          </cell>
          <cell r="CS326" t="str">
            <v>ﾏｽﾑﾗ ﾖｼﾉﾘ</v>
          </cell>
          <cell r="CT326" t="str">
            <v>桝村  義則</v>
          </cell>
          <cell r="CU326" t="str">
            <v>財政室</v>
          </cell>
          <cell r="CW326">
            <v>2220</v>
          </cell>
          <cell r="CX326" t="str">
            <v>室長</v>
          </cell>
        </row>
        <row r="327">
          <cell r="B327">
            <v>2364</v>
          </cell>
          <cell r="C327" t="str">
            <v>オカダ電工</v>
          </cell>
          <cell r="D327" t="str">
            <v>079-552-5243</v>
          </cell>
          <cell r="E327" t="str">
            <v>669-2307</v>
          </cell>
          <cell r="F327" t="str">
            <v>兵庫県篠山市般若寺189</v>
          </cell>
          <cell r="G327" t="str">
            <v>篠山市</v>
          </cell>
          <cell r="H327" t="str">
            <v/>
          </cell>
          <cell r="I327" t="str">
            <v xml:space="preserve"> 岡田　政光</v>
          </cell>
          <cell r="J327" t="str">
            <v>本店</v>
          </cell>
          <cell r="K327" t="str">
            <v>079-552-5543</v>
          </cell>
          <cell r="L327" t="str">
            <v>denkiya-okada@watch.ocn.ne.jp</v>
          </cell>
          <cell r="M327" t="str">
            <v>ｵｶﾀﾞﾃﾞﾝｺｳ</v>
          </cell>
          <cell r="N327" t="str">
            <v>無</v>
          </cell>
          <cell r="O327">
            <v>33</v>
          </cell>
          <cell r="P327">
            <v>4</v>
          </cell>
          <cell r="Q327" t="str">
            <v/>
          </cell>
          <cell r="R327" t="str">
            <v/>
          </cell>
          <cell r="S327">
            <v>30463</v>
          </cell>
          <cell r="T327">
            <v>44537</v>
          </cell>
          <cell r="V327" t="str">
            <v>ou176430</v>
          </cell>
          <cell r="W327" t="str">
            <v>zq180023</v>
          </cell>
          <cell r="X327" t="str">
            <v>電管消</v>
          </cell>
          <cell r="Y327" t="str">
            <v>電管消</v>
          </cell>
          <cell r="Z327" t="str">
            <v/>
          </cell>
          <cell r="AA327" t="str">
            <v>電気</v>
          </cell>
          <cell r="AB327" t="str">
            <v/>
          </cell>
          <cell r="AC327" t="str">
            <v/>
          </cell>
          <cell r="AD327" t="str">
            <v/>
          </cell>
          <cell r="AE327">
            <v>43100</v>
          </cell>
          <cell r="AF327" t="str">
            <v/>
          </cell>
          <cell r="AG327" t="str">
            <v>電気</v>
          </cell>
          <cell r="AH327" t="str">
            <v>一般</v>
          </cell>
          <cell r="AI327">
            <v>673</v>
          </cell>
          <cell r="AJ327">
            <v>28884</v>
          </cell>
          <cell r="AK327" t="str">
            <v>1(0)/0/0</v>
          </cell>
          <cell r="AL327" t="str">
            <v/>
          </cell>
          <cell r="AM327" t="str">
            <v/>
          </cell>
          <cell r="AN327" t="str">
            <v/>
          </cell>
          <cell r="AO327" t="str">
            <v/>
          </cell>
          <cell r="AP327" t="str">
            <v/>
          </cell>
          <cell r="AQ327" t="str">
            <v/>
          </cell>
          <cell r="AR327" t="str">
            <v/>
          </cell>
          <cell r="AS327" t="str">
            <v/>
          </cell>
          <cell r="AT327" t="str">
            <v/>
          </cell>
          <cell r="AU327" t="str">
            <v/>
          </cell>
          <cell r="AV327" t="str">
            <v/>
          </cell>
          <cell r="AW327" t="str">
            <v/>
          </cell>
          <cell r="AX327" t="str">
            <v/>
          </cell>
          <cell r="AY327" t="str">
            <v/>
          </cell>
          <cell r="AZ327" t="str">
            <v/>
          </cell>
          <cell r="BA327" t="str">
            <v>兵庫県</v>
          </cell>
          <cell r="BB327">
            <v>0</v>
          </cell>
          <cell r="CR327">
            <v>4652</v>
          </cell>
          <cell r="CS327" t="str">
            <v>ﾌｸｼﾏ ｼﾞﾕﾝｲﾁ</v>
          </cell>
          <cell r="CT327" t="str">
            <v>福島  淳一</v>
          </cell>
          <cell r="CU327" t="str">
            <v>市民課</v>
          </cell>
          <cell r="CW327" t="str">
            <v xml:space="preserve"> </v>
          </cell>
          <cell r="CX327" t="str">
            <v>室長</v>
          </cell>
          <cell r="CY327" t="str">
            <v>市民課長</v>
          </cell>
        </row>
        <row r="328">
          <cell r="B328">
            <v>2365</v>
          </cell>
          <cell r="C328" t="str">
            <v>(株)オクムラ道路</v>
          </cell>
          <cell r="D328" t="str">
            <v>06-6574-2361</v>
          </cell>
          <cell r="E328" t="str">
            <v>552-0007</v>
          </cell>
          <cell r="F328" t="str">
            <v>大阪府大阪市港区弁天6-1-3</v>
          </cell>
          <cell r="G328" t="str">
            <v>大阪市</v>
          </cell>
          <cell r="H328" t="str">
            <v/>
          </cell>
          <cell r="I328" t="str">
            <v>取締役社長 山口　修</v>
          </cell>
          <cell r="J328" t="str">
            <v>本店</v>
          </cell>
          <cell r="K328" t="str">
            <v>06-6572-5286</v>
          </cell>
          <cell r="L328" t="str">
            <v>main@okumuradouro.co.jp</v>
          </cell>
          <cell r="M328" t="str">
            <v>ｵｸﾑﾗﾄﾞｳﾛ</v>
          </cell>
          <cell r="N328" t="str">
            <v>無</v>
          </cell>
          <cell r="O328">
            <v>30</v>
          </cell>
          <cell r="P328">
            <v>15</v>
          </cell>
          <cell r="Q328">
            <v>1120001028647</v>
          </cell>
          <cell r="R328">
            <v>30000</v>
          </cell>
          <cell r="S328">
            <v>477118</v>
          </cell>
          <cell r="T328">
            <v>1196735</v>
          </cell>
          <cell r="V328" t="str">
            <v>pm133838</v>
          </cell>
          <cell r="W328" t="str">
            <v>lg137898</v>
          </cell>
          <cell r="X328" t="str">
            <v>土と管舗</v>
          </cell>
          <cell r="Y328" t="str">
            <v/>
          </cell>
          <cell r="Z328" t="str">
            <v>土と管舗</v>
          </cell>
          <cell r="AA328" t="str">
            <v>土木一式</v>
          </cell>
          <cell r="AB328" t="str">
            <v>舗装</v>
          </cell>
          <cell r="AC328" t="str">
            <v>管</v>
          </cell>
          <cell r="AD328" t="str">
            <v/>
          </cell>
          <cell r="AE328">
            <v>43616</v>
          </cell>
          <cell r="AF328" t="str">
            <v>希望する</v>
          </cell>
          <cell r="AG328" t="str">
            <v>土木一式</v>
          </cell>
          <cell r="AH328" t="str">
            <v>特定</v>
          </cell>
          <cell r="AI328">
            <v>899</v>
          </cell>
          <cell r="AJ328">
            <v>880845</v>
          </cell>
          <cell r="AK328" t="str">
            <v>9(9)/2/0</v>
          </cell>
          <cell r="AL328" t="str">
            <v>舗装</v>
          </cell>
          <cell r="AM328" t="str">
            <v>特定</v>
          </cell>
          <cell r="AN328">
            <v>829</v>
          </cell>
          <cell r="AO328">
            <v>112914</v>
          </cell>
          <cell r="AP328" t="str">
            <v>8(8)/2/0</v>
          </cell>
          <cell r="AQ328" t="str">
            <v>管</v>
          </cell>
          <cell r="AR328" t="str">
            <v>特定</v>
          </cell>
          <cell r="AS328">
            <v>662</v>
          </cell>
          <cell r="AT328">
            <v>4725</v>
          </cell>
          <cell r="AU328" t="str">
            <v>1(1)/0/0</v>
          </cell>
          <cell r="AV328" t="str">
            <v/>
          </cell>
          <cell r="AW328" t="str">
            <v/>
          </cell>
          <cell r="AX328" t="str">
            <v/>
          </cell>
          <cell r="AY328" t="str">
            <v/>
          </cell>
          <cell r="AZ328" t="str">
            <v/>
          </cell>
          <cell r="BA328" t="str">
            <v>大阪府</v>
          </cell>
        </row>
        <row r="329">
          <cell r="B329">
            <v>2371</v>
          </cell>
          <cell r="C329" t="str">
            <v>えびす(株)</v>
          </cell>
          <cell r="D329" t="str">
            <v>06-6586-9525</v>
          </cell>
          <cell r="E329" t="str">
            <v>552-0001</v>
          </cell>
          <cell r="F329" t="str">
            <v>大阪府大阪市港区波除6-3-1</v>
          </cell>
          <cell r="G329" t="str">
            <v>大阪市</v>
          </cell>
          <cell r="H329" t="str">
            <v/>
          </cell>
          <cell r="I329" t="str">
            <v>代表取締役 豊田　裕司</v>
          </cell>
          <cell r="J329" t="str">
            <v>本店</v>
          </cell>
          <cell r="K329" t="str">
            <v>06-7668-0380</v>
          </cell>
          <cell r="L329" t="str">
            <v>info@ebisu-zouen.co.jp</v>
          </cell>
          <cell r="M329" t="str">
            <v>ｴﾋﾞｽ</v>
          </cell>
          <cell r="N329" t="str">
            <v>無</v>
          </cell>
          <cell r="O329">
            <v>37</v>
          </cell>
          <cell r="P329">
            <v>3</v>
          </cell>
          <cell r="Q329">
            <v>1140001068138</v>
          </cell>
          <cell r="R329">
            <v>20000</v>
          </cell>
          <cell r="S329">
            <v>20886</v>
          </cell>
          <cell r="T329">
            <v>62523</v>
          </cell>
          <cell r="V329" t="str">
            <v>jc113369</v>
          </cell>
          <cell r="W329" t="str">
            <v>df158082</v>
          </cell>
          <cell r="X329" t="str">
            <v>土舗園</v>
          </cell>
          <cell r="Y329" t="str">
            <v>土舗園</v>
          </cell>
          <cell r="Z329" t="str">
            <v/>
          </cell>
          <cell r="AA329" t="str">
            <v>造園</v>
          </cell>
          <cell r="AB329" t="str">
            <v>土木一式</v>
          </cell>
          <cell r="AC329" t="str">
            <v>舗装</v>
          </cell>
          <cell r="AD329" t="str">
            <v/>
          </cell>
          <cell r="AE329">
            <v>43616</v>
          </cell>
          <cell r="AF329" t="str">
            <v>希望しない</v>
          </cell>
          <cell r="AG329" t="str">
            <v>造園</v>
          </cell>
          <cell r="AH329" t="str">
            <v>一般</v>
          </cell>
          <cell r="AI329">
            <v>686</v>
          </cell>
          <cell r="AJ329">
            <v>15769</v>
          </cell>
          <cell r="AK329" t="str">
            <v>0(0)/0/0</v>
          </cell>
          <cell r="AL329" t="str">
            <v>土木一式</v>
          </cell>
          <cell r="AM329" t="str">
            <v>一般</v>
          </cell>
          <cell r="AN329">
            <v>659</v>
          </cell>
          <cell r="AO329">
            <v>7633</v>
          </cell>
          <cell r="AP329" t="str">
            <v>0(0)/0/0</v>
          </cell>
          <cell r="AQ329" t="str">
            <v>舗装</v>
          </cell>
          <cell r="AR329" t="str">
            <v>一般</v>
          </cell>
          <cell r="AS329">
            <v>677</v>
          </cell>
          <cell r="AT329">
            <v>11129</v>
          </cell>
          <cell r="AU329" t="str">
            <v>0(0)/0/0</v>
          </cell>
          <cell r="AV329" t="str">
            <v/>
          </cell>
          <cell r="AW329" t="str">
            <v/>
          </cell>
          <cell r="AX329" t="str">
            <v/>
          </cell>
          <cell r="AY329" t="str">
            <v/>
          </cell>
          <cell r="AZ329" t="str">
            <v/>
          </cell>
          <cell r="BA329" t="str">
            <v>大阪府</v>
          </cell>
        </row>
        <row r="330">
          <cell r="B330">
            <v>2380</v>
          </cell>
          <cell r="C330" t="str">
            <v>開成工業(株)</v>
          </cell>
          <cell r="D330" t="str">
            <v>096-272-5521</v>
          </cell>
          <cell r="E330" t="str">
            <v>861-0124</v>
          </cell>
          <cell r="F330" t="str">
            <v>熊本県熊本市北区植木町石川450-1</v>
          </cell>
          <cell r="G330" t="str">
            <v>熊本市</v>
          </cell>
          <cell r="H330" t="str">
            <v/>
          </cell>
          <cell r="I330" t="str">
            <v>代表取締役 村山　典隆</v>
          </cell>
          <cell r="J330" t="str">
            <v>本店</v>
          </cell>
          <cell r="K330" t="str">
            <v>096-272-5581</v>
          </cell>
          <cell r="L330" t="str">
            <v/>
          </cell>
          <cell r="M330" t="str">
            <v>ｶｲｾｲｺｳｷﾞｮｳ</v>
          </cell>
          <cell r="N330" t="str">
            <v>無</v>
          </cell>
          <cell r="O330">
            <v>41</v>
          </cell>
          <cell r="P330">
            <v>174</v>
          </cell>
          <cell r="Q330">
            <v>7330001010454</v>
          </cell>
          <cell r="R330">
            <v>60000</v>
          </cell>
          <cell r="S330">
            <v>1193679</v>
          </cell>
          <cell r="T330">
            <v>3398530</v>
          </cell>
          <cell r="V330" t="str">
            <v>yr742633</v>
          </cell>
          <cell r="W330" t="str">
            <v>fg567324</v>
          </cell>
          <cell r="X330" t="str">
            <v>土と電管鋼機水</v>
          </cell>
          <cell r="Y330" t="str">
            <v/>
          </cell>
          <cell r="Z330" t="str">
            <v>土と電管鋼機水</v>
          </cell>
          <cell r="AA330" t="str">
            <v>鋼構造物</v>
          </cell>
          <cell r="AB330" t="str">
            <v>機械器具</v>
          </cell>
          <cell r="AC330" t="str">
            <v>水道施設</v>
          </cell>
          <cell r="AD330" t="str">
            <v/>
          </cell>
          <cell r="AE330">
            <v>43555</v>
          </cell>
          <cell r="AF330" t="str">
            <v>希望しない</v>
          </cell>
          <cell r="AG330" t="str">
            <v>鋼構造物</v>
          </cell>
          <cell r="AH330" t="str">
            <v>特定</v>
          </cell>
          <cell r="AI330">
            <v>1125</v>
          </cell>
          <cell r="AJ330">
            <v>2712273</v>
          </cell>
          <cell r="AK330" t="str">
            <v>83(81)/15/6</v>
          </cell>
          <cell r="AL330" t="str">
            <v>機械器具</v>
          </cell>
          <cell r="AM330" t="str">
            <v>特定</v>
          </cell>
          <cell r="AN330">
            <v>922</v>
          </cell>
          <cell r="AO330">
            <v>323691</v>
          </cell>
          <cell r="AP330" t="str">
            <v>0(0)/0/69</v>
          </cell>
          <cell r="AQ330" t="str">
            <v>水道施設</v>
          </cell>
          <cell r="AR330" t="str">
            <v>特定</v>
          </cell>
          <cell r="AS330">
            <v>809</v>
          </cell>
          <cell r="AT330" t="str">
            <v/>
          </cell>
          <cell r="AU330" t="str">
            <v>23(22)/6/0</v>
          </cell>
          <cell r="AV330" t="str">
            <v/>
          </cell>
          <cell r="AW330" t="str">
            <v/>
          </cell>
          <cell r="AX330" t="str">
            <v/>
          </cell>
          <cell r="AY330" t="str">
            <v/>
          </cell>
          <cell r="AZ330" t="str">
            <v/>
          </cell>
          <cell r="BA330" t="str">
            <v>熊本県</v>
          </cell>
        </row>
        <row r="331">
          <cell r="B331">
            <v>2381</v>
          </cell>
          <cell r="C331" t="str">
            <v>(株)ガイアート</v>
          </cell>
          <cell r="D331" t="str">
            <v>078-586-5863</v>
          </cell>
          <cell r="E331" t="str">
            <v>651-1243</v>
          </cell>
          <cell r="F331" t="str">
            <v>兵庫県神戸市北区山田町下谷上字芝6-2</v>
          </cell>
          <cell r="G331" t="str">
            <v>神戸市</v>
          </cell>
          <cell r="H331" t="str">
            <v>神戸営業所</v>
          </cell>
          <cell r="I331" t="str">
            <v>所長 小田切　一史</v>
          </cell>
          <cell r="J331" t="str">
            <v>東京都</v>
          </cell>
          <cell r="K331" t="str">
            <v>078-586-3100</v>
          </cell>
          <cell r="L331" t="str">
            <v>kansai@gaeart.com</v>
          </cell>
          <cell r="M331" t="str">
            <v>ｶﾞｲｱｰﾄ</v>
          </cell>
          <cell r="N331" t="str">
            <v>有</v>
          </cell>
          <cell r="O331">
            <v>54</v>
          </cell>
          <cell r="P331">
            <v>628</v>
          </cell>
          <cell r="Q331">
            <v>8011101004344</v>
          </cell>
          <cell r="R331">
            <v>1000000</v>
          </cell>
          <cell r="S331">
            <v>19545380</v>
          </cell>
          <cell r="T331">
            <v>48291425</v>
          </cell>
          <cell r="V331" t="str">
            <v>hw378042</v>
          </cell>
          <cell r="W331" t="str">
            <v>gz598806</v>
          </cell>
          <cell r="X331" t="str">
            <v>土建と石鋼舗浚塗園水</v>
          </cell>
          <cell r="Y331" t="str">
            <v/>
          </cell>
          <cell r="Z331" t="str">
            <v>土建と石鋼舗浚塗園水</v>
          </cell>
          <cell r="AA331" t="str">
            <v>舗装</v>
          </cell>
          <cell r="AB331" t="str">
            <v>土木一式</v>
          </cell>
          <cell r="AC331" t="str">
            <v>造園</v>
          </cell>
          <cell r="AD331" t="str">
            <v>水道施設</v>
          </cell>
          <cell r="AE331">
            <v>43190</v>
          </cell>
          <cell r="AF331" t="str">
            <v>希望しない</v>
          </cell>
          <cell r="AG331" t="str">
            <v>舗装</v>
          </cell>
          <cell r="AH331" t="str">
            <v>特定</v>
          </cell>
          <cell r="AI331">
            <v>1633</v>
          </cell>
          <cell r="AJ331">
            <v>27294962</v>
          </cell>
          <cell r="AK331" t="str">
            <v>396(309)/43/12</v>
          </cell>
          <cell r="AL331" t="str">
            <v>土木一式</v>
          </cell>
          <cell r="AM331" t="str">
            <v>特定</v>
          </cell>
          <cell r="AN331">
            <v>1434</v>
          </cell>
          <cell r="AO331">
            <v>1971549</v>
          </cell>
          <cell r="AP331" t="str">
            <v>396(309)/43/3</v>
          </cell>
          <cell r="AQ331" t="str">
            <v>造園</v>
          </cell>
          <cell r="AR331" t="str">
            <v>特定</v>
          </cell>
          <cell r="AS331">
            <v>922</v>
          </cell>
          <cell r="AT331" t="str">
            <v/>
          </cell>
          <cell r="AU331" t="str">
            <v>0(0)/0/0</v>
          </cell>
          <cell r="AV331" t="str">
            <v>水道施設</v>
          </cell>
          <cell r="AW331" t="str">
            <v>特定</v>
          </cell>
          <cell r="AX331">
            <v>922</v>
          </cell>
          <cell r="AY331" t="str">
            <v/>
          </cell>
          <cell r="AZ331" t="str">
            <v>0(0)/0/0</v>
          </cell>
          <cell r="BA331" t="str">
            <v>東京都</v>
          </cell>
          <cell r="BB331">
            <v>0</v>
          </cell>
          <cell r="CR331">
            <v>4653</v>
          </cell>
          <cell r="CS331" t="str">
            <v>ｲﾃﾞｸﾞﾁ ﾄｼﾛｳ</v>
          </cell>
          <cell r="CT331" t="str">
            <v>井手口  敏郎</v>
          </cell>
          <cell r="CU331" t="str">
            <v>危機管理室</v>
          </cell>
          <cell r="CW331">
            <v>3160</v>
          </cell>
          <cell r="CX331" t="str">
            <v>主幹</v>
          </cell>
        </row>
        <row r="332">
          <cell r="B332">
            <v>2383</v>
          </cell>
          <cell r="C332" t="str">
            <v>(株)鍵田組</v>
          </cell>
          <cell r="D332" t="str">
            <v>06-6411-8651</v>
          </cell>
          <cell r="E332" t="str">
            <v>660-0071</v>
          </cell>
          <cell r="F332" t="str">
            <v>兵庫県尼崎市崇徳院2ｰ55</v>
          </cell>
          <cell r="G332" t="str">
            <v>尼崎市</v>
          </cell>
          <cell r="H332" t="str">
            <v/>
          </cell>
          <cell r="I332" t="str">
            <v>代表取締役 鍵田　智嗣</v>
          </cell>
          <cell r="J332" t="str">
            <v>本店</v>
          </cell>
          <cell r="K332" t="str">
            <v>06-6411-3582</v>
          </cell>
          <cell r="L332" t="str">
            <v>info@kagitagumi.com</v>
          </cell>
          <cell r="M332" t="str">
            <v>ｶｷﾞﾀｸﾞﾐ</v>
          </cell>
          <cell r="N332" t="str">
            <v>無</v>
          </cell>
          <cell r="O332">
            <v>66</v>
          </cell>
          <cell r="P332">
            <v>34</v>
          </cell>
          <cell r="Q332">
            <v>8140001048174</v>
          </cell>
          <cell r="R332">
            <v>30000</v>
          </cell>
          <cell r="S332">
            <v>277864</v>
          </cell>
          <cell r="T332">
            <v>1162713</v>
          </cell>
          <cell r="V332" t="str">
            <v>sb150283</v>
          </cell>
          <cell r="W332" t="str">
            <v>fy565108</v>
          </cell>
          <cell r="X332" t="str">
            <v>管機土建大と電鋼舗浚園水解</v>
          </cell>
          <cell r="Y332" t="str">
            <v>管機</v>
          </cell>
          <cell r="Z332" t="str">
            <v>土建大と電鋼舗浚園水解</v>
          </cell>
          <cell r="AA332" t="str">
            <v>土木一式</v>
          </cell>
          <cell r="AB332" t="str">
            <v>建築一式</v>
          </cell>
          <cell r="AC332" t="str">
            <v>解体</v>
          </cell>
          <cell r="AD332" t="str">
            <v>舗装</v>
          </cell>
          <cell r="AE332">
            <v>43251</v>
          </cell>
          <cell r="AF332" t="str">
            <v>希望する</v>
          </cell>
          <cell r="AG332" t="str">
            <v>土木一式</v>
          </cell>
          <cell r="AH332" t="str">
            <v>特定</v>
          </cell>
          <cell r="AI332">
            <v>976</v>
          </cell>
          <cell r="AJ332">
            <v>628040</v>
          </cell>
          <cell r="AK332" t="str">
            <v>9(9)/1/7</v>
          </cell>
          <cell r="AL332" t="str">
            <v>建築一式</v>
          </cell>
          <cell r="AM332" t="str">
            <v>特定</v>
          </cell>
          <cell r="AN332">
            <v>906</v>
          </cell>
          <cell r="AO332">
            <v>320478</v>
          </cell>
          <cell r="AP332" t="str">
            <v>4(0)/0/0</v>
          </cell>
          <cell r="AQ332" t="str">
            <v>解体</v>
          </cell>
          <cell r="AR332" t="str">
            <v>特定</v>
          </cell>
          <cell r="AS332">
            <v>771</v>
          </cell>
          <cell r="AT332">
            <v>13879</v>
          </cell>
          <cell r="AU332" t="str">
            <v>1(1)/0/0</v>
          </cell>
          <cell r="AV332" t="str">
            <v>舗装</v>
          </cell>
          <cell r="AW332" t="str">
            <v>特定</v>
          </cell>
          <cell r="AX332">
            <v>855</v>
          </cell>
          <cell r="AY332">
            <v>60934</v>
          </cell>
          <cell r="AZ332" t="str">
            <v>4(4)/1/4</v>
          </cell>
          <cell r="BA332" t="str">
            <v>兵庫県</v>
          </cell>
          <cell r="BB332">
            <v>0</v>
          </cell>
          <cell r="CR332">
            <v>4654</v>
          </cell>
          <cell r="CS332" t="str">
            <v>ｲﾏﾑﾗ ﾂﾄﾑ</v>
          </cell>
          <cell r="CT332" t="str">
            <v>今村  勉</v>
          </cell>
          <cell r="CU332" t="str">
            <v>公園課</v>
          </cell>
          <cell r="CW332">
            <v>2868</v>
          </cell>
          <cell r="CX332" t="str">
            <v>課長</v>
          </cell>
          <cell r="CY332" t="str">
            <v>公園課長</v>
          </cell>
        </row>
        <row r="333">
          <cell r="B333">
            <v>2384</v>
          </cell>
          <cell r="C333" t="str">
            <v>影近設備工業(株)</v>
          </cell>
          <cell r="D333" t="str">
            <v>075-761-8191</v>
          </cell>
          <cell r="E333" t="str">
            <v>606-8267</v>
          </cell>
          <cell r="F333" t="str">
            <v>京都府京都市左京区北白川西町83</v>
          </cell>
          <cell r="G333" t="str">
            <v>京都市</v>
          </cell>
          <cell r="H333" t="str">
            <v/>
          </cell>
          <cell r="I333" t="str">
            <v>代表取締役社長 影近　義之</v>
          </cell>
          <cell r="J333" t="str">
            <v>本店</v>
          </cell>
          <cell r="K333" t="str">
            <v>075-752-1794</v>
          </cell>
          <cell r="L333" t="str">
            <v>eigyou@kagechika.co.jp</v>
          </cell>
          <cell r="M333" t="str">
            <v>ｶｹﾞﾁｶｾﾂﾋﾞｺｳｷﾞｮｳ</v>
          </cell>
          <cell r="N333" t="str">
            <v>無</v>
          </cell>
          <cell r="O333">
            <v>65</v>
          </cell>
          <cell r="P333">
            <v>74</v>
          </cell>
          <cell r="Q333">
            <v>8130001005993</v>
          </cell>
          <cell r="R333">
            <v>99800</v>
          </cell>
          <cell r="S333">
            <v>2941598</v>
          </cell>
          <cell r="T333">
            <v>4462964</v>
          </cell>
          <cell r="V333" t="str">
            <v>uf467748</v>
          </cell>
          <cell r="W333" t="str">
            <v>zf984115</v>
          </cell>
          <cell r="X333" t="str">
            <v>消管</v>
          </cell>
          <cell r="Y333" t="str">
            <v>消</v>
          </cell>
          <cell r="Z333" t="str">
            <v>管</v>
          </cell>
          <cell r="AA333" t="str">
            <v>管</v>
          </cell>
          <cell r="AB333" t="str">
            <v/>
          </cell>
          <cell r="AC333" t="str">
            <v/>
          </cell>
          <cell r="AD333" t="str">
            <v/>
          </cell>
          <cell r="AE333">
            <v>42978</v>
          </cell>
          <cell r="AF333" t="str">
            <v>希望しない</v>
          </cell>
          <cell r="AG333" t="str">
            <v>管</v>
          </cell>
          <cell r="AH333" t="str">
            <v>特定</v>
          </cell>
          <cell r="AI333">
            <v>1135</v>
          </cell>
          <cell r="AJ333">
            <v>3045114</v>
          </cell>
          <cell r="AK333" t="str">
            <v>39(38)/6/2</v>
          </cell>
          <cell r="AL333" t="str">
            <v/>
          </cell>
          <cell r="AM333" t="str">
            <v/>
          </cell>
          <cell r="AN333" t="str">
            <v/>
          </cell>
          <cell r="AO333" t="str">
            <v/>
          </cell>
          <cell r="AP333" t="str">
            <v/>
          </cell>
          <cell r="AQ333" t="str">
            <v/>
          </cell>
          <cell r="AR333" t="str">
            <v/>
          </cell>
          <cell r="AS333" t="str">
            <v/>
          </cell>
          <cell r="AT333" t="str">
            <v/>
          </cell>
          <cell r="AU333" t="str">
            <v/>
          </cell>
          <cell r="AV333" t="str">
            <v/>
          </cell>
          <cell r="AW333" t="str">
            <v/>
          </cell>
          <cell r="AX333" t="str">
            <v/>
          </cell>
          <cell r="AY333" t="str">
            <v/>
          </cell>
          <cell r="AZ333" t="str">
            <v/>
          </cell>
          <cell r="BA333" t="str">
            <v>京都府</v>
          </cell>
          <cell r="BB333">
            <v>0</v>
          </cell>
          <cell r="CR333">
            <v>4656</v>
          </cell>
          <cell r="CS333" t="str">
            <v>ﾔﾘﾐｽﾞ ｶｽﾞﾋﾄ</v>
          </cell>
          <cell r="CT333" t="str">
            <v>鑓水  一仁</v>
          </cell>
          <cell r="CU333" t="str">
            <v>保健体育課</v>
          </cell>
          <cell r="CW333">
            <v>4066</v>
          </cell>
          <cell r="CX333" t="str">
            <v>主査</v>
          </cell>
          <cell r="CY333" t="str">
            <v>保健体育課長</v>
          </cell>
        </row>
        <row r="334">
          <cell r="B334">
            <v>2385</v>
          </cell>
          <cell r="C334" t="str">
            <v>化工機プラント環境エンジ(株)</v>
          </cell>
          <cell r="D334" t="str">
            <v>06-6227-1660</v>
          </cell>
          <cell r="E334" t="str">
            <v>541-0042</v>
          </cell>
          <cell r="F334" t="str">
            <v>大阪府大阪市中央区今橋2-5-8</v>
          </cell>
          <cell r="G334" t="str">
            <v>川崎市</v>
          </cell>
          <cell r="H334" t="str">
            <v>大阪支店</v>
          </cell>
          <cell r="I334" t="str">
            <v>取締役支店長 岡　準一</v>
          </cell>
          <cell r="J334" t="str">
            <v>神奈川県川崎市</v>
          </cell>
          <cell r="K334" t="str">
            <v>06-6227-9784</v>
          </cell>
          <cell r="L334" t="str">
            <v>hasegaw5@kakoki.co.jp</v>
          </cell>
          <cell r="M334" t="str">
            <v>ｶｺｳｷﾌﾟﾗﾝﾄｶﾝｷｮｳｴﾝｼﾞ</v>
          </cell>
          <cell r="N334" t="str">
            <v>有</v>
          </cell>
          <cell r="O334">
            <v>43</v>
          </cell>
          <cell r="P334">
            <v>184</v>
          </cell>
          <cell r="Q334">
            <v>6020001072428</v>
          </cell>
          <cell r="R334">
            <v>100000</v>
          </cell>
          <cell r="S334">
            <v>1350729</v>
          </cell>
          <cell r="T334">
            <v>5103392</v>
          </cell>
          <cell r="V334" t="str">
            <v>ea150160</v>
          </cell>
          <cell r="W334" t="str">
            <v>nk987768</v>
          </cell>
          <cell r="X334" t="str">
            <v>清(清)(と)(電)(管)(鋼)(塗)(機)(水)(清)土建と電管タ鋼塗機水</v>
          </cell>
          <cell r="Y334" t="str">
            <v>清(清)(と)(電)(管)(鋼)(塗)(機)(水)(清)</v>
          </cell>
          <cell r="Z334" t="str">
            <v>土建と電管タ鋼塗機水</v>
          </cell>
          <cell r="AA334" t="str">
            <v>機械器具</v>
          </cell>
          <cell r="AB334" t="str">
            <v>管</v>
          </cell>
          <cell r="AC334" t="str">
            <v/>
          </cell>
          <cell r="AD334" t="str">
            <v/>
          </cell>
          <cell r="AE334">
            <v>43190</v>
          </cell>
          <cell r="AF334" t="str">
            <v/>
          </cell>
          <cell r="AG334" t="str">
            <v>機械器具</v>
          </cell>
          <cell r="AH334" t="str">
            <v>特定</v>
          </cell>
          <cell r="AI334">
            <v>1036</v>
          </cell>
          <cell r="AJ334">
            <v>3451484</v>
          </cell>
          <cell r="AK334" t="str">
            <v>0(0)/0/52</v>
          </cell>
          <cell r="AL334" t="str">
            <v>管</v>
          </cell>
          <cell r="AM334" t="str">
            <v>特定</v>
          </cell>
          <cell r="AN334">
            <v>951</v>
          </cell>
          <cell r="AO334">
            <v>405520</v>
          </cell>
          <cell r="AP334" t="str">
            <v>15(12)/4/0</v>
          </cell>
          <cell r="AQ334" t="str">
            <v/>
          </cell>
          <cell r="AR334" t="str">
            <v/>
          </cell>
          <cell r="AS334" t="str">
            <v/>
          </cell>
          <cell r="AT334" t="str">
            <v/>
          </cell>
          <cell r="AU334" t="str">
            <v/>
          </cell>
          <cell r="AV334" t="str">
            <v/>
          </cell>
          <cell r="AW334" t="str">
            <v/>
          </cell>
          <cell r="AX334" t="str">
            <v/>
          </cell>
          <cell r="AY334" t="str">
            <v/>
          </cell>
          <cell r="AZ334" t="str">
            <v/>
          </cell>
          <cell r="BA334" t="str">
            <v>神奈川県</v>
          </cell>
          <cell r="BB334">
            <v>0</v>
          </cell>
          <cell r="CR334">
            <v>4657</v>
          </cell>
          <cell r="CS334" t="str">
            <v>ｵｸﾀﾞ ﾖｼｱｷ</v>
          </cell>
          <cell r="CT334" t="str">
            <v>奥田  義昭</v>
          </cell>
          <cell r="CU334" t="str">
            <v>都市基盤総務課</v>
          </cell>
          <cell r="CW334">
            <v>3001</v>
          </cell>
          <cell r="CX334" t="str">
            <v>課長</v>
          </cell>
          <cell r="CY334" t="str">
            <v>都市基盤総務課長</v>
          </cell>
        </row>
        <row r="335">
          <cell r="B335">
            <v>2387</v>
          </cell>
          <cell r="C335" t="str">
            <v>(株)鍛治田工務店</v>
          </cell>
          <cell r="D335" t="str">
            <v>078-261-3571</v>
          </cell>
          <cell r="E335" t="str">
            <v>651-0085</v>
          </cell>
          <cell r="F335" t="str">
            <v>兵庫県神戸市中央区八幡通3-2-5</v>
          </cell>
          <cell r="G335" t="str">
            <v>大阪市</v>
          </cell>
          <cell r="H335" t="str">
            <v>神戸営業所</v>
          </cell>
          <cell r="I335" t="str">
            <v>所長　 玉置　倫也</v>
          </cell>
          <cell r="J335" t="str">
            <v>大阪府大阪市</v>
          </cell>
          <cell r="K335" t="str">
            <v>078-261-3545</v>
          </cell>
          <cell r="L335" t="str">
            <v>h-takatsuji@kajita.co.jp</v>
          </cell>
          <cell r="M335" t="str">
            <v>ｶｼﾞﾀｺｳﾑﾃﾝ</v>
          </cell>
          <cell r="N335" t="str">
            <v>有</v>
          </cell>
          <cell r="O335">
            <v>68</v>
          </cell>
          <cell r="P335">
            <v>309</v>
          </cell>
          <cell r="Q335">
            <v>8120000000000</v>
          </cell>
          <cell r="R335">
            <v>500000</v>
          </cell>
          <cell r="S335">
            <v>5936520</v>
          </cell>
          <cell r="T335">
            <v>30029055</v>
          </cell>
          <cell r="V335" t="str">
            <v>nx917947</v>
          </cell>
          <cell r="W335" t="str">
            <v>tg417111</v>
          </cell>
          <cell r="X335" t="str">
            <v>(清)(建)(大)(左)(と)(石)(屋)(管)(タ)(鋼)(鉄)(舗)(浚)(板)(ガ)(塗)(防)(内)(熱)(具)(水)土建大と石屋管タ鋼鉄舗浚板ガ塗防内熱具水</v>
          </cell>
          <cell r="Y335" t="str">
            <v>(清)(建)(大)(左)(と)(石)(屋)(管)(タ)(鋼)(鉄)(舗)(浚)(板)(ガ)(塗)(防)(内)(熱)(具)(水)</v>
          </cell>
          <cell r="Z335" t="str">
            <v>土建大と石屋管タ鋼鉄舗浚板ガ塗防内熱具水</v>
          </cell>
          <cell r="AA335" t="str">
            <v>建築一式</v>
          </cell>
          <cell r="AB335" t="str">
            <v>土木一式</v>
          </cell>
          <cell r="AC335" t="str">
            <v/>
          </cell>
          <cell r="AD335" t="str">
            <v/>
          </cell>
          <cell r="AE335">
            <v>43190</v>
          </cell>
          <cell r="AF335" t="str">
            <v>希望しない</v>
          </cell>
          <cell r="AG335" t="str">
            <v>建築一式</v>
          </cell>
          <cell r="AH335" t="str">
            <v>特定</v>
          </cell>
          <cell r="AI335">
            <v>1512</v>
          </cell>
          <cell r="AJ335">
            <v>31901970</v>
          </cell>
          <cell r="AK335" t="str">
            <v>134(112)/31/8</v>
          </cell>
          <cell r="AL335" t="str">
            <v>土木一式</v>
          </cell>
          <cell r="AM335" t="str">
            <v>特定</v>
          </cell>
          <cell r="AN335">
            <v>1130</v>
          </cell>
          <cell r="AO335">
            <v>409575</v>
          </cell>
          <cell r="AP335" t="str">
            <v>19(17)/23/1</v>
          </cell>
          <cell r="AQ335" t="str">
            <v/>
          </cell>
          <cell r="AR335" t="str">
            <v/>
          </cell>
          <cell r="AS335" t="str">
            <v/>
          </cell>
          <cell r="AT335" t="str">
            <v/>
          </cell>
          <cell r="AU335" t="str">
            <v/>
          </cell>
          <cell r="AV335" t="str">
            <v/>
          </cell>
          <cell r="AW335" t="str">
            <v/>
          </cell>
          <cell r="AX335" t="str">
            <v/>
          </cell>
          <cell r="AY335" t="str">
            <v/>
          </cell>
          <cell r="AZ335" t="str">
            <v/>
          </cell>
          <cell r="BA335" t="str">
            <v>大阪府</v>
          </cell>
          <cell r="BB335">
            <v>0</v>
          </cell>
          <cell r="CR335">
            <v>4658</v>
          </cell>
          <cell r="CS335" t="str">
            <v>ｸﾆｵ ﾃﾙｱｷ</v>
          </cell>
          <cell r="CT335" t="str">
            <v>國尾  晃章</v>
          </cell>
          <cell r="CU335" t="str">
            <v>情報管理課</v>
          </cell>
          <cell r="CW335">
            <v>4462</v>
          </cell>
          <cell r="CX335" t="str">
            <v>主幹</v>
          </cell>
          <cell r="CY335" t="str">
            <v>情報管理課長</v>
          </cell>
        </row>
        <row r="336">
          <cell r="B336">
            <v>2389</v>
          </cell>
          <cell r="C336" t="str">
            <v>鹿島建設(株)</v>
          </cell>
          <cell r="D336" t="str">
            <v>078-231-4941</v>
          </cell>
          <cell r="E336" t="str">
            <v>651-0083</v>
          </cell>
          <cell r="F336" t="str">
            <v>兵庫県神戸市中央区浜辺通5-1-14</v>
          </cell>
          <cell r="G336" t="str">
            <v/>
          </cell>
          <cell r="H336" t="str">
            <v>神戸営業所</v>
          </cell>
          <cell r="I336" t="str">
            <v>所長 河合　三裕</v>
          </cell>
          <cell r="J336" t="str">
            <v>東京都</v>
          </cell>
          <cell r="K336" t="str">
            <v>078-231-4949</v>
          </cell>
          <cell r="L336" t="str">
            <v>osk-kobe@kajima.com</v>
          </cell>
          <cell r="M336" t="str">
            <v>ｶｼﾞﾏｹﾝｾﾂ</v>
          </cell>
          <cell r="N336" t="str">
            <v>有</v>
          </cell>
          <cell r="O336">
            <v>68</v>
          </cell>
          <cell r="P336">
            <v>8316</v>
          </cell>
          <cell r="Q336">
            <v>8010401006744</v>
          </cell>
          <cell r="R336">
            <v>81447203</v>
          </cell>
          <cell r="S336">
            <v>417677500</v>
          </cell>
          <cell r="T336">
            <v>1830625000</v>
          </cell>
          <cell r="V336" t="str">
            <v>sx949737</v>
          </cell>
          <cell r="W336" t="str">
            <v>vh921425</v>
          </cell>
          <cell r="X336" t="str">
            <v>消(清)(建)(大)(と)(石)(屋)(タ)(鋼)(舗)(浚)(内)(水)土建大と石屋電管タ鋼鉄舗浚板ガ塗防内機熱通園井具水清解</v>
          </cell>
          <cell r="Y336" t="str">
            <v>消(清)(建)(大)(と)(石)(屋)(タ)(鋼)(舗)(浚)(内)(水)</v>
          </cell>
          <cell r="Z336" t="str">
            <v>土建大と石屋電管タ鋼鉄舗浚板ガ塗防内機熱通園井具水清解</v>
          </cell>
          <cell r="AA336" t="str">
            <v>土木一式</v>
          </cell>
          <cell r="AB336" t="str">
            <v>建築一式</v>
          </cell>
          <cell r="AC336" t="str">
            <v>水道施設</v>
          </cell>
          <cell r="AD336" t="str">
            <v>鋼構造物</v>
          </cell>
          <cell r="AE336">
            <v>43190</v>
          </cell>
          <cell r="AF336" t="str">
            <v>希望しない</v>
          </cell>
          <cell r="AG336" t="str">
            <v>土木一式</v>
          </cell>
          <cell r="AH336" t="str">
            <v>特定</v>
          </cell>
          <cell r="AI336">
            <v>2027</v>
          </cell>
          <cell r="AJ336">
            <v>326742553</v>
          </cell>
          <cell r="AK336" t="str">
            <v>1718(1301)/13/0</v>
          </cell>
          <cell r="AL336" t="str">
            <v>建築一式</v>
          </cell>
          <cell r="AM336" t="str">
            <v>特定</v>
          </cell>
          <cell r="AN336">
            <v>2049</v>
          </cell>
          <cell r="AO336">
            <v>781458062</v>
          </cell>
          <cell r="AP336" t="str">
            <v>2763(1584)/44/0</v>
          </cell>
          <cell r="AQ336" t="str">
            <v>水道施設</v>
          </cell>
          <cell r="AR336" t="str">
            <v>特定</v>
          </cell>
          <cell r="AS336">
            <v>1361</v>
          </cell>
          <cell r="AT336" t="str">
            <v/>
          </cell>
          <cell r="AU336" t="str">
            <v>540(345)/4/0</v>
          </cell>
          <cell r="AV336" t="str">
            <v>鋼構造物</v>
          </cell>
          <cell r="AW336" t="str">
            <v>特定</v>
          </cell>
          <cell r="AX336">
            <v>1567</v>
          </cell>
          <cell r="AY336">
            <v>1591468</v>
          </cell>
          <cell r="AZ336" t="str">
            <v>673(580)/1/0</v>
          </cell>
          <cell r="BA336" t="str">
            <v>東京都</v>
          </cell>
          <cell r="BB336">
            <v>0</v>
          </cell>
          <cell r="CR336">
            <v>4659</v>
          </cell>
          <cell r="CS336" t="str">
            <v>ｶﾜｲ ﾕｳｼﾞ</v>
          </cell>
          <cell r="CT336" t="str">
            <v>河井  裕司</v>
          </cell>
          <cell r="CU336" t="str">
            <v>警防課</v>
          </cell>
          <cell r="CW336">
            <v>6680222</v>
          </cell>
          <cell r="CX336" t="str">
            <v>副主幹</v>
          </cell>
          <cell r="CY336" t="str">
            <v>警防課長</v>
          </cell>
        </row>
        <row r="337">
          <cell r="B337">
            <v>2393</v>
          </cell>
          <cell r="C337" t="str">
            <v>(株)カデックス</v>
          </cell>
          <cell r="D337" t="str">
            <v>078-511-3667</v>
          </cell>
          <cell r="E337" t="str">
            <v>652-0042</v>
          </cell>
          <cell r="F337" t="str">
            <v>兵庫県神戸市兵庫区東山町1-11-2</v>
          </cell>
          <cell r="G337" t="str">
            <v>神戸市</v>
          </cell>
          <cell r="H337" t="str">
            <v/>
          </cell>
          <cell r="I337" t="str">
            <v>代表取締役 河野　貴司</v>
          </cell>
          <cell r="J337" t="str">
            <v>本店</v>
          </cell>
          <cell r="K337" t="str">
            <v>078-511-1333</v>
          </cell>
          <cell r="L337" t="str">
            <v>info@kadex.co.jp</v>
          </cell>
          <cell r="M337" t="str">
            <v>ｶﾃﾞｯｸｽ</v>
          </cell>
          <cell r="N337" t="str">
            <v>無</v>
          </cell>
          <cell r="O337">
            <v>66</v>
          </cell>
          <cell r="P337">
            <v>20</v>
          </cell>
          <cell r="Q337">
            <v>3140001012762</v>
          </cell>
          <cell r="R337">
            <v>30000</v>
          </cell>
          <cell r="S337">
            <v>489438</v>
          </cell>
          <cell r="T337">
            <v>765315</v>
          </cell>
          <cell r="V337" t="str">
            <v>zt256427</v>
          </cell>
          <cell r="W337" t="str">
            <v>dc691739</v>
          </cell>
          <cell r="X337" t="str">
            <v/>
          </cell>
          <cell r="Y337" t="str">
            <v/>
          </cell>
          <cell r="Z337" t="str">
            <v/>
          </cell>
          <cell r="AA337" t="str">
            <v>電気</v>
          </cell>
          <cell r="AB337" t="str">
            <v/>
          </cell>
          <cell r="AC337" t="str">
            <v/>
          </cell>
          <cell r="AD337" t="str">
            <v/>
          </cell>
          <cell r="AE337">
            <v>42998</v>
          </cell>
          <cell r="AF337" t="str">
            <v>希望しない</v>
          </cell>
          <cell r="AG337" t="str">
            <v>電気</v>
          </cell>
          <cell r="AH337" t="str">
            <v>特定</v>
          </cell>
          <cell r="AI337">
            <v>973</v>
          </cell>
          <cell r="AJ337">
            <v>765825</v>
          </cell>
          <cell r="AK337" t="str">
            <v>7(7)/1/1</v>
          </cell>
          <cell r="AL337" t="str">
            <v/>
          </cell>
          <cell r="AM337" t="str">
            <v/>
          </cell>
          <cell r="AN337" t="str">
            <v/>
          </cell>
          <cell r="AO337" t="str">
            <v/>
          </cell>
          <cell r="AP337" t="str">
            <v/>
          </cell>
          <cell r="AQ337" t="str">
            <v/>
          </cell>
          <cell r="AR337" t="str">
            <v/>
          </cell>
          <cell r="AS337" t="str">
            <v/>
          </cell>
          <cell r="AT337" t="str">
            <v/>
          </cell>
          <cell r="AU337" t="str">
            <v/>
          </cell>
          <cell r="AV337" t="str">
            <v/>
          </cell>
          <cell r="AW337" t="str">
            <v/>
          </cell>
          <cell r="AX337" t="str">
            <v/>
          </cell>
          <cell r="AY337" t="str">
            <v/>
          </cell>
          <cell r="AZ337" t="str">
            <v/>
          </cell>
          <cell r="BA337" t="str">
            <v>兵庫県</v>
          </cell>
          <cell r="BB337">
            <v>0</v>
          </cell>
          <cell r="CR337">
            <v>4660</v>
          </cell>
          <cell r="CS337" t="str">
            <v>ﾊﾔｼ ﾀﾀﾞﾄｼ</v>
          </cell>
          <cell r="CT337" t="str">
            <v>林  忠年</v>
          </cell>
          <cell r="CU337" t="str">
            <v>予防課</v>
          </cell>
          <cell r="CW337">
            <v>6680234</v>
          </cell>
          <cell r="CX337" t="str">
            <v>副主幹</v>
          </cell>
          <cell r="CY337" t="str">
            <v>予防課長</v>
          </cell>
        </row>
        <row r="338">
          <cell r="B338">
            <v>2394</v>
          </cell>
          <cell r="C338" t="str">
            <v>(株)カナヱ商会</v>
          </cell>
          <cell r="D338" t="str">
            <v>072-877-4535</v>
          </cell>
          <cell r="E338" t="str">
            <v>573-0084</v>
          </cell>
          <cell r="F338" t="str">
            <v>大阪府枚方市香里ヶ丘3-8-42</v>
          </cell>
          <cell r="G338" t="str">
            <v>枚方市</v>
          </cell>
          <cell r="H338" t="str">
            <v/>
          </cell>
          <cell r="I338" t="str">
            <v>代表取締役 鼎　愛子</v>
          </cell>
          <cell r="J338" t="str">
            <v>本店</v>
          </cell>
          <cell r="K338" t="str">
            <v>072-877-4533</v>
          </cell>
          <cell r="L338" t="str">
            <v>kanae@hi-ho.ne.jp</v>
          </cell>
          <cell r="M338" t="str">
            <v>ｶﾅｴｼｮｳｶｲ</v>
          </cell>
          <cell r="N338" t="str">
            <v>無</v>
          </cell>
          <cell r="O338">
            <v>44</v>
          </cell>
          <cell r="P338">
            <v>9</v>
          </cell>
          <cell r="Q338">
            <v>1120001153643</v>
          </cell>
          <cell r="R338">
            <v>10000</v>
          </cell>
          <cell r="S338">
            <v>68436</v>
          </cell>
          <cell r="T338">
            <v>192385</v>
          </cell>
          <cell r="V338" t="str">
            <v>gg916928</v>
          </cell>
          <cell r="W338" t="str">
            <v>tw257831</v>
          </cell>
          <cell r="X338" t="str">
            <v>土建と塗防水</v>
          </cell>
          <cell r="Y338" t="str">
            <v>土建と塗防水</v>
          </cell>
          <cell r="Z338" t="str">
            <v/>
          </cell>
          <cell r="AA338" t="str">
            <v>防水</v>
          </cell>
          <cell r="AB338" t="str">
            <v>塗装</v>
          </cell>
          <cell r="AC338" t="str">
            <v>水道施設</v>
          </cell>
          <cell r="AD338" t="str">
            <v>土木一式</v>
          </cell>
          <cell r="AE338">
            <v>43190</v>
          </cell>
          <cell r="AF338" t="str">
            <v>希望しない</v>
          </cell>
          <cell r="AG338" t="str">
            <v>防水</v>
          </cell>
          <cell r="AH338" t="str">
            <v>一般</v>
          </cell>
          <cell r="AI338">
            <v>767</v>
          </cell>
          <cell r="AJ338">
            <v>92050</v>
          </cell>
          <cell r="AK338" t="str">
            <v>2(0)/1/3</v>
          </cell>
          <cell r="AL338" t="str">
            <v>塗装</v>
          </cell>
          <cell r="AM338" t="str">
            <v>一般</v>
          </cell>
          <cell r="AN338">
            <v>713</v>
          </cell>
          <cell r="AO338">
            <v>42713</v>
          </cell>
          <cell r="AP338" t="str">
            <v>0(0)/1/0</v>
          </cell>
          <cell r="AQ338" t="str">
            <v>水道施設</v>
          </cell>
          <cell r="AR338" t="str">
            <v>一般</v>
          </cell>
          <cell r="AS338">
            <v>632</v>
          </cell>
          <cell r="AT338">
            <v>647</v>
          </cell>
          <cell r="AU338" t="str">
            <v>0(0)/1/0</v>
          </cell>
          <cell r="AV338" t="str">
            <v>土木一式</v>
          </cell>
          <cell r="AW338" t="str">
            <v>一般</v>
          </cell>
          <cell r="AX338">
            <v>629</v>
          </cell>
          <cell r="AY338">
            <v>700</v>
          </cell>
          <cell r="AZ338" t="str">
            <v>0(0)/0/0</v>
          </cell>
          <cell r="BA338" t="str">
            <v>大阪府</v>
          </cell>
          <cell r="BB338">
            <v>0</v>
          </cell>
          <cell r="CR338">
            <v>4706</v>
          </cell>
          <cell r="CS338" t="str">
            <v>ｻﾄｳ ﾌﾐﾋﾛ</v>
          </cell>
          <cell r="CT338" t="str">
            <v>佐藤  文裕</v>
          </cell>
          <cell r="CU338" t="str">
            <v xml:space="preserve"> </v>
          </cell>
          <cell r="CW338">
            <v>2322</v>
          </cell>
          <cell r="CX338" t="str">
            <v>室長</v>
          </cell>
        </row>
        <row r="339">
          <cell r="B339">
            <v>2395</v>
          </cell>
          <cell r="C339" t="str">
            <v>(株)カナック工業</v>
          </cell>
          <cell r="D339" t="str">
            <v>0797-81-7708</v>
          </cell>
          <cell r="E339" t="str">
            <v>665-0827</v>
          </cell>
          <cell r="F339" t="str">
            <v>兵庫県宝塚市小浜2-1-2-202</v>
          </cell>
          <cell r="G339" t="str">
            <v>宝塚市</v>
          </cell>
          <cell r="H339" t="str">
            <v/>
          </cell>
          <cell r="I339" t="str">
            <v>代表取締役 金山　敬姫</v>
          </cell>
          <cell r="J339" t="str">
            <v>本店</v>
          </cell>
          <cell r="K339" t="str">
            <v>0797-81-7781</v>
          </cell>
          <cell r="L339" t="str">
            <v>kakiuchi@e-kanayama.co.jp</v>
          </cell>
          <cell r="M339" t="str">
            <v>ｶﾅｯｸｺｳｷﾞｮｳ</v>
          </cell>
          <cell r="N339" t="str">
            <v>無</v>
          </cell>
          <cell r="O339">
            <v>20</v>
          </cell>
          <cell r="P339">
            <v>13</v>
          </cell>
          <cell r="Q339">
            <v>2140001082352</v>
          </cell>
          <cell r="R339">
            <v>20000</v>
          </cell>
          <cell r="S339">
            <v>170344</v>
          </cell>
          <cell r="T339">
            <v>579337</v>
          </cell>
          <cell r="V339" t="str">
            <v>wm842989</v>
          </cell>
          <cell r="W339" t="str">
            <v>te764304</v>
          </cell>
          <cell r="X339" t="str">
            <v>土と鋼舗浚水</v>
          </cell>
          <cell r="Y339" t="str">
            <v/>
          </cell>
          <cell r="Z339" t="str">
            <v>土と鋼舗浚水</v>
          </cell>
          <cell r="AA339" t="str">
            <v>土木一式</v>
          </cell>
          <cell r="AB339" t="str">
            <v>水道施設</v>
          </cell>
          <cell r="AC339" t="str">
            <v>舗装</v>
          </cell>
          <cell r="AD339" t="str">
            <v>とび土工</v>
          </cell>
          <cell r="AE339">
            <v>43190</v>
          </cell>
          <cell r="AF339" t="str">
            <v>希望する</v>
          </cell>
          <cell r="AG339" t="str">
            <v>土木一式</v>
          </cell>
          <cell r="AH339" t="str">
            <v>特定</v>
          </cell>
          <cell r="AI339">
            <v>884</v>
          </cell>
          <cell r="AJ339">
            <v>498190</v>
          </cell>
          <cell r="AK339" t="str">
            <v>8(8)/0/2</v>
          </cell>
          <cell r="AL339" t="str">
            <v>水道施設</v>
          </cell>
          <cell r="AM339" t="str">
            <v>特定</v>
          </cell>
          <cell r="AN339">
            <v>798</v>
          </cell>
          <cell r="AO339">
            <v>67157</v>
          </cell>
          <cell r="AP339" t="str">
            <v>6(6)/0/2</v>
          </cell>
          <cell r="AQ339" t="str">
            <v>舗装</v>
          </cell>
          <cell r="AR339" t="str">
            <v>特定</v>
          </cell>
          <cell r="AS339">
            <v>729</v>
          </cell>
          <cell r="AT339">
            <v>48756</v>
          </cell>
          <cell r="AU339" t="str">
            <v>1(1)/0/0</v>
          </cell>
          <cell r="AV339" t="str">
            <v>とび土工</v>
          </cell>
          <cell r="AW339" t="str">
            <v>特定</v>
          </cell>
          <cell r="AX339">
            <v>723</v>
          </cell>
          <cell r="AY339">
            <v>38700</v>
          </cell>
          <cell r="AZ339" t="str">
            <v>1(1)/0/0</v>
          </cell>
          <cell r="BA339" t="str">
            <v>兵庫県</v>
          </cell>
          <cell r="BB339">
            <v>0</v>
          </cell>
          <cell r="CR339">
            <v>4706</v>
          </cell>
          <cell r="CS339" t="str">
            <v>ｻﾄｳ ﾌﾐﾋﾛ</v>
          </cell>
          <cell r="CT339" t="str">
            <v>佐藤  文裕</v>
          </cell>
          <cell r="CU339" t="str">
            <v>資産税課</v>
          </cell>
          <cell r="CW339">
            <v>2322</v>
          </cell>
          <cell r="CX339" t="str">
            <v>（兼）課長</v>
          </cell>
          <cell r="CY339" t="str">
            <v>資産税課長</v>
          </cell>
        </row>
        <row r="340">
          <cell r="B340">
            <v>2397</v>
          </cell>
          <cell r="C340" t="str">
            <v>(株)金山組</v>
          </cell>
          <cell r="D340" t="str">
            <v>06-6432-5721</v>
          </cell>
          <cell r="E340" t="str">
            <v>661-0035</v>
          </cell>
          <cell r="F340" t="str">
            <v>兵庫県尼崎市武庫之荘3-8-6</v>
          </cell>
          <cell r="G340" t="str">
            <v>尼崎市</v>
          </cell>
          <cell r="H340" t="str">
            <v/>
          </cell>
          <cell r="I340" t="str">
            <v>代表取締役 金山和晃</v>
          </cell>
          <cell r="J340" t="str">
            <v>本店</v>
          </cell>
          <cell r="K340" t="str">
            <v>06-6437-8899</v>
          </cell>
          <cell r="L340" t="str">
            <v>kanayamagumi_1@hcc1.bai.ne.jp</v>
          </cell>
          <cell r="M340" t="str">
            <v>ｶﾅﾔﾏｸﾞﾐ</v>
          </cell>
          <cell r="N340" t="str">
            <v>無</v>
          </cell>
          <cell r="O340">
            <v>50</v>
          </cell>
          <cell r="P340">
            <v>25</v>
          </cell>
          <cell r="Q340">
            <v>5140001048326</v>
          </cell>
          <cell r="R340">
            <v>80000</v>
          </cell>
          <cell r="S340">
            <v>528420</v>
          </cell>
          <cell r="T340">
            <v>1352465</v>
          </cell>
          <cell r="V340" t="str">
            <v>xr737061</v>
          </cell>
          <cell r="W340" t="str">
            <v>fe864804</v>
          </cell>
          <cell r="X340" t="str">
            <v>土建と石管鋼舗浚塗園水解</v>
          </cell>
          <cell r="Y340" t="str">
            <v/>
          </cell>
          <cell r="Z340" t="str">
            <v>土建と石管鋼舗浚塗園水解</v>
          </cell>
          <cell r="AA340" t="str">
            <v>土木一式</v>
          </cell>
          <cell r="AB340" t="str">
            <v>舗装</v>
          </cell>
          <cell r="AC340" t="str">
            <v>水道施設</v>
          </cell>
          <cell r="AD340" t="str">
            <v>浚渫</v>
          </cell>
          <cell r="AE340">
            <v>43281</v>
          </cell>
          <cell r="AF340" t="str">
            <v>希望する</v>
          </cell>
          <cell r="AG340" t="str">
            <v>土木一式</v>
          </cell>
          <cell r="AH340" t="str">
            <v>特定</v>
          </cell>
          <cell r="AI340">
            <v>1047</v>
          </cell>
          <cell r="AJ340">
            <v>1226405</v>
          </cell>
          <cell r="AK340" t="str">
            <v>12(11)/1/1</v>
          </cell>
          <cell r="AL340" t="str">
            <v>舗装</v>
          </cell>
          <cell r="AM340" t="str">
            <v>特定</v>
          </cell>
          <cell r="AN340">
            <v>886</v>
          </cell>
          <cell r="AO340">
            <v>15475</v>
          </cell>
          <cell r="AP340" t="str">
            <v>10(9)/2/2</v>
          </cell>
          <cell r="AQ340" t="str">
            <v>水道施設</v>
          </cell>
          <cell r="AR340" t="str">
            <v>特定</v>
          </cell>
          <cell r="AS340">
            <v>740</v>
          </cell>
          <cell r="AT340">
            <v>3545</v>
          </cell>
          <cell r="AU340" t="str">
            <v>0(0)/0/0</v>
          </cell>
          <cell r="AV340" t="str">
            <v>浚渫</v>
          </cell>
          <cell r="AW340" t="str">
            <v>特定</v>
          </cell>
          <cell r="AX340">
            <v>740</v>
          </cell>
          <cell r="AY340">
            <v>3800</v>
          </cell>
          <cell r="AZ340" t="str">
            <v>0(0)/0/0</v>
          </cell>
          <cell r="BA340" t="str">
            <v>兵庫県</v>
          </cell>
          <cell r="BB340">
            <v>0</v>
          </cell>
          <cell r="CR340">
            <v>4707</v>
          </cell>
          <cell r="CS340" t="str">
            <v>ｼﾓﾑﾗ ﾄｵﾙ</v>
          </cell>
          <cell r="CT340" t="str">
            <v>下村  徹</v>
          </cell>
          <cell r="CU340" t="str">
            <v>市民課</v>
          </cell>
          <cell r="CW340" t="str">
            <v xml:space="preserve"> </v>
          </cell>
          <cell r="CX340" t="str">
            <v>所長</v>
          </cell>
          <cell r="CY340" t="str">
            <v>市民課長</v>
          </cell>
        </row>
        <row r="341">
          <cell r="B341">
            <v>2398</v>
          </cell>
          <cell r="C341" t="str">
            <v>金山建設工業(株)</v>
          </cell>
          <cell r="D341" t="str">
            <v>06-6436-3450</v>
          </cell>
          <cell r="E341" t="str">
            <v>661-0033</v>
          </cell>
          <cell r="F341" t="str">
            <v>兵庫県尼崎市南武庫之荘3-3-8</v>
          </cell>
          <cell r="G341" t="str">
            <v>尼崎市</v>
          </cell>
          <cell r="H341" t="str">
            <v/>
          </cell>
          <cell r="I341" t="str">
            <v>代表取締役 金山　幸司</v>
          </cell>
          <cell r="J341" t="str">
            <v>本店</v>
          </cell>
          <cell r="K341" t="str">
            <v>06-6438-5689</v>
          </cell>
          <cell r="L341" t="str">
            <v>kk0428@e-kanayama.co.jp</v>
          </cell>
          <cell r="M341" t="str">
            <v>ｶﾅﾔﾏｹﾝｾﾂｺｳｷﾞｮｳ</v>
          </cell>
          <cell r="N341" t="str">
            <v>無</v>
          </cell>
          <cell r="O341">
            <v>43</v>
          </cell>
          <cell r="P341">
            <v>35</v>
          </cell>
          <cell r="Q341">
            <v>6140001048325</v>
          </cell>
          <cell r="R341">
            <v>60300</v>
          </cell>
          <cell r="S341">
            <v>1671255</v>
          </cell>
          <cell r="T341">
            <v>1782292</v>
          </cell>
          <cell r="V341" t="str">
            <v>ek935789</v>
          </cell>
          <cell r="W341" t="str">
            <v>nf154303</v>
          </cell>
          <cell r="X341" t="str">
            <v>鉄土と石鋼舗浚水</v>
          </cell>
          <cell r="Y341" t="str">
            <v>鉄</v>
          </cell>
          <cell r="Z341" t="str">
            <v>土と石鋼舗浚水</v>
          </cell>
          <cell r="AA341" t="str">
            <v>土木一式</v>
          </cell>
          <cell r="AB341" t="str">
            <v>舗装</v>
          </cell>
          <cell r="AC341" t="str">
            <v>水道施設</v>
          </cell>
          <cell r="AD341" t="str">
            <v>とび土工</v>
          </cell>
          <cell r="AE341">
            <v>43008</v>
          </cell>
          <cell r="AF341" t="str">
            <v>希望する</v>
          </cell>
          <cell r="AG341" t="str">
            <v>土木一式</v>
          </cell>
          <cell r="AH341" t="str">
            <v>特定</v>
          </cell>
          <cell r="AI341">
            <v>1088</v>
          </cell>
          <cell r="AJ341">
            <v>1911978</v>
          </cell>
          <cell r="AK341" t="str">
            <v>14(14)/3/9</v>
          </cell>
          <cell r="AL341" t="str">
            <v>舗装</v>
          </cell>
          <cell r="AM341" t="str">
            <v>特定</v>
          </cell>
          <cell r="AN341">
            <v>862</v>
          </cell>
          <cell r="AO341">
            <v>35420</v>
          </cell>
          <cell r="AP341" t="str">
            <v>3(3)/0/0</v>
          </cell>
          <cell r="AQ341" t="str">
            <v>水道施設</v>
          </cell>
          <cell r="AR341" t="str">
            <v>特定</v>
          </cell>
          <cell r="AS341">
            <v>874</v>
          </cell>
          <cell r="AT341">
            <v>18006</v>
          </cell>
          <cell r="AU341" t="str">
            <v>6(6)/1/0</v>
          </cell>
          <cell r="AV341" t="str">
            <v>とび土工</v>
          </cell>
          <cell r="AW341" t="str">
            <v>特定</v>
          </cell>
          <cell r="AX341">
            <v>757</v>
          </cell>
          <cell r="AY341">
            <v>4921</v>
          </cell>
          <cell r="AZ341" t="str">
            <v>0(0)/0/0</v>
          </cell>
          <cell r="BA341" t="str">
            <v>兵庫県</v>
          </cell>
          <cell r="BB341">
            <v>0</v>
          </cell>
          <cell r="CR341">
            <v>4709</v>
          </cell>
          <cell r="CS341" t="str">
            <v>ﾏﾂｵ ｶﾂﾋﾛ</v>
          </cell>
          <cell r="CT341" t="str">
            <v>松尾  勝浩</v>
          </cell>
          <cell r="CU341" t="str">
            <v>生活支援課</v>
          </cell>
          <cell r="CW341">
            <v>2534</v>
          </cell>
          <cell r="CX341" t="str">
            <v>課長</v>
          </cell>
          <cell r="CY341" t="str">
            <v>生活支援課長</v>
          </cell>
        </row>
        <row r="342">
          <cell r="B342">
            <v>2399</v>
          </cell>
          <cell r="C342" t="str">
            <v>金下建設(株)</v>
          </cell>
          <cell r="D342" t="str">
            <v>0796-22-6194</v>
          </cell>
          <cell r="E342" t="str">
            <v>668-0047</v>
          </cell>
          <cell r="F342" t="str">
            <v>兵庫県豊岡市三坂町5-28</v>
          </cell>
          <cell r="G342" t="str">
            <v>宮津市</v>
          </cell>
          <cell r="H342" t="str">
            <v>兵庫支店</v>
          </cell>
          <cell r="I342" t="str">
            <v>支店長 大江　達也</v>
          </cell>
          <cell r="J342" t="str">
            <v>京都府宮津市</v>
          </cell>
          <cell r="K342" t="str">
            <v>0796-22-6196</v>
          </cell>
          <cell r="L342" t="str">
            <v>snaitou@kaneshita.co.jp</v>
          </cell>
          <cell r="M342" t="str">
            <v>ｶﾈｼﾀｹﾝｾﾂ</v>
          </cell>
          <cell r="N342" t="str">
            <v>有</v>
          </cell>
          <cell r="O342">
            <v>64</v>
          </cell>
          <cell r="P342">
            <v>214</v>
          </cell>
          <cell r="Q342">
            <v>8130001040495</v>
          </cell>
          <cell r="R342">
            <v>1000000</v>
          </cell>
          <cell r="S342">
            <v>19640000</v>
          </cell>
          <cell r="T342">
            <v>10257000</v>
          </cell>
          <cell r="V342" t="str">
            <v>xn612663</v>
          </cell>
          <cell r="W342" t="str">
            <v>tz156162</v>
          </cell>
          <cell r="X342" t="str">
            <v>(清)(建)(大)(左)(と)(石)(屋)(タ)(鋼)(鉄)(舗)(板)(ガ)(塗)(防)(内)(熱)(具)(水)土建大と石屋管タ鋼鉄舗浚板ガ塗防内熱具水</v>
          </cell>
          <cell r="Y342" t="str">
            <v>(清)(建)(大)(左)(と)(石)(屋)(タ)(鋼)(鉄)(舗)(板)(ガ)(塗)(防)(内)(熱)(具)(水)</v>
          </cell>
          <cell r="Z342" t="str">
            <v>土建大と石屋管タ鋼鉄舗浚板ガ塗防内熱具水</v>
          </cell>
          <cell r="AA342" t="str">
            <v>土木一式</v>
          </cell>
          <cell r="AB342" t="str">
            <v>建築一式</v>
          </cell>
          <cell r="AC342" t="str">
            <v>舗装</v>
          </cell>
          <cell r="AD342" t="str">
            <v>とび土工</v>
          </cell>
          <cell r="AE342">
            <v>43100</v>
          </cell>
          <cell r="AF342" t="str">
            <v>希望しない</v>
          </cell>
          <cell r="AG342" t="str">
            <v>土木一式</v>
          </cell>
          <cell r="AH342" t="str">
            <v>特定</v>
          </cell>
          <cell r="AI342">
            <v>1265</v>
          </cell>
          <cell r="AJ342">
            <v>1437390</v>
          </cell>
          <cell r="AK342" t="str">
            <v>44(38)/11/10</v>
          </cell>
          <cell r="AL342" t="str">
            <v>建築一式</v>
          </cell>
          <cell r="AM342" t="str">
            <v>特定</v>
          </cell>
          <cell r="AN342">
            <v>1342</v>
          </cell>
          <cell r="AO342">
            <v>6192460</v>
          </cell>
          <cell r="AP342" t="str">
            <v>34(29)/6/1</v>
          </cell>
          <cell r="AQ342" t="str">
            <v>舗装</v>
          </cell>
          <cell r="AR342" t="str">
            <v>特定</v>
          </cell>
          <cell r="AS342">
            <v>1291</v>
          </cell>
          <cell r="AT342">
            <v>1876824</v>
          </cell>
          <cell r="AU342" t="str">
            <v>69(59)/18/20</v>
          </cell>
          <cell r="AV342" t="str">
            <v>とび土工</v>
          </cell>
          <cell r="AW342" t="str">
            <v>特定</v>
          </cell>
          <cell r="AX342">
            <v>1139</v>
          </cell>
          <cell r="AY342">
            <v>239402</v>
          </cell>
          <cell r="AZ342" t="str">
            <v>24(21)/0/0</v>
          </cell>
          <cell r="BA342" t="str">
            <v>京都府</v>
          </cell>
          <cell r="BB342">
            <v>0</v>
          </cell>
          <cell r="CR342">
            <v>4710</v>
          </cell>
          <cell r="CS342" t="str">
            <v>ﾔﾘﾐｽﾞ ﾑﾂﾐ</v>
          </cell>
          <cell r="CT342" t="str">
            <v>鑓水  睦美</v>
          </cell>
          <cell r="CU342" t="str">
            <v>総務課</v>
          </cell>
          <cell r="CW342" t="str">
            <v xml:space="preserve"> </v>
          </cell>
          <cell r="CX342" t="str">
            <v xml:space="preserve"> </v>
          </cell>
          <cell r="CY342" t="str">
            <v>総務課長</v>
          </cell>
        </row>
        <row r="343">
          <cell r="B343">
            <v>2401</v>
          </cell>
          <cell r="C343" t="str">
            <v>株木建設(株)</v>
          </cell>
          <cell r="D343" t="str">
            <v>078-599-8240</v>
          </cell>
          <cell r="E343" t="str">
            <v>650-0012</v>
          </cell>
          <cell r="F343" t="str">
            <v>兵庫県神戸市中央区北長狭通5-2-19</v>
          </cell>
          <cell r="G343" t="str">
            <v>水戸市</v>
          </cell>
          <cell r="H343" t="str">
            <v>神戸営業所</v>
          </cell>
          <cell r="I343" t="str">
            <v>所長 林　文彦</v>
          </cell>
          <cell r="J343" t="str">
            <v>茨城県水戸市</v>
          </cell>
          <cell r="K343" t="str">
            <v>078-599-8241</v>
          </cell>
          <cell r="L343" t="str">
            <v>KAB02017@nifty.com</v>
          </cell>
          <cell r="M343" t="str">
            <v>ｶﾌﾞｷｹﾝｾﾂ</v>
          </cell>
          <cell r="N343" t="str">
            <v>有</v>
          </cell>
          <cell r="O343">
            <v>68</v>
          </cell>
          <cell r="P343">
            <v>379</v>
          </cell>
          <cell r="Q343">
            <v>7050001004071</v>
          </cell>
          <cell r="R343">
            <v>2700000</v>
          </cell>
          <cell r="S343">
            <v>6656601</v>
          </cell>
          <cell r="T343">
            <v>35628639</v>
          </cell>
          <cell r="V343" t="str">
            <v>fp989731</v>
          </cell>
          <cell r="W343" t="str">
            <v>yx954793</v>
          </cell>
          <cell r="X343" t="str">
            <v>(建)(大)(左)(と)(石)(屋)(タ)(鋼)(鉄)(板)(塗)(防)(内)(熱)(解)土建大と石屋電管タ鋼鉄舗浚板ガ塗防内熱園水解</v>
          </cell>
          <cell r="Y343" t="str">
            <v>(建)(大)(左)(と)(石)(屋)(タ)(鋼)(鉄)(板)(塗)(防)(内)(熱)(解)</v>
          </cell>
          <cell r="Z343" t="str">
            <v>土建大と石屋電管タ鋼鉄舗浚板ガ塗防内熱園水解</v>
          </cell>
          <cell r="AA343" t="str">
            <v>建築一式</v>
          </cell>
          <cell r="AB343" t="str">
            <v/>
          </cell>
          <cell r="AC343" t="str">
            <v/>
          </cell>
          <cell r="AD343" t="str">
            <v/>
          </cell>
          <cell r="AE343">
            <v>43251</v>
          </cell>
          <cell r="AF343" t="str">
            <v>希望しない</v>
          </cell>
          <cell r="AG343" t="str">
            <v>建築一式</v>
          </cell>
          <cell r="AH343" t="str">
            <v>特定</v>
          </cell>
          <cell r="AI343">
            <v>1449</v>
          </cell>
          <cell r="AJ343">
            <v>18683117</v>
          </cell>
          <cell r="AK343" t="str">
            <v>108(97)/2/15</v>
          </cell>
          <cell r="AL343" t="str">
            <v/>
          </cell>
          <cell r="AM343" t="str">
            <v/>
          </cell>
          <cell r="AN343" t="str">
            <v/>
          </cell>
          <cell r="AO343" t="str">
            <v/>
          </cell>
          <cell r="AP343" t="str">
            <v/>
          </cell>
          <cell r="AQ343" t="str">
            <v/>
          </cell>
          <cell r="AR343" t="str">
            <v/>
          </cell>
          <cell r="AS343" t="str">
            <v/>
          </cell>
          <cell r="AT343" t="str">
            <v/>
          </cell>
          <cell r="AU343" t="str">
            <v/>
          </cell>
          <cell r="AV343" t="str">
            <v/>
          </cell>
          <cell r="AW343" t="str">
            <v/>
          </cell>
          <cell r="AX343" t="str">
            <v/>
          </cell>
          <cell r="AY343" t="str">
            <v/>
          </cell>
          <cell r="AZ343" t="str">
            <v/>
          </cell>
          <cell r="BA343" t="str">
            <v>茨城県</v>
          </cell>
          <cell r="BB343">
            <v>0</v>
          </cell>
          <cell r="CR343">
            <v>4711</v>
          </cell>
          <cell r="CS343" t="str">
            <v>ｲｹﾀﾞ ﾏﾐ</v>
          </cell>
          <cell r="CT343" t="str">
            <v>池田  真美</v>
          </cell>
          <cell r="CU343" t="str">
            <v>公民館</v>
          </cell>
          <cell r="CW343">
            <v>5811</v>
          </cell>
          <cell r="CX343" t="str">
            <v>館長</v>
          </cell>
          <cell r="CY343" t="str">
            <v>公民館長</v>
          </cell>
        </row>
        <row r="344">
          <cell r="B344">
            <v>2402</v>
          </cell>
          <cell r="C344" t="str">
            <v>株本建設工業(株)</v>
          </cell>
          <cell r="D344" t="str">
            <v>0796-82-1511</v>
          </cell>
          <cell r="E344" t="str">
            <v>669-6701</v>
          </cell>
          <cell r="F344" t="str">
            <v>兵庫県美方郡新温泉町芦屋338-1</v>
          </cell>
          <cell r="G344" t="str">
            <v>美方郡新温泉町</v>
          </cell>
          <cell r="H344" t="str">
            <v/>
          </cell>
          <cell r="I344" t="str">
            <v>代表取締役社長 株本　寛</v>
          </cell>
          <cell r="J344" t="str">
            <v>本店</v>
          </cell>
          <cell r="K344" t="str">
            <v>0796-82-4060</v>
          </cell>
          <cell r="L344" t="str">
            <v>kabutrad@oak.ocn.ne.jp</v>
          </cell>
          <cell r="M344" t="str">
            <v>ｶﾌﾞﾓﾄｹﾝｾﾂｺｳｷﾞｮｳ</v>
          </cell>
          <cell r="N344" t="str">
            <v>無</v>
          </cell>
          <cell r="O344">
            <v>68</v>
          </cell>
          <cell r="P344">
            <v>95</v>
          </cell>
          <cell r="Q344">
            <v>8140001056598</v>
          </cell>
          <cell r="R344">
            <v>93000</v>
          </cell>
          <cell r="S344">
            <v>2280915</v>
          </cell>
          <cell r="T344">
            <v>6792360</v>
          </cell>
          <cell r="V344" t="str">
            <v>mu968905</v>
          </cell>
          <cell r="W344" t="str">
            <v>ra631767</v>
          </cell>
          <cell r="X344" t="str">
            <v>電管井土建と鋼舗浚塗園水解</v>
          </cell>
          <cell r="Y344" t="str">
            <v>電管井</v>
          </cell>
          <cell r="Z344" t="str">
            <v>土建と鋼舗浚塗園水解</v>
          </cell>
          <cell r="AA344" t="str">
            <v>土木一式</v>
          </cell>
          <cell r="AB344" t="str">
            <v>建築一式</v>
          </cell>
          <cell r="AC344" t="str">
            <v>舗装</v>
          </cell>
          <cell r="AD344" t="str">
            <v>とび土工</v>
          </cell>
          <cell r="AE344">
            <v>43251</v>
          </cell>
          <cell r="AF344" t="str">
            <v>希望する</v>
          </cell>
          <cell r="AG344" t="str">
            <v>土木一式</v>
          </cell>
          <cell r="AH344" t="str">
            <v>特定</v>
          </cell>
          <cell r="AI344">
            <v>1224</v>
          </cell>
          <cell r="AJ344">
            <v>4620179</v>
          </cell>
          <cell r="AK344" t="str">
            <v>48(48)/7/1</v>
          </cell>
          <cell r="AL344" t="str">
            <v>建築一式</v>
          </cell>
          <cell r="AM344" t="str">
            <v>特定</v>
          </cell>
          <cell r="AN344">
            <v>1109</v>
          </cell>
          <cell r="AO344">
            <v>1444417</v>
          </cell>
          <cell r="AP344" t="str">
            <v>20(20)/1/0</v>
          </cell>
          <cell r="AQ344" t="str">
            <v>舗装</v>
          </cell>
          <cell r="AR344" t="str">
            <v>特定</v>
          </cell>
          <cell r="AS344">
            <v>994</v>
          </cell>
          <cell r="AT344">
            <v>52119</v>
          </cell>
          <cell r="AU344" t="str">
            <v>27(27)/6/1</v>
          </cell>
          <cell r="AV344" t="str">
            <v>とび土工</v>
          </cell>
          <cell r="AW344" t="str">
            <v>特定</v>
          </cell>
          <cell r="AX344">
            <v>876</v>
          </cell>
          <cell r="AY344">
            <v>23030</v>
          </cell>
          <cell r="AZ344" t="str">
            <v>3(3)/0/0</v>
          </cell>
          <cell r="BA344" t="str">
            <v>兵庫県</v>
          </cell>
          <cell r="BB344">
            <v>0</v>
          </cell>
          <cell r="CR344">
            <v>4712</v>
          </cell>
          <cell r="CS344" t="str">
            <v>ｲｼﾊﾞｼ ﾐﾂﾙ</v>
          </cell>
          <cell r="CT344" t="str">
            <v>石橋  充</v>
          </cell>
          <cell r="CU344" t="str">
            <v>営業課</v>
          </cell>
          <cell r="CW344" t="str">
            <v xml:space="preserve"> </v>
          </cell>
          <cell r="CX344" t="str">
            <v>主査</v>
          </cell>
          <cell r="CY344" t="str">
            <v>営業課長</v>
          </cell>
        </row>
        <row r="345">
          <cell r="B345">
            <v>2405</v>
          </cell>
          <cell r="C345" t="str">
            <v>亀喜工業(株)</v>
          </cell>
          <cell r="D345" t="str">
            <v>078-302-2619</v>
          </cell>
          <cell r="E345" t="str">
            <v>650-0046</v>
          </cell>
          <cell r="F345" t="str">
            <v>兵庫県神戸市中央区港島中町2-2-1</v>
          </cell>
          <cell r="G345" t="str">
            <v>神戸市</v>
          </cell>
          <cell r="H345" t="str">
            <v/>
          </cell>
          <cell r="I345" t="str">
            <v>代表取締役 長澤　昭二</v>
          </cell>
          <cell r="J345" t="str">
            <v>本店</v>
          </cell>
          <cell r="K345" t="str">
            <v>078-302-8316</v>
          </cell>
          <cell r="L345" t="str">
            <v>k-morioka@kameki.co.jp</v>
          </cell>
          <cell r="M345" t="str">
            <v>ｶﾒｷｺｳｷﾞｮｳ</v>
          </cell>
          <cell r="N345" t="str">
            <v>無</v>
          </cell>
          <cell r="O345">
            <v>13</v>
          </cell>
          <cell r="P345">
            <v>143</v>
          </cell>
          <cell r="Q345">
            <v>2140001006955</v>
          </cell>
          <cell r="R345">
            <v>28000</v>
          </cell>
          <cell r="S345">
            <v>4138568</v>
          </cell>
          <cell r="T345">
            <v>7742192</v>
          </cell>
          <cell r="V345" t="str">
            <v>yb277615</v>
          </cell>
          <cell r="W345" t="str">
            <v>aa134237</v>
          </cell>
          <cell r="X345" t="str">
            <v>土と石鋼舗浚機水</v>
          </cell>
          <cell r="Y345" t="str">
            <v>土と石鋼舗浚機水</v>
          </cell>
          <cell r="Z345" t="str">
            <v/>
          </cell>
          <cell r="AA345" t="str">
            <v>機械器具</v>
          </cell>
          <cell r="AB345" t="str">
            <v/>
          </cell>
          <cell r="AC345" t="str">
            <v/>
          </cell>
          <cell r="AD345" t="str">
            <v/>
          </cell>
          <cell r="AE345">
            <v>43190</v>
          </cell>
          <cell r="AF345" t="str">
            <v>希望しない</v>
          </cell>
          <cell r="AG345" t="str">
            <v>機械器具</v>
          </cell>
          <cell r="AH345" t="str">
            <v>一般</v>
          </cell>
          <cell r="AI345">
            <v>633</v>
          </cell>
          <cell r="AJ345">
            <v>11181</v>
          </cell>
          <cell r="AK345" t="str">
            <v>0(0)/0/3</v>
          </cell>
          <cell r="AL345" t="str">
            <v/>
          </cell>
          <cell r="AM345" t="str">
            <v/>
          </cell>
          <cell r="AN345" t="str">
            <v/>
          </cell>
          <cell r="AO345" t="str">
            <v/>
          </cell>
          <cell r="AP345" t="str">
            <v/>
          </cell>
          <cell r="AQ345" t="str">
            <v/>
          </cell>
          <cell r="AR345" t="str">
            <v/>
          </cell>
          <cell r="AS345" t="str">
            <v/>
          </cell>
          <cell r="AT345" t="str">
            <v/>
          </cell>
          <cell r="AU345" t="str">
            <v/>
          </cell>
          <cell r="AV345" t="str">
            <v/>
          </cell>
          <cell r="AW345" t="str">
            <v/>
          </cell>
          <cell r="AX345" t="str">
            <v/>
          </cell>
          <cell r="AY345" t="str">
            <v/>
          </cell>
          <cell r="AZ345" t="str">
            <v/>
          </cell>
          <cell r="BA345" t="str">
            <v>兵庫県</v>
          </cell>
          <cell r="BB345">
            <v>0</v>
          </cell>
          <cell r="CR345">
            <v>4713</v>
          </cell>
          <cell r="CS345" t="str">
            <v>ｷﾑﾗ ｶﾂﾋｺ</v>
          </cell>
          <cell r="CT345" t="str">
            <v>木村  克彦</v>
          </cell>
          <cell r="CU345" t="str">
            <v xml:space="preserve"> </v>
          </cell>
          <cell r="CW345">
            <v>3504</v>
          </cell>
          <cell r="CX345" t="str">
            <v>次長</v>
          </cell>
        </row>
        <row r="346">
          <cell r="B346">
            <v>2406</v>
          </cell>
          <cell r="C346" t="str">
            <v>(株)香山組</v>
          </cell>
          <cell r="D346" t="str">
            <v>06-6483-6100</v>
          </cell>
          <cell r="E346" t="str">
            <v>660-0892</v>
          </cell>
          <cell r="F346" t="str">
            <v>兵庫県尼崎市東難波町5-31-20</v>
          </cell>
          <cell r="G346" t="str">
            <v>尼崎市</v>
          </cell>
          <cell r="H346" t="str">
            <v/>
          </cell>
          <cell r="I346" t="str">
            <v>代表取締役社長　 香山　昌哉</v>
          </cell>
          <cell r="J346" t="str">
            <v>本店</v>
          </cell>
          <cell r="K346" t="str">
            <v>06-6483-6855</v>
          </cell>
          <cell r="L346" t="str">
            <v>eigyou1@kayamagumi.co.jp</v>
          </cell>
          <cell r="M346" t="str">
            <v>ｶﾔﾏｸﾞﾐ</v>
          </cell>
          <cell r="N346" t="str">
            <v>無</v>
          </cell>
          <cell r="O346">
            <v>44</v>
          </cell>
          <cell r="P346">
            <v>47</v>
          </cell>
          <cell r="Q346">
            <v>5140000000000</v>
          </cell>
          <cell r="R346">
            <v>77500</v>
          </cell>
          <cell r="S346">
            <v>2886181</v>
          </cell>
          <cell r="T346">
            <v>2792829</v>
          </cell>
          <cell r="V346" t="str">
            <v>ne930773</v>
          </cell>
          <cell r="W346" t="str">
            <v>dv118582</v>
          </cell>
          <cell r="X346" t="str">
            <v>土と石鋼舗浚機水</v>
          </cell>
          <cell r="Y346" t="str">
            <v>土と石鋼舗浚機水</v>
          </cell>
          <cell r="Z346" t="str">
            <v/>
          </cell>
          <cell r="AA346" t="str">
            <v>土木一式</v>
          </cell>
          <cell r="AB346" t="str">
            <v>水道施設</v>
          </cell>
          <cell r="AC346" t="str">
            <v>鋼構造物</v>
          </cell>
          <cell r="AD346" t="str">
            <v>浚渫</v>
          </cell>
          <cell r="AE346">
            <v>43251</v>
          </cell>
          <cell r="AF346" t="str">
            <v>希望しない</v>
          </cell>
          <cell r="AG346" t="str">
            <v>土木一式</v>
          </cell>
          <cell r="AH346" t="str">
            <v>特定</v>
          </cell>
          <cell r="AI346">
            <v>1123</v>
          </cell>
          <cell r="AJ346">
            <v>2225707</v>
          </cell>
          <cell r="AK346" t="str">
            <v>23(23)/3/2</v>
          </cell>
          <cell r="AL346" t="str">
            <v>水道施設</v>
          </cell>
          <cell r="AM346" t="str">
            <v>特定</v>
          </cell>
          <cell r="AN346">
            <v>909</v>
          </cell>
          <cell r="AO346">
            <v>41185</v>
          </cell>
          <cell r="AP346" t="str">
            <v>8(8)/0/1</v>
          </cell>
          <cell r="AQ346" t="str">
            <v>鋼構造物</v>
          </cell>
          <cell r="AR346" t="str">
            <v>特定</v>
          </cell>
          <cell r="AS346">
            <v>1008</v>
          </cell>
          <cell r="AT346">
            <v>203076</v>
          </cell>
          <cell r="AU346" t="str">
            <v>20(20)/3/2</v>
          </cell>
          <cell r="AV346" t="str">
            <v>浚渫</v>
          </cell>
          <cell r="AW346" t="str">
            <v>特定</v>
          </cell>
          <cell r="AX346">
            <v>828</v>
          </cell>
          <cell r="AY346">
            <v>48767</v>
          </cell>
          <cell r="AZ346" t="str">
            <v>0(0)/0/0</v>
          </cell>
          <cell r="BA346" t="str">
            <v>兵庫県</v>
          </cell>
          <cell r="BB346">
            <v>0</v>
          </cell>
          <cell r="CR346">
            <v>4714</v>
          </cell>
          <cell r="CS346" t="str">
            <v>ｲｼﾂﾞｶ ﾋﾛﾕｷ</v>
          </cell>
          <cell r="CT346" t="str">
            <v>石塚  浩行</v>
          </cell>
          <cell r="CU346" t="str">
            <v>運輸サービス課</v>
          </cell>
          <cell r="CW346">
            <v>6739</v>
          </cell>
          <cell r="CX346" t="str">
            <v>主査</v>
          </cell>
          <cell r="CY346" t="str">
            <v>運輸サービス課長</v>
          </cell>
        </row>
        <row r="347">
          <cell r="B347">
            <v>2407</v>
          </cell>
          <cell r="C347" t="str">
            <v>(株)柄谷工務店</v>
          </cell>
          <cell r="D347" t="str">
            <v>06-6415-2810</v>
          </cell>
          <cell r="E347" t="str">
            <v>660-0873</v>
          </cell>
          <cell r="F347" t="str">
            <v>兵庫県尼崎市玄番南之町4</v>
          </cell>
          <cell r="G347" t="str">
            <v>尼崎市</v>
          </cell>
          <cell r="H347" t="str">
            <v/>
          </cell>
          <cell r="I347" t="str">
            <v>取締役社長 柄谷　順一郎</v>
          </cell>
          <cell r="J347" t="str">
            <v>本店</v>
          </cell>
          <cell r="K347" t="str">
            <v>06-6412-6014</v>
          </cell>
          <cell r="L347" t="str">
            <v>eigyou@karatani.co.jp</v>
          </cell>
          <cell r="M347" t="str">
            <v>ｶﾗﾀﾆｺｳﾑﾃﾝ</v>
          </cell>
          <cell r="N347" t="str">
            <v>無</v>
          </cell>
          <cell r="O347">
            <v>68</v>
          </cell>
          <cell r="P347">
            <v>100</v>
          </cell>
          <cell r="Q347">
            <v>9140001048363</v>
          </cell>
          <cell r="R347">
            <v>385800</v>
          </cell>
          <cell r="S347">
            <v>7917394</v>
          </cell>
          <cell r="T347">
            <v>11837450</v>
          </cell>
          <cell r="V347" t="str">
            <v>ws429917</v>
          </cell>
          <cell r="W347" t="str">
            <v>vg695588</v>
          </cell>
          <cell r="X347" t="str">
            <v>土建大と管鋼舗浚防機園水解</v>
          </cell>
          <cell r="Y347" t="str">
            <v/>
          </cell>
          <cell r="Z347" t="str">
            <v>土建大と管鋼舗浚防機園水解</v>
          </cell>
          <cell r="AA347" t="str">
            <v>建築一式</v>
          </cell>
          <cell r="AB347" t="str">
            <v>土木一式</v>
          </cell>
          <cell r="AC347" t="str">
            <v>管</v>
          </cell>
          <cell r="AD347" t="str">
            <v>解体</v>
          </cell>
          <cell r="AE347">
            <v>43008</v>
          </cell>
          <cell r="AF347" t="str">
            <v>希望する</v>
          </cell>
          <cell r="AG347" t="str">
            <v>建築一式</v>
          </cell>
          <cell r="AH347" t="str">
            <v>特定</v>
          </cell>
          <cell r="AI347">
            <v>1329</v>
          </cell>
          <cell r="AJ347">
            <v>11515276</v>
          </cell>
          <cell r="AK347" t="str">
            <v>41(39)/5/1</v>
          </cell>
          <cell r="AL347" t="str">
            <v>土木一式</v>
          </cell>
          <cell r="AM347" t="str">
            <v>特定</v>
          </cell>
          <cell r="AN347">
            <v>1127</v>
          </cell>
          <cell r="AO347">
            <v>1321128</v>
          </cell>
          <cell r="AP347" t="str">
            <v>17(16)/1/0</v>
          </cell>
          <cell r="AQ347" t="str">
            <v>管</v>
          </cell>
          <cell r="AR347" t="str">
            <v>特定</v>
          </cell>
          <cell r="AS347">
            <v>913</v>
          </cell>
          <cell r="AT347">
            <v>49232</v>
          </cell>
          <cell r="AU347" t="str">
            <v>2(2)/0/0</v>
          </cell>
          <cell r="AV347" t="str">
            <v>解体</v>
          </cell>
          <cell r="AW347" t="str">
            <v>特定</v>
          </cell>
          <cell r="AX347">
            <v>930</v>
          </cell>
          <cell r="AY347">
            <v>202568</v>
          </cell>
          <cell r="AZ347" t="str">
            <v>0(0)/0/0</v>
          </cell>
          <cell r="BA347" t="str">
            <v>兵庫県</v>
          </cell>
          <cell r="BB347">
            <v>0</v>
          </cell>
          <cell r="CR347">
            <v>4715</v>
          </cell>
          <cell r="CS347" t="str">
            <v>ﾔﾏｼﾀ ﾋﾃﾞｵ</v>
          </cell>
          <cell r="CT347" t="str">
            <v>山下  秀男</v>
          </cell>
          <cell r="CU347" t="str">
            <v>経営企画課</v>
          </cell>
          <cell r="CW347">
            <v>6725</v>
          </cell>
          <cell r="CX347" t="str">
            <v>副主査</v>
          </cell>
          <cell r="CY347" t="str">
            <v>経営企画課長</v>
          </cell>
        </row>
        <row r="348">
          <cell r="B348">
            <v>2408</v>
          </cell>
          <cell r="C348" t="str">
            <v>苅田建設工業(株)</v>
          </cell>
          <cell r="D348" t="str">
            <v>06-6419-2981</v>
          </cell>
          <cell r="E348" t="str">
            <v>660-0087</v>
          </cell>
          <cell r="F348" t="str">
            <v>兵庫県尼崎市平左衛門町18-31</v>
          </cell>
          <cell r="G348" t="str">
            <v>尼崎市</v>
          </cell>
          <cell r="H348" t="str">
            <v/>
          </cell>
          <cell r="I348" t="str">
            <v>代表取締役 苅田　孝太郎</v>
          </cell>
          <cell r="J348" t="str">
            <v>本店</v>
          </cell>
          <cell r="K348" t="str">
            <v>06-6419-2986</v>
          </cell>
          <cell r="L348" t="str">
            <v>hamazaki@karitakensetu.com</v>
          </cell>
          <cell r="M348" t="str">
            <v>ｶﾘﾀｹﾝｾﾂｺｳｷﾞｮｳ</v>
          </cell>
          <cell r="N348" t="str">
            <v>無</v>
          </cell>
          <cell r="O348">
            <v>57</v>
          </cell>
          <cell r="P348">
            <v>59</v>
          </cell>
          <cell r="Q348">
            <v>3140001048360</v>
          </cell>
          <cell r="R348">
            <v>36000</v>
          </cell>
          <cell r="S348">
            <v>1406151</v>
          </cell>
          <cell r="T348">
            <v>2814096</v>
          </cell>
          <cell r="V348" t="str">
            <v>nh623609</v>
          </cell>
          <cell r="W348" t="str">
            <v>vu847922</v>
          </cell>
          <cell r="X348" t="str">
            <v>土建大と石屋タ鋼鉄舗浚塗防内園具水解</v>
          </cell>
          <cell r="Y348" t="str">
            <v/>
          </cell>
          <cell r="Z348" t="str">
            <v>土建大と石屋タ鋼鉄舗浚塗防内園具水解</v>
          </cell>
          <cell r="AA348" t="str">
            <v>建築一式</v>
          </cell>
          <cell r="AB348" t="str">
            <v>舗装</v>
          </cell>
          <cell r="AC348" t="str">
            <v>土木一式</v>
          </cell>
          <cell r="AD348" t="str">
            <v/>
          </cell>
          <cell r="AE348">
            <v>43343</v>
          </cell>
          <cell r="AF348" t="str">
            <v>希望しない</v>
          </cell>
          <cell r="AG348" t="str">
            <v>建築一式</v>
          </cell>
          <cell r="AH348" t="str">
            <v>特定</v>
          </cell>
          <cell r="AI348">
            <v>955</v>
          </cell>
          <cell r="AJ348">
            <v>492350</v>
          </cell>
          <cell r="AK348" t="str">
            <v>5(5)/0/0</v>
          </cell>
          <cell r="AL348" t="str">
            <v>舗装</v>
          </cell>
          <cell r="AM348" t="str">
            <v>特定</v>
          </cell>
          <cell r="AN348">
            <v>1044</v>
          </cell>
          <cell r="AO348">
            <v>624284</v>
          </cell>
          <cell r="AP348" t="str">
            <v>24(24)/3/4</v>
          </cell>
          <cell r="AQ348" t="str">
            <v>土木一式</v>
          </cell>
          <cell r="AR348" t="str">
            <v>特定</v>
          </cell>
          <cell r="AS348">
            <v>1059</v>
          </cell>
          <cell r="AT348">
            <v>999140</v>
          </cell>
          <cell r="AU348" t="str">
            <v>25(25)/3/4</v>
          </cell>
          <cell r="AV348" t="str">
            <v/>
          </cell>
          <cell r="AW348" t="str">
            <v/>
          </cell>
          <cell r="AX348" t="str">
            <v/>
          </cell>
          <cell r="AY348" t="str">
            <v/>
          </cell>
          <cell r="AZ348" t="str">
            <v/>
          </cell>
          <cell r="BA348" t="str">
            <v>兵庫県</v>
          </cell>
          <cell r="BB348">
            <v>0</v>
          </cell>
          <cell r="CR348">
            <v>4716</v>
          </cell>
          <cell r="CS348" t="str">
            <v>ﾏｴﾀﾞ ｴｲｲﾁ</v>
          </cell>
          <cell r="CT348" t="str">
            <v>前田  栄一</v>
          </cell>
          <cell r="CU348" t="str">
            <v>業務課</v>
          </cell>
          <cell r="CW348" t="str">
            <v xml:space="preserve"> </v>
          </cell>
          <cell r="CX348" t="str">
            <v xml:space="preserve"> </v>
          </cell>
          <cell r="CY348" t="str">
            <v>業務課長</v>
          </cell>
        </row>
        <row r="349">
          <cell r="B349">
            <v>2411</v>
          </cell>
          <cell r="C349" t="str">
            <v>川崎設備工業(株)</v>
          </cell>
          <cell r="D349" t="str">
            <v>078-252-7703</v>
          </cell>
          <cell r="E349" t="str">
            <v>651-0085</v>
          </cell>
          <cell r="F349" t="str">
            <v>兵庫県神戸市中央区八幡通3-1-14 ｻﾝｼﾎﾟｰﾄﾋﾞﾙ4F</v>
          </cell>
          <cell r="G349" t="str">
            <v>名古屋市</v>
          </cell>
          <cell r="H349" t="str">
            <v>神戸支店</v>
          </cell>
          <cell r="I349" t="str">
            <v>支店長　 眞鍋　正廣</v>
          </cell>
          <cell r="J349" t="str">
            <v>愛知県名古屋市</v>
          </cell>
          <cell r="K349" t="str">
            <v>078-252-7706</v>
          </cell>
          <cell r="L349" t="str">
            <v>shiratsuchi.jyunichi@kawasaki-sk.co.jp</v>
          </cell>
          <cell r="M349" t="str">
            <v>ｶﾜｻｷｾﾂﾋﾞｺｳｷﾞﾖｳｶﾌﾞｼｷｶﾞｲｼﾔ</v>
          </cell>
          <cell r="N349" t="str">
            <v>有</v>
          </cell>
          <cell r="O349">
            <v>66</v>
          </cell>
          <cell r="P349">
            <v>344</v>
          </cell>
          <cell r="Q349">
            <v>2180000000000</v>
          </cell>
          <cell r="R349">
            <v>1581000</v>
          </cell>
          <cell r="S349">
            <v>7214729</v>
          </cell>
          <cell r="T349">
            <v>23596633</v>
          </cell>
          <cell r="V349" t="str">
            <v>em385092</v>
          </cell>
          <cell r="W349" t="str">
            <v>za657278</v>
          </cell>
          <cell r="X349" t="str">
            <v>土建大と石屋タ鋼鉄舗浚塗防内園具水解</v>
          </cell>
          <cell r="Y349" t="str">
            <v/>
          </cell>
          <cell r="Z349" t="str">
            <v>土建大と石屋タ鋼鉄舗浚塗防内園具水解</v>
          </cell>
          <cell r="AA349" t="str">
            <v>管</v>
          </cell>
          <cell r="AB349" t="str">
            <v/>
          </cell>
          <cell r="AC349" t="str">
            <v/>
          </cell>
          <cell r="AD349" t="str">
            <v/>
          </cell>
          <cell r="AE349">
            <v>43190</v>
          </cell>
          <cell r="AF349" t="str">
            <v>希望しない</v>
          </cell>
          <cell r="AG349" t="str">
            <v>管</v>
          </cell>
          <cell r="AH349" t="str">
            <v>特定</v>
          </cell>
          <cell r="AI349">
            <v>1428</v>
          </cell>
          <cell r="AJ349">
            <v>21477080</v>
          </cell>
          <cell r="AK349" t="str">
            <v>144(122)/16/27</v>
          </cell>
          <cell r="AL349" t="str">
            <v/>
          </cell>
          <cell r="AM349" t="str">
            <v/>
          </cell>
          <cell r="AN349" t="str">
            <v/>
          </cell>
          <cell r="AO349" t="str">
            <v/>
          </cell>
          <cell r="AP349" t="str">
            <v/>
          </cell>
          <cell r="AQ349" t="str">
            <v/>
          </cell>
          <cell r="AR349" t="str">
            <v/>
          </cell>
          <cell r="AS349" t="str">
            <v/>
          </cell>
          <cell r="AT349" t="str">
            <v/>
          </cell>
          <cell r="AU349" t="str">
            <v/>
          </cell>
          <cell r="AV349" t="str">
            <v/>
          </cell>
          <cell r="AW349" t="str">
            <v/>
          </cell>
          <cell r="AX349" t="str">
            <v/>
          </cell>
          <cell r="AY349" t="str">
            <v/>
          </cell>
          <cell r="AZ349" t="str">
            <v/>
          </cell>
          <cell r="BA349" t="str">
            <v>愛知県</v>
          </cell>
          <cell r="BB349">
            <v>0</v>
          </cell>
          <cell r="CR349">
            <v>4717</v>
          </cell>
          <cell r="CS349" t="str">
            <v>ｶﾄﾞﾀ ﾜｶﾋﾛ</v>
          </cell>
          <cell r="CT349" t="str">
            <v>門田  若廣</v>
          </cell>
          <cell r="CU349" t="str">
            <v>業務課</v>
          </cell>
          <cell r="CW349" t="str">
            <v xml:space="preserve"> </v>
          </cell>
          <cell r="CX349" t="str">
            <v xml:space="preserve"> </v>
          </cell>
          <cell r="CY349" t="str">
            <v>業務課長</v>
          </cell>
        </row>
        <row r="350">
          <cell r="B350">
            <v>2413</v>
          </cell>
          <cell r="C350" t="str">
            <v>(株)川嶋建設</v>
          </cell>
          <cell r="D350" t="str">
            <v>0796-22-4321</v>
          </cell>
          <cell r="E350" t="str">
            <v>650-0024</v>
          </cell>
          <cell r="F350" t="str">
            <v>兵庫県豊岡市寿町11-35</v>
          </cell>
          <cell r="G350" t="str">
            <v>豊岡市</v>
          </cell>
          <cell r="H350" t="str">
            <v/>
          </cell>
          <cell r="I350" t="str">
            <v>代表取締役社長　 川嶋　実</v>
          </cell>
          <cell r="J350" t="str">
            <v>本店</v>
          </cell>
          <cell r="K350" t="str">
            <v>0796-22-1655</v>
          </cell>
          <cell r="L350" t="str">
            <v>eigyou-1@kawashima.gr.jp</v>
          </cell>
          <cell r="M350" t="str">
            <v>ｶﾜｼﾏｹﾝｾﾂ</v>
          </cell>
          <cell r="N350" t="str">
            <v>無</v>
          </cell>
          <cell r="O350">
            <v>67</v>
          </cell>
          <cell r="P350">
            <v>144</v>
          </cell>
          <cell r="Q350">
            <v>9140000000000</v>
          </cell>
          <cell r="R350">
            <v>98000</v>
          </cell>
          <cell r="S350">
            <v>1199558</v>
          </cell>
          <cell r="T350">
            <v>5510453</v>
          </cell>
          <cell r="V350" t="str">
            <v>ba400485</v>
          </cell>
          <cell r="W350" t="str">
            <v>vs227486</v>
          </cell>
          <cell r="X350" t="str">
            <v>土建大と石屋タ鋼鉄舗浚塗防内園具水解</v>
          </cell>
          <cell r="Y350" t="str">
            <v/>
          </cell>
          <cell r="Z350" t="str">
            <v>土建大と石屋タ鋼鉄舗浚塗防内園具水解</v>
          </cell>
          <cell r="AA350" t="str">
            <v>土木一式</v>
          </cell>
          <cell r="AB350" t="str">
            <v>建築一式</v>
          </cell>
          <cell r="AC350" t="str">
            <v>舗装</v>
          </cell>
          <cell r="AD350" t="str">
            <v>とび土工</v>
          </cell>
          <cell r="AE350">
            <v>43008</v>
          </cell>
          <cell r="AF350" t="str">
            <v>希望しない</v>
          </cell>
          <cell r="AG350" t="str">
            <v>土木一式</v>
          </cell>
          <cell r="AH350" t="str">
            <v>特定</v>
          </cell>
          <cell r="AI350">
            <v>1126</v>
          </cell>
          <cell r="AJ350">
            <v>2871279</v>
          </cell>
          <cell r="AK350" t="str">
            <v>51(51)/11/0</v>
          </cell>
          <cell r="AL350" t="str">
            <v>建築一式</v>
          </cell>
          <cell r="AM350" t="str">
            <v>特定</v>
          </cell>
          <cell r="AN350">
            <v>1078</v>
          </cell>
          <cell r="AO350">
            <v>2277265</v>
          </cell>
          <cell r="AP350" t="str">
            <v>27(27)/4/0</v>
          </cell>
          <cell r="AQ350" t="str">
            <v>舗装</v>
          </cell>
          <cell r="AR350" t="str">
            <v>特定</v>
          </cell>
          <cell r="AS350">
            <v>1006</v>
          </cell>
          <cell r="AT350">
            <v>342732</v>
          </cell>
          <cell r="AU350" t="str">
            <v>44(44)/10/0</v>
          </cell>
          <cell r="AV350" t="str">
            <v>とび土工</v>
          </cell>
          <cell r="AW350" t="str">
            <v>特定</v>
          </cell>
          <cell r="AX350">
            <v>896</v>
          </cell>
          <cell r="AY350">
            <v>86024</v>
          </cell>
          <cell r="AZ350" t="str">
            <v>13(13)/0/0</v>
          </cell>
          <cell r="BA350" t="str">
            <v>兵庫県</v>
          </cell>
          <cell r="BB350">
            <v>0</v>
          </cell>
          <cell r="CR350">
            <v>4718</v>
          </cell>
          <cell r="CS350" t="str">
            <v>ｲﾊﾗ ﾐﾂﾋﾛ</v>
          </cell>
          <cell r="CT350" t="str">
            <v>猪原  光弘</v>
          </cell>
          <cell r="CU350" t="str">
            <v>文化振興課</v>
          </cell>
          <cell r="CW350">
            <v>4072</v>
          </cell>
          <cell r="CX350" t="str">
            <v>主査</v>
          </cell>
          <cell r="CY350" t="str">
            <v>文化振興課長</v>
          </cell>
        </row>
        <row r="351">
          <cell r="B351">
            <v>2415</v>
          </cell>
          <cell r="C351" t="str">
            <v>川田建設(株)</v>
          </cell>
          <cell r="D351" t="str">
            <v>078-381-7444</v>
          </cell>
          <cell r="E351" t="str">
            <v>650-0024</v>
          </cell>
          <cell r="F351" t="str">
            <v>兵庫県神戸市中央区海岸通3</v>
          </cell>
          <cell r="G351" t="str">
            <v/>
          </cell>
          <cell r="H351" t="str">
            <v>神戸営業所</v>
          </cell>
          <cell r="I351" t="str">
            <v>所長 荒木　貴幸</v>
          </cell>
          <cell r="J351" t="str">
            <v>東京都</v>
          </cell>
          <cell r="K351" t="str">
            <v>078-381-7474</v>
          </cell>
          <cell r="L351" t="str">
            <v>e-kanri01@kawadaken.co.jp</v>
          </cell>
          <cell r="M351" t="str">
            <v>ｶﾜﾀﾞｹﾝｾﾂ</v>
          </cell>
          <cell r="N351" t="str">
            <v>有</v>
          </cell>
          <cell r="O351">
            <v>46</v>
          </cell>
          <cell r="P351">
            <v>577</v>
          </cell>
          <cell r="Q351">
            <v>7011501001074</v>
          </cell>
          <cell r="R351">
            <v>1669250</v>
          </cell>
          <cell r="S351">
            <v>5196974</v>
          </cell>
          <cell r="T351">
            <v>31402292</v>
          </cell>
          <cell r="V351" t="str">
            <v>wh273651</v>
          </cell>
          <cell r="W351" t="str">
            <v>jg529305</v>
          </cell>
          <cell r="X351" t="str">
            <v>(清)(と)(鋼)(舗)(水)(解)土建大と鋼鉄舗塗防園水解</v>
          </cell>
          <cell r="Y351" t="str">
            <v>(清)(と)(鋼)(舗)(水)(解)</v>
          </cell>
          <cell r="Z351" t="str">
            <v>土建大と鋼鉄舗塗防園水解</v>
          </cell>
          <cell r="AA351" t="str">
            <v>土木一式</v>
          </cell>
          <cell r="AB351" t="str">
            <v>鋼構造物</v>
          </cell>
          <cell r="AC351" t="str">
            <v>とび土工</v>
          </cell>
          <cell r="AD351" t="str">
            <v/>
          </cell>
          <cell r="AE351">
            <v>43190</v>
          </cell>
          <cell r="AF351" t="str">
            <v>希望しない</v>
          </cell>
          <cell r="AG351" t="str">
            <v>土木一式</v>
          </cell>
          <cell r="AH351" t="str">
            <v>特定</v>
          </cell>
          <cell r="AI351">
            <v>1543</v>
          </cell>
          <cell r="AJ351">
            <v>25759186</v>
          </cell>
          <cell r="AK351" t="str">
            <v>349(285)/11/11</v>
          </cell>
          <cell r="AL351" t="str">
            <v>鋼構造物</v>
          </cell>
          <cell r="AM351" t="str">
            <v>特定</v>
          </cell>
          <cell r="AN351">
            <v>1304</v>
          </cell>
          <cell r="AO351">
            <v>1000074</v>
          </cell>
          <cell r="AP351" t="str">
            <v>351(286)/11/0</v>
          </cell>
          <cell r="AQ351" t="str">
            <v>とび土工</v>
          </cell>
          <cell r="AR351" t="str">
            <v>特定</v>
          </cell>
          <cell r="AS351">
            <v>1013</v>
          </cell>
          <cell r="AT351">
            <v>1908530</v>
          </cell>
          <cell r="AU351" t="str">
            <v>0(0)/0/0</v>
          </cell>
          <cell r="AV351" t="str">
            <v/>
          </cell>
          <cell r="AW351" t="str">
            <v/>
          </cell>
          <cell r="AX351" t="str">
            <v/>
          </cell>
          <cell r="AY351" t="str">
            <v/>
          </cell>
          <cell r="AZ351" t="str">
            <v/>
          </cell>
          <cell r="BA351" t="str">
            <v>東京都</v>
          </cell>
          <cell r="BB351">
            <v>0</v>
          </cell>
          <cell r="CR351">
            <v>4719</v>
          </cell>
          <cell r="CS351" t="str">
            <v>ｷﾄｸ ﾖｼｵ</v>
          </cell>
          <cell r="CT351" t="str">
            <v>木徳  芳夫</v>
          </cell>
          <cell r="CU351" t="str">
            <v>運輸サービス課</v>
          </cell>
          <cell r="CW351">
            <v>6736</v>
          </cell>
          <cell r="CX351" t="str">
            <v>主査</v>
          </cell>
          <cell r="CY351" t="str">
            <v>運輸サービス課長</v>
          </cell>
        </row>
        <row r="352">
          <cell r="B352">
            <v>2418</v>
          </cell>
          <cell r="C352" t="str">
            <v>川西土木(株)</v>
          </cell>
          <cell r="D352" t="str">
            <v>0798-33-2588</v>
          </cell>
          <cell r="E352" t="str">
            <v>662-0934</v>
          </cell>
          <cell r="F352" t="str">
            <v>兵庫県西宮市西宮浜2-21</v>
          </cell>
          <cell r="G352" t="str">
            <v>西宮市</v>
          </cell>
          <cell r="H352" t="str">
            <v/>
          </cell>
          <cell r="I352" t="str">
            <v>代表取締役 島田　佳春</v>
          </cell>
          <cell r="J352" t="str">
            <v>本店</v>
          </cell>
          <cell r="K352" t="str">
            <v>0798-38-3171</v>
          </cell>
          <cell r="L352" t="str">
            <v>honsya@kawanishicons.co.jp</v>
          </cell>
          <cell r="M352" t="str">
            <v>ｶﾜﾆｼﾄﾞﾎﾞｸ</v>
          </cell>
          <cell r="N352" t="str">
            <v>無</v>
          </cell>
          <cell r="O352">
            <v>46</v>
          </cell>
          <cell r="P352">
            <v>24</v>
          </cell>
          <cell r="Q352">
            <v>2140001068401</v>
          </cell>
          <cell r="R352">
            <v>51000</v>
          </cell>
          <cell r="S352">
            <v>412672</v>
          </cell>
          <cell r="T352">
            <v>898954</v>
          </cell>
          <cell r="V352" t="str">
            <v>cv324631</v>
          </cell>
          <cell r="W352" t="str">
            <v>xv954796</v>
          </cell>
          <cell r="X352" t="str">
            <v>土と石鋼舗浚塗園水解</v>
          </cell>
          <cell r="Y352" t="str">
            <v/>
          </cell>
          <cell r="Z352" t="str">
            <v>土と石鋼舗浚塗園水解</v>
          </cell>
          <cell r="AA352" t="str">
            <v>土木一式</v>
          </cell>
          <cell r="AB352" t="str">
            <v>舗装</v>
          </cell>
          <cell r="AC352" t="str">
            <v>とび土工</v>
          </cell>
          <cell r="AD352" t="str">
            <v>浚渫</v>
          </cell>
          <cell r="AE352">
            <v>43312</v>
          </cell>
          <cell r="AF352" t="str">
            <v>希望する</v>
          </cell>
          <cell r="AG352" t="str">
            <v>土木一式</v>
          </cell>
          <cell r="AH352" t="str">
            <v>特定</v>
          </cell>
          <cell r="AI352">
            <v>955</v>
          </cell>
          <cell r="AJ352">
            <v>887648</v>
          </cell>
          <cell r="AK352" t="str">
            <v>14(14)/2/2</v>
          </cell>
          <cell r="AL352" t="str">
            <v>舗装</v>
          </cell>
          <cell r="AM352" t="str">
            <v>特定</v>
          </cell>
          <cell r="AN352">
            <v>763</v>
          </cell>
          <cell r="AO352">
            <v>236</v>
          </cell>
          <cell r="AP352" t="str">
            <v>13(13)/2/2</v>
          </cell>
          <cell r="AQ352" t="str">
            <v>とび土工</v>
          </cell>
          <cell r="AR352" t="str">
            <v>特定</v>
          </cell>
          <cell r="AS352">
            <v>650</v>
          </cell>
          <cell r="AT352">
            <v>258</v>
          </cell>
          <cell r="AU352" t="str">
            <v>0(0)/0/0</v>
          </cell>
          <cell r="AV352" t="str">
            <v>浚渫</v>
          </cell>
          <cell r="AW352" t="str">
            <v>特定</v>
          </cell>
          <cell r="AX352">
            <v>668</v>
          </cell>
          <cell r="AY352">
            <v>290</v>
          </cell>
          <cell r="AZ352" t="str">
            <v>1(1)/0/1</v>
          </cell>
          <cell r="BA352" t="str">
            <v>兵庫県</v>
          </cell>
          <cell r="BB352">
            <v>0</v>
          </cell>
          <cell r="CR352">
            <v>4720</v>
          </cell>
          <cell r="CS352" t="str">
            <v>ﾊﾗﾀﾞ ﾘﾖｳｼﾞ</v>
          </cell>
          <cell r="CT352" t="str">
            <v>原田  良二</v>
          </cell>
          <cell r="CU352" t="str">
            <v>運輸サービス課</v>
          </cell>
          <cell r="CW352">
            <v>6733</v>
          </cell>
          <cell r="CX352" t="str">
            <v>主査</v>
          </cell>
          <cell r="CY352" t="str">
            <v>運輸サービス課長</v>
          </cell>
        </row>
        <row r="353">
          <cell r="B353">
            <v>2421</v>
          </cell>
          <cell r="C353" t="str">
            <v>(株)環境開発</v>
          </cell>
          <cell r="D353" t="str">
            <v>06-6305-3603</v>
          </cell>
          <cell r="E353" t="str">
            <v>532-0011</v>
          </cell>
          <cell r="F353" t="str">
            <v>大阪府大阪市淀川区西中島7-6-12</v>
          </cell>
          <cell r="G353" t="str">
            <v>大阪市</v>
          </cell>
          <cell r="H353" t="str">
            <v>大阪営業所</v>
          </cell>
          <cell r="I353" t="str">
            <v>所長 伴　繁夫</v>
          </cell>
          <cell r="J353" t="str">
            <v>福岡県福岡市</v>
          </cell>
          <cell r="K353" t="str">
            <v>06-6305-3609</v>
          </cell>
          <cell r="L353" t="str">
            <v>eigyo-oosaka@kankyo-k.co.jp</v>
          </cell>
          <cell r="M353" t="str">
            <v>ｶﾝｷｮｳｶｲﾊﾂ</v>
          </cell>
          <cell r="N353" t="str">
            <v>有</v>
          </cell>
          <cell r="O353">
            <v>51</v>
          </cell>
          <cell r="P353">
            <v>351</v>
          </cell>
          <cell r="Q353">
            <v>4290001012210</v>
          </cell>
          <cell r="R353">
            <v>476000</v>
          </cell>
          <cell r="S353">
            <v>7533601</v>
          </cell>
          <cell r="T353">
            <v>8057524</v>
          </cell>
          <cell r="V353" t="str">
            <v>gk554414</v>
          </cell>
          <cell r="W353" t="str">
            <v>xb115614</v>
          </cell>
          <cell r="X353" t="str">
            <v>(清)(と)(石)(管)(鋼)(舗)(浚)(塗)(水)(解)土建大と石屋管タ鋼鉄舗浚板ガ塗防内熱園具水解</v>
          </cell>
          <cell r="Y353" t="str">
            <v>(清)(と)(石)(管)(鋼)(舗)(浚)(塗)(水)(解)</v>
          </cell>
          <cell r="Z353" t="str">
            <v>土建大と石屋管タ鋼鉄舗浚板ガ塗防内熱園具水解</v>
          </cell>
          <cell r="AA353" t="str">
            <v>土木一式</v>
          </cell>
          <cell r="AB353" t="str">
            <v>浚渫</v>
          </cell>
          <cell r="AC353" t="str">
            <v>管</v>
          </cell>
          <cell r="AD353" t="str">
            <v/>
          </cell>
          <cell r="AE353">
            <v>43190</v>
          </cell>
          <cell r="AF353" t="str">
            <v>希望する</v>
          </cell>
          <cell r="AG353" t="str">
            <v>土木一式</v>
          </cell>
          <cell r="AH353" t="str">
            <v>特定</v>
          </cell>
          <cell r="AI353">
            <v>1209</v>
          </cell>
          <cell r="AJ353">
            <v>2607894</v>
          </cell>
          <cell r="AK353" t="str">
            <v>50(44)/71/7</v>
          </cell>
          <cell r="AL353" t="str">
            <v>浚渫</v>
          </cell>
          <cell r="AM353" t="str">
            <v>特定</v>
          </cell>
          <cell r="AN353">
            <v>911</v>
          </cell>
          <cell r="AO353">
            <v>9295</v>
          </cell>
          <cell r="AP353" t="str">
            <v>7(7)/18/0</v>
          </cell>
          <cell r="AQ353" t="str">
            <v>管</v>
          </cell>
          <cell r="AR353" t="str">
            <v>特定</v>
          </cell>
          <cell r="AS353">
            <v>912</v>
          </cell>
          <cell r="AT353">
            <v>18997</v>
          </cell>
          <cell r="AU353" t="str">
            <v>8(6)/2/0</v>
          </cell>
          <cell r="AV353" t="str">
            <v/>
          </cell>
          <cell r="AW353" t="str">
            <v/>
          </cell>
          <cell r="AX353" t="str">
            <v/>
          </cell>
          <cell r="AY353" t="str">
            <v/>
          </cell>
          <cell r="AZ353" t="str">
            <v/>
          </cell>
          <cell r="BA353" t="str">
            <v>福岡県</v>
          </cell>
          <cell r="BB353">
            <v>0</v>
          </cell>
          <cell r="CR353">
            <v>4721</v>
          </cell>
          <cell r="CS353" t="str">
            <v>ﾏﾂﾔﾏ ﾏｻﾀｶ</v>
          </cell>
          <cell r="CT353" t="str">
            <v>松山  正孝</v>
          </cell>
          <cell r="CU353" t="str">
            <v>運輸サービス課</v>
          </cell>
          <cell r="CW353">
            <v>6756</v>
          </cell>
          <cell r="CX353" t="str">
            <v>副主幹</v>
          </cell>
          <cell r="CY353" t="str">
            <v>運輸サービス課長</v>
          </cell>
        </row>
        <row r="354">
          <cell r="B354">
            <v>2425</v>
          </cell>
          <cell r="C354" t="str">
            <v>環境テクノス(株)</v>
          </cell>
          <cell r="D354" t="str">
            <v>06-4397-7240</v>
          </cell>
          <cell r="E354" t="str">
            <v>570-0014</v>
          </cell>
          <cell r="F354" t="str">
            <v>大阪府守口市藤田町2-15-10-201</v>
          </cell>
          <cell r="G354" t="str">
            <v>京都市</v>
          </cell>
          <cell r="H354" t="str">
            <v>大阪支店</v>
          </cell>
          <cell r="I354" t="str">
            <v>大阪支店長 山本　正和</v>
          </cell>
          <cell r="J354" t="str">
            <v>京都府京都市</v>
          </cell>
          <cell r="K354" t="str">
            <v>06-4397-7241</v>
          </cell>
          <cell r="L354" t="str">
            <v>kankyotecnos@celery.ocn.ne.jp</v>
          </cell>
          <cell r="M354" t="str">
            <v>ｶﾝｷｮｳﾃｸﾉｽ</v>
          </cell>
          <cell r="N354" t="str">
            <v>有</v>
          </cell>
          <cell r="O354">
            <v>13</v>
          </cell>
          <cell r="P354">
            <v>9</v>
          </cell>
          <cell r="Q354">
            <v>1130001025544</v>
          </cell>
          <cell r="R354">
            <v>20000</v>
          </cell>
          <cell r="S354">
            <v>250999</v>
          </cell>
          <cell r="T354">
            <v>561506</v>
          </cell>
          <cell r="V354" t="str">
            <v>mt348548</v>
          </cell>
          <cell r="W354" t="str">
            <v>tn315384</v>
          </cell>
          <cell r="X354" t="str">
            <v>石管鋼浚塗水(清)(と)(石)(管)(鋼)(舗)(浚)(水)(解)土と舗解</v>
          </cell>
          <cell r="Y354" t="str">
            <v>石管鋼浚塗水(清)(と)(石)(管)(鋼)(舗)(浚)(水)(解)</v>
          </cell>
          <cell r="Z354" t="str">
            <v>土と舗解</v>
          </cell>
          <cell r="AA354" t="str">
            <v>土木一式</v>
          </cell>
          <cell r="AB354" t="str">
            <v>浚渫</v>
          </cell>
          <cell r="AC354" t="str">
            <v>管</v>
          </cell>
          <cell r="AD354" t="str">
            <v>とび土工</v>
          </cell>
          <cell r="AE354">
            <v>43100</v>
          </cell>
          <cell r="AF354" t="str">
            <v>希望する</v>
          </cell>
          <cell r="AG354" t="str">
            <v>土木一式</v>
          </cell>
          <cell r="AH354" t="str">
            <v>特定</v>
          </cell>
          <cell r="AI354">
            <v>848</v>
          </cell>
          <cell r="AJ354">
            <v>300667</v>
          </cell>
          <cell r="AK354" t="str">
            <v>3(3)/4/0</v>
          </cell>
          <cell r="AL354" t="str">
            <v>浚渫</v>
          </cell>
          <cell r="AM354" t="str">
            <v>一般</v>
          </cell>
          <cell r="AN354">
            <v>791</v>
          </cell>
          <cell r="AO354">
            <v>52527</v>
          </cell>
          <cell r="AP354" t="str">
            <v>2(2)/4/2</v>
          </cell>
          <cell r="AQ354" t="str">
            <v>管</v>
          </cell>
          <cell r="AR354" t="str">
            <v>一般</v>
          </cell>
          <cell r="AS354">
            <v>690</v>
          </cell>
          <cell r="AT354">
            <v>7962</v>
          </cell>
          <cell r="AU354" t="str">
            <v>0(0)/0/1</v>
          </cell>
          <cell r="AV354" t="str">
            <v>とび土工</v>
          </cell>
          <cell r="AW354" t="str">
            <v>特定</v>
          </cell>
          <cell r="AX354">
            <v>681</v>
          </cell>
          <cell r="AY354">
            <v>8184</v>
          </cell>
          <cell r="AZ354" t="str">
            <v>0(0)/0/0</v>
          </cell>
          <cell r="BA354" t="str">
            <v>京都府</v>
          </cell>
          <cell r="BB354">
            <v>0</v>
          </cell>
          <cell r="CR354">
            <v>4754</v>
          </cell>
          <cell r="CS354" t="str">
            <v>ｵﾊﾞｾ ﾏｻﾊﾙ</v>
          </cell>
          <cell r="CT354" t="str">
            <v>小長谷  正治</v>
          </cell>
          <cell r="CU354" t="str">
            <v>社会教育課</v>
          </cell>
          <cell r="CW354">
            <v>3706</v>
          </cell>
          <cell r="CX354" t="str">
            <v>副参事</v>
          </cell>
          <cell r="CY354" t="str">
            <v>社会教育課長</v>
          </cell>
        </row>
        <row r="355">
          <cell r="B355">
            <v>2426</v>
          </cell>
          <cell r="C355" t="str">
            <v>関西植木(株)</v>
          </cell>
          <cell r="D355" t="str">
            <v>06-6581-3401</v>
          </cell>
          <cell r="E355" t="str">
            <v>550-0023</v>
          </cell>
          <cell r="F355" t="str">
            <v>大阪府大阪市西区千代崎2-22-21</v>
          </cell>
          <cell r="G355" t="str">
            <v>大阪市</v>
          </cell>
          <cell r="H355" t="str">
            <v/>
          </cell>
          <cell r="I355" t="str">
            <v>代表取締役 坂上　民雄</v>
          </cell>
          <cell r="J355" t="str">
            <v>本店</v>
          </cell>
          <cell r="K355" t="str">
            <v>06-6581-2112</v>
          </cell>
          <cell r="L355" t="str">
            <v>knsueki@silver.ocn.ne.jp</v>
          </cell>
          <cell r="M355" t="str">
            <v>ｶﾝｻｲｳｴｷ</v>
          </cell>
          <cell r="N355" t="str">
            <v>無</v>
          </cell>
          <cell r="O355">
            <v>66</v>
          </cell>
          <cell r="P355">
            <v>7</v>
          </cell>
          <cell r="Q355">
            <v>1120001042425</v>
          </cell>
          <cell r="R355">
            <v>20000</v>
          </cell>
          <cell r="S355">
            <v>234843</v>
          </cell>
          <cell r="T355">
            <v>372170</v>
          </cell>
          <cell r="V355" t="str">
            <v>cq737372</v>
          </cell>
          <cell r="W355" t="str">
            <v>en101607</v>
          </cell>
          <cell r="X355" t="str">
            <v>土と舗園</v>
          </cell>
          <cell r="Y355" t="str">
            <v/>
          </cell>
          <cell r="Z355" t="str">
            <v>土と舗園</v>
          </cell>
          <cell r="AA355" t="str">
            <v>造園</v>
          </cell>
          <cell r="AB355" t="str">
            <v/>
          </cell>
          <cell r="AC355" t="str">
            <v/>
          </cell>
          <cell r="AD355" t="str">
            <v/>
          </cell>
          <cell r="AE355">
            <v>43190</v>
          </cell>
          <cell r="AF355" t="str">
            <v/>
          </cell>
          <cell r="AG355" t="str">
            <v>造園</v>
          </cell>
          <cell r="AH355" t="str">
            <v>特定</v>
          </cell>
          <cell r="AI355">
            <v>812</v>
          </cell>
          <cell r="AJ355">
            <v>359773</v>
          </cell>
          <cell r="AK355" t="str">
            <v>5(5)/1/0</v>
          </cell>
          <cell r="AL355" t="str">
            <v/>
          </cell>
          <cell r="AM355" t="str">
            <v/>
          </cell>
          <cell r="AN355" t="str">
            <v/>
          </cell>
          <cell r="AO355" t="str">
            <v/>
          </cell>
          <cell r="AP355" t="str">
            <v/>
          </cell>
          <cell r="AQ355" t="str">
            <v/>
          </cell>
          <cell r="AR355" t="str">
            <v/>
          </cell>
          <cell r="AS355" t="str">
            <v/>
          </cell>
          <cell r="AT355" t="str">
            <v/>
          </cell>
          <cell r="AU355" t="str">
            <v/>
          </cell>
          <cell r="AV355" t="str">
            <v/>
          </cell>
          <cell r="AW355" t="str">
            <v/>
          </cell>
          <cell r="AX355" t="str">
            <v/>
          </cell>
          <cell r="AY355" t="str">
            <v/>
          </cell>
          <cell r="AZ355" t="str">
            <v/>
          </cell>
          <cell r="BA355" t="str">
            <v>大阪府</v>
          </cell>
          <cell r="BB355">
            <v>0</v>
          </cell>
          <cell r="CR355">
            <v>4754</v>
          </cell>
          <cell r="CS355" t="str">
            <v>ｵﾊﾞｾ ﾏｻﾊﾙ</v>
          </cell>
          <cell r="CT355" t="str">
            <v>小長谷  正治</v>
          </cell>
          <cell r="CU355" t="str">
            <v>社会教育課</v>
          </cell>
          <cell r="CW355">
            <v>3706</v>
          </cell>
          <cell r="CX355" t="str">
            <v>（兼）課長</v>
          </cell>
          <cell r="CY355" t="str">
            <v>社会教育課長</v>
          </cell>
        </row>
        <row r="356">
          <cell r="B356">
            <v>2427</v>
          </cell>
          <cell r="C356" t="str">
            <v>関西機設(株)</v>
          </cell>
          <cell r="D356" t="str">
            <v>06-6633-1063</v>
          </cell>
          <cell r="E356" t="str">
            <v>556-0006</v>
          </cell>
          <cell r="F356" t="str">
            <v>大阪府大阪市浪速区日本橋東1-12-4</v>
          </cell>
          <cell r="G356" t="str">
            <v>大阪市</v>
          </cell>
          <cell r="H356" t="str">
            <v/>
          </cell>
          <cell r="I356" t="str">
            <v>代表取締役社長 岩本　和雄</v>
          </cell>
          <cell r="J356" t="str">
            <v>本店</v>
          </cell>
          <cell r="K356" t="str">
            <v>06-6643-0780</v>
          </cell>
          <cell r="L356" t="str">
            <v>kanki641@wonder.ocn.ne.jp</v>
          </cell>
          <cell r="M356" t="str">
            <v>ｶﾝｻｲｷｾﾂ</v>
          </cell>
          <cell r="N356" t="str">
            <v>無</v>
          </cell>
          <cell r="O356">
            <v>44</v>
          </cell>
          <cell r="P356">
            <v>15</v>
          </cell>
          <cell r="Q356">
            <v>4120001037777</v>
          </cell>
          <cell r="R356">
            <v>20000</v>
          </cell>
          <cell r="S356">
            <v>181436</v>
          </cell>
          <cell r="T356">
            <v>567162</v>
          </cell>
          <cell r="V356" t="str">
            <v>kj752993</v>
          </cell>
          <cell r="W356" t="str">
            <v>zd272226</v>
          </cell>
          <cell r="X356" t="str">
            <v>鋼水機</v>
          </cell>
          <cell r="Y356" t="str">
            <v>鋼水</v>
          </cell>
          <cell r="Z356" t="str">
            <v>機</v>
          </cell>
          <cell r="AA356" t="str">
            <v>機械器具</v>
          </cell>
          <cell r="AB356" t="str">
            <v>鋼構造物</v>
          </cell>
          <cell r="AC356" t="str">
            <v>水道施設</v>
          </cell>
          <cell r="AD356" t="str">
            <v/>
          </cell>
          <cell r="AE356">
            <v>43008</v>
          </cell>
          <cell r="AF356" t="str">
            <v>希望しない</v>
          </cell>
          <cell r="AG356" t="str">
            <v>機械器具</v>
          </cell>
          <cell r="AH356" t="str">
            <v>特定</v>
          </cell>
          <cell r="AI356">
            <v>856</v>
          </cell>
          <cell r="AJ356">
            <v>439760</v>
          </cell>
          <cell r="AK356" t="str">
            <v>0(0)/0/10</v>
          </cell>
          <cell r="AL356" t="str">
            <v>鋼構造物</v>
          </cell>
          <cell r="AM356" t="str">
            <v>一般</v>
          </cell>
          <cell r="AN356">
            <v>812</v>
          </cell>
          <cell r="AO356">
            <v>86063</v>
          </cell>
          <cell r="AP356" t="str">
            <v>2(0)/0/6</v>
          </cell>
          <cell r="AQ356" t="str">
            <v>水道施設</v>
          </cell>
          <cell r="AR356" t="str">
            <v>一般</v>
          </cell>
          <cell r="AS356">
            <v>665</v>
          </cell>
          <cell r="AT356" t="str">
            <v/>
          </cell>
          <cell r="AU356" t="str">
            <v>0(0)/0/0</v>
          </cell>
          <cell r="AV356" t="str">
            <v/>
          </cell>
          <cell r="AW356" t="str">
            <v/>
          </cell>
          <cell r="AX356" t="str">
            <v/>
          </cell>
          <cell r="AY356" t="str">
            <v/>
          </cell>
          <cell r="AZ356" t="str">
            <v/>
          </cell>
          <cell r="BA356" t="str">
            <v>大阪府</v>
          </cell>
          <cell r="BB356">
            <v>0</v>
          </cell>
          <cell r="CR356">
            <v>4765</v>
          </cell>
          <cell r="CS356" t="str">
            <v>ｲｹﾀﾞ ｶｽﾞﾖｼ</v>
          </cell>
          <cell r="CT356" t="str">
            <v>池田  和義</v>
          </cell>
          <cell r="CU356" t="str">
            <v>営業課</v>
          </cell>
          <cell r="CW356" t="str">
            <v xml:space="preserve"> </v>
          </cell>
          <cell r="CX356" t="str">
            <v>副主幹</v>
          </cell>
          <cell r="CY356" t="str">
            <v>営業課長</v>
          </cell>
        </row>
        <row r="357">
          <cell r="B357">
            <v>2428</v>
          </cell>
          <cell r="C357" t="str">
            <v>関西建設工業(株)</v>
          </cell>
          <cell r="D357" t="str">
            <v>078-974-1441</v>
          </cell>
          <cell r="E357" t="str">
            <v>651-0083</v>
          </cell>
          <cell r="F357" t="str">
            <v>兵庫県神戸市西区大津和1-6-2</v>
          </cell>
          <cell r="G357" t="str">
            <v>神戸市</v>
          </cell>
          <cell r="H357" t="str">
            <v/>
          </cell>
          <cell r="I357" t="str">
            <v>代表取締役　 平岡　勝功</v>
          </cell>
          <cell r="J357" t="str">
            <v>本店</v>
          </cell>
          <cell r="K357" t="str">
            <v>078-974-1440</v>
          </cell>
          <cell r="L357" t="str">
            <v>kanken@estate.ocn.ne.jp</v>
          </cell>
          <cell r="M357" t="str">
            <v>ｶﾝｻｲｹﾝｾﾂｺｳｷﾞﾖｳ</v>
          </cell>
          <cell r="N357" t="str">
            <v>無</v>
          </cell>
          <cell r="O357">
            <v>67</v>
          </cell>
          <cell r="P357">
            <v>73</v>
          </cell>
          <cell r="Q357">
            <v>3140000000000</v>
          </cell>
          <cell r="R357">
            <v>80000</v>
          </cell>
          <cell r="S357">
            <v>4724050</v>
          </cell>
          <cell r="T357">
            <v>4946759</v>
          </cell>
          <cell r="V357" t="str">
            <v>he600675</v>
          </cell>
          <cell r="W357" t="str">
            <v>jt878320</v>
          </cell>
          <cell r="X357" t="str">
            <v>鋼水機</v>
          </cell>
          <cell r="Y357" t="str">
            <v>鋼水</v>
          </cell>
          <cell r="Z357" t="str">
            <v>機</v>
          </cell>
          <cell r="AA357" t="str">
            <v>建築一式</v>
          </cell>
          <cell r="AB357" t="str">
            <v>土木一式</v>
          </cell>
          <cell r="AC357" t="str">
            <v>舗装</v>
          </cell>
          <cell r="AD357" t="str">
            <v>解体</v>
          </cell>
          <cell r="AE357">
            <v>43008</v>
          </cell>
          <cell r="AF357" t="str">
            <v>光硬化工法（シー</v>
          </cell>
          <cell r="AG357" t="str">
            <v>建築一式</v>
          </cell>
          <cell r="AH357" t="str">
            <v>特定</v>
          </cell>
          <cell r="AI357">
            <v>1174</v>
          </cell>
          <cell r="AJ357">
            <v>2976175</v>
          </cell>
          <cell r="AK357" t="str">
            <v>27(27)/1/13</v>
          </cell>
          <cell r="AL357" t="str">
            <v>土木一式</v>
          </cell>
          <cell r="AM357" t="str">
            <v>特定</v>
          </cell>
          <cell r="AN357">
            <v>1110</v>
          </cell>
          <cell r="AO357">
            <v>1826656</v>
          </cell>
          <cell r="AP357" t="str">
            <v>16(15)/2/12</v>
          </cell>
          <cell r="AQ357" t="str">
            <v>舗装</v>
          </cell>
          <cell r="AR357" t="str">
            <v>特定</v>
          </cell>
          <cell r="AS357">
            <v>840</v>
          </cell>
          <cell r="AT357">
            <v>21523</v>
          </cell>
          <cell r="AU357" t="str">
            <v>1(1)/0/0</v>
          </cell>
          <cell r="AV357" t="str">
            <v>解体</v>
          </cell>
          <cell r="AW357" t="str">
            <v>特定</v>
          </cell>
          <cell r="AX357">
            <v>804</v>
          </cell>
          <cell r="AY357" t="str">
            <v/>
          </cell>
          <cell r="AZ357" t="str">
            <v>3(3)/0/0</v>
          </cell>
          <cell r="BA357" t="str">
            <v>兵庫県</v>
          </cell>
          <cell r="BB357">
            <v>0</v>
          </cell>
          <cell r="CR357">
            <v>4766</v>
          </cell>
          <cell r="CS357" t="str">
            <v>ｵｵﾉ ﾋﾛｼ</v>
          </cell>
          <cell r="CT357" t="str">
            <v>大野  浩史</v>
          </cell>
          <cell r="CU357" t="str">
            <v xml:space="preserve"> </v>
          </cell>
          <cell r="CW357">
            <v>2164</v>
          </cell>
          <cell r="CX357" t="str">
            <v>室長</v>
          </cell>
        </row>
        <row r="358">
          <cell r="B358">
            <v>2429</v>
          </cell>
          <cell r="C358" t="str">
            <v>(株)関西工業所</v>
          </cell>
          <cell r="D358" t="str">
            <v>06-6727-0494</v>
          </cell>
          <cell r="E358" t="str">
            <v>577-0831</v>
          </cell>
          <cell r="F358" t="str">
            <v>大阪府東大阪市俊徳町3-7-19</v>
          </cell>
          <cell r="G358" t="str">
            <v>東大阪市</v>
          </cell>
          <cell r="H358" t="str">
            <v/>
          </cell>
          <cell r="I358" t="str">
            <v>代表取締役　 浅野　昌行</v>
          </cell>
          <cell r="J358" t="str">
            <v>本店</v>
          </cell>
          <cell r="K358" t="str">
            <v>06-6727-6733</v>
          </cell>
          <cell r="L358" t="str">
            <v>kansaikg@hyper.ocn.ne.jp</v>
          </cell>
          <cell r="M358" t="str">
            <v>ｶﾝｻｲｺｳｷﾞｮｳｼｮ</v>
          </cell>
          <cell r="N358" t="str">
            <v>無</v>
          </cell>
          <cell r="O358">
            <v>47</v>
          </cell>
          <cell r="P358">
            <v>21</v>
          </cell>
          <cell r="Q358">
            <v>2122001008685</v>
          </cell>
          <cell r="R358">
            <v>25000</v>
          </cell>
          <cell r="S358">
            <v>293071</v>
          </cell>
          <cell r="T358">
            <v>372995</v>
          </cell>
          <cell r="V358" t="str">
            <v>ce172737</v>
          </cell>
          <cell r="W358" t="str">
            <v>ty823881</v>
          </cell>
          <cell r="X358" t="str">
            <v>管土と浚</v>
          </cell>
          <cell r="Y358" t="str">
            <v>管</v>
          </cell>
          <cell r="Z358" t="str">
            <v>土と浚</v>
          </cell>
          <cell r="AA358" t="str">
            <v>土木一式</v>
          </cell>
          <cell r="AB358" t="str">
            <v>管</v>
          </cell>
          <cell r="AC358" t="str">
            <v>浚渫</v>
          </cell>
          <cell r="AD358" t="str">
            <v/>
          </cell>
          <cell r="AE358">
            <v>43343</v>
          </cell>
          <cell r="AF358" t="str">
            <v>希望する</v>
          </cell>
          <cell r="AG358" t="str">
            <v>土木一式</v>
          </cell>
          <cell r="AH358" t="str">
            <v>特定</v>
          </cell>
          <cell r="AI358">
            <v>809</v>
          </cell>
          <cell r="AJ358">
            <v>258584</v>
          </cell>
          <cell r="AK358" t="str">
            <v>2(2)/5/6</v>
          </cell>
          <cell r="AL358" t="str">
            <v>管</v>
          </cell>
          <cell r="AM358" t="str">
            <v>一般</v>
          </cell>
          <cell r="AN358">
            <v>700</v>
          </cell>
          <cell r="AO358">
            <v>24710</v>
          </cell>
          <cell r="AP358" t="str">
            <v>0(0)/2/1</v>
          </cell>
          <cell r="AQ358" t="str">
            <v>浚渫</v>
          </cell>
          <cell r="AR358" t="str">
            <v>特定</v>
          </cell>
          <cell r="AS358">
            <v>811</v>
          </cell>
          <cell r="AT358">
            <v>179107</v>
          </cell>
          <cell r="AU358" t="str">
            <v>2(2)/4/2</v>
          </cell>
          <cell r="AV358" t="str">
            <v/>
          </cell>
          <cell r="AW358" t="str">
            <v/>
          </cell>
          <cell r="AX358" t="str">
            <v/>
          </cell>
          <cell r="AY358" t="str">
            <v/>
          </cell>
          <cell r="AZ358" t="str">
            <v/>
          </cell>
          <cell r="BA358" t="str">
            <v>大阪府</v>
          </cell>
          <cell r="BB358">
            <v>0</v>
          </cell>
          <cell r="CR358">
            <v>4766</v>
          </cell>
          <cell r="CS358" t="str">
            <v>ｵｵﾉ ﾋﾛｼ</v>
          </cell>
          <cell r="CT358" t="str">
            <v>大野  浩史</v>
          </cell>
          <cell r="CU358" t="str">
            <v>国際・平和課</v>
          </cell>
          <cell r="CW358">
            <v>2164</v>
          </cell>
          <cell r="CX358" t="str">
            <v>（兼）課長</v>
          </cell>
          <cell r="CY358" t="str">
            <v>国際・平和課長</v>
          </cell>
        </row>
        <row r="359">
          <cell r="B359">
            <v>2431</v>
          </cell>
          <cell r="C359" t="str">
            <v>関西造園土木(株)</v>
          </cell>
          <cell r="D359" t="str">
            <v>078-575-0451</v>
          </cell>
          <cell r="E359" t="str">
            <v>652-0047</v>
          </cell>
          <cell r="F359" t="str">
            <v>兵庫県神戸市兵庫区下沢通2-2-21</v>
          </cell>
          <cell r="G359" t="str">
            <v>神戸市</v>
          </cell>
          <cell r="H359" t="str">
            <v/>
          </cell>
          <cell r="I359" t="str">
            <v>代表取締役 東　真</v>
          </cell>
          <cell r="J359" t="str">
            <v>本店</v>
          </cell>
          <cell r="K359" t="str">
            <v>078-575-0455</v>
          </cell>
          <cell r="L359" t="str">
            <v/>
          </cell>
          <cell r="M359" t="str">
            <v/>
          </cell>
          <cell r="N359" t="str">
            <v>無</v>
          </cell>
          <cell r="O359">
            <v>69</v>
          </cell>
          <cell r="P359">
            <v>29</v>
          </cell>
          <cell r="Q359">
            <v>5140001012744</v>
          </cell>
          <cell r="R359">
            <v>36000</v>
          </cell>
          <cell r="S359">
            <v>503826</v>
          </cell>
          <cell r="T359">
            <v>726388</v>
          </cell>
          <cell r="V359" t="str">
            <v>sp103680</v>
          </cell>
          <cell r="W359" t="str">
            <v>es909596</v>
          </cell>
          <cell r="X359" t="str">
            <v>管土と浚</v>
          </cell>
          <cell r="Y359" t="str">
            <v>管</v>
          </cell>
          <cell r="Z359" t="str">
            <v>土と浚</v>
          </cell>
          <cell r="AA359" t="str">
            <v>造園</v>
          </cell>
          <cell r="AB359" t="str">
            <v>土木一式</v>
          </cell>
          <cell r="AC359" t="str">
            <v>とび土工</v>
          </cell>
          <cell r="AD359" t="str">
            <v/>
          </cell>
          <cell r="AE359">
            <v>43220</v>
          </cell>
          <cell r="AF359" t="str">
            <v>希望しない</v>
          </cell>
          <cell r="AG359" t="str">
            <v>造園</v>
          </cell>
          <cell r="AH359" t="str">
            <v>特定</v>
          </cell>
          <cell r="AI359">
            <v>966</v>
          </cell>
          <cell r="AJ359">
            <v>709611</v>
          </cell>
          <cell r="AK359" t="str">
            <v>11(5)/2/0</v>
          </cell>
          <cell r="AL359" t="str">
            <v>土木一式</v>
          </cell>
          <cell r="AM359" t="str">
            <v>特定</v>
          </cell>
          <cell r="AN359">
            <v>789</v>
          </cell>
          <cell r="AO359">
            <v>9101</v>
          </cell>
          <cell r="AP359" t="str">
            <v>4(3)/3/0</v>
          </cell>
          <cell r="AQ359" t="str">
            <v>とび土工</v>
          </cell>
          <cell r="AR359" t="str">
            <v>特定</v>
          </cell>
          <cell r="AS359">
            <v>711</v>
          </cell>
          <cell r="AT359">
            <v>4992</v>
          </cell>
          <cell r="AU359" t="str">
            <v>0(0)/0/0</v>
          </cell>
          <cell r="AV359" t="str">
            <v/>
          </cell>
          <cell r="AW359" t="str">
            <v/>
          </cell>
          <cell r="AX359" t="str">
            <v/>
          </cell>
          <cell r="AY359" t="str">
            <v/>
          </cell>
          <cell r="AZ359" t="str">
            <v/>
          </cell>
          <cell r="BA359" t="str">
            <v>兵庫県</v>
          </cell>
        </row>
        <row r="360">
          <cell r="B360">
            <v>2432</v>
          </cell>
          <cell r="C360" t="str">
            <v>関西道路安全(株)</v>
          </cell>
          <cell r="D360" t="str">
            <v>079-564-0169</v>
          </cell>
          <cell r="E360" t="str">
            <v>669-1544</v>
          </cell>
          <cell r="F360" t="str">
            <v>兵庫県三田市武庫が丘2-3-6</v>
          </cell>
          <cell r="G360" t="str">
            <v>姫路市</v>
          </cell>
          <cell r="H360" t="str">
            <v>阪神北営業所</v>
          </cell>
          <cell r="I360" t="str">
            <v>所長 井上　雅文</v>
          </cell>
          <cell r="J360" t="str">
            <v>兵庫県姫路市</v>
          </cell>
          <cell r="K360" t="str">
            <v>079-564-0196</v>
          </cell>
          <cell r="L360" t="str">
            <v>kda-1980@juno.ocn.ne.jp</v>
          </cell>
          <cell r="M360" t="str">
            <v>ｶﾝｻｲﾄﾞｳﾛｱﾝｾﾞﾝ</v>
          </cell>
          <cell r="N360" t="str">
            <v>有</v>
          </cell>
          <cell r="O360">
            <v>47</v>
          </cell>
          <cell r="P360">
            <v>13</v>
          </cell>
          <cell r="Q360">
            <v>9140001058263</v>
          </cell>
          <cell r="R360">
            <v>10000</v>
          </cell>
          <cell r="S360">
            <v>403249</v>
          </cell>
          <cell r="T360">
            <v>568842</v>
          </cell>
          <cell r="V360" t="str">
            <v>zt822261</v>
          </cell>
          <cell r="W360" t="str">
            <v>hg942547</v>
          </cell>
          <cell r="X360" t="str">
            <v>土と塗(清)(と)(塗)</v>
          </cell>
          <cell r="Y360" t="str">
            <v>土と塗(清)(と)(塗)</v>
          </cell>
          <cell r="Z360" t="str">
            <v/>
          </cell>
          <cell r="AA360" t="str">
            <v>塗装</v>
          </cell>
          <cell r="AB360" t="str">
            <v>とび土工</v>
          </cell>
          <cell r="AC360" t="str">
            <v>土木一式</v>
          </cell>
          <cell r="AD360" t="str">
            <v/>
          </cell>
          <cell r="AE360">
            <v>43220</v>
          </cell>
          <cell r="AF360" t="str">
            <v/>
          </cell>
          <cell r="AG360" t="str">
            <v>塗装</v>
          </cell>
          <cell r="AH360" t="str">
            <v>一般</v>
          </cell>
          <cell r="AI360">
            <v>837</v>
          </cell>
          <cell r="AJ360">
            <v>153904</v>
          </cell>
          <cell r="AK360" t="str">
            <v>0(0)/6/3</v>
          </cell>
          <cell r="AL360" t="str">
            <v>とび土工</v>
          </cell>
          <cell r="AM360" t="str">
            <v>一般</v>
          </cell>
          <cell r="AN360">
            <v>887</v>
          </cell>
          <cell r="AO360">
            <v>328871</v>
          </cell>
          <cell r="AP360" t="str">
            <v>3(3)/5/2</v>
          </cell>
          <cell r="AQ360" t="str">
            <v>土木一式</v>
          </cell>
          <cell r="AR360" t="str">
            <v>一般</v>
          </cell>
          <cell r="AS360">
            <v>834</v>
          </cell>
          <cell r="AT360">
            <v>86068</v>
          </cell>
          <cell r="AU360" t="str">
            <v>3(3)/2/0</v>
          </cell>
          <cell r="AV360" t="str">
            <v/>
          </cell>
          <cell r="AW360" t="str">
            <v/>
          </cell>
          <cell r="AX360" t="str">
            <v/>
          </cell>
          <cell r="AY360" t="str">
            <v/>
          </cell>
          <cell r="AZ360" t="str">
            <v/>
          </cell>
          <cell r="BA360" t="str">
            <v>兵庫県</v>
          </cell>
          <cell r="BB360">
            <v>0</v>
          </cell>
          <cell r="CR360">
            <v>4766</v>
          </cell>
          <cell r="CS360" t="str">
            <v>ｵｵﾉ ﾋﾛｼ</v>
          </cell>
          <cell r="CT360" t="str">
            <v>大野  浩史</v>
          </cell>
          <cell r="CU360" t="str">
            <v xml:space="preserve"> </v>
          </cell>
          <cell r="CW360">
            <v>2164</v>
          </cell>
          <cell r="CX360" t="str">
            <v>（併）室長</v>
          </cell>
        </row>
        <row r="361">
          <cell r="B361">
            <v>2433</v>
          </cell>
          <cell r="C361" t="str">
            <v>関西トースイ(株)</v>
          </cell>
          <cell r="D361" t="str">
            <v>06-6304-2451</v>
          </cell>
          <cell r="E361" t="str">
            <v>534-0015</v>
          </cell>
          <cell r="F361" t="str">
            <v>大阪府大阪市淀川区西中島5-9-2</v>
          </cell>
          <cell r="G361" t="str">
            <v>大阪市</v>
          </cell>
          <cell r="H361" t="str">
            <v/>
          </cell>
          <cell r="I361" t="str">
            <v>代表取締役 真弓　登美雄</v>
          </cell>
          <cell r="J361" t="str">
            <v>本店</v>
          </cell>
          <cell r="K361" t="str">
            <v>06-6304</v>
          </cell>
          <cell r="L361" t="str">
            <v>tosui@tosui.net</v>
          </cell>
          <cell r="M361" t="str">
            <v>ｶﾝｻｲﾄｰｽｲ</v>
          </cell>
          <cell r="N361" t="str">
            <v>無</v>
          </cell>
          <cell r="O361">
            <v>41</v>
          </cell>
          <cell r="P361">
            <v>3</v>
          </cell>
          <cell r="Q361">
            <v>5120001054656</v>
          </cell>
          <cell r="R361">
            <v>10000</v>
          </cell>
          <cell r="S361">
            <v>42016</v>
          </cell>
          <cell r="T361">
            <v>115645</v>
          </cell>
          <cell r="V361" t="str">
            <v>yb531457</v>
          </cell>
          <cell r="W361" t="str">
            <v>yd961132</v>
          </cell>
          <cell r="X361" t="str">
            <v>土管機</v>
          </cell>
          <cell r="Y361" t="str">
            <v>土管機</v>
          </cell>
          <cell r="Z361" t="str">
            <v/>
          </cell>
          <cell r="AA361" t="str">
            <v>機械器具</v>
          </cell>
          <cell r="AB361" t="str">
            <v>管</v>
          </cell>
          <cell r="AC361" t="str">
            <v/>
          </cell>
          <cell r="AD361" t="str">
            <v/>
          </cell>
          <cell r="AE361">
            <v>43008</v>
          </cell>
          <cell r="AF361" t="str">
            <v>希望しない</v>
          </cell>
          <cell r="AG361" t="str">
            <v>機械器具</v>
          </cell>
          <cell r="AH361" t="str">
            <v>一般</v>
          </cell>
          <cell r="AI361">
            <v>711</v>
          </cell>
          <cell r="AJ361">
            <v>100843</v>
          </cell>
          <cell r="AK361" t="str">
            <v>()//2</v>
          </cell>
          <cell r="AL361" t="str">
            <v>管</v>
          </cell>
          <cell r="AM361" t="str">
            <v>一般</v>
          </cell>
          <cell r="AN361">
            <v>541</v>
          </cell>
          <cell r="AO361">
            <v>12565</v>
          </cell>
          <cell r="AP361" t="str">
            <v>()/1/1</v>
          </cell>
          <cell r="AQ361" t="str">
            <v/>
          </cell>
          <cell r="AR361" t="str">
            <v/>
          </cell>
          <cell r="AS361" t="str">
            <v/>
          </cell>
          <cell r="AT361" t="str">
            <v/>
          </cell>
          <cell r="AU361" t="str">
            <v/>
          </cell>
          <cell r="AV361" t="str">
            <v/>
          </cell>
          <cell r="AW361" t="str">
            <v/>
          </cell>
          <cell r="AX361" t="str">
            <v/>
          </cell>
          <cell r="AY361" t="str">
            <v/>
          </cell>
          <cell r="AZ361" t="str">
            <v/>
          </cell>
          <cell r="BA361" t="str">
            <v>大阪府</v>
          </cell>
          <cell r="BB361" t="str">
            <v>サンアールビル東館</v>
          </cell>
          <cell r="CR361">
            <v>4768</v>
          </cell>
          <cell r="CS361" t="str">
            <v>ｶﾄｳ ﾖｼﾄ</v>
          </cell>
          <cell r="CT361" t="str">
            <v>加藤  好人</v>
          </cell>
          <cell r="CU361" t="str">
            <v>国保年金課</v>
          </cell>
          <cell r="CW361">
            <v>2634</v>
          </cell>
          <cell r="CX361" t="str">
            <v>主査</v>
          </cell>
          <cell r="CY361" t="str">
            <v>国保年金課長</v>
          </cell>
        </row>
        <row r="362">
          <cell r="B362">
            <v>2435</v>
          </cell>
          <cell r="C362" t="str">
            <v>関西ハウス工業(株)</v>
          </cell>
          <cell r="D362" t="str">
            <v>06-6568-4341</v>
          </cell>
          <cell r="E362" t="str">
            <v>556-0022</v>
          </cell>
          <cell r="F362" t="str">
            <v>大阪府大阪市浪速区桜川2-11-20</v>
          </cell>
          <cell r="G362" t="str">
            <v>大阪市</v>
          </cell>
          <cell r="H362" t="str">
            <v/>
          </cell>
          <cell r="I362" t="str">
            <v>代表取締役　 前田　秀二</v>
          </cell>
          <cell r="J362" t="str">
            <v>本店</v>
          </cell>
          <cell r="K362" t="str">
            <v>06-6568-1732</v>
          </cell>
          <cell r="L362" t="str">
            <v>eigyou@kansai-house.co.jp</v>
          </cell>
          <cell r="M362" t="str">
            <v>ｶﾝｻｲﾊｳｽｺｳｷﾞｮｳ</v>
          </cell>
          <cell r="N362" t="str">
            <v>無</v>
          </cell>
          <cell r="O362">
            <v>49</v>
          </cell>
          <cell r="P362">
            <v>10</v>
          </cell>
          <cell r="Q362">
            <v>3120001037794</v>
          </cell>
          <cell r="R362">
            <v>20300</v>
          </cell>
          <cell r="S362">
            <v>300315</v>
          </cell>
          <cell r="T362">
            <v>551167</v>
          </cell>
          <cell r="V362" t="str">
            <v>tu106174</v>
          </cell>
          <cell r="W362" t="str">
            <v>zy567975</v>
          </cell>
          <cell r="X362" t="str">
            <v>土建屋電鋼</v>
          </cell>
          <cell r="Y362" t="str">
            <v/>
          </cell>
          <cell r="Z362" t="str">
            <v>土建屋電鋼</v>
          </cell>
          <cell r="AA362" t="str">
            <v>建築一式</v>
          </cell>
          <cell r="AB362" t="str">
            <v/>
          </cell>
          <cell r="AC362" t="str">
            <v/>
          </cell>
          <cell r="AD362" t="str">
            <v/>
          </cell>
          <cell r="AE362">
            <v>43343</v>
          </cell>
          <cell r="AF362" t="str">
            <v>希望しない</v>
          </cell>
          <cell r="AG362" t="str">
            <v>建築一式</v>
          </cell>
          <cell r="AH362" t="str">
            <v>特定</v>
          </cell>
          <cell r="AI362">
            <v>876</v>
          </cell>
          <cell r="AJ362">
            <v>404592</v>
          </cell>
          <cell r="AK362" t="str">
            <v>5(5)/0/2</v>
          </cell>
          <cell r="AL362" t="str">
            <v/>
          </cell>
          <cell r="AM362" t="str">
            <v/>
          </cell>
          <cell r="AN362" t="str">
            <v/>
          </cell>
          <cell r="AO362" t="str">
            <v/>
          </cell>
          <cell r="AP362" t="str">
            <v/>
          </cell>
          <cell r="AQ362" t="str">
            <v/>
          </cell>
          <cell r="AR362" t="str">
            <v/>
          </cell>
          <cell r="AS362" t="str">
            <v/>
          </cell>
          <cell r="AT362" t="str">
            <v/>
          </cell>
          <cell r="AU362" t="str">
            <v/>
          </cell>
          <cell r="AV362" t="str">
            <v/>
          </cell>
          <cell r="AW362" t="str">
            <v/>
          </cell>
          <cell r="AX362" t="str">
            <v/>
          </cell>
          <cell r="AY362" t="str">
            <v/>
          </cell>
          <cell r="AZ362" t="str">
            <v/>
          </cell>
          <cell r="BA362" t="str">
            <v>大阪府</v>
          </cell>
          <cell r="BB362" t="str">
            <v>根来ビル４階</v>
          </cell>
          <cell r="CR362">
            <v>4769</v>
          </cell>
          <cell r="CS362" t="str">
            <v>ｶﾒﾀﾞ ﾋﾛｼ</v>
          </cell>
          <cell r="CT362" t="str">
            <v>亀田  浩</v>
          </cell>
          <cell r="CU362" t="str">
            <v>博物館</v>
          </cell>
          <cell r="CW362">
            <v>3922</v>
          </cell>
          <cell r="CX362" t="str">
            <v>館長</v>
          </cell>
          <cell r="CY362" t="str">
            <v>博物館長</v>
          </cell>
        </row>
        <row r="363">
          <cell r="B363">
            <v>2436</v>
          </cell>
          <cell r="C363" t="str">
            <v>関西日立(株)</v>
          </cell>
          <cell r="D363" t="str">
            <v>06-4256-7414</v>
          </cell>
          <cell r="E363" t="str">
            <v>550-0001</v>
          </cell>
          <cell r="F363" t="str">
            <v>大阪府大阪市西区土佐堀1-3-7</v>
          </cell>
          <cell r="G363" t="str">
            <v>大阪市</v>
          </cell>
          <cell r="H363" t="str">
            <v/>
          </cell>
          <cell r="I363" t="str">
            <v>代表取締役 橋詰　秀彦</v>
          </cell>
          <cell r="J363" t="str">
            <v>本店</v>
          </cell>
          <cell r="K363" t="str">
            <v>06-4256-7415</v>
          </cell>
          <cell r="L363" t="str">
            <v>bidding@ml.kansaihitachi.co.jp</v>
          </cell>
          <cell r="M363" t="str">
            <v>ｶﾝｻｲﾋﾀﾁ</v>
          </cell>
          <cell r="N363" t="str">
            <v>無</v>
          </cell>
          <cell r="O363">
            <v>44</v>
          </cell>
          <cell r="P363">
            <v>203</v>
          </cell>
          <cell r="Q363">
            <v>4120001027010</v>
          </cell>
          <cell r="R363">
            <v>389000</v>
          </cell>
          <cell r="S363">
            <v>2986690</v>
          </cell>
          <cell r="T363">
            <v>20232840</v>
          </cell>
          <cell r="V363" t="str">
            <v>dh271087</v>
          </cell>
          <cell r="W363" t="str">
            <v>gt322275</v>
          </cell>
          <cell r="X363" t="str">
            <v>電管機通</v>
          </cell>
          <cell r="Y363" t="str">
            <v/>
          </cell>
          <cell r="Z363" t="str">
            <v>電管機通</v>
          </cell>
          <cell r="AA363" t="str">
            <v>電気</v>
          </cell>
          <cell r="AB363" t="str">
            <v>機械器具</v>
          </cell>
          <cell r="AC363" t="str">
            <v>電気通信</v>
          </cell>
          <cell r="AD363" t="str">
            <v>管</v>
          </cell>
          <cell r="AE363">
            <v>43190</v>
          </cell>
          <cell r="AF363" t="str">
            <v>希望しない</v>
          </cell>
          <cell r="AG363" t="str">
            <v>電気</v>
          </cell>
          <cell r="AH363" t="str">
            <v>特定</v>
          </cell>
          <cell r="AI363">
            <v>1119</v>
          </cell>
          <cell r="AJ363">
            <v>1687150</v>
          </cell>
          <cell r="AK363" t="str">
            <v>29(27)/7/16</v>
          </cell>
          <cell r="AL363" t="str">
            <v>機械器具</v>
          </cell>
          <cell r="AM363" t="str">
            <v>特定</v>
          </cell>
          <cell r="AN363">
            <v>987</v>
          </cell>
          <cell r="AO363">
            <v>580640</v>
          </cell>
          <cell r="AP363" t="str">
            <v>0(0)/0/40</v>
          </cell>
          <cell r="AQ363" t="str">
            <v>電気通信</v>
          </cell>
          <cell r="AR363" t="str">
            <v>特定</v>
          </cell>
          <cell r="AS363">
            <v>820</v>
          </cell>
          <cell r="AT363">
            <v>38868</v>
          </cell>
          <cell r="AU363" t="str">
            <v>0(0)/0/2</v>
          </cell>
          <cell r="AV363" t="str">
            <v>管</v>
          </cell>
          <cell r="AW363" t="str">
            <v>特定</v>
          </cell>
          <cell r="AX363">
            <v>1150</v>
          </cell>
          <cell r="AY363">
            <v>2667296</v>
          </cell>
          <cell r="AZ363" t="str">
            <v>35(35)/4/8</v>
          </cell>
          <cell r="BA363" t="str">
            <v>大阪府</v>
          </cell>
          <cell r="BB363" t="str">
            <v>肥後橋シミズビル４階</v>
          </cell>
          <cell r="CR363">
            <v>4770</v>
          </cell>
          <cell r="CS363" t="str">
            <v>ｶﾜﾅﾐ ﾖｼﾀｶ</v>
          </cell>
          <cell r="CT363" t="str">
            <v>河南  佳孝</v>
          </cell>
          <cell r="CU363" t="str">
            <v>総務課</v>
          </cell>
          <cell r="CW363">
            <v>6728</v>
          </cell>
          <cell r="CX363" t="str">
            <v>課長</v>
          </cell>
          <cell r="CY363" t="str">
            <v>総務課長</v>
          </cell>
        </row>
        <row r="364">
          <cell r="B364">
            <v>2437</v>
          </cell>
          <cell r="C364" t="str">
            <v>(株)神崎組</v>
          </cell>
          <cell r="D364" t="str">
            <v>079-223-2077</v>
          </cell>
          <cell r="E364" t="str">
            <v>670-0935</v>
          </cell>
          <cell r="F364" t="str">
            <v>兵庫県姫路市北条口3-22</v>
          </cell>
          <cell r="G364" t="str">
            <v>姫路市</v>
          </cell>
          <cell r="H364" t="str">
            <v/>
          </cell>
          <cell r="I364" t="str">
            <v>取締役社長 神崎　文吾</v>
          </cell>
          <cell r="J364" t="str">
            <v>本店</v>
          </cell>
          <cell r="K364" t="str">
            <v>079-223-2143</v>
          </cell>
          <cell r="L364" t="str">
            <v>sales2@kk-kanzaki.jp</v>
          </cell>
          <cell r="M364" t="str">
            <v>ｶﾝｻﾞｷｸﾞﾐ</v>
          </cell>
          <cell r="N364" t="str">
            <v>無</v>
          </cell>
          <cell r="O364">
            <v>68</v>
          </cell>
          <cell r="P364">
            <v>123</v>
          </cell>
          <cell r="Q364">
            <v>4140001058284</v>
          </cell>
          <cell r="R364">
            <v>500000</v>
          </cell>
          <cell r="S364">
            <v>7266463</v>
          </cell>
          <cell r="T364">
            <v>8221482</v>
          </cell>
          <cell r="V364" t="str">
            <v>sw518403</v>
          </cell>
          <cell r="W364" t="str">
            <v>fp635685</v>
          </cell>
          <cell r="X364" t="str">
            <v>土建大と屋鋼舗板ガ塗防内園水</v>
          </cell>
          <cell r="Y364" t="str">
            <v/>
          </cell>
          <cell r="Z364" t="str">
            <v>土建大と屋鋼舗板ガ塗防内園水</v>
          </cell>
          <cell r="AA364" t="str">
            <v>建築一式</v>
          </cell>
          <cell r="AB364" t="str">
            <v>土木一式</v>
          </cell>
          <cell r="AC364" t="str">
            <v>水道施設</v>
          </cell>
          <cell r="AD364" t="str">
            <v>鋼構造物</v>
          </cell>
          <cell r="AE364">
            <v>43251</v>
          </cell>
          <cell r="AF364" t="str">
            <v>希望しない</v>
          </cell>
          <cell r="AG364" t="str">
            <v>建築一式</v>
          </cell>
          <cell r="AH364" t="str">
            <v>特定</v>
          </cell>
          <cell r="AI364">
            <v>1327</v>
          </cell>
          <cell r="AJ364">
            <v>6396085</v>
          </cell>
          <cell r="AK364" t="str">
            <v>64(64)/2/0</v>
          </cell>
          <cell r="AL364" t="str">
            <v>土木一式</v>
          </cell>
          <cell r="AM364" t="str">
            <v>特定</v>
          </cell>
          <cell r="AN364">
            <v>1201</v>
          </cell>
          <cell r="AO364">
            <v>1092097</v>
          </cell>
          <cell r="AP364" t="str">
            <v>46(44)/0/0</v>
          </cell>
          <cell r="AQ364" t="str">
            <v>水道施設</v>
          </cell>
          <cell r="AR364" t="str">
            <v>特定</v>
          </cell>
          <cell r="AS364">
            <v>920</v>
          </cell>
          <cell r="AT364" t="str">
            <v/>
          </cell>
          <cell r="AU364" t="str">
            <v>10(10)/0/0</v>
          </cell>
          <cell r="AV364" t="str">
            <v>鋼構造物</v>
          </cell>
          <cell r="AW364" t="str">
            <v>特定</v>
          </cell>
          <cell r="AX364">
            <v>1029</v>
          </cell>
          <cell r="AY364">
            <v>15745</v>
          </cell>
          <cell r="AZ364" t="str">
            <v>28(28)/0/0</v>
          </cell>
          <cell r="BA364" t="str">
            <v>兵庫県</v>
          </cell>
          <cell r="BB364">
            <v>0</v>
          </cell>
          <cell r="CR364">
            <v>4771</v>
          </cell>
          <cell r="CS364" t="str">
            <v>ｽﾏ ｱｷﾌﾐ</v>
          </cell>
          <cell r="CT364" t="str">
            <v>須磨  昭文</v>
          </cell>
          <cell r="CU364" t="str">
            <v>財政企画課</v>
          </cell>
          <cell r="CW364">
            <v>2221</v>
          </cell>
          <cell r="CX364" t="str">
            <v>課長</v>
          </cell>
          <cell r="CY364" t="str">
            <v>財政企画課長</v>
          </cell>
        </row>
        <row r="365">
          <cell r="B365">
            <v>2439</v>
          </cell>
          <cell r="C365" t="str">
            <v>管清工業(株)</v>
          </cell>
          <cell r="D365" t="str">
            <v>078-802-8630</v>
          </cell>
          <cell r="E365" t="str">
            <v>657-0816</v>
          </cell>
          <cell r="F365" t="str">
            <v>兵庫県神戸市灘区国玉通2-8-5</v>
          </cell>
          <cell r="G365" t="str">
            <v/>
          </cell>
          <cell r="H365" t="str">
            <v>神戸営業所</v>
          </cell>
          <cell r="I365" t="str">
            <v>所長 植木　孝司</v>
          </cell>
          <cell r="J365" t="str">
            <v>東京都</v>
          </cell>
          <cell r="K365" t="str">
            <v>078-802-8631</v>
          </cell>
          <cell r="L365" t="str">
            <v>kobe@kansei-pipe.co.jp</v>
          </cell>
          <cell r="M365" t="str">
            <v>ｶﾝｾｲｺｳｷﾞｮｳ</v>
          </cell>
          <cell r="N365" t="str">
            <v>有</v>
          </cell>
          <cell r="O365">
            <v>55</v>
          </cell>
          <cell r="P365">
            <v>464</v>
          </cell>
          <cell r="Q365">
            <v>1010901002720</v>
          </cell>
          <cell r="R365">
            <v>250000</v>
          </cell>
          <cell r="S365">
            <v>2661174</v>
          </cell>
          <cell r="T365">
            <v>12130006</v>
          </cell>
          <cell r="V365" t="str">
            <v>cs638689</v>
          </cell>
          <cell r="W365" t="str">
            <v>af544729</v>
          </cell>
          <cell r="X365" t="str">
            <v>消(清)(と)(舗)(浚)(板)(塗)(水)土と管舗浚塗水</v>
          </cell>
          <cell r="Y365" t="str">
            <v>消(清)(と)(舗)(浚)(板)(塗)(水)</v>
          </cell>
          <cell r="Z365" t="str">
            <v>土と管舗浚塗水</v>
          </cell>
          <cell r="AA365" t="str">
            <v>土木一式</v>
          </cell>
          <cell r="AB365" t="str">
            <v>とび土工</v>
          </cell>
          <cell r="AC365" t="str">
            <v>浚渫</v>
          </cell>
          <cell r="AD365" t="str">
            <v>水道施設</v>
          </cell>
          <cell r="AE365">
            <v>43281</v>
          </cell>
          <cell r="AF365" t="str">
            <v>希望する</v>
          </cell>
          <cell r="AG365" t="str">
            <v>土木一式</v>
          </cell>
          <cell r="AH365" t="str">
            <v>特定</v>
          </cell>
          <cell r="AI365">
            <v>1188</v>
          </cell>
          <cell r="AJ365">
            <v>1432058</v>
          </cell>
          <cell r="AK365" t="str">
            <v>104(87)/65/0</v>
          </cell>
          <cell r="AL365" t="str">
            <v>とび土工</v>
          </cell>
          <cell r="AM365" t="str">
            <v>特定</v>
          </cell>
          <cell r="AN365">
            <v>1151</v>
          </cell>
          <cell r="AO365">
            <v>3041274</v>
          </cell>
          <cell r="AP365" t="str">
            <v>34(28)/29/0</v>
          </cell>
          <cell r="AQ365" t="str">
            <v>浚渫</v>
          </cell>
          <cell r="AR365" t="str">
            <v>特定</v>
          </cell>
          <cell r="AS365">
            <v>898</v>
          </cell>
          <cell r="AT365">
            <v>6527</v>
          </cell>
          <cell r="AU365" t="str">
            <v>13(12)/10/0</v>
          </cell>
          <cell r="AV365" t="str">
            <v>水道施設</v>
          </cell>
          <cell r="AW365" t="str">
            <v>特定</v>
          </cell>
          <cell r="AX365">
            <v>829</v>
          </cell>
          <cell r="AY365" t="str">
            <v/>
          </cell>
          <cell r="AZ365" t="str">
            <v>7(6)/2/0</v>
          </cell>
          <cell r="BA365" t="str">
            <v>東京都</v>
          </cell>
          <cell r="BB365">
            <v>0</v>
          </cell>
          <cell r="CR365">
            <v>4772</v>
          </cell>
          <cell r="CS365" t="str">
            <v>ﾃﾗﾀﾞ ﾀｲｲﾁ</v>
          </cell>
          <cell r="CT365" t="str">
            <v>寺田  太一</v>
          </cell>
          <cell r="CU365" t="str">
            <v>こども福祉課</v>
          </cell>
          <cell r="CW365" t="str">
            <v xml:space="preserve"> </v>
          </cell>
          <cell r="CX365" t="str">
            <v>主査</v>
          </cell>
          <cell r="CY365" t="str">
            <v>こども福祉課長</v>
          </cell>
        </row>
        <row r="366">
          <cell r="B366">
            <v>2440</v>
          </cell>
          <cell r="C366" t="str">
            <v>神田通信機(株)</v>
          </cell>
          <cell r="D366" t="str">
            <v>078-224-5051</v>
          </cell>
          <cell r="E366" t="str">
            <v>650-0047</v>
          </cell>
          <cell r="F366" t="str">
            <v>兵庫県神戸市中央区港島南町4-5-8</v>
          </cell>
          <cell r="G366" t="str">
            <v/>
          </cell>
          <cell r="H366" t="str">
            <v>神戸支店</v>
          </cell>
          <cell r="I366" t="str">
            <v>支店長 千田　眞稔</v>
          </cell>
          <cell r="J366" t="str">
            <v>東京都</v>
          </cell>
          <cell r="K366" t="str">
            <v>078-306-6155</v>
          </cell>
          <cell r="L366" t="str">
            <v/>
          </cell>
          <cell r="M366" t="str">
            <v/>
          </cell>
          <cell r="N366" t="str">
            <v>有</v>
          </cell>
          <cell r="O366">
            <v>67</v>
          </cell>
          <cell r="P366">
            <v>2161</v>
          </cell>
          <cell r="Q366">
            <v>6010001013597</v>
          </cell>
          <cell r="R366">
            <v>786000</v>
          </cell>
          <cell r="S366">
            <v>57734000</v>
          </cell>
          <cell r="T366">
            <v>99767000</v>
          </cell>
          <cell r="V366" t="str">
            <v>fo180546</v>
          </cell>
          <cell r="W366" t="str">
            <v>pk124959</v>
          </cell>
          <cell r="X366" t="str">
            <v>消(清)(と)(舗)(浚)(板)(塗)(水)土と管舗浚塗水</v>
          </cell>
          <cell r="Y366" t="str">
            <v>消(清)(と)(舗)(浚)(板)(塗)(水)</v>
          </cell>
          <cell r="Z366" t="str">
            <v>土と管舗浚塗水</v>
          </cell>
          <cell r="AA366" t="str">
            <v>電気</v>
          </cell>
          <cell r="AB366" t="str">
            <v>電気通信</v>
          </cell>
          <cell r="AC366" t="str">
            <v>消防施設</v>
          </cell>
          <cell r="AD366" t="str">
            <v>土木一式</v>
          </cell>
          <cell r="AE366">
            <v>43190</v>
          </cell>
          <cell r="AF366" t="str">
            <v>希望しない</v>
          </cell>
          <cell r="AG366" t="str">
            <v>電気</v>
          </cell>
          <cell r="AH366" t="str">
            <v>特定</v>
          </cell>
          <cell r="AI366">
            <v>1696</v>
          </cell>
          <cell r="AJ366">
            <v>41625298</v>
          </cell>
          <cell r="AK366" t="str">
            <v>508(365)/206/330</v>
          </cell>
          <cell r="AL366" t="str">
            <v>電気通信</v>
          </cell>
          <cell r="AM366" t="str">
            <v>特定</v>
          </cell>
          <cell r="AN366">
            <v>1435</v>
          </cell>
          <cell r="AO366">
            <v>13433104</v>
          </cell>
          <cell r="AP366" t="str">
            <v>4(0)/0/145</v>
          </cell>
          <cell r="AQ366" t="str">
            <v>消防施設</v>
          </cell>
          <cell r="AR366" t="str">
            <v>一般</v>
          </cell>
          <cell r="AS366">
            <v>1250</v>
          </cell>
          <cell r="AT366">
            <v>182990</v>
          </cell>
          <cell r="AU366" t="str">
            <v>0(0)/309/5</v>
          </cell>
          <cell r="AV366" t="str">
            <v>土木一式</v>
          </cell>
          <cell r="AW366" t="str">
            <v>特定</v>
          </cell>
          <cell r="AX366">
            <v>1351</v>
          </cell>
          <cell r="AY366">
            <v>2112377</v>
          </cell>
          <cell r="AZ366" t="str">
            <v>72(51)/37/14</v>
          </cell>
          <cell r="BA366" t="str">
            <v>東京都</v>
          </cell>
        </row>
        <row r="367">
          <cell r="B367">
            <v>2441</v>
          </cell>
          <cell r="C367" t="str">
            <v>(株)かんでんエンジニアリング</v>
          </cell>
          <cell r="D367" t="str">
            <v>078-224-5051</v>
          </cell>
          <cell r="E367" t="str">
            <v>650-0047</v>
          </cell>
          <cell r="F367" t="str">
            <v>兵庫県神戸市中央区港島南町4-5-8</v>
          </cell>
          <cell r="G367" t="str">
            <v>大阪市</v>
          </cell>
          <cell r="H367" t="str">
            <v>神戸支店</v>
          </cell>
          <cell r="I367" t="str">
            <v>支店長 森村　幸男</v>
          </cell>
          <cell r="J367" t="str">
            <v>大阪府大阪市</v>
          </cell>
          <cell r="K367" t="str">
            <v>078-306-6155</v>
          </cell>
          <cell r="L367" t="str">
            <v>m-fukuoka@kanden-eng.co.jp</v>
          </cell>
          <cell r="M367" t="str">
            <v>ｶﾝﾃﾞﾝｴﾝｼﾞﾆｱﾘﾝｸﾞ</v>
          </cell>
          <cell r="N367" t="str">
            <v>有</v>
          </cell>
          <cell r="O367">
            <v>67</v>
          </cell>
          <cell r="P367">
            <v>2161</v>
          </cell>
          <cell r="Q367">
            <v>8120001062598</v>
          </cell>
          <cell r="R367">
            <v>786000</v>
          </cell>
          <cell r="S367">
            <v>57734000</v>
          </cell>
          <cell r="T367">
            <v>99767000</v>
          </cell>
          <cell r="V367" t="str">
            <v>dg501482</v>
          </cell>
          <cell r="W367" t="str">
            <v>ds101952</v>
          </cell>
          <cell r="X367" t="str">
            <v>消(清)(と)(電)(舗)(塗)(通)(消)土建と電管鋼舗塗内機通園水</v>
          </cell>
          <cell r="Y367" t="str">
            <v>消(清)(と)(電)(舗)(塗)(通)(消)</v>
          </cell>
          <cell r="Z367" t="str">
            <v>土建と電管鋼舗塗内機通園水</v>
          </cell>
          <cell r="AA367" t="str">
            <v>電気</v>
          </cell>
          <cell r="AB367" t="str">
            <v>電気通信</v>
          </cell>
          <cell r="AC367" t="str">
            <v>消防施設</v>
          </cell>
          <cell r="AD367" t="str">
            <v>土木一式</v>
          </cell>
          <cell r="AE367">
            <v>43190</v>
          </cell>
          <cell r="AF367" t="str">
            <v>希望しない</v>
          </cell>
          <cell r="AG367" t="str">
            <v>電気</v>
          </cell>
          <cell r="AH367" t="str">
            <v>特定</v>
          </cell>
          <cell r="AI367">
            <v>1696</v>
          </cell>
          <cell r="AJ367">
            <v>41625298</v>
          </cell>
          <cell r="AK367" t="str">
            <v>508(365)/206/330</v>
          </cell>
          <cell r="AL367" t="str">
            <v>電気通信</v>
          </cell>
          <cell r="AM367" t="str">
            <v>特定</v>
          </cell>
          <cell r="AN367">
            <v>1435</v>
          </cell>
          <cell r="AO367">
            <v>13433104</v>
          </cell>
          <cell r="AP367" t="str">
            <v>4(0)/0/145</v>
          </cell>
          <cell r="AQ367" t="str">
            <v>消防施設</v>
          </cell>
          <cell r="AR367" t="str">
            <v>一般</v>
          </cell>
          <cell r="AS367">
            <v>1250</v>
          </cell>
          <cell r="AT367">
            <v>182990</v>
          </cell>
          <cell r="AU367" t="str">
            <v>0(0)/309/5</v>
          </cell>
          <cell r="AV367" t="str">
            <v>土木一式</v>
          </cell>
          <cell r="AW367" t="str">
            <v>特定</v>
          </cell>
          <cell r="AX367">
            <v>1351</v>
          </cell>
          <cell r="AY367">
            <v>2112377</v>
          </cell>
          <cell r="AZ367" t="str">
            <v>72(51)/37/14</v>
          </cell>
          <cell r="BA367" t="str">
            <v>大阪府</v>
          </cell>
          <cell r="BB367">
            <v>0</v>
          </cell>
          <cell r="CR367">
            <v>4774</v>
          </cell>
          <cell r="CS367" t="str">
            <v>ﾆｼﾔﾏ ｶｽﾞｺ</v>
          </cell>
          <cell r="CT367" t="str">
            <v>西山  和子</v>
          </cell>
          <cell r="CU367" t="str">
            <v>博物館</v>
          </cell>
          <cell r="CW367">
            <v>3924</v>
          </cell>
          <cell r="CX367" t="str">
            <v>主査</v>
          </cell>
          <cell r="CY367" t="str">
            <v>博物館長</v>
          </cell>
        </row>
        <row r="368">
          <cell r="B368">
            <v>2442</v>
          </cell>
          <cell r="C368" t="str">
            <v>(株)関電工</v>
          </cell>
          <cell r="D368" t="str">
            <v>078-325-1392</v>
          </cell>
          <cell r="E368" t="str">
            <v>650-0031</v>
          </cell>
          <cell r="F368" t="str">
            <v>兵庫県神戸市中央区東町126</v>
          </cell>
          <cell r="G368" t="str">
            <v/>
          </cell>
          <cell r="H368" t="str">
            <v>神戸営業所</v>
          </cell>
          <cell r="I368" t="str">
            <v>所長 大見　仁志</v>
          </cell>
          <cell r="J368" t="str">
            <v>東京都</v>
          </cell>
          <cell r="K368" t="str">
            <v>078-393-0314</v>
          </cell>
          <cell r="L368" t="str">
            <v>kansai-eigyou@kandenko.co.jp</v>
          </cell>
          <cell r="M368" t="str">
            <v>ｶﾝﾃﾞﾝｺｳ</v>
          </cell>
          <cell r="N368" t="str">
            <v>有</v>
          </cell>
          <cell r="O368">
            <v>68</v>
          </cell>
          <cell r="P368">
            <v>7104</v>
          </cell>
          <cell r="Q368">
            <v>9010401006818</v>
          </cell>
          <cell r="R368">
            <v>10264000</v>
          </cell>
          <cell r="S368">
            <v>202140000</v>
          </cell>
          <cell r="T368">
            <v>507205000</v>
          </cell>
          <cell r="V368" t="str">
            <v>zf766202</v>
          </cell>
          <cell r="W368" t="str">
            <v>wp166652</v>
          </cell>
          <cell r="X368" t="str">
            <v>(電)(通)土建と電管鋼舗塗内機通水消</v>
          </cell>
          <cell r="Y368" t="str">
            <v>(電)(通)</v>
          </cell>
          <cell r="Z368" t="str">
            <v>土建と電管鋼舗塗内機通水消</v>
          </cell>
          <cell r="AA368" t="str">
            <v>電気</v>
          </cell>
          <cell r="AB368" t="str">
            <v>電気通信</v>
          </cell>
          <cell r="AC368" t="str">
            <v/>
          </cell>
          <cell r="AD368" t="str">
            <v/>
          </cell>
          <cell r="AE368">
            <v>43190</v>
          </cell>
          <cell r="AF368" t="str">
            <v/>
          </cell>
          <cell r="AG368" t="str">
            <v>電気</v>
          </cell>
          <cell r="AH368" t="str">
            <v>特定</v>
          </cell>
          <cell r="AI368">
            <v>1977</v>
          </cell>
          <cell r="AJ368">
            <v>355416632</v>
          </cell>
          <cell r="AK368" t="str">
            <v>1685(987)/708/2088</v>
          </cell>
          <cell r="AL368" t="str">
            <v>電気通信</v>
          </cell>
          <cell r="AM368" t="str">
            <v>特定</v>
          </cell>
          <cell r="AN368">
            <v>1673</v>
          </cell>
          <cell r="AO368">
            <v>28270678</v>
          </cell>
          <cell r="AP368" t="str">
            <v>128(16)/0/27</v>
          </cell>
          <cell r="AQ368" t="str">
            <v/>
          </cell>
          <cell r="AR368" t="str">
            <v/>
          </cell>
          <cell r="AS368" t="str">
            <v/>
          </cell>
          <cell r="AT368" t="str">
            <v/>
          </cell>
          <cell r="AU368" t="str">
            <v/>
          </cell>
          <cell r="AV368" t="str">
            <v/>
          </cell>
          <cell r="AW368" t="str">
            <v/>
          </cell>
          <cell r="AX368" t="str">
            <v/>
          </cell>
          <cell r="AY368" t="str">
            <v/>
          </cell>
          <cell r="AZ368" t="str">
            <v/>
          </cell>
          <cell r="BA368" t="str">
            <v>東京都</v>
          </cell>
          <cell r="BB368">
            <v>0</v>
          </cell>
          <cell r="CR368">
            <v>4775</v>
          </cell>
          <cell r="CS368" t="str">
            <v>ﾊﾏﾀﾞ ﾘﾂｺ</v>
          </cell>
          <cell r="CT368" t="str">
            <v>浜田  律子</v>
          </cell>
          <cell r="CU368" t="str">
            <v xml:space="preserve"> </v>
          </cell>
          <cell r="CW368">
            <v>2383</v>
          </cell>
          <cell r="CX368" t="str">
            <v>副参事</v>
          </cell>
        </row>
        <row r="369">
          <cell r="B369">
            <v>2445</v>
          </cell>
          <cell r="C369" t="str">
            <v>関西ロードサービス(株)</v>
          </cell>
          <cell r="D369" t="str">
            <v>078-451-9129</v>
          </cell>
          <cell r="E369" t="str">
            <v>658-0027</v>
          </cell>
          <cell r="F369" t="str">
            <v>兵庫県神戸市東灘区青木5-17-6大窪ﾏﾝｼｮﾝ102</v>
          </cell>
          <cell r="G369" t="str">
            <v>神戸市</v>
          </cell>
          <cell r="H369" t="str">
            <v>神戸支店</v>
          </cell>
          <cell r="I369" t="str">
            <v>支店長 長谷川　陽子</v>
          </cell>
          <cell r="J369" t="str">
            <v>本店</v>
          </cell>
          <cell r="K369" t="str">
            <v>078-451-9119</v>
          </cell>
          <cell r="L369" t="str">
            <v>krs.115839.ikeda@celery.ocn.ne.jp</v>
          </cell>
          <cell r="M369" t="str">
            <v>ｶﾝｻｲﾛｰﾄﾞｻｰﾋﾞｽ</v>
          </cell>
          <cell r="N369" t="str">
            <v>無</v>
          </cell>
          <cell r="O369">
            <v>17</v>
          </cell>
          <cell r="P369">
            <v>14</v>
          </cell>
          <cell r="Q369">
            <v>6120901019492</v>
          </cell>
          <cell r="R369">
            <v>10000</v>
          </cell>
          <cell r="S369">
            <v>34187</v>
          </cell>
          <cell r="T369">
            <v>139727</v>
          </cell>
          <cell r="V369" t="str">
            <v>df233452</v>
          </cell>
          <cell r="W369" t="str">
            <v>qe283897</v>
          </cell>
          <cell r="X369" t="str">
            <v>土と鋼舗塗</v>
          </cell>
          <cell r="Y369" t="str">
            <v>土と鋼舗塗</v>
          </cell>
          <cell r="Z369" t="str">
            <v/>
          </cell>
          <cell r="AA369" t="str">
            <v>とび土工</v>
          </cell>
          <cell r="AB369" t="str">
            <v>舗装</v>
          </cell>
          <cell r="AC369" t="str">
            <v>土木一式</v>
          </cell>
          <cell r="AD369" t="str">
            <v>塗装</v>
          </cell>
          <cell r="AE369">
            <v>43190</v>
          </cell>
          <cell r="AF369" t="str">
            <v/>
          </cell>
          <cell r="AG369" t="str">
            <v>とび土工</v>
          </cell>
          <cell r="AH369" t="str">
            <v>一般</v>
          </cell>
          <cell r="AI369">
            <v>723</v>
          </cell>
          <cell r="AJ369">
            <v>124301</v>
          </cell>
          <cell r="AK369" t="str">
            <v>2(2)/4/0</v>
          </cell>
          <cell r="AL369" t="str">
            <v>舗装</v>
          </cell>
          <cell r="AM369" t="str">
            <v>一般</v>
          </cell>
          <cell r="AN369">
            <v>630</v>
          </cell>
          <cell r="AO369">
            <v>11035</v>
          </cell>
          <cell r="AP369" t="str">
            <v>1(1)/2/0</v>
          </cell>
          <cell r="AQ369" t="str">
            <v>土木一式</v>
          </cell>
          <cell r="AR369" t="str">
            <v>一般</v>
          </cell>
          <cell r="AS369">
            <v>573</v>
          </cell>
          <cell r="AT369" t="str">
            <v/>
          </cell>
          <cell r="AU369" t="str">
            <v>0(0)/1/0</v>
          </cell>
          <cell r="AV369" t="str">
            <v>塗装</v>
          </cell>
          <cell r="AW369" t="str">
            <v>一般</v>
          </cell>
          <cell r="AX369">
            <v>598</v>
          </cell>
          <cell r="AY369">
            <v>4391</v>
          </cell>
          <cell r="AZ369" t="str">
            <v>1(1)/0/0</v>
          </cell>
          <cell r="BA369" t="str">
            <v>大阪府</v>
          </cell>
          <cell r="BB369">
            <v>0</v>
          </cell>
          <cell r="CR369">
            <v>4775</v>
          </cell>
          <cell r="CS369" t="str">
            <v>ﾊﾏﾀﾞ ﾘﾂｺ</v>
          </cell>
          <cell r="CT369" t="str">
            <v>浜田  律子</v>
          </cell>
          <cell r="CU369" t="str">
            <v>法制課</v>
          </cell>
          <cell r="CW369">
            <v>2383</v>
          </cell>
          <cell r="CX369" t="str">
            <v>（兼）課長</v>
          </cell>
          <cell r="CY369" t="str">
            <v>法制課長</v>
          </cell>
        </row>
        <row r="370">
          <cell r="B370">
            <v>2449</v>
          </cell>
          <cell r="C370" t="str">
            <v>岩水開発(株)</v>
          </cell>
          <cell r="D370" t="str">
            <v>086-265-0888</v>
          </cell>
          <cell r="E370" t="str">
            <v>702-8048</v>
          </cell>
          <cell r="F370" t="str">
            <v>岡山県岡山市南区福吉町18-18</v>
          </cell>
          <cell r="G370" t="str">
            <v>岡山市</v>
          </cell>
          <cell r="H370" t="str">
            <v/>
          </cell>
          <cell r="I370" t="str">
            <v>代表取締役　 松浦　広幸</v>
          </cell>
          <cell r="J370" t="str">
            <v>本店</v>
          </cell>
          <cell r="K370" t="str">
            <v>086-265-0899</v>
          </cell>
          <cell r="L370" t="str">
            <v>nyusatsu11095@gansui.co.jp</v>
          </cell>
          <cell r="M370" t="str">
            <v>ｶﾞﾝｽｲｶｲﾊﾂ</v>
          </cell>
          <cell r="N370" t="str">
            <v>無</v>
          </cell>
          <cell r="O370">
            <v>44</v>
          </cell>
          <cell r="P370">
            <v>165</v>
          </cell>
          <cell r="Q370">
            <v>6260000000000</v>
          </cell>
          <cell r="R370">
            <v>50000</v>
          </cell>
          <cell r="S370">
            <v>-11399</v>
          </cell>
          <cell r="T370">
            <v>6005709</v>
          </cell>
          <cell r="V370" t="str">
            <v>ck802712</v>
          </cell>
          <cell r="W370" t="str">
            <v>ht842184</v>
          </cell>
          <cell r="X370" t="str">
            <v>土と鋼舗塗</v>
          </cell>
          <cell r="Y370" t="str">
            <v>土と鋼舗塗</v>
          </cell>
          <cell r="Z370" t="str">
            <v/>
          </cell>
          <cell r="AA370" t="str">
            <v>土木一式</v>
          </cell>
          <cell r="AB370" t="str">
            <v>とび土工</v>
          </cell>
          <cell r="AC370" t="str">
            <v>さく井</v>
          </cell>
          <cell r="AD370" t="str">
            <v/>
          </cell>
          <cell r="AE370">
            <v>43281</v>
          </cell>
          <cell r="AF370" t="str">
            <v>パルテムＳＺ工法</v>
          </cell>
          <cell r="AG370" t="str">
            <v>土木一式</v>
          </cell>
          <cell r="AH370" t="str">
            <v>特定</v>
          </cell>
          <cell r="AI370">
            <v>923</v>
          </cell>
          <cell r="AJ370">
            <v>70528</v>
          </cell>
          <cell r="AK370" t="str">
            <v>37(36)/11/1</v>
          </cell>
          <cell r="AL370" t="str">
            <v>とび土工</v>
          </cell>
          <cell r="AM370" t="str">
            <v>特定</v>
          </cell>
          <cell r="AN370">
            <v>1085</v>
          </cell>
          <cell r="AO370">
            <v>5060310</v>
          </cell>
          <cell r="AP370" t="str">
            <v>38(35)/12/1</v>
          </cell>
          <cell r="AQ370" t="str">
            <v>さく井</v>
          </cell>
          <cell r="AR370" t="str">
            <v>一般</v>
          </cell>
          <cell r="AS370">
            <v>738</v>
          </cell>
          <cell r="AT370">
            <v>35430</v>
          </cell>
          <cell r="AU370" t="str">
            <v>0(0)/0/1</v>
          </cell>
          <cell r="AV370" t="str">
            <v/>
          </cell>
          <cell r="AW370" t="str">
            <v/>
          </cell>
          <cell r="AX370" t="str">
            <v/>
          </cell>
          <cell r="AY370" t="str">
            <v/>
          </cell>
          <cell r="AZ370" t="str">
            <v/>
          </cell>
          <cell r="BA370" t="str">
            <v>岡山県</v>
          </cell>
          <cell r="BB370">
            <v>0</v>
          </cell>
          <cell r="CR370">
            <v>4776</v>
          </cell>
          <cell r="CS370" t="str">
            <v>ﾊﾞﾊﾞ ｶｽﾞﾉﾘ</v>
          </cell>
          <cell r="CT370" t="str">
            <v>馬場  一憲</v>
          </cell>
          <cell r="CU370" t="str">
            <v>給与制度課</v>
          </cell>
          <cell r="CW370">
            <v>2421</v>
          </cell>
          <cell r="CX370" t="str">
            <v>課長</v>
          </cell>
          <cell r="CY370" t="str">
            <v>給与制度課長</v>
          </cell>
        </row>
        <row r="371">
          <cell r="B371">
            <v>2450</v>
          </cell>
          <cell r="C371" t="str">
            <v>鎌長製衡(株)</v>
          </cell>
          <cell r="D371" t="str">
            <v>087-845-1111</v>
          </cell>
          <cell r="E371" t="str">
            <v>761-0196</v>
          </cell>
          <cell r="F371" t="str">
            <v>香川県高松市牟礼町牟礼2246</v>
          </cell>
          <cell r="G371" t="str">
            <v>高松市</v>
          </cell>
          <cell r="H371" t="str">
            <v/>
          </cell>
          <cell r="I371" t="str">
            <v>代表取締役 鎌田　長明</v>
          </cell>
          <cell r="J371" t="str">
            <v>本店</v>
          </cell>
          <cell r="K371" t="str">
            <v>087-845-7442</v>
          </cell>
          <cell r="L371" t="str">
            <v>honsha@kamacho.co.jp</v>
          </cell>
          <cell r="M371" t="str">
            <v>ｶﾏﾁｮｳｾｲｺｳ</v>
          </cell>
          <cell r="N371" t="str">
            <v>無</v>
          </cell>
          <cell r="O371">
            <v>43</v>
          </cell>
          <cell r="P371">
            <v>172</v>
          </cell>
          <cell r="Q371">
            <v>6470001000095</v>
          </cell>
          <cell r="R371">
            <v>80000</v>
          </cell>
          <cell r="S371">
            <v>1671745</v>
          </cell>
          <cell r="T371">
            <v>4266880</v>
          </cell>
          <cell r="V371" t="str">
            <v>zs409160</v>
          </cell>
          <cell r="W371" t="str">
            <v>vn482646</v>
          </cell>
          <cell r="X371" t="str">
            <v>土と鋼舗塗</v>
          </cell>
          <cell r="Y371" t="str">
            <v>土と鋼舗塗</v>
          </cell>
          <cell r="Z371" t="str">
            <v/>
          </cell>
          <cell r="AA371" t="str">
            <v>機械器具</v>
          </cell>
          <cell r="AB371" t="str">
            <v>清掃施設</v>
          </cell>
          <cell r="AC371" t="str">
            <v/>
          </cell>
          <cell r="AD371" t="str">
            <v/>
          </cell>
          <cell r="AE371">
            <v>43190</v>
          </cell>
          <cell r="AF371" t="str">
            <v/>
          </cell>
          <cell r="AG371" t="str">
            <v>機械器具</v>
          </cell>
          <cell r="AH371" t="str">
            <v>特定</v>
          </cell>
          <cell r="AI371">
            <v>984</v>
          </cell>
          <cell r="AJ371">
            <v>1352718</v>
          </cell>
          <cell r="AK371" t="str">
            <v>0(0)/0/36</v>
          </cell>
          <cell r="AL371" t="str">
            <v>清掃施設</v>
          </cell>
          <cell r="AM371" t="str">
            <v>特定</v>
          </cell>
          <cell r="AN371">
            <v>742</v>
          </cell>
          <cell r="AO371">
            <v>2430</v>
          </cell>
          <cell r="AP371" t="str">
            <v>1(1)/0/6</v>
          </cell>
          <cell r="AQ371" t="str">
            <v/>
          </cell>
          <cell r="AR371" t="str">
            <v/>
          </cell>
          <cell r="AS371" t="str">
            <v/>
          </cell>
          <cell r="AT371" t="str">
            <v/>
          </cell>
          <cell r="AU371" t="str">
            <v/>
          </cell>
          <cell r="AV371" t="str">
            <v/>
          </cell>
          <cell r="AW371" t="str">
            <v/>
          </cell>
          <cell r="AX371" t="str">
            <v/>
          </cell>
          <cell r="AY371" t="str">
            <v/>
          </cell>
          <cell r="AZ371" t="str">
            <v/>
          </cell>
          <cell r="BA371" t="str">
            <v>香川県</v>
          </cell>
          <cell r="BB371">
            <v>0</v>
          </cell>
          <cell r="CR371">
            <v>4777</v>
          </cell>
          <cell r="CS371" t="str">
            <v>ﾏﾂｻﾞｷ ﾀｶﾉﾘ</v>
          </cell>
          <cell r="CT371" t="str">
            <v>松嵜  隆徳</v>
          </cell>
          <cell r="CU371" t="str">
            <v>市民税課</v>
          </cell>
          <cell r="CW371">
            <v>2314</v>
          </cell>
          <cell r="CX371" t="str">
            <v>主査</v>
          </cell>
          <cell r="CY371" t="str">
            <v>市民税課長</v>
          </cell>
        </row>
        <row r="372">
          <cell r="B372">
            <v>2451</v>
          </cell>
          <cell r="C372" t="str">
            <v>金澤建設(株)</v>
          </cell>
          <cell r="D372" t="str">
            <v>072-757-6363</v>
          </cell>
          <cell r="E372" t="str">
            <v>666-0022</v>
          </cell>
          <cell r="F372" t="str">
            <v>兵庫県川西市下加茂1-30-6-3</v>
          </cell>
          <cell r="G372" t="str">
            <v>川西市</v>
          </cell>
          <cell r="H372" t="str">
            <v/>
          </cell>
          <cell r="I372" t="str">
            <v>代表取締役 金澤　孝剛</v>
          </cell>
          <cell r="J372" t="str">
            <v>本店</v>
          </cell>
          <cell r="K372" t="str">
            <v>072-757-8721</v>
          </cell>
          <cell r="L372" t="str">
            <v>kanazawa@kanaken.ne.jp</v>
          </cell>
          <cell r="M372" t="str">
            <v>ｶﾅｻﾞﾜｹﾝｾﾂ</v>
          </cell>
          <cell r="N372" t="str">
            <v>無</v>
          </cell>
          <cell r="O372">
            <v>44</v>
          </cell>
          <cell r="P372">
            <v>6</v>
          </cell>
          <cell r="Q372">
            <v>9140001079243</v>
          </cell>
          <cell r="R372">
            <v>50000</v>
          </cell>
          <cell r="S372">
            <v>146410</v>
          </cell>
          <cell r="T372">
            <v>441765</v>
          </cell>
          <cell r="V372" t="str">
            <v>bh685618</v>
          </cell>
          <cell r="W372" t="str">
            <v>sk644823</v>
          </cell>
          <cell r="X372" t="str">
            <v>管土と舗解</v>
          </cell>
          <cell r="Y372" t="str">
            <v>管</v>
          </cell>
          <cell r="Z372" t="str">
            <v>土と舗解</v>
          </cell>
          <cell r="AA372" t="str">
            <v>舗装</v>
          </cell>
          <cell r="AB372" t="str">
            <v>土木一式</v>
          </cell>
          <cell r="AC372" t="str">
            <v>とび土工</v>
          </cell>
          <cell r="AD372" t="str">
            <v>解体</v>
          </cell>
          <cell r="AE372">
            <v>43281</v>
          </cell>
          <cell r="AF372" t="str">
            <v>希望しない</v>
          </cell>
          <cell r="AG372" t="str">
            <v>舗装</v>
          </cell>
          <cell r="AH372" t="str">
            <v>特定</v>
          </cell>
          <cell r="AI372">
            <v>870</v>
          </cell>
          <cell r="AJ372">
            <v>260331</v>
          </cell>
          <cell r="AK372" t="str">
            <v>4(4)/0/1</v>
          </cell>
          <cell r="AL372" t="str">
            <v>土木一式</v>
          </cell>
          <cell r="AM372" t="str">
            <v>特定</v>
          </cell>
          <cell r="AN372">
            <v>887</v>
          </cell>
          <cell r="AO372">
            <v>305284</v>
          </cell>
          <cell r="AP372" t="str">
            <v>4(4)/0/1</v>
          </cell>
          <cell r="AQ372" t="str">
            <v>とび土工</v>
          </cell>
          <cell r="AR372" t="str">
            <v>特定</v>
          </cell>
          <cell r="AS372">
            <v>696</v>
          </cell>
          <cell r="AT372">
            <v>1783</v>
          </cell>
          <cell r="AU372" t="str">
            <v>0(0)/0/0</v>
          </cell>
          <cell r="AV372" t="str">
            <v>解体</v>
          </cell>
          <cell r="AW372" t="str">
            <v>特定</v>
          </cell>
          <cell r="AX372">
            <v>699</v>
          </cell>
          <cell r="AY372">
            <v>2890</v>
          </cell>
          <cell r="AZ372" t="str">
            <v>0(0)/0/0</v>
          </cell>
          <cell r="BA372" t="str">
            <v>兵庫県</v>
          </cell>
          <cell r="BB372">
            <v>0</v>
          </cell>
          <cell r="CR372">
            <v>4778</v>
          </cell>
          <cell r="CS372" t="str">
            <v>ﾏﾙｶﾜ ｱｷﾗ</v>
          </cell>
          <cell r="CT372" t="str">
            <v>丸川  章</v>
          </cell>
          <cell r="CU372" t="str">
            <v>こども若者企画課</v>
          </cell>
          <cell r="CW372">
            <v>7841222</v>
          </cell>
          <cell r="CX372" t="str">
            <v>主査</v>
          </cell>
          <cell r="CY372" t="str">
            <v>こども若者企画課長</v>
          </cell>
        </row>
        <row r="373">
          <cell r="B373">
            <v>2457</v>
          </cell>
          <cell r="C373" t="str">
            <v>(株)金山工務店</v>
          </cell>
          <cell r="D373" t="str">
            <v>06-6942-5461</v>
          </cell>
          <cell r="E373" t="str">
            <v>540-0038</v>
          </cell>
          <cell r="F373" t="str">
            <v>大阪府大阪市中央区内淡路町1-1-8</v>
          </cell>
          <cell r="G373" t="str">
            <v>大阪市</v>
          </cell>
          <cell r="H373" t="str">
            <v/>
          </cell>
          <cell r="I373" t="str">
            <v>代表取締役 小泉　隆</v>
          </cell>
          <cell r="J373" t="str">
            <v>本店</v>
          </cell>
          <cell r="K373" t="str">
            <v>06-6945-1524</v>
          </cell>
          <cell r="L373" t="str">
            <v>h-ootani@k-kanayama.co.jp</v>
          </cell>
          <cell r="M373" t="str">
            <v>ｶﾅﾔﾏｺｳﾑﾃﾝ</v>
          </cell>
          <cell r="N373" t="str">
            <v>無</v>
          </cell>
          <cell r="O373">
            <v>16</v>
          </cell>
          <cell r="P373">
            <v>138</v>
          </cell>
          <cell r="Q373">
            <v>1120001098376</v>
          </cell>
          <cell r="R373">
            <v>100000</v>
          </cell>
          <cell r="S373">
            <v>4184063</v>
          </cell>
          <cell r="T373">
            <v>14826742</v>
          </cell>
          <cell r="V373" t="str">
            <v>bg317937</v>
          </cell>
          <cell r="W373" t="str">
            <v>dp954840</v>
          </cell>
          <cell r="X373" t="str">
            <v>土建大と石屋タ鋼鉄舗浚板ガ塗防内熱具水</v>
          </cell>
          <cell r="Y373" t="str">
            <v/>
          </cell>
          <cell r="Z373" t="str">
            <v>土建大と石屋タ鋼鉄舗浚板ガ塗防内熱具水</v>
          </cell>
          <cell r="AA373" t="str">
            <v>建築一式</v>
          </cell>
          <cell r="AB373" t="str">
            <v>土木一式</v>
          </cell>
          <cell r="AC373" t="str">
            <v>舗装</v>
          </cell>
          <cell r="AD373" t="str">
            <v/>
          </cell>
          <cell r="AE373">
            <v>43131</v>
          </cell>
          <cell r="AF373" t="str">
            <v>希望しない</v>
          </cell>
          <cell r="AG373" t="str">
            <v>建築一式</v>
          </cell>
          <cell r="AH373" t="str">
            <v>特定</v>
          </cell>
          <cell r="AI373">
            <v>1310</v>
          </cell>
          <cell r="AJ373">
            <v>16291175</v>
          </cell>
          <cell r="AK373" t="str">
            <v>67(42)/4/21</v>
          </cell>
          <cell r="AL373" t="str">
            <v>土木一式</v>
          </cell>
          <cell r="AM373" t="str">
            <v>特定</v>
          </cell>
          <cell r="AN373">
            <v>797</v>
          </cell>
          <cell r="AO373" t="str">
            <v/>
          </cell>
          <cell r="AP373" t="str">
            <v>6(2)/0/6</v>
          </cell>
          <cell r="AQ373" t="str">
            <v>舗装</v>
          </cell>
          <cell r="AR373" t="str">
            <v>特定</v>
          </cell>
          <cell r="AS373">
            <v>739</v>
          </cell>
          <cell r="AT373" t="str">
            <v/>
          </cell>
          <cell r="AU373" t="str">
            <v>1(1)/0/0</v>
          </cell>
          <cell r="AV373" t="str">
            <v/>
          </cell>
          <cell r="AW373" t="str">
            <v/>
          </cell>
          <cell r="AX373" t="str">
            <v/>
          </cell>
          <cell r="AY373" t="str">
            <v/>
          </cell>
          <cell r="AZ373" t="str">
            <v/>
          </cell>
          <cell r="BA373" t="str">
            <v>大阪府</v>
          </cell>
          <cell r="BB373">
            <v>0</v>
          </cell>
          <cell r="CR373">
            <v>4779</v>
          </cell>
          <cell r="CS373" t="str">
            <v>ﾓﾘﾀ ﾕｷﾃﾙ</v>
          </cell>
          <cell r="CT373" t="str">
            <v>森田  幸輝</v>
          </cell>
          <cell r="CU373" t="str">
            <v>市民税課</v>
          </cell>
          <cell r="CW373">
            <v>2304</v>
          </cell>
          <cell r="CX373" t="str">
            <v>課長</v>
          </cell>
          <cell r="CY373" t="str">
            <v>市民税課長</v>
          </cell>
        </row>
        <row r="374">
          <cell r="B374">
            <v>2459</v>
          </cell>
          <cell r="C374" t="str">
            <v>カラタニエンジニアリング(株)</v>
          </cell>
          <cell r="D374" t="str">
            <v>06-6416-5665</v>
          </cell>
          <cell r="E374" t="str">
            <v>660-0873</v>
          </cell>
          <cell r="F374" t="str">
            <v>兵庫県尼崎市玄番南之町4</v>
          </cell>
          <cell r="G374" t="str">
            <v>尼崎市</v>
          </cell>
          <cell r="H374" t="str">
            <v/>
          </cell>
          <cell r="I374" t="str">
            <v>代表取締役 柄谷　順一郎</v>
          </cell>
          <cell r="J374" t="str">
            <v>本店</v>
          </cell>
          <cell r="K374" t="str">
            <v>06-6416-5977</v>
          </cell>
          <cell r="L374" t="str">
            <v>kiso@karatani.co.jp</v>
          </cell>
          <cell r="M374" t="str">
            <v>ｶﾗﾀﾆｴﾝｼﾞﾆｱﾘﾝｸﾞ</v>
          </cell>
          <cell r="N374" t="str">
            <v>無</v>
          </cell>
          <cell r="O374">
            <v>17</v>
          </cell>
          <cell r="P374">
            <v>32</v>
          </cell>
          <cell r="Q374">
            <v>1140001048362</v>
          </cell>
          <cell r="R374">
            <v>20000</v>
          </cell>
          <cell r="S374">
            <v>1133118</v>
          </cell>
          <cell r="T374">
            <v>1390773</v>
          </cell>
          <cell r="V374" t="str">
            <v>mf172188</v>
          </cell>
          <cell r="W374" t="str">
            <v>rs322143</v>
          </cell>
          <cell r="X374" t="str">
            <v>土建と電管鋼機水解</v>
          </cell>
          <cell r="Y374" t="str">
            <v/>
          </cell>
          <cell r="Z374" t="str">
            <v>土建と電管鋼機水解</v>
          </cell>
          <cell r="AA374" t="str">
            <v>機械器具</v>
          </cell>
          <cell r="AB374" t="str">
            <v>管</v>
          </cell>
          <cell r="AC374" t="str">
            <v>電気</v>
          </cell>
          <cell r="AD374" t="str">
            <v>建築一式</v>
          </cell>
          <cell r="AE374">
            <v>43008</v>
          </cell>
          <cell r="AF374" t="str">
            <v>希望する</v>
          </cell>
          <cell r="AG374" t="str">
            <v>機械器具</v>
          </cell>
          <cell r="AH374" t="str">
            <v>特定</v>
          </cell>
          <cell r="AI374">
            <v>812</v>
          </cell>
          <cell r="AJ374">
            <v>578394</v>
          </cell>
          <cell r="AK374" t="str">
            <v>0(0)/0/15</v>
          </cell>
          <cell r="AL374" t="str">
            <v>管</v>
          </cell>
          <cell r="AM374" t="str">
            <v>特定</v>
          </cell>
          <cell r="AN374">
            <v>757</v>
          </cell>
          <cell r="AO374">
            <v>48829</v>
          </cell>
          <cell r="AP374" t="str">
            <v>5(5)/0/6</v>
          </cell>
          <cell r="AQ374" t="str">
            <v>電気</v>
          </cell>
          <cell r="AR374" t="str">
            <v>特定</v>
          </cell>
          <cell r="AS374">
            <v>766</v>
          </cell>
          <cell r="AT374">
            <v>354506</v>
          </cell>
          <cell r="AU374" t="str">
            <v>2(2)/0/3</v>
          </cell>
          <cell r="AV374" t="str">
            <v>建築一式</v>
          </cell>
          <cell r="AW374" t="str">
            <v>特定</v>
          </cell>
          <cell r="AX374">
            <v>807</v>
          </cell>
          <cell r="AY374">
            <v>267381</v>
          </cell>
          <cell r="AZ374" t="str">
            <v>3(3)/1/1</v>
          </cell>
          <cell r="BA374" t="str">
            <v>兵庫県</v>
          </cell>
          <cell r="BB374">
            <v>0</v>
          </cell>
          <cell r="CR374">
            <v>4780</v>
          </cell>
          <cell r="CS374" t="str">
            <v>ﾔﾏﾀﾞ ﾀｶｼ</v>
          </cell>
          <cell r="CT374" t="str">
            <v>山田  隆史</v>
          </cell>
          <cell r="CU374" t="str">
            <v>総務課</v>
          </cell>
          <cell r="CW374" t="str">
            <v xml:space="preserve"> </v>
          </cell>
          <cell r="CX374" t="str">
            <v>課長</v>
          </cell>
          <cell r="CY374" t="str">
            <v>総務課長</v>
          </cell>
        </row>
        <row r="375">
          <cell r="B375">
            <v>2462</v>
          </cell>
          <cell r="C375" t="str">
            <v>(株)川本製作所</v>
          </cell>
          <cell r="D375" t="str">
            <v>06-6328-0877</v>
          </cell>
          <cell r="E375" t="str">
            <v>533-0005</v>
          </cell>
          <cell r="F375" t="str">
            <v>大阪府大阪市東淀川区瑞光3-8-20</v>
          </cell>
          <cell r="G375" t="str">
            <v>名古屋市</v>
          </cell>
          <cell r="H375" t="str">
            <v>大阪支店</v>
          </cell>
          <cell r="I375" t="str">
            <v>支店長 三木　久雄</v>
          </cell>
          <cell r="J375" t="str">
            <v>愛知県名古屋市</v>
          </cell>
          <cell r="K375" t="str">
            <v>06-6327-6444</v>
          </cell>
          <cell r="L375" t="str">
            <v>eigyou@kawamoto-pump.co.jp</v>
          </cell>
          <cell r="M375" t="str">
            <v>ｶﾜﾓﾄｾｲｻｸｼｮ</v>
          </cell>
          <cell r="N375" t="str">
            <v>有</v>
          </cell>
          <cell r="O375">
            <v>99</v>
          </cell>
          <cell r="P375">
            <v>764</v>
          </cell>
          <cell r="Q375">
            <v>4180001035321</v>
          </cell>
          <cell r="R375">
            <v>330000</v>
          </cell>
          <cell r="S375">
            <v>32526373</v>
          </cell>
          <cell r="T375">
            <v>41258462</v>
          </cell>
          <cell r="V375" t="str">
            <v>gg392347</v>
          </cell>
          <cell r="W375" t="str">
            <v>zr144762</v>
          </cell>
          <cell r="X375" t="str">
            <v>機(電)(管)(機)電管</v>
          </cell>
          <cell r="Y375" t="str">
            <v>機(電)(管)(機)</v>
          </cell>
          <cell r="Z375" t="str">
            <v>電管</v>
          </cell>
          <cell r="AA375" t="str">
            <v>機械器具</v>
          </cell>
          <cell r="AB375" t="str">
            <v>管</v>
          </cell>
          <cell r="AC375" t="str">
            <v>電気</v>
          </cell>
          <cell r="AD375" t="str">
            <v/>
          </cell>
          <cell r="AE375">
            <v>42978</v>
          </cell>
          <cell r="AF375" t="str">
            <v>希望しない</v>
          </cell>
          <cell r="AG375" t="str">
            <v>機械器具</v>
          </cell>
          <cell r="AH375" t="str">
            <v>一般</v>
          </cell>
          <cell r="AI375">
            <v>869</v>
          </cell>
          <cell r="AJ375">
            <v>29330</v>
          </cell>
          <cell r="AK375" t="str">
            <v>0(0)/0/4</v>
          </cell>
          <cell r="AL375" t="str">
            <v>管</v>
          </cell>
          <cell r="AM375" t="str">
            <v>特定</v>
          </cell>
          <cell r="AN375">
            <v>945</v>
          </cell>
          <cell r="AO375">
            <v>36592</v>
          </cell>
          <cell r="AP375" t="str">
            <v>7(2)/1/2</v>
          </cell>
          <cell r="AQ375" t="str">
            <v>電気</v>
          </cell>
          <cell r="AR375" t="str">
            <v>特定</v>
          </cell>
          <cell r="AS375">
            <v>859</v>
          </cell>
          <cell r="AT375">
            <v>7468</v>
          </cell>
          <cell r="AU375" t="str">
            <v>3(0)/0/0</v>
          </cell>
          <cell r="AV375" t="str">
            <v/>
          </cell>
          <cell r="AW375" t="str">
            <v/>
          </cell>
          <cell r="AX375" t="str">
            <v/>
          </cell>
          <cell r="AY375" t="str">
            <v/>
          </cell>
          <cell r="AZ375" t="str">
            <v/>
          </cell>
          <cell r="BA375" t="str">
            <v>愛知県</v>
          </cell>
          <cell r="BB375">
            <v>0</v>
          </cell>
          <cell r="CR375">
            <v>4781</v>
          </cell>
          <cell r="CS375" t="str">
            <v>ﾖｼｵｶ ﾀﾀﾞﾉﾘ</v>
          </cell>
          <cell r="CT375" t="str">
            <v>吉岡  督典</v>
          </cell>
          <cell r="CU375" t="str">
            <v>総務課</v>
          </cell>
          <cell r="CW375">
            <v>2408</v>
          </cell>
          <cell r="CX375" t="str">
            <v>課長</v>
          </cell>
          <cell r="CY375" t="str">
            <v>総務課長</v>
          </cell>
        </row>
        <row r="376">
          <cell r="B376">
            <v>2463</v>
          </cell>
          <cell r="C376" t="str">
            <v>株式会社関西マサル</v>
          </cell>
          <cell r="D376" t="str">
            <v>06-6921-3707</v>
          </cell>
          <cell r="E376" t="str">
            <v>534-0012</v>
          </cell>
          <cell r="F376" t="str">
            <v>大阪府大阪市都島区御幸町1丁目3番10号</v>
          </cell>
          <cell r="G376" t="str">
            <v>大阪市</v>
          </cell>
          <cell r="H376" t="str">
            <v/>
          </cell>
          <cell r="I376" t="str">
            <v>代表取締役　 吉山　順一</v>
          </cell>
          <cell r="J376" t="str">
            <v>本店</v>
          </cell>
          <cell r="K376" t="str">
            <v>06-6921-3717</v>
          </cell>
          <cell r="L376" t="str">
            <v>yoshiyama@k-masaru.co.jp</v>
          </cell>
          <cell r="M376" t="str">
            <v>ｶﾌﾞｼｷｶﾞｲｼﾔｶﾝｻｲﾏｻﾙ</v>
          </cell>
          <cell r="N376" t="str">
            <v>無</v>
          </cell>
          <cell r="O376">
            <v>14</v>
          </cell>
          <cell r="P376">
            <v>14</v>
          </cell>
          <cell r="Q376">
            <v>5120000000000</v>
          </cell>
          <cell r="R376">
            <v>20000</v>
          </cell>
          <cell r="S376">
            <v>137484</v>
          </cell>
          <cell r="T376">
            <v>606836</v>
          </cell>
          <cell r="V376" t="str">
            <v>zb710808</v>
          </cell>
          <cell r="W376" t="str">
            <v>iw181178</v>
          </cell>
          <cell r="X376" t="str">
            <v>機(電)(管)(機)電管</v>
          </cell>
          <cell r="Y376" t="str">
            <v>機(電)(管)(機)</v>
          </cell>
          <cell r="Z376" t="str">
            <v>電管</v>
          </cell>
          <cell r="AA376" t="str">
            <v>防水</v>
          </cell>
          <cell r="AB376" t="str">
            <v>塗装</v>
          </cell>
          <cell r="AC376" t="str">
            <v/>
          </cell>
          <cell r="AD376" t="str">
            <v/>
          </cell>
          <cell r="AE376">
            <v>42916</v>
          </cell>
          <cell r="AF376" t="str">
            <v>希望しない</v>
          </cell>
          <cell r="AG376" t="str">
            <v>防水</v>
          </cell>
          <cell r="AH376" t="str">
            <v>特</v>
          </cell>
          <cell r="AI376">
            <v>789</v>
          </cell>
          <cell r="AJ376">
            <v>652506</v>
          </cell>
          <cell r="AK376" t="str">
            <v>1/0/6</v>
          </cell>
          <cell r="AL376" t="str">
            <v>塗装</v>
          </cell>
          <cell r="AM376" t="str">
            <v>特</v>
          </cell>
          <cell r="AN376">
            <v>659</v>
          </cell>
          <cell r="AO376">
            <v>33943</v>
          </cell>
          <cell r="AP376" t="str">
            <v>1/0/2</v>
          </cell>
          <cell r="AQ376" t="str">
            <v/>
          </cell>
          <cell r="AR376" t="str">
            <v/>
          </cell>
          <cell r="AS376" t="str">
            <v/>
          </cell>
          <cell r="AT376" t="str">
            <v/>
          </cell>
          <cell r="AU376" t="str">
            <v/>
          </cell>
          <cell r="AV376" t="str">
            <v/>
          </cell>
          <cell r="AW376" t="str">
            <v/>
          </cell>
          <cell r="AX376" t="str">
            <v/>
          </cell>
          <cell r="AY376" t="str">
            <v/>
          </cell>
          <cell r="AZ376" t="str">
            <v/>
          </cell>
          <cell r="BA376" t="str">
            <v>大阪府</v>
          </cell>
          <cell r="BB376">
            <v>0</v>
          </cell>
          <cell r="CR376">
            <v>4782</v>
          </cell>
          <cell r="CS376" t="str">
            <v>ﾓﾘﾓﾄ ﾋﾛﾐ</v>
          </cell>
          <cell r="CT376" t="str">
            <v>森本  啓美</v>
          </cell>
          <cell r="CU376" t="str">
            <v>政策室</v>
          </cell>
          <cell r="CW376">
            <v>2210</v>
          </cell>
          <cell r="CX376" t="str">
            <v>副主査</v>
          </cell>
          <cell r="CY376" t="str">
            <v>政策室長</v>
          </cell>
        </row>
        <row r="377">
          <cell r="B377">
            <v>2465</v>
          </cell>
          <cell r="C377" t="str">
            <v>(株)掛谷工務店</v>
          </cell>
          <cell r="D377" t="str">
            <v>072-626-2626</v>
          </cell>
          <cell r="E377" t="str">
            <v>567-0881</v>
          </cell>
          <cell r="F377" t="str">
            <v>大阪府茨木市上中条1-11-23</v>
          </cell>
          <cell r="G377" t="str">
            <v>茨木市</v>
          </cell>
          <cell r="H377" t="str">
            <v/>
          </cell>
          <cell r="I377" t="str">
            <v>代表取締役社長 掛谷　建郎</v>
          </cell>
          <cell r="J377" t="str">
            <v>本店</v>
          </cell>
          <cell r="K377" t="str">
            <v>072-626-0376</v>
          </cell>
          <cell r="L377" t="str">
            <v>eigyou@kakeya.co.jp</v>
          </cell>
          <cell r="M377" t="str">
            <v>ｶｹﾔｺｳﾑﾃﾝ</v>
          </cell>
          <cell r="N377" t="str">
            <v>無</v>
          </cell>
          <cell r="O377">
            <v>55</v>
          </cell>
          <cell r="P377">
            <v>87</v>
          </cell>
          <cell r="Q377">
            <v>1120901000498</v>
          </cell>
          <cell r="R377">
            <v>95750</v>
          </cell>
          <cell r="S377">
            <v>2597084</v>
          </cell>
          <cell r="T377">
            <v>5868755</v>
          </cell>
          <cell r="V377" t="str">
            <v>sz284621</v>
          </cell>
          <cell r="W377" t="str">
            <v>hm615150</v>
          </cell>
          <cell r="X377" t="str">
            <v>土建大と石屋電管タ鋼鉄舗浚板ガ塗防内熱具水</v>
          </cell>
          <cell r="Y377" t="str">
            <v/>
          </cell>
          <cell r="Z377" t="str">
            <v>土建大と石屋電管タ鋼鉄舗浚板ガ塗防内熱具水</v>
          </cell>
          <cell r="AA377" t="str">
            <v>建築一式</v>
          </cell>
          <cell r="AB377" t="str">
            <v/>
          </cell>
          <cell r="AC377" t="str">
            <v/>
          </cell>
          <cell r="AD377" t="str">
            <v/>
          </cell>
          <cell r="AE377">
            <v>43179</v>
          </cell>
          <cell r="AF377" t="str">
            <v/>
          </cell>
          <cell r="AG377" t="str">
            <v>建築一式</v>
          </cell>
          <cell r="AH377" t="str">
            <v>特定</v>
          </cell>
          <cell r="AI377">
            <v>1127</v>
          </cell>
          <cell r="AJ377">
            <v>5066168</v>
          </cell>
          <cell r="AK377" t="str">
            <v>32(23)/2/6</v>
          </cell>
          <cell r="AL377" t="str">
            <v/>
          </cell>
          <cell r="AM377" t="str">
            <v/>
          </cell>
          <cell r="AN377" t="str">
            <v/>
          </cell>
          <cell r="AO377" t="str">
            <v/>
          </cell>
          <cell r="AP377" t="str">
            <v/>
          </cell>
          <cell r="AQ377" t="str">
            <v/>
          </cell>
          <cell r="AR377" t="str">
            <v/>
          </cell>
          <cell r="AS377" t="str">
            <v/>
          </cell>
          <cell r="AT377" t="str">
            <v/>
          </cell>
          <cell r="AU377" t="str">
            <v/>
          </cell>
          <cell r="AV377" t="str">
            <v/>
          </cell>
          <cell r="AW377" t="str">
            <v/>
          </cell>
          <cell r="AX377" t="str">
            <v/>
          </cell>
          <cell r="AY377" t="str">
            <v/>
          </cell>
          <cell r="AZ377" t="str">
            <v/>
          </cell>
          <cell r="BA377" t="str">
            <v>大阪府</v>
          </cell>
          <cell r="BB377">
            <v>0</v>
          </cell>
          <cell r="CR377">
            <v>4785</v>
          </cell>
          <cell r="CS377" t="str">
            <v>ﾀﾃﾞﾊﾗ ｱｷﾗ</v>
          </cell>
          <cell r="CT377" t="str">
            <v>蓼原  聡</v>
          </cell>
          <cell r="CU377" t="str">
            <v>都市安全企画課</v>
          </cell>
          <cell r="CW377">
            <v>2143</v>
          </cell>
          <cell r="CX377" t="str">
            <v>課長</v>
          </cell>
          <cell r="CY377" t="str">
            <v>都市安全企画課長</v>
          </cell>
        </row>
        <row r="378">
          <cell r="B378">
            <v>2466</v>
          </cell>
          <cell r="C378" t="str">
            <v>(株)神島組</v>
          </cell>
          <cell r="D378" t="str">
            <v>0798-65-0121</v>
          </cell>
          <cell r="E378" t="str">
            <v>662-0832</v>
          </cell>
          <cell r="F378" t="str">
            <v>兵庫県西宮市甲風園3-9-5</v>
          </cell>
          <cell r="G378" t="str">
            <v>西宮市</v>
          </cell>
          <cell r="H378" t="str">
            <v/>
          </cell>
          <cell r="I378" t="str">
            <v>代表取締役 神島　昭男</v>
          </cell>
          <cell r="J378" t="str">
            <v>本店</v>
          </cell>
          <cell r="K378" t="str">
            <v>0798-64-1838</v>
          </cell>
          <cell r="L378" t="str">
            <v>kamisima@silver.ocn.ne.jp</v>
          </cell>
          <cell r="M378" t="str">
            <v>ｶﾐｼﾏｸﾞﾐ</v>
          </cell>
          <cell r="N378" t="str">
            <v>無</v>
          </cell>
          <cell r="O378">
            <v>68</v>
          </cell>
          <cell r="P378">
            <v>26</v>
          </cell>
          <cell r="Q378">
            <v>4140001068374</v>
          </cell>
          <cell r="R378">
            <v>20000</v>
          </cell>
          <cell r="S378">
            <v>1374281</v>
          </cell>
          <cell r="T378">
            <v>858311</v>
          </cell>
          <cell r="V378" t="str">
            <v>wq162500</v>
          </cell>
          <cell r="W378" t="str">
            <v>ah138085</v>
          </cell>
          <cell r="X378" t="str">
            <v>建管土と石鋼舗塗園水解</v>
          </cell>
          <cell r="Y378" t="str">
            <v>建管</v>
          </cell>
          <cell r="Z378" t="str">
            <v>土と石鋼舗塗園水解</v>
          </cell>
          <cell r="AA378" t="str">
            <v>土木一式</v>
          </cell>
          <cell r="AB378" t="str">
            <v/>
          </cell>
          <cell r="AC378" t="str">
            <v/>
          </cell>
          <cell r="AD378" t="str">
            <v/>
          </cell>
          <cell r="AE378">
            <v>43251</v>
          </cell>
          <cell r="AF378" t="str">
            <v>希望する</v>
          </cell>
          <cell r="AG378" t="str">
            <v>土木一式</v>
          </cell>
          <cell r="AH378" t="str">
            <v>特定</v>
          </cell>
          <cell r="AI378">
            <v>1038</v>
          </cell>
          <cell r="AJ378">
            <v>927610</v>
          </cell>
          <cell r="AK378" t="str">
            <v>9(9)/2/4</v>
          </cell>
          <cell r="AL378" t="str">
            <v/>
          </cell>
          <cell r="AM378" t="str">
            <v/>
          </cell>
          <cell r="AN378" t="str">
            <v/>
          </cell>
          <cell r="AO378" t="str">
            <v/>
          </cell>
          <cell r="AP378" t="str">
            <v/>
          </cell>
          <cell r="AQ378" t="str">
            <v/>
          </cell>
          <cell r="AR378" t="str">
            <v/>
          </cell>
          <cell r="AS378" t="str">
            <v/>
          </cell>
          <cell r="AT378" t="str">
            <v/>
          </cell>
          <cell r="AU378" t="str">
            <v/>
          </cell>
          <cell r="AV378" t="str">
            <v/>
          </cell>
          <cell r="AW378" t="str">
            <v/>
          </cell>
          <cell r="AX378" t="str">
            <v/>
          </cell>
          <cell r="AY378" t="str">
            <v/>
          </cell>
          <cell r="AZ378" t="str">
            <v/>
          </cell>
          <cell r="BA378" t="str">
            <v>兵庫県</v>
          </cell>
          <cell r="BB378">
            <v>0</v>
          </cell>
          <cell r="CR378">
            <v>4786</v>
          </cell>
          <cell r="CS378" t="str">
            <v>ﾏﾂﾀﾞ ｶﾂﾋﾛ</v>
          </cell>
          <cell r="CT378" t="str">
            <v>松田  克博</v>
          </cell>
          <cell r="CU378" t="str">
            <v>土地調査課</v>
          </cell>
          <cell r="CW378">
            <v>3023</v>
          </cell>
          <cell r="CX378" t="str">
            <v xml:space="preserve"> </v>
          </cell>
          <cell r="CY378" t="str">
            <v>土地調査課長</v>
          </cell>
        </row>
        <row r="379">
          <cell r="B379">
            <v>2468</v>
          </cell>
          <cell r="C379" t="str">
            <v>関西化工建設(株)</v>
          </cell>
          <cell r="D379" t="str">
            <v>078-569-1200</v>
          </cell>
          <cell r="E379" t="str">
            <v>536-0022</v>
          </cell>
          <cell r="F379" t="str">
            <v>兵庫県神戸市東灘区深江浜町14-4</v>
          </cell>
          <cell r="G379" t="str">
            <v>神戸市</v>
          </cell>
          <cell r="H379" t="str">
            <v>神戸営業所</v>
          </cell>
          <cell r="I379" t="str">
            <v>所長 榊原　仁</v>
          </cell>
          <cell r="J379" t="str">
            <v>本店</v>
          </cell>
          <cell r="K379" t="str">
            <v>078-436-0095</v>
          </cell>
          <cell r="L379" t="str">
            <v>kk-somu@ka-kako.co.jp</v>
          </cell>
          <cell r="M379" t="str">
            <v>ｶﾝｻｲｶｺｳｹﾝｾﾂ</v>
          </cell>
          <cell r="N379" t="str">
            <v>無</v>
          </cell>
          <cell r="O379">
            <v>43</v>
          </cell>
          <cell r="P379">
            <v>20</v>
          </cell>
          <cell r="Q379">
            <v>4140001031357</v>
          </cell>
          <cell r="R379">
            <v>50000</v>
          </cell>
          <cell r="S379">
            <v>988365</v>
          </cell>
          <cell r="T379">
            <v>1215920</v>
          </cell>
          <cell r="V379" t="str">
            <v>aw339175</v>
          </cell>
          <cell r="W379" t="str">
            <v>jw992822</v>
          </cell>
          <cell r="X379" t="str">
            <v>土と鋼舗塗水</v>
          </cell>
          <cell r="Y379" t="str">
            <v/>
          </cell>
          <cell r="Z379" t="str">
            <v>土と鋼舗塗水</v>
          </cell>
          <cell r="AA379" t="str">
            <v>鋼構造物</v>
          </cell>
          <cell r="AB379" t="str">
            <v>土木一式</v>
          </cell>
          <cell r="AC379" t="str">
            <v>とび土工</v>
          </cell>
          <cell r="AD379" t="str">
            <v>塗装</v>
          </cell>
          <cell r="AE379">
            <v>43281</v>
          </cell>
          <cell r="AF379" t="str">
            <v>希望しない</v>
          </cell>
          <cell r="AG379" t="str">
            <v>鋼構造物</v>
          </cell>
          <cell r="AH379" t="str">
            <v>特定</v>
          </cell>
          <cell r="AI379">
            <v>992</v>
          </cell>
          <cell r="AJ379">
            <v>564391</v>
          </cell>
          <cell r="AK379" t="str">
            <v>12(12)/1/0</v>
          </cell>
          <cell r="AL379" t="str">
            <v>土木一式</v>
          </cell>
          <cell r="AM379" t="str">
            <v>特定</v>
          </cell>
          <cell r="AN379">
            <v>956</v>
          </cell>
          <cell r="AO379">
            <v>246666</v>
          </cell>
          <cell r="AP379" t="str">
            <v>10(10)/0/0</v>
          </cell>
          <cell r="AQ379" t="str">
            <v>とび土工</v>
          </cell>
          <cell r="AR379" t="str">
            <v>特定</v>
          </cell>
          <cell r="AS379">
            <v>867</v>
          </cell>
          <cell r="AT379">
            <v>453602</v>
          </cell>
          <cell r="AU379" t="str">
            <v>1(1)/0/0</v>
          </cell>
          <cell r="AV379" t="str">
            <v>塗装</v>
          </cell>
          <cell r="AW379" t="str">
            <v>特定</v>
          </cell>
          <cell r="AX379">
            <v>812</v>
          </cell>
          <cell r="AY379">
            <v>36960</v>
          </cell>
          <cell r="AZ379" t="str">
            <v>1(1)/0/0</v>
          </cell>
          <cell r="BA379" t="str">
            <v>大阪府</v>
          </cell>
          <cell r="BB379">
            <v>0</v>
          </cell>
          <cell r="CR379">
            <v>4787</v>
          </cell>
          <cell r="CS379" t="str">
            <v>ﾄﾓｸﾆ ﾋﾛｶｽﾞ</v>
          </cell>
          <cell r="CT379" t="str">
            <v>友国  弘量</v>
          </cell>
          <cell r="CU379" t="str">
            <v>工務課</v>
          </cell>
          <cell r="CW379" t="str">
            <v xml:space="preserve"> </v>
          </cell>
          <cell r="CX379" t="str">
            <v>主査</v>
          </cell>
          <cell r="CY379" t="str">
            <v>工務課長</v>
          </cell>
        </row>
        <row r="380">
          <cell r="B380">
            <v>2469</v>
          </cell>
          <cell r="C380" t="str">
            <v>鹿島環境エンジニアリング(株)</v>
          </cell>
          <cell r="D380" t="str">
            <v>03-3746-7681</v>
          </cell>
          <cell r="E380" t="str">
            <v>107-0051</v>
          </cell>
          <cell r="F380" t="str">
            <v>東京都港区元赤坂1-5-31</v>
          </cell>
          <cell r="G380" t="str">
            <v/>
          </cell>
          <cell r="H380" t="str">
            <v/>
          </cell>
          <cell r="I380" t="str">
            <v>代表取締役 新川　隆夫</v>
          </cell>
          <cell r="J380" t="str">
            <v>本店</v>
          </cell>
          <cell r="K380" t="str">
            <v>03-3746-7680</v>
          </cell>
          <cell r="L380" t="str">
            <v>ohta@keeng.co.jp</v>
          </cell>
          <cell r="M380" t="str">
            <v>ｶｼﾞﾏｶﾝｷｮｳｴﾝｼﾞﾆｱﾘﾝｸﾞ</v>
          </cell>
          <cell r="N380" t="str">
            <v>無</v>
          </cell>
          <cell r="O380">
            <v>25</v>
          </cell>
          <cell r="P380">
            <v>79</v>
          </cell>
          <cell r="Q380">
            <v>4010401039186</v>
          </cell>
          <cell r="R380">
            <v>100000</v>
          </cell>
          <cell r="S380">
            <v>1103834</v>
          </cell>
          <cell r="T380">
            <v>3258712</v>
          </cell>
          <cell r="V380" t="str">
            <v>hm995545</v>
          </cell>
          <cell r="W380" t="str">
            <v>ee514161</v>
          </cell>
          <cell r="X380" t="str">
            <v>土と石電管鋼舗機水</v>
          </cell>
          <cell r="Y380" t="str">
            <v/>
          </cell>
          <cell r="Z380" t="str">
            <v>土と石電管鋼舗機水</v>
          </cell>
          <cell r="AA380" t="str">
            <v>機械器具</v>
          </cell>
          <cell r="AB380" t="str">
            <v>管</v>
          </cell>
          <cell r="AC380" t="str">
            <v>電気</v>
          </cell>
          <cell r="AD380" t="str">
            <v>土木一式</v>
          </cell>
          <cell r="AE380">
            <v>43190</v>
          </cell>
          <cell r="AF380" t="str">
            <v>希望しない</v>
          </cell>
          <cell r="AG380" t="str">
            <v>機械器具</v>
          </cell>
          <cell r="AH380" t="str">
            <v>特定</v>
          </cell>
          <cell r="AI380">
            <v>847</v>
          </cell>
          <cell r="AJ380">
            <v>635619</v>
          </cell>
          <cell r="AK380" t="str">
            <v>0(0)/0/8</v>
          </cell>
          <cell r="AL380" t="str">
            <v>管</v>
          </cell>
          <cell r="AM380" t="str">
            <v>特定</v>
          </cell>
          <cell r="AN380">
            <v>913</v>
          </cell>
          <cell r="AO380">
            <v>221972</v>
          </cell>
          <cell r="AP380" t="str">
            <v>15(12)/2/0</v>
          </cell>
          <cell r="AQ380" t="str">
            <v>電気</v>
          </cell>
          <cell r="AR380" t="str">
            <v>特定</v>
          </cell>
          <cell r="AS380">
            <v>728</v>
          </cell>
          <cell r="AT380">
            <v>14257</v>
          </cell>
          <cell r="AU380" t="str">
            <v>0(0)/1/2</v>
          </cell>
          <cell r="AV380" t="str">
            <v>土木一式</v>
          </cell>
          <cell r="AW380" t="str">
            <v>特定</v>
          </cell>
          <cell r="AX380">
            <v>855</v>
          </cell>
          <cell r="AY380">
            <v>135070</v>
          </cell>
          <cell r="AZ380" t="str">
            <v>7(4)/0/0</v>
          </cell>
          <cell r="BA380" t="str">
            <v>東京都</v>
          </cell>
          <cell r="BB380">
            <v>0</v>
          </cell>
          <cell r="CR380">
            <v>4788</v>
          </cell>
          <cell r="CS380" t="str">
            <v>ﾀﾊﾗ ﾔｽﾊﾙ</v>
          </cell>
          <cell r="CT380" t="str">
            <v>田原  安治</v>
          </cell>
          <cell r="CU380" t="str">
            <v>施設課</v>
          </cell>
          <cell r="CW380">
            <v>3628</v>
          </cell>
          <cell r="CX380" t="str">
            <v>課長</v>
          </cell>
          <cell r="CY380" t="str">
            <v>施設課長</v>
          </cell>
        </row>
        <row r="381">
          <cell r="B381">
            <v>2470</v>
          </cell>
          <cell r="C381" t="str">
            <v>(株)川辺建設</v>
          </cell>
          <cell r="D381" t="str">
            <v>072-767-8800</v>
          </cell>
          <cell r="E381" t="str">
            <v>666-0225</v>
          </cell>
          <cell r="F381" t="str">
            <v>兵庫県川辺郡猪名川町木津字正ヵ本11-1</v>
          </cell>
          <cell r="G381" t="str">
            <v>川辺郡</v>
          </cell>
          <cell r="H381" t="str">
            <v/>
          </cell>
          <cell r="I381" t="str">
            <v>代表取締役 村田 光一</v>
          </cell>
          <cell r="J381" t="str">
            <v>本店</v>
          </cell>
          <cell r="K381" t="str">
            <v>072-767-8801</v>
          </cell>
          <cell r="L381" t="str">
            <v>info@kawabe-bilder.com</v>
          </cell>
          <cell r="M381" t="str">
            <v>ｶﾜﾍﾞｹﾝｾﾂ</v>
          </cell>
          <cell r="N381" t="str">
            <v>無</v>
          </cell>
          <cell r="O381">
            <v>18</v>
          </cell>
          <cell r="P381">
            <v>4</v>
          </cell>
          <cell r="Q381">
            <v>6140001080071</v>
          </cell>
          <cell r="R381">
            <v>25000</v>
          </cell>
          <cell r="S381">
            <v>45155</v>
          </cell>
          <cell r="T381">
            <v>176600</v>
          </cell>
          <cell r="V381" t="str">
            <v>ku544496</v>
          </cell>
          <cell r="W381" t="str">
            <v>yk205671</v>
          </cell>
          <cell r="X381" t="str">
            <v>土と石鋼舗浚塗水</v>
          </cell>
          <cell r="Y381" t="str">
            <v/>
          </cell>
          <cell r="Z381" t="str">
            <v>土と石鋼舗浚塗水</v>
          </cell>
          <cell r="AA381" t="str">
            <v>鋼構造物</v>
          </cell>
          <cell r="AB381" t="str">
            <v>土木一式</v>
          </cell>
          <cell r="AC381" t="str">
            <v>舗装</v>
          </cell>
          <cell r="AD381" t="str">
            <v>水道施設</v>
          </cell>
          <cell r="AE381">
            <v>43373</v>
          </cell>
          <cell r="AF381" t="str">
            <v>希望しない</v>
          </cell>
          <cell r="AG381" t="str">
            <v>鋼構造物</v>
          </cell>
          <cell r="AH381" t="str">
            <v>特定</v>
          </cell>
          <cell r="AI381">
            <v>714</v>
          </cell>
          <cell r="AJ381">
            <v>17400</v>
          </cell>
          <cell r="AK381" t="str">
            <v>2(2)/1/0</v>
          </cell>
          <cell r="AL381" t="str">
            <v>土木一式</v>
          </cell>
          <cell r="AM381" t="str">
            <v>特定</v>
          </cell>
          <cell r="AN381">
            <v>744</v>
          </cell>
          <cell r="AO381">
            <v>74951</v>
          </cell>
          <cell r="AP381" t="str">
            <v>2(2)/1/0</v>
          </cell>
          <cell r="AQ381" t="str">
            <v>舗装</v>
          </cell>
          <cell r="AR381" t="str">
            <v>特定</v>
          </cell>
          <cell r="AS381">
            <v>638</v>
          </cell>
          <cell r="AT381" t="str">
            <v/>
          </cell>
          <cell r="AU381" t="str">
            <v>0(0)/0/0</v>
          </cell>
          <cell r="AV381" t="str">
            <v>水道施設</v>
          </cell>
          <cell r="AW381" t="str">
            <v>特定</v>
          </cell>
          <cell r="AX381">
            <v>649</v>
          </cell>
          <cell r="AY381">
            <v>3250</v>
          </cell>
          <cell r="AZ381" t="str">
            <v>0(0)/0/0</v>
          </cell>
          <cell r="BA381" t="str">
            <v>兵庫県</v>
          </cell>
          <cell r="BB381">
            <v>0</v>
          </cell>
          <cell r="CR381">
            <v>4790</v>
          </cell>
          <cell r="CS381" t="str">
            <v>ｲｹﾀﾞ ﾉﾘｺ</v>
          </cell>
          <cell r="CT381" t="str">
            <v>池田  典子</v>
          </cell>
          <cell r="CU381" t="str">
            <v>健康政策課</v>
          </cell>
          <cell r="CW381">
            <v>2557</v>
          </cell>
          <cell r="CX381" t="str">
            <v>主査</v>
          </cell>
          <cell r="CY381" t="str">
            <v>健康政策課長</v>
          </cell>
        </row>
        <row r="382">
          <cell r="B382">
            <v>2471</v>
          </cell>
          <cell r="C382" t="str">
            <v>(株)交野興業</v>
          </cell>
          <cell r="D382" t="str">
            <v>072-853-3800</v>
          </cell>
          <cell r="E382" t="str">
            <v>573-0074</v>
          </cell>
          <cell r="F382" t="str">
            <v>大阪府枚方市東香里南町2-10</v>
          </cell>
          <cell r="G382" t="str">
            <v>枚方市</v>
          </cell>
          <cell r="H382" t="str">
            <v/>
          </cell>
          <cell r="I382" t="str">
            <v>代表取締役 浅田　一宏</v>
          </cell>
          <cell r="J382" t="str">
            <v>本店</v>
          </cell>
          <cell r="K382" t="str">
            <v>072-854-6664</v>
          </cell>
          <cell r="L382" t="str">
            <v>7575@katano-kougyo.com</v>
          </cell>
          <cell r="M382" t="str">
            <v>ｶﾀﾉｺｳｷﾞｮｳ</v>
          </cell>
          <cell r="N382" t="str">
            <v>無</v>
          </cell>
          <cell r="O382">
            <v>42</v>
          </cell>
          <cell r="P382">
            <v>20</v>
          </cell>
          <cell r="Q382">
            <v>7120001146939</v>
          </cell>
          <cell r="R382">
            <v>20000</v>
          </cell>
          <cell r="S382">
            <v>100788</v>
          </cell>
          <cell r="T382">
            <v>285686</v>
          </cell>
          <cell r="V382" t="str">
            <v>cc266382</v>
          </cell>
          <cell r="W382" t="str">
            <v>cn232662</v>
          </cell>
          <cell r="X382" t="str">
            <v>建大左と石屋管タ鋼舗浚板ガ塗防内熱園具水解土</v>
          </cell>
          <cell r="Y382" t="str">
            <v>建大左と石屋管タ鋼舗浚板ガ塗防内熱園具水解</v>
          </cell>
          <cell r="Z382" t="str">
            <v>土</v>
          </cell>
          <cell r="AA382" t="str">
            <v>土木一式</v>
          </cell>
          <cell r="AB382" t="str">
            <v>浚渫</v>
          </cell>
          <cell r="AC382" t="str">
            <v>管</v>
          </cell>
          <cell r="AD382" t="str">
            <v/>
          </cell>
          <cell r="AE382">
            <v>43251</v>
          </cell>
          <cell r="AF382" t="str">
            <v>希望する</v>
          </cell>
          <cell r="AG382" t="str">
            <v>土木一式</v>
          </cell>
          <cell r="AH382" t="str">
            <v>特定</v>
          </cell>
          <cell r="AI382">
            <v>803</v>
          </cell>
          <cell r="AJ382">
            <v>11188</v>
          </cell>
          <cell r="AK382" t="str">
            <v>4(4)/2/6</v>
          </cell>
          <cell r="AL382" t="str">
            <v>浚渫</v>
          </cell>
          <cell r="AM382" t="str">
            <v>一般</v>
          </cell>
          <cell r="AN382">
            <v>719</v>
          </cell>
          <cell r="AO382" t="str">
            <v/>
          </cell>
          <cell r="AP382" t="str">
            <v>2(2)/0/2</v>
          </cell>
          <cell r="AQ382" t="str">
            <v>管</v>
          </cell>
          <cell r="AR382" t="str">
            <v>一般</v>
          </cell>
          <cell r="AS382">
            <v>715</v>
          </cell>
          <cell r="AT382">
            <v>3770</v>
          </cell>
          <cell r="AU382" t="str">
            <v>0(0)/1/3</v>
          </cell>
          <cell r="AV382" t="str">
            <v/>
          </cell>
          <cell r="AW382" t="str">
            <v/>
          </cell>
          <cell r="AX382" t="str">
            <v/>
          </cell>
          <cell r="AY382" t="str">
            <v/>
          </cell>
          <cell r="AZ382" t="str">
            <v/>
          </cell>
          <cell r="BA382" t="str">
            <v>大阪府</v>
          </cell>
          <cell r="BB382">
            <v>0</v>
          </cell>
          <cell r="CR382">
            <v>4794</v>
          </cell>
          <cell r="CS382" t="str">
            <v>ｲﾝﾄﾞｳ ｼﾞﾕﾝｺ</v>
          </cell>
          <cell r="CT382" t="str">
            <v>印藤  淳子</v>
          </cell>
          <cell r="CU382" t="str">
            <v>保育課</v>
          </cell>
          <cell r="CW382" t="str">
            <v xml:space="preserve"> </v>
          </cell>
          <cell r="CX382" t="str">
            <v>主任</v>
          </cell>
          <cell r="CY382" t="str">
            <v>保育課長</v>
          </cell>
        </row>
        <row r="383">
          <cell r="B383">
            <v>2474</v>
          </cell>
          <cell r="C383" t="str">
            <v>(株)関西システムアート</v>
          </cell>
          <cell r="D383" t="str">
            <v>06-6305-3977</v>
          </cell>
          <cell r="E383" t="str">
            <v>532-0012</v>
          </cell>
          <cell r="F383" t="str">
            <v>大阪府大阪市淀川区木川東3-1-4</v>
          </cell>
          <cell r="G383" t="str">
            <v>大阪市</v>
          </cell>
          <cell r="H383" t="str">
            <v/>
          </cell>
          <cell r="I383" t="str">
            <v>代表取締役 山本　浩一</v>
          </cell>
          <cell r="J383" t="str">
            <v>本店</v>
          </cell>
          <cell r="K383" t="str">
            <v>06-6305-3294</v>
          </cell>
          <cell r="L383" t="str">
            <v>hueda@tamego.co.jp</v>
          </cell>
          <cell r="M383" t="str">
            <v>ｶﾝｻｲｼｽﾃﾑｱｰﾄ</v>
          </cell>
          <cell r="N383" t="str">
            <v>無</v>
          </cell>
          <cell r="O383">
            <v>10</v>
          </cell>
          <cell r="P383">
            <v>9</v>
          </cell>
          <cell r="Q383">
            <v>1120001059023</v>
          </cell>
          <cell r="R383">
            <v>10000</v>
          </cell>
          <cell r="S383">
            <v>24139</v>
          </cell>
          <cell r="T383">
            <v>321007</v>
          </cell>
          <cell r="V383" t="str">
            <v>vg843007</v>
          </cell>
          <cell r="W383" t="str">
            <v>xy178115</v>
          </cell>
          <cell r="X383" t="str">
            <v>電管</v>
          </cell>
          <cell r="Y383" t="str">
            <v>電管</v>
          </cell>
          <cell r="Z383" t="str">
            <v/>
          </cell>
          <cell r="AA383" t="str">
            <v>電気</v>
          </cell>
          <cell r="AB383" t="str">
            <v/>
          </cell>
          <cell r="AC383" t="str">
            <v/>
          </cell>
          <cell r="AD383" t="str">
            <v/>
          </cell>
          <cell r="AE383">
            <v>43008</v>
          </cell>
          <cell r="AF383" t="str">
            <v>希望しない</v>
          </cell>
          <cell r="AG383" t="str">
            <v>電気</v>
          </cell>
          <cell r="AH383" t="str">
            <v>一般</v>
          </cell>
          <cell r="AI383">
            <v>647</v>
          </cell>
          <cell r="AJ383">
            <v>245732</v>
          </cell>
          <cell r="AK383" t="str">
            <v>1(1)/2/2</v>
          </cell>
          <cell r="AL383" t="str">
            <v/>
          </cell>
          <cell r="AM383" t="str">
            <v/>
          </cell>
          <cell r="AN383" t="str">
            <v/>
          </cell>
          <cell r="AO383" t="str">
            <v/>
          </cell>
          <cell r="AP383" t="str">
            <v/>
          </cell>
          <cell r="AQ383" t="str">
            <v/>
          </cell>
          <cell r="AR383" t="str">
            <v/>
          </cell>
          <cell r="AS383" t="str">
            <v/>
          </cell>
          <cell r="AT383" t="str">
            <v/>
          </cell>
          <cell r="AU383" t="str">
            <v/>
          </cell>
          <cell r="AV383" t="str">
            <v/>
          </cell>
          <cell r="AW383" t="str">
            <v/>
          </cell>
          <cell r="AX383" t="str">
            <v/>
          </cell>
          <cell r="AY383" t="str">
            <v/>
          </cell>
          <cell r="AZ383" t="str">
            <v/>
          </cell>
          <cell r="BA383" t="str">
            <v>大阪府</v>
          </cell>
          <cell r="BB383">
            <v>0</v>
          </cell>
          <cell r="CR383">
            <v>4798</v>
          </cell>
          <cell r="CS383" t="str">
            <v>ﾔﾏﾓﾄ ﾐﾄｼﾞ</v>
          </cell>
          <cell r="CT383" t="str">
            <v>山本  三人次</v>
          </cell>
          <cell r="CU383" t="str">
            <v>消防総務課</v>
          </cell>
          <cell r="CW383">
            <v>6680208</v>
          </cell>
          <cell r="CX383" t="str">
            <v>副主幹</v>
          </cell>
          <cell r="CY383" t="str">
            <v>消防総務課長</v>
          </cell>
        </row>
        <row r="384">
          <cell r="B384">
            <v>2475</v>
          </cell>
          <cell r="C384" t="str">
            <v>(有)紙川防水興業</v>
          </cell>
          <cell r="D384" t="str">
            <v>078-671-0140</v>
          </cell>
          <cell r="E384" t="str">
            <v>530-0053</v>
          </cell>
          <cell r="F384" t="str">
            <v>兵庫県神戸市長田区東尻池町4-1-25</v>
          </cell>
          <cell r="G384" t="str">
            <v>神戸市</v>
          </cell>
          <cell r="H384" t="str">
            <v/>
          </cell>
          <cell r="I384" t="str">
            <v>代表取締役　 紙川　勝見</v>
          </cell>
          <cell r="J384" t="str">
            <v>本店</v>
          </cell>
          <cell r="K384" t="str">
            <v>078-671-0150</v>
          </cell>
          <cell r="L384" t="str">
            <v>kamikawa-proof@feel.ocn.ne.jp</v>
          </cell>
          <cell r="M384" t="str">
            <v>ｶﾐｶﾜﾎﾞｳｽｲｺｳｷﾞﾖｳ</v>
          </cell>
          <cell r="N384" t="str">
            <v>無</v>
          </cell>
          <cell r="O384">
            <v>19</v>
          </cell>
          <cell r="P384">
            <v>17</v>
          </cell>
          <cell r="Q384">
            <v>5140000000000</v>
          </cell>
          <cell r="R384">
            <v>50000</v>
          </cell>
          <cell r="S384">
            <v>120089</v>
          </cell>
          <cell r="T384">
            <v>759807</v>
          </cell>
          <cell r="V384" t="str">
            <v>uz540199</v>
          </cell>
          <cell r="W384" t="str">
            <v>sz284621</v>
          </cell>
          <cell r="X384" t="str">
            <v>電管</v>
          </cell>
          <cell r="Y384" t="str">
            <v>電管</v>
          </cell>
          <cell r="Z384" t="str">
            <v/>
          </cell>
          <cell r="AA384" t="str">
            <v>防水</v>
          </cell>
          <cell r="AB384" t="str">
            <v>建築一式</v>
          </cell>
          <cell r="AC384" t="str">
            <v>塗装</v>
          </cell>
          <cell r="AD384" t="str">
            <v/>
          </cell>
          <cell r="AE384">
            <v>43281</v>
          </cell>
          <cell r="AF384" t="str">
            <v>希望しない</v>
          </cell>
          <cell r="AG384" t="str">
            <v>防水</v>
          </cell>
          <cell r="AH384" t="str">
            <v>一般</v>
          </cell>
          <cell r="AI384">
            <v>791</v>
          </cell>
          <cell r="AJ384">
            <v>284402</v>
          </cell>
          <cell r="AK384" t="str">
            <v>1(1)/4/3</v>
          </cell>
          <cell r="AL384" t="str">
            <v>建築一式</v>
          </cell>
          <cell r="AM384" t="str">
            <v>特定</v>
          </cell>
          <cell r="AN384">
            <v>795</v>
          </cell>
          <cell r="AO384">
            <v>249378</v>
          </cell>
          <cell r="AP384" t="str">
            <v>3(3)/1/0</v>
          </cell>
          <cell r="AQ384" t="str">
            <v>塗装</v>
          </cell>
          <cell r="AR384" t="str">
            <v>一般</v>
          </cell>
          <cell r="AS384">
            <v>681</v>
          </cell>
          <cell r="AT384">
            <v>54283</v>
          </cell>
          <cell r="AU384" t="str">
            <v>0(0)/1/0</v>
          </cell>
          <cell r="AV384" t="str">
            <v/>
          </cell>
          <cell r="AW384" t="str">
            <v/>
          </cell>
          <cell r="AX384" t="str">
            <v/>
          </cell>
          <cell r="AY384" t="str">
            <v/>
          </cell>
          <cell r="AZ384" t="str">
            <v/>
          </cell>
          <cell r="BA384" t="str">
            <v>兵庫県</v>
          </cell>
          <cell r="BB384">
            <v>0</v>
          </cell>
          <cell r="CR384">
            <v>4804</v>
          </cell>
          <cell r="CS384" t="str">
            <v>ﾀﾆ ﾔｽｼ</v>
          </cell>
          <cell r="CT384" t="str">
            <v>谷  泰史</v>
          </cell>
          <cell r="CU384" t="str">
            <v>クリーンセンター</v>
          </cell>
          <cell r="CW384">
            <v>7820968</v>
          </cell>
          <cell r="CX384" t="str">
            <v>課長</v>
          </cell>
          <cell r="CY384" t="str">
            <v>スポーツ振興課長</v>
          </cell>
        </row>
        <row r="385">
          <cell r="B385">
            <v>2477</v>
          </cell>
          <cell r="C385" t="str">
            <v>(株)川西商会</v>
          </cell>
          <cell r="D385" t="str">
            <v>072-758-8219</v>
          </cell>
          <cell r="E385" t="str">
            <v>666-0011</v>
          </cell>
          <cell r="F385" t="str">
            <v>兵庫県川西市出在家町4-20-2</v>
          </cell>
          <cell r="G385" t="str">
            <v>川西市</v>
          </cell>
          <cell r="H385" t="str">
            <v/>
          </cell>
          <cell r="I385" t="str">
            <v>代表取締役 貝藤　直樹</v>
          </cell>
          <cell r="J385" t="str">
            <v>本店</v>
          </cell>
          <cell r="K385" t="str">
            <v>072-758-7102</v>
          </cell>
          <cell r="L385" t="str">
            <v>kwns-pcj@cap.ocn.ne.jp</v>
          </cell>
          <cell r="M385" t="str">
            <v>ｶﾜﾆｼｼｮｳｶｲ</v>
          </cell>
          <cell r="N385" t="str">
            <v>無</v>
          </cell>
          <cell r="O385">
            <v>20</v>
          </cell>
          <cell r="P385">
            <v>12</v>
          </cell>
          <cell r="Q385">
            <v>6140001079262</v>
          </cell>
          <cell r="R385">
            <v>10000</v>
          </cell>
          <cell r="S385">
            <v>308823</v>
          </cell>
          <cell r="T385">
            <v>1678984</v>
          </cell>
          <cell r="V385" t="str">
            <v>ge102436</v>
          </cell>
          <cell r="W385" t="str">
            <v>qw784545</v>
          </cell>
          <cell r="X385" t="str">
            <v>土と石鋼舗浚塗水</v>
          </cell>
          <cell r="Y385" t="str">
            <v>土と石鋼舗浚塗水</v>
          </cell>
          <cell r="Z385" t="str">
            <v/>
          </cell>
          <cell r="AA385" t="str">
            <v>とび土工</v>
          </cell>
          <cell r="AB385" t="str">
            <v>土木一式</v>
          </cell>
          <cell r="AC385" t="str">
            <v>鋼構造物</v>
          </cell>
          <cell r="AD385" t="str">
            <v>塗装</v>
          </cell>
          <cell r="AE385">
            <v>42978</v>
          </cell>
          <cell r="AF385" t="str">
            <v>希望しない</v>
          </cell>
          <cell r="AG385" t="str">
            <v>とび土工</v>
          </cell>
          <cell r="AH385" t="str">
            <v>一般</v>
          </cell>
          <cell r="AI385">
            <v>736</v>
          </cell>
          <cell r="AJ385">
            <v>678908</v>
          </cell>
          <cell r="AK385" t="str">
            <v>2(1)/0/3</v>
          </cell>
          <cell r="AL385" t="str">
            <v>土木一式</v>
          </cell>
          <cell r="AM385" t="str">
            <v>一般</v>
          </cell>
          <cell r="AN385">
            <v>589</v>
          </cell>
          <cell r="AO385" t="str">
            <v/>
          </cell>
          <cell r="AP385" t="str">
            <v>2(1)/0/0</v>
          </cell>
          <cell r="AQ385" t="str">
            <v>鋼構造物</v>
          </cell>
          <cell r="AR385" t="str">
            <v>一般</v>
          </cell>
          <cell r="AS385">
            <v>562</v>
          </cell>
          <cell r="AT385" t="str">
            <v/>
          </cell>
          <cell r="AU385" t="str">
            <v>0(0)/0/0</v>
          </cell>
          <cell r="AV385" t="str">
            <v>塗装</v>
          </cell>
          <cell r="AW385" t="str">
            <v>一般</v>
          </cell>
          <cell r="AX385">
            <v>562</v>
          </cell>
          <cell r="AY385" t="str">
            <v/>
          </cell>
          <cell r="AZ385" t="str">
            <v>0(0)/0/0</v>
          </cell>
          <cell r="BA385" t="str">
            <v>兵庫県</v>
          </cell>
          <cell r="BB385">
            <v>0</v>
          </cell>
          <cell r="CR385">
            <v>4805</v>
          </cell>
          <cell r="CS385" t="str">
            <v>ﾔﾏﾈ ｹﾝｼﾞ</v>
          </cell>
          <cell r="CT385" t="str">
            <v>山根  憲治</v>
          </cell>
          <cell r="CU385" t="str">
            <v>業務課</v>
          </cell>
          <cell r="CW385" t="str">
            <v xml:space="preserve"> </v>
          </cell>
          <cell r="CX385" t="str">
            <v xml:space="preserve"> </v>
          </cell>
          <cell r="CY385" t="str">
            <v>業務課長</v>
          </cell>
        </row>
        <row r="386">
          <cell r="B386">
            <v>2478</v>
          </cell>
          <cell r="C386" t="str">
            <v>(株)加藤建設</v>
          </cell>
          <cell r="D386" t="str">
            <v>0567-95-2181</v>
          </cell>
          <cell r="E386" t="str">
            <v>497-8501</v>
          </cell>
          <cell r="F386" t="str">
            <v>愛知県海部郡蟹江町大字蟹江新田字下市場19-1</v>
          </cell>
          <cell r="G386" t="str">
            <v>海部郡蟹江町</v>
          </cell>
          <cell r="H386" t="str">
            <v/>
          </cell>
          <cell r="I386" t="str">
            <v>取締役社長 加藤　徹</v>
          </cell>
          <cell r="J386" t="str">
            <v>本店</v>
          </cell>
          <cell r="K386" t="str">
            <v>0567-96-1184</v>
          </cell>
          <cell r="L386" t="str">
            <v>kato-nagoya@kato-kensetu.co.jp</v>
          </cell>
          <cell r="M386" t="str">
            <v>ｶﾄｳｹﾝｾﾂ</v>
          </cell>
          <cell r="N386" t="str">
            <v>無</v>
          </cell>
          <cell r="O386">
            <v>67</v>
          </cell>
          <cell r="P386">
            <v>293</v>
          </cell>
          <cell r="Q386">
            <v>1180001096804</v>
          </cell>
          <cell r="R386">
            <v>180000</v>
          </cell>
          <cell r="S386">
            <v>11174803</v>
          </cell>
          <cell r="T386">
            <v>20192828</v>
          </cell>
          <cell r="V386" t="str">
            <v>gr472536</v>
          </cell>
          <cell r="W386" t="str">
            <v>ge012457</v>
          </cell>
          <cell r="X386" t="str">
            <v>管土建と鋼舗浚防園水解</v>
          </cell>
          <cell r="Y386" t="str">
            <v>管</v>
          </cell>
          <cell r="Z386" t="str">
            <v>土建と鋼舗浚防園水解</v>
          </cell>
          <cell r="AA386" t="str">
            <v>土木一式</v>
          </cell>
          <cell r="AB386" t="str">
            <v>舗装</v>
          </cell>
          <cell r="AC386" t="str">
            <v>建築一式</v>
          </cell>
          <cell r="AD386" t="str">
            <v>水道施設</v>
          </cell>
          <cell r="AE386">
            <v>43008</v>
          </cell>
          <cell r="AF386" t="str">
            <v>希望しない</v>
          </cell>
          <cell r="AG386" t="str">
            <v>土木一式</v>
          </cell>
          <cell r="AH386" t="str">
            <v>特定</v>
          </cell>
          <cell r="AI386">
            <v>1503</v>
          </cell>
          <cell r="AJ386">
            <v>18287765</v>
          </cell>
          <cell r="AK386" t="str">
            <v>176(175)/40/0</v>
          </cell>
          <cell r="AL386" t="str">
            <v>舗装</v>
          </cell>
          <cell r="AM386" t="str">
            <v>特定</v>
          </cell>
          <cell r="AN386">
            <v>1311</v>
          </cell>
          <cell r="AO386">
            <v>950998</v>
          </cell>
          <cell r="AP386" t="str">
            <v>167(166)/39/0</v>
          </cell>
          <cell r="AQ386" t="str">
            <v>建築一式</v>
          </cell>
          <cell r="AR386" t="str">
            <v>特定</v>
          </cell>
          <cell r="AS386">
            <v>1141</v>
          </cell>
          <cell r="AT386">
            <v>403763</v>
          </cell>
          <cell r="AU386" t="str">
            <v>11(11)/1/0</v>
          </cell>
          <cell r="AV386" t="str">
            <v>水道施設</v>
          </cell>
          <cell r="AW386" t="str">
            <v>特定</v>
          </cell>
          <cell r="AX386">
            <v>876</v>
          </cell>
          <cell r="AY386" t="str">
            <v/>
          </cell>
          <cell r="AZ386" t="str">
            <v>0(0)/0/0</v>
          </cell>
          <cell r="BA386" t="str">
            <v>愛知県</v>
          </cell>
          <cell r="BB386">
            <v>0</v>
          </cell>
          <cell r="CR386">
            <v>4806</v>
          </cell>
          <cell r="CS386" t="str">
            <v>ﾎｼﾉ ｶｵﾙ</v>
          </cell>
          <cell r="CT386" t="str">
            <v>星野  薫</v>
          </cell>
          <cell r="CU386" t="str">
            <v>選挙管理委員会事務局</v>
          </cell>
          <cell r="CW386">
            <v>4087</v>
          </cell>
          <cell r="CY386" t="str">
            <v>選挙管理委員会事務局長</v>
          </cell>
        </row>
        <row r="387">
          <cell r="B387">
            <v>2479</v>
          </cell>
          <cell r="C387" t="str">
            <v>(株)河合塗研</v>
          </cell>
          <cell r="D387" t="str">
            <v>078-950-2430</v>
          </cell>
          <cell r="E387" t="str">
            <v>651-1502</v>
          </cell>
          <cell r="F387" t="str">
            <v>兵庫県神戸市北区道場町塩田1957-11</v>
          </cell>
          <cell r="G387" t="str">
            <v>神戸市</v>
          </cell>
          <cell r="H387" t="str">
            <v/>
          </cell>
          <cell r="I387" t="str">
            <v>代表取締役　 河合　将人</v>
          </cell>
          <cell r="J387" t="str">
            <v>本店</v>
          </cell>
          <cell r="K387" t="str">
            <v>078-950-2431</v>
          </cell>
          <cell r="L387" t="str">
            <v>m.kawai@kawaitoken.co.jp</v>
          </cell>
          <cell r="M387" t="str">
            <v>ｶﾜｲﾄｹﾝ</v>
          </cell>
          <cell r="N387" t="str">
            <v>無</v>
          </cell>
          <cell r="O387">
            <v>16</v>
          </cell>
          <cell r="P387">
            <v>8</v>
          </cell>
          <cell r="Q387">
            <v>8140000000000</v>
          </cell>
          <cell r="R387">
            <v>40000</v>
          </cell>
          <cell r="S387">
            <v>61522</v>
          </cell>
          <cell r="T387">
            <v>592184</v>
          </cell>
          <cell r="V387" t="str">
            <v>vi164393</v>
          </cell>
          <cell r="W387" t="str">
            <v>ts141410</v>
          </cell>
          <cell r="X387" t="str">
            <v>建大と石屋タ鋼鉄板ガ塗防内熱具</v>
          </cell>
          <cell r="Y387" t="str">
            <v/>
          </cell>
          <cell r="Z387" t="str">
            <v>建大と石屋タ鋼鉄板ガ塗防内熱具</v>
          </cell>
          <cell r="AA387" t="str">
            <v>建築一式</v>
          </cell>
          <cell r="AB387" t="str">
            <v>塗装</v>
          </cell>
          <cell r="AC387" t="str">
            <v>防水</v>
          </cell>
          <cell r="AD387" t="str">
            <v/>
          </cell>
          <cell r="AE387">
            <v>43312</v>
          </cell>
          <cell r="AF387" t="str">
            <v>希望しない</v>
          </cell>
          <cell r="AG387" t="str">
            <v>建築一式</v>
          </cell>
          <cell r="AH387" t="str">
            <v>特定</v>
          </cell>
          <cell r="AI387">
            <v>832</v>
          </cell>
          <cell r="AJ387">
            <v>295812</v>
          </cell>
          <cell r="AK387" t="str">
            <v>4(4)/0/3</v>
          </cell>
          <cell r="AL387" t="str">
            <v>塗装</v>
          </cell>
          <cell r="AM387" t="str">
            <v>特定</v>
          </cell>
          <cell r="AN387">
            <v>819</v>
          </cell>
          <cell r="AO387">
            <v>243170</v>
          </cell>
          <cell r="AP387" t="str">
            <v>4(4)/0/2</v>
          </cell>
          <cell r="AQ387" t="str">
            <v>防水</v>
          </cell>
          <cell r="AR387" t="str">
            <v>特定</v>
          </cell>
          <cell r="AS387">
            <v>698</v>
          </cell>
          <cell r="AT387">
            <v>30925</v>
          </cell>
          <cell r="AU387" t="str">
            <v>0(0)/0/0</v>
          </cell>
          <cell r="AV387" t="str">
            <v/>
          </cell>
          <cell r="AW387" t="str">
            <v/>
          </cell>
          <cell r="AX387" t="str">
            <v/>
          </cell>
          <cell r="AY387" t="str">
            <v/>
          </cell>
          <cell r="AZ387" t="str">
            <v/>
          </cell>
          <cell r="BA387" t="str">
            <v>兵庫県</v>
          </cell>
          <cell r="BB387">
            <v>0</v>
          </cell>
          <cell r="CR387">
            <v>4810</v>
          </cell>
          <cell r="CS387" t="str">
            <v>ﾉｸﾞﾁ ﾀｶｼ</v>
          </cell>
          <cell r="CT387" t="str">
            <v>野口  隆</v>
          </cell>
          <cell r="CU387" t="str">
            <v>医事課</v>
          </cell>
          <cell r="CW387" t="str">
            <v xml:space="preserve"> </v>
          </cell>
          <cell r="CX387" t="str">
            <v>課長</v>
          </cell>
          <cell r="CY387" t="str">
            <v>医事課長</v>
          </cell>
        </row>
        <row r="388">
          <cell r="B388">
            <v>2480</v>
          </cell>
          <cell r="C388" t="str">
            <v>河本興業(株)</v>
          </cell>
          <cell r="D388" t="str">
            <v>072-840-3221</v>
          </cell>
          <cell r="E388" t="str">
            <v>573-0021</v>
          </cell>
          <cell r="F388" t="str">
            <v>大阪府枚方市中宮西之町3-8</v>
          </cell>
          <cell r="G388" t="str">
            <v>枚方市</v>
          </cell>
          <cell r="H388" t="str">
            <v/>
          </cell>
          <cell r="I388" t="str">
            <v>代表取締役 河本　能久</v>
          </cell>
          <cell r="J388" t="str">
            <v>本店</v>
          </cell>
          <cell r="K388" t="str">
            <v>072-840-3223</v>
          </cell>
          <cell r="L388" t="str">
            <v>kwmtent@aioros.ocn.ne.jp</v>
          </cell>
          <cell r="M388" t="str">
            <v>ｶﾜﾓﾄｺｳｷﾞｮｳ</v>
          </cell>
          <cell r="N388" t="str">
            <v>無</v>
          </cell>
          <cell r="O388">
            <v>50</v>
          </cell>
          <cell r="P388">
            <v>15</v>
          </cell>
          <cell r="Q388">
            <v>2120001149293</v>
          </cell>
          <cell r="R388">
            <v>46500</v>
          </cell>
          <cell r="S388">
            <v>667162</v>
          </cell>
          <cell r="T388">
            <v>1430326</v>
          </cell>
          <cell r="V388" t="str">
            <v>av171580</v>
          </cell>
          <cell r="W388" t="str">
            <v>ul152291</v>
          </cell>
          <cell r="X388" t="str">
            <v>井土建大と石屋管タ鋼鉄舗浚板ガ塗防内熱園具水解</v>
          </cell>
          <cell r="Y388" t="str">
            <v>井</v>
          </cell>
          <cell r="Z388" t="str">
            <v>土建大と石屋管タ鋼鉄舗浚板ガ塗防内熱園具水解</v>
          </cell>
          <cell r="AA388" t="str">
            <v>さく井</v>
          </cell>
          <cell r="AB388" t="str">
            <v>土木一式</v>
          </cell>
          <cell r="AC388" t="str">
            <v>建築一式</v>
          </cell>
          <cell r="AD388" t="str">
            <v>管</v>
          </cell>
          <cell r="AE388">
            <v>43008</v>
          </cell>
          <cell r="AF388" t="str">
            <v>希望しない</v>
          </cell>
          <cell r="AG388" t="str">
            <v>さく井</v>
          </cell>
          <cell r="AH388" t="str">
            <v>一般</v>
          </cell>
          <cell r="AI388">
            <v>701</v>
          </cell>
          <cell r="AJ388">
            <v>1009</v>
          </cell>
          <cell r="AK388" t="str">
            <v>0(0)/0/0</v>
          </cell>
          <cell r="AL388" t="str">
            <v>土木一式</v>
          </cell>
          <cell r="AM388" t="str">
            <v>特定</v>
          </cell>
          <cell r="AN388">
            <v>971</v>
          </cell>
          <cell r="AO388">
            <v>766393</v>
          </cell>
          <cell r="AP388" t="str">
            <v>8(8)/0/1</v>
          </cell>
          <cell r="AQ388" t="str">
            <v>建築一式</v>
          </cell>
          <cell r="AR388" t="str">
            <v>特定</v>
          </cell>
          <cell r="AS388">
            <v>842</v>
          </cell>
          <cell r="AT388">
            <v>187253</v>
          </cell>
          <cell r="AU388" t="str">
            <v>1(1)/0/0</v>
          </cell>
          <cell r="AV388" t="str">
            <v>管</v>
          </cell>
          <cell r="AW388" t="str">
            <v>特定</v>
          </cell>
          <cell r="AX388">
            <v>782</v>
          </cell>
          <cell r="AY388">
            <v>25552</v>
          </cell>
          <cell r="AZ388" t="str">
            <v>1(1)/0/0</v>
          </cell>
          <cell r="BA388" t="str">
            <v>大阪府</v>
          </cell>
          <cell r="BB388">
            <v>0</v>
          </cell>
          <cell r="CR388">
            <v>4811</v>
          </cell>
          <cell r="CS388" t="str">
            <v>ﾀﾅｶ ﾋｻｵ</v>
          </cell>
          <cell r="CT388" t="str">
            <v>田中  久雄</v>
          </cell>
          <cell r="CU388" t="str">
            <v>総務課</v>
          </cell>
          <cell r="CW388" t="str">
            <v xml:space="preserve"> </v>
          </cell>
          <cell r="CX388" t="str">
            <v>課長</v>
          </cell>
          <cell r="CY388" t="str">
            <v>総務課長</v>
          </cell>
        </row>
        <row r="389">
          <cell r="B389">
            <v>2481</v>
          </cell>
          <cell r="C389" t="str">
            <v>(株)川見建設</v>
          </cell>
          <cell r="D389" t="str">
            <v>0796-52-3500</v>
          </cell>
          <cell r="E389" t="str">
            <v>668-0221</v>
          </cell>
          <cell r="F389" t="str">
            <v>兵庫県豊岡市出石町町分252番地</v>
          </cell>
          <cell r="G389" t="str">
            <v>豊岡市</v>
          </cell>
          <cell r="H389" t="str">
            <v/>
          </cell>
          <cell r="I389" t="str">
            <v>代表取締役 川見　敏之</v>
          </cell>
          <cell r="J389" t="str">
            <v>本店</v>
          </cell>
          <cell r="K389" t="str">
            <v>0796-52-5921</v>
          </cell>
          <cell r="L389" t="str">
            <v>info@kawamikk.co.jp</v>
          </cell>
          <cell r="M389" t="str">
            <v>ｶﾜﾐｹﾝｾﾂ</v>
          </cell>
          <cell r="N389" t="str">
            <v>無</v>
          </cell>
          <cell r="O389">
            <v>66</v>
          </cell>
          <cell r="P389">
            <v>32</v>
          </cell>
          <cell r="Q389">
            <v>1140001056398</v>
          </cell>
          <cell r="R389">
            <v>66800</v>
          </cell>
          <cell r="S389">
            <v>394182</v>
          </cell>
          <cell r="T389">
            <v>1735180</v>
          </cell>
          <cell r="V389" t="str">
            <v>yf183187</v>
          </cell>
          <cell r="W389" t="str">
            <v>am137254</v>
          </cell>
          <cell r="X389" t="str">
            <v>土建大と石鉄舗内水</v>
          </cell>
          <cell r="Y389" t="str">
            <v/>
          </cell>
          <cell r="Z389" t="str">
            <v>土建大と石鉄舗内水</v>
          </cell>
          <cell r="AA389" t="str">
            <v>建築一式</v>
          </cell>
          <cell r="AB389" t="str">
            <v>土木一式</v>
          </cell>
          <cell r="AC389" t="str">
            <v>舗装</v>
          </cell>
          <cell r="AD389" t="str">
            <v>内装仕上</v>
          </cell>
          <cell r="AE389">
            <v>43039</v>
          </cell>
          <cell r="AF389" t="str">
            <v>希望しない</v>
          </cell>
          <cell r="AG389" t="str">
            <v>建築一式</v>
          </cell>
          <cell r="AH389" t="str">
            <v/>
          </cell>
          <cell r="AI389">
            <v>1035</v>
          </cell>
          <cell r="AJ389">
            <v>1468549</v>
          </cell>
          <cell r="AK389" t="str">
            <v>10(9)/4/9</v>
          </cell>
          <cell r="AL389" t="str">
            <v>土木一式</v>
          </cell>
          <cell r="AM389" t="str">
            <v/>
          </cell>
          <cell r="AN389">
            <v>921</v>
          </cell>
          <cell r="AO389">
            <v>213063</v>
          </cell>
          <cell r="AP389" t="str">
            <v>5(5)/3/13</v>
          </cell>
          <cell r="AQ389" t="str">
            <v>舗装</v>
          </cell>
          <cell r="AR389" t="str">
            <v/>
          </cell>
          <cell r="AS389">
            <v>746</v>
          </cell>
          <cell r="AT389">
            <v>2397</v>
          </cell>
          <cell r="AU389" t="str">
            <v>2(2)/0/0</v>
          </cell>
          <cell r="AV389" t="str">
            <v>内装仕上</v>
          </cell>
          <cell r="AW389" t="str">
            <v/>
          </cell>
          <cell r="AX389">
            <v>745</v>
          </cell>
          <cell r="AY389">
            <v>2201</v>
          </cell>
          <cell r="AZ389" t="str">
            <v>2(2)/0/0</v>
          </cell>
          <cell r="BA389" t="str">
            <v>兵庫県</v>
          </cell>
          <cell r="BB389">
            <v>0</v>
          </cell>
          <cell r="CR389">
            <v>4860</v>
          </cell>
          <cell r="CS389" t="str">
            <v>ﾄﾓｻﾞﾜ ﾐｶ</v>
          </cell>
          <cell r="CT389" t="str">
            <v>友澤  美香</v>
          </cell>
          <cell r="CU389" t="str">
            <v>介護保険課</v>
          </cell>
          <cell r="CW389">
            <v>2707</v>
          </cell>
          <cell r="CX389" t="str">
            <v>副主幹</v>
          </cell>
          <cell r="CY389" t="str">
            <v>介護保険課長</v>
          </cell>
        </row>
        <row r="390">
          <cell r="B390">
            <v>2492</v>
          </cell>
          <cell r="C390" t="str">
            <v>(株)キクテック</v>
          </cell>
          <cell r="D390" t="str">
            <v>078-882-9708</v>
          </cell>
          <cell r="E390" t="str">
            <v>657-0812</v>
          </cell>
          <cell r="F390" t="str">
            <v>兵庫県神戸市灘区箕岡通1-2-9</v>
          </cell>
          <cell r="G390" t="str">
            <v>名古屋市</v>
          </cell>
          <cell r="H390" t="str">
            <v>兵庫営業所</v>
          </cell>
          <cell r="I390" t="str">
            <v>所長 長友　則夫</v>
          </cell>
          <cell r="J390" t="str">
            <v>愛知県名古屋市</v>
          </cell>
          <cell r="K390" t="str">
            <v>078-882-9706</v>
          </cell>
          <cell r="L390" t="str">
            <v>hyogo@kictec.co.jp</v>
          </cell>
          <cell r="M390" t="str">
            <v>ｷｸﾃｯｸ</v>
          </cell>
          <cell r="N390" t="str">
            <v>有</v>
          </cell>
          <cell r="O390">
            <v>54</v>
          </cell>
          <cell r="P390">
            <v>314</v>
          </cell>
          <cell r="Q390">
            <v>1180001014311</v>
          </cell>
          <cell r="R390">
            <v>80000</v>
          </cell>
          <cell r="S390">
            <v>6501966</v>
          </cell>
          <cell r="T390">
            <v>13129563</v>
          </cell>
          <cell r="V390" t="str">
            <v>xp294177</v>
          </cell>
          <cell r="W390" t="str">
            <v>kc606293</v>
          </cell>
          <cell r="X390" t="str">
            <v>土電タ鋼舗ガ防内機(清)(と)(タ)(鋼)(舗)(ガ)(塗)(防)(内)(水)建と管塗園水</v>
          </cell>
          <cell r="Y390" t="str">
            <v>土電タ鋼舗ガ防内機(清)(と)(タ)(鋼)(舗)(ガ)(塗)(防)(内)(水)</v>
          </cell>
          <cell r="Z390" t="str">
            <v>建と管塗園水</v>
          </cell>
          <cell r="AA390" t="str">
            <v>とび土工</v>
          </cell>
          <cell r="AB390" t="str">
            <v>塗装</v>
          </cell>
          <cell r="AC390" t="str">
            <v>鋼構造物</v>
          </cell>
          <cell r="AD390" t="str">
            <v>内装仕上</v>
          </cell>
          <cell r="AE390">
            <v>43281</v>
          </cell>
          <cell r="AF390" t="str">
            <v>希望しない</v>
          </cell>
          <cell r="AG390" t="str">
            <v>とび土工</v>
          </cell>
          <cell r="AH390" t="str">
            <v>特定</v>
          </cell>
          <cell r="AI390">
            <v>1223</v>
          </cell>
          <cell r="AJ390">
            <v>2680357</v>
          </cell>
          <cell r="AK390" t="str">
            <v>59(54)/21/0</v>
          </cell>
          <cell r="AL390" t="str">
            <v>塗装</v>
          </cell>
          <cell r="AM390" t="str">
            <v>特定</v>
          </cell>
          <cell r="AN390">
            <v>1174</v>
          </cell>
          <cell r="AO390">
            <v>1534826</v>
          </cell>
          <cell r="AP390" t="str">
            <v>30(27)/35/1</v>
          </cell>
          <cell r="AQ390" t="str">
            <v>鋼構造物</v>
          </cell>
          <cell r="AR390" t="str">
            <v>一般</v>
          </cell>
          <cell r="AS390">
            <v>1090</v>
          </cell>
          <cell r="AT390">
            <v>352169</v>
          </cell>
          <cell r="AU390" t="str">
            <v>30(29)/19/0</v>
          </cell>
          <cell r="AV390" t="str">
            <v>内装仕上</v>
          </cell>
          <cell r="AW390" t="str">
            <v>一般</v>
          </cell>
          <cell r="AX390">
            <v>1029</v>
          </cell>
          <cell r="AY390">
            <v>957980</v>
          </cell>
          <cell r="AZ390" t="str">
            <v>4(4)/8/0</v>
          </cell>
          <cell r="BA390" t="str">
            <v>愛知県</v>
          </cell>
          <cell r="BB390">
            <v>0</v>
          </cell>
          <cell r="CR390">
            <v>4861</v>
          </cell>
          <cell r="CS390" t="str">
            <v>ｳﾀﾆ ﾄｼﾕｷ</v>
          </cell>
          <cell r="CT390" t="str">
            <v>宇谷  敏幸</v>
          </cell>
          <cell r="CU390" t="str">
            <v>人事研修課</v>
          </cell>
          <cell r="CW390">
            <v>2424</v>
          </cell>
          <cell r="CX390" t="str">
            <v>課長</v>
          </cell>
          <cell r="CY390" t="str">
            <v>人事研修課長</v>
          </cell>
        </row>
        <row r="391">
          <cell r="B391">
            <v>2493</v>
          </cell>
          <cell r="C391" t="str">
            <v>技巧エポ(株)</v>
          </cell>
          <cell r="D391" t="str">
            <v>06-6337-3008</v>
          </cell>
          <cell r="E391" t="str">
            <v>564-0043</v>
          </cell>
          <cell r="F391" t="str">
            <v>大阪府吹田市南吹田5-31-28</v>
          </cell>
          <cell r="G391" t="str">
            <v>吹田市</v>
          </cell>
          <cell r="H391" t="str">
            <v/>
          </cell>
          <cell r="I391" t="str">
            <v>代表取締役 古賀　一儀</v>
          </cell>
          <cell r="J391" t="str">
            <v>本店</v>
          </cell>
          <cell r="K391" t="str">
            <v>06-6337-3020</v>
          </cell>
          <cell r="L391" t="str">
            <v>yumiko-awadu@giko-epo.co.jp</v>
          </cell>
          <cell r="M391" t="str">
            <v>ｷﾞｺｳｴﾎﾟ</v>
          </cell>
          <cell r="N391" t="str">
            <v>無</v>
          </cell>
          <cell r="O391">
            <v>20</v>
          </cell>
          <cell r="P391">
            <v>11</v>
          </cell>
          <cell r="Q391">
            <v>6120901006111</v>
          </cell>
          <cell r="R391">
            <v>40000</v>
          </cell>
          <cell r="S391">
            <v>597</v>
          </cell>
          <cell r="T391">
            <v>183382</v>
          </cell>
          <cell r="V391" t="str">
            <v>rh924694</v>
          </cell>
          <cell r="W391" t="str">
            <v>qt520912</v>
          </cell>
          <cell r="X391" t="str">
            <v>土と石鋼舗浚塗防水解</v>
          </cell>
          <cell r="Y391" t="str">
            <v>土と石鋼舗浚塗防水解</v>
          </cell>
          <cell r="Z391" t="str">
            <v/>
          </cell>
          <cell r="AA391" t="str">
            <v>防水</v>
          </cell>
          <cell r="AB391" t="str">
            <v>塗装</v>
          </cell>
          <cell r="AC391" t="str">
            <v>土木一式</v>
          </cell>
          <cell r="AD391" t="str">
            <v/>
          </cell>
          <cell r="AE391">
            <v>43343</v>
          </cell>
          <cell r="AF391" t="str">
            <v>希望しない</v>
          </cell>
          <cell r="AG391" t="str">
            <v>防水</v>
          </cell>
          <cell r="AH391" t="str">
            <v>一般</v>
          </cell>
          <cell r="AI391">
            <v>705</v>
          </cell>
          <cell r="AJ391">
            <v>94747</v>
          </cell>
          <cell r="AK391" t="str">
            <v>0(0)/0/6</v>
          </cell>
          <cell r="AL391" t="str">
            <v>塗装</v>
          </cell>
          <cell r="AM391" t="str">
            <v>一般</v>
          </cell>
          <cell r="AN391">
            <v>734</v>
          </cell>
          <cell r="AO391">
            <v>47044</v>
          </cell>
          <cell r="AP391" t="str">
            <v>4(4)/0/5</v>
          </cell>
          <cell r="AQ391" t="str">
            <v>土木一式</v>
          </cell>
          <cell r="AR391" t="str">
            <v>一般</v>
          </cell>
          <cell r="AS391">
            <v>703</v>
          </cell>
          <cell r="AT391">
            <v>41300</v>
          </cell>
          <cell r="AU391" t="str">
            <v>4(4)/0/0</v>
          </cell>
          <cell r="AV391" t="str">
            <v/>
          </cell>
          <cell r="AW391" t="str">
            <v/>
          </cell>
          <cell r="AX391" t="str">
            <v/>
          </cell>
          <cell r="AY391" t="str">
            <v/>
          </cell>
          <cell r="AZ391" t="str">
            <v/>
          </cell>
          <cell r="BA391" t="str">
            <v>大阪府</v>
          </cell>
          <cell r="BB391">
            <v>0</v>
          </cell>
          <cell r="CR391">
            <v>4863</v>
          </cell>
          <cell r="CS391" t="str">
            <v>ｶｼﾞﾀﾆ ｶｽﾞﾋﾛ</v>
          </cell>
          <cell r="CT391" t="str">
            <v>梶谷  和弘</v>
          </cell>
          <cell r="CU391" t="str">
            <v>保育課</v>
          </cell>
          <cell r="CW391">
            <v>2678</v>
          </cell>
          <cell r="CX391" t="str">
            <v>主査</v>
          </cell>
          <cell r="CY391" t="str">
            <v>保育課長</v>
          </cell>
        </row>
        <row r="392">
          <cell r="B392">
            <v>2494</v>
          </cell>
          <cell r="C392" t="str">
            <v>関西土建(株)</v>
          </cell>
          <cell r="D392" t="str">
            <v>06-4307-7117</v>
          </cell>
          <cell r="E392" t="str">
            <v>577-0841</v>
          </cell>
          <cell r="F392" t="str">
            <v>大阪府東大阪市足代3-5-21</v>
          </cell>
          <cell r="G392" t="str">
            <v>東大阪市</v>
          </cell>
          <cell r="H392" t="str">
            <v/>
          </cell>
          <cell r="I392" t="str">
            <v>代表取締役 比嘉　浩貴</v>
          </cell>
          <cell r="J392" t="str">
            <v>本店</v>
          </cell>
          <cell r="K392" t="str">
            <v>06-4307-7118</v>
          </cell>
          <cell r="L392" t="str">
            <v>kansai@doken.info</v>
          </cell>
          <cell r="M392" t="str">
            <v>ｶﾝｻｲﾄﾞｹﾝ</v>
          </cell>
          <cell r="N392" t="str">
            <v>無</v>
          </cell>
          <cell r="O392">
            <v>32</v>
          </cell>
          <cell r="P392">
            <v>11</v>
          </cell>
          <cell r="Q392">
            <v>2120001005050</v>
          </cell>
          <cell r="R392">
            <v>17000</v>
          </cell>
          <cell r="S392">
            <v>26444</v>
          </cell>
          <cell r="T392">
            <v>296796</v>
          </cell>
          <cell r="V392" t="str">
            <v>zr169547</v>
          </cell>
          <cell r="W392" t="str">
            <v>cs144180</v>
          </cell>
          <cell r="X392" t="str">
            <v>建大左と石屋タ板ガ塗防内熱具</v>
          </cell>
          <cell r="Y392" t="str">
            <v>建大左と石屋タ板ガ塗防内熱具</v>
          </cell>
          <cell r="Z392" t="str">
            <v/>
          </cell>
          <cell r="AA392" t="str">
            <v>防水</v>
          </cell>
          <cell r="AB392" t="str">
            <v>屋根</v>
          </cell>
          <cell r="AC392" t="str">
            <v>建具</v>
          </cell>
          <cell r="AD392" t="str">
            <v>とび土工</v>
          </cell>
          <cell r="AE392">
            <v>43220</v>
          </cell>
          <cell r="AF392" t="str">
            <v>希望しない</v>
          </cell>
          <cell r="AG392" t="str">
            <v>防水</v>
          </cell>
          <cell r="AH392" t="str">
            <v>一般</v>
          </cell>
          <cell r="AI392">
            <v>800</v>
          </cell>
          <cell r="AJ392">
            <v>87873</v>
          </cell>
          <cell r="AK392" t="str">
            <v>0(0)/5/2</v>
          </cell>
          <cell r="AL392" t="str">
            <v>屋根</v>
          </cell>
          <cell r="AM392" t="str">
            <v>一般</v>
          </cell>
          <cell r="AN392">
            <v>667</v>
          </cell>
          <cell r="AO392" t="str">
            <v/>
          </cell>
          <cell r="AP392" t="str">
            <v>0(0)/0/0</v>
          </cell>
          <cell r="AQ392" t="str">
            <v>建具</v>
          </cell>
          <cell r="AR392" t="str">
            <v>一般</v>
          </cell>
          <cell r="AS392">
            <v>667</v>
          </cell>
          <cell r="AT392" t="str">
            <v/>
          </cell>
          <cell r="AU392" t="str">
            <v>0(0)/0/0</v>
          </cell>
          <cell r="AV392" t="str">
            <v>とび土工</v>
          </cell>
          <cell r="AW392" t="str">
            <v>一般</v>
          </cell>
          <cell r="AX392">
            <v>681</v>
          </cell>
          <cell r="AY392">
            <v>4340</v>
          </cell>
          <cell r="AZ392" t="str">
            <v>0(0)/0/0</v>
          </cell>
          <cell r="BA392" t="str">
            <v>大阪府</v>
          </cell>
          <cell r="BB392">
            <v>0</v>
          </cell>
          <cell r="CR392">
            <v>4864</v>
          </cell>
          <cell r="CS392" t="str">
            <v>ｶﾜｲ ｹﾝｿﾞｳ</v>
          </cell>
          <cell r="CT392" t="str">
            <v>川井  賢三</v>
          </cell>
          <cell r="CU392" t="str">
            <v>管財課</v>
          </cell>
          <cell r="CW392">
            <v>2443</v>
          </cell>
          <cell r="CX392" t="str">
            <v>課長</v>
          </cell>
          <cell r="CY392" t="str">
            <v>管財課長</v>
          </cell>
        </row>
        <row r="393">
          <cell r="B393">
            <v>2496</v>
          </cell>
          <cell r="C393" t="str">
            <v>岸本建設(株)</v>
          </cell>
          <cell r="D393" t="str">
            <v>079-597-2167</v>
          </cell>
          <cell r="E393" t="str">
            <v>669-2163</v>
          </cell>
          <cell r="F393" t="str">
            <v>兵庫県篠山市今田町本荘字神山22-40</v>
          </cell>
          <cell r="G393" t="str">
            <v>摂津市</v>
          </cell>
          <cell r="H393" t="str">
            <v>兵庫営業所</v>
          </cell>
          <cell r="I393" t="str">
            <v>所長 阿部　和徳</v>
          </cell>
          <cell r="J393" t="str">
            <v>大阪府摂津市</v>
          </cell>
          <cell r="K393" t="str">
            <v>079-597-3442</v>
          </cell>
          <cell r="L393" t="str">
            <v>kisimoto-eigyou@pop02.odn.ne.jp</v>
          </cell>
          <cell r="M393" t="str">
            <v>ｷｼﾓﾄｹﾝｾﾂ</v>
          </cell>
          <cell r="N393" t="str">
            <v>有</v>
          </cell>
          <cell r="O393">
            <v>65</v>
          </cell>
          <cell r="P393">
            <v>221</v>
          </cell>
          <cell r="Q393">
            <v>1120901009250</v>
          </cell>
          <cell r="R393">
            <v>261765</v>
          </cell>
          <cell r="S393">
            <v>3918953</v>
          </cell>
          <cell r="T393">
            <v>13276368</v>
          </cell>
          <cell r="V393" t="str">
            <v>yp863256</v>
          </cell>
          <cell r="W393" t="str">
            <v>hu874966</v>
          </cell>
          <cell r="X393" t="str">
            <v>(清)(と)(石)(鋼)(舗)(浚)(塗)(水)土建大と石屋鋼鉄舗浚塗防水解</v>
          </cell>
          <cell r="Y393" t="str">
            <v>(清)(と)(石)(鋼)(舗)(浚)(塗)(水)</v>
          </cell>
          <cell r="Z393" t="str">
            <v>土建大と石屋鋼鉄舗浚塗防水解</v>
          </cell>
          <cell r="AA393" t="str">
            <v>土木一式</v>
          </cell>
          <cell r="AB393" t="str">
            <v>水道施設</v>
          </cell>
          <cell r="AC393" t="str">
            <v>とび土工</v>
          </cell>
          <cell r="AD393" t="str">
            <v>舗装</v>
          </cell>
          <cell r="AE393">
            <v>43220</v>
          </cell>
          <cell r="AF393" t="str">
            <v>希望する</v>
          </cell>
          <cell r="AG393" t="str">
            <v>土木一式</v>
          </cell>
          <cell r="AH393" t="str">
            <v/>
          </cell>
          <cell r="AI393">
            <v>1556</v>
          </cell>
          <cell r="AJ393">
            <v>12900093</v>
          </cell>
          <cell r="AK393" t="str">
            <v>109(90)/25/56</v>
          </cell>
          <cell r="AL393" t="str">
            <v>水道施設</v>
          </cell>
          <cell r="AM393" t="str">
            <v/>
          </cell>
          <cell r="AN393">
            <v>397</v>
          </cell>
          <cell r="AO393" t="str">
            <v/>
          </cell>
          <cell r="AP393" t="str">
            <v>41(32)/40/40</v>
          </cell>
          <cell r="AQ393" t="str">
            <v>とび土工</v>
          </cell>
          <cell r="AR393" t="str">
            <v/>
          </cell>
          <cell r="AS393">
            <v>397</v>
          </cell>
          <cell r="AT393" t="str">
            <v/>
          </cell>
          <cell r="AU393" t="str">
            <v>5(4)/10/4</v>
          </cell>
          <cell r="AV393" t="str">
            <v>舗装</v>
          </cell>
          <cell r="AW393" t="str">
            <v/>
          </cell>
          <cell r="AX393">
            <v>408</v>
          </cell>
          <cell r="AY393" t="str">
            <v/>
          </cell>
          <cell r="AZ393" t="str">
            <v>64(55)/1/2</v>
          </cell>
          <cell r="BA393" t="str">
            <v>大阪府</v>
          </cell>
          <cell r="BB393">
            <v>0</v>
          </cell>
          <cell r="CR393">
            <v>4865</v>
          </cell>
          <cell r="CS393" t="str">
            <v>ｺｳﾀﾞｲ ﾏﾕﾐ</v>
          </cell>
          <cell r="CT393" t="str">
            <v>高代  真由美</v>
          </cell>
          <cell r="CU393" t="str">
            <v>障害福祉課</v>
          </cell>
          <cell r="CW393">
            <v>2948</v>
          </cell>
          <cell r="CX393" t="str">
            <v>主査</v>
          </cell>
          <cell r="CY393" t="str">
            <v>障害福祉課長</v>
          </cell>
        </row>
        <row r="394">
          <cell r="B394">
            <v>2499</v>
          </cell>
          <cell r="C394" t="str">
            <v>(株)北梅組</v>
          </cell>
          <cell r="D394" t="str">
            <v>06-6932-3561</v>
          </cell>
          <cell r="E394" t="str">
            <v>536-0006</v>
          </cell>
          <cell r="F394" t="str">
            <v>大阪府大阪市城東区野江1-3-1</v>
          </cell>
          <cell r="G394" t="str">
            <v>大阪市</v>
          </cell>
          <cell r="H394" t="str">
            <v/>
          </cell>
          <cell r="I394" t="str">
            <v>代表取締役 北浦　雄之助</v>
          </cell>
          <cell r="J394" t="str">
            <v>本店</v>
          </cell>
          <cell r="K394" t="str">
            <v>06-6933-3719</v>
          </cell>
          <cell r="L394" t="str">
            <v>iwasa@kitaume.co.jp</v>
          </cell>
          <cell r="M394" t="str">
            <v>ｷﾀｳﾒｸﾞﾐ</v>
          </cell>
          <cell r="N394" t="str">
            <v>無</v>
          </cell>
          <cell r="O394">
            <v>67</v>
          </cell>
          <cell r="P394">
            <v>33</v>
          </cell>
          <cell r="Q394">
            <v>7120001016191</v>
          </cell>
          <cell r="R394">
            <v>100000</v>
          </cell>
          <cell r="S394">
            <v>659964</v>
          </cell>
          <cell r="T394">
            <v>4015200</v>
          </cell>
          <cell r="V394" t="str">
            <v>nc105000</v>
          </cell>
          <cell r="W394" t="str">
            <v>eb125605</v>
          </cell>
          <cell r="X394" t="str">
            <v>土建大と石屋タ鋼鉄舗浚板ガ塗防内熱具水解</v>
          </cell>
          <cell r="Y394" t="str">
            <v/>
          </cell>
          <cell r="Z394" t="str">
            <v>土建大と石屋タ鋼鉄舗浚板ガ塗防内熱具水解</v>
          </cell>
          <cell r="AA394" t="str">
            <v>建築一式</v>
          </cell>
          <cell r="AB394" t="str">
            <v>土木一式</v>
          </cell>
          <cell r="AC394" t="str">
            <v/>
          </cell>
          <cell r="AD394" t="str">
            <v/>
          </cell>
          <cell r="AE394">
            <v>43616</v>
          </cell>
          <cell r="AF394" t="str">
            <v>希望しない</v>
          </cell>
          <cell r="AG394" t="str">
            <v>建築一式</v>
          </cell>
          <cell r="AH394" t="str">
            <v>特定</v>
          </cell>
          <cell r="AI394">
            <v>971</v>
          </cell>
          <cell r="AJ394">
            <v>2983608</v>
          </cell>
          <cell r="AK394" t="str">
            <v>5(0)/2/5</v>
          </cell>
          <cell r="AL394" t="str">
            <v>土木一式</v>
          </cell>
          <cell r="AM394" t="str">
            <v>特定</v>
          </cell>
          <cell r="AN394">
            <v>933</v>
          </cell>
          <cell r="AO394">
            <v>1241446</v>
          </cell>
          <cell r="AP394" t="str">
            <v>5(3)/2/2</v>
          </cell>
          <cell r="AQ394" t="str">
            <v/>
          </cell>
          <cell r="AR394" t="str">
            <v/>
          </cell>
          <cell r="AS394" t="str">
            <v/>
          </cell>
          <cell r="AT394" t="str">
            <v/>
          </cell>
          <cell r="AU394" t="str">
            <v/>
          </cell>
          <cell r="AV394" t="str">
            <v/>
          </cell>
          <cell r="AW394" t="str">
            <v/>
          </cell>
          <cell r="AX394" t="str">
            <v/>
          </cell>
          <cell r="AY394" t="str">
            <v/>
          </cell>
          <cell r="AZ394" t="str">
            <v/>
          </cell>
          <cell r="BA394" t="str">
            <v>大阪府</v>
          </cell>
        </row>
        <row r="395">
          <cell r="B395">
            <v>2500</v>
          </cell>
          <cell r="C395" t="str">
            <v>北浦建設(株)</v>
          </cell>
          <cell r="D395" t="str">
            <v>078-575-2637</v>
          </cell>
          <cell r="E395" t="str">
            <v>652-0812</v>
          </cell>
          <cell r="F395" t="str">
            <v>兵庫県神戸市兵庫区湊町1-4-26</v>
          </cell>
          <cell r="G395" t="str">
            <v>神戸市</v>
          </cell>
          <cell r="H395" t="str">
            <v/>
          </cell>
          <cell r="I395" t="str">
            <v>代表取締役 北浦　督通</v>
          </cell>
          <cell r="J395" t="str">
            <v>本店</v>
          </cell>
          <cell r="K395" t="str">
            <v>078-575-0259</v>
          </cell>
          <cell r="L395" t="str">
            <v>info@kitaurakensetsu.co.jp</v>
          </cell>
          <cell r="M395" t="str">
            <v>ｷﾀｳﾗｹﾝｾﾂ</v>
          </cell>
          <cell r="N395" t="str">
            <v>無</v>
          </cell>
          <cell r="O395">
            <v>68</v>
          </cell>
          <cell r="P395">
            <v>18</v>
          </cell>
          <cell r="Q395">
            <v>8140001015959</v>
          </cell>
          <cell r="R395">
            <v>45000</v>
          </cell>
          <cell r="S395">
            <v>522931</v>
          </cell>
          <cell r="T395">
            <v>844391</v>
          </cell>
          <cell r="V395" t="str">
            <v>pp669606</v>
          </cell>
          <cell r="W395" t="str">
            <v>dp614775</v>
          </cell>
          <cell r="X395" t="str">
            <v>土と鋼舗水</v>
          </cell>
          <cell r="Y395" t="str">
            <v/>
          </cell>
          <cell r="Z395" t="str">
            <v>土と鋼舗水</v>
          </cell>
          <cell r="AA395" t="str">
            <v>土木一式</v>
          </cell>
          <cell r="AB395" t="str">
            <v>舗装</v>
          </cell>
          <cell r="AC395" t="str">
            <v>とび土工</v>
          </cell>
          <cell r="AD395" t="str">
            <v>水道施設</v>
          </cell>
          <cell r="AE395">
            <v>43281</v>
          </cell>
          <cell r="AF395" t="str">
            <v>希望する</v>
          </cell>
          <cell r="AG395" t="str">
            <v>土木一式</v>
          </cell>
          <cell r="AH395" t="str">
            <v>特定</v>
          </cell>
          <cell r="AI395">
            <v>970</v>
          </cell>
          <cell r="AJ395">
            <v>692043</v>
          </cell>
          <cell r="AK395" t="str">
            <v>12(12)/0/1</v>
          </cell>
          <cell r="AL395" t="str">
            <v>舗装</v>
          </cell>
          <cell r="AM395" t="str">
            <v>特定</v>
          </cell>
          <cell r="AN395">
            <v>798</v>
          </cell>
          <cell r="AO395">
            <v>2413</v>
          </cell>
          <cell r="AP395" t="str">
            <v>12(12)/0/1</v>
          </cell>
          <cell r="AQ395" t="str">
            <v>とび土工</v>
          </cell>
          <cell r="AR395" t="str">
            <v>特定</v>
          </cell>
          <cell r="AS395">
            <v>681</v>
          </cell>
          <cell r="AT395" t="str">
            <v/>
          </cell>
          <cell r="AU395" t="str">
            <v>0(0)/0/0</v>
          </cell>
          <cell r="AV395" t="str">
            <v>水道施設</v>
          </cell>
          <cell r="AW395" t="str">
            <v>特定</v>
          </cell>
          <cell r="AX395">
            <v>681</v>
          </cell>
          <cell r="AY395" t="str">
            <v/>
          </cell>
          <cell r="AZ395" t="str">
            <v>0(0)/0/0</v>
          </cell>
          <cell r="BA395" t="str">
            <v>兵庫県</v>
          </cell>
          <cell r="BB395">
            <v>0</v>
          </cell>
          <cell r="CR395">
            <v>4866</v>
          </cell>
          <cell r="CS395" t="str">
            <v>ﾔﾅｾ ﾏﾘ</v>
          </cell>
          <cell r="CT395" t="str">
            <v>柳瀬  真理</v>
          </cell>
          <cell r="CU395" t="str">
            <v>収納管理課</v>
          </cell>
          <cell r="CW395">
            <v>2371</v>
          </cell>
          <cell r="CX395" t="str">
            <v>主査</v>
          </cell>
          <cell r="CY395" t="str">
            <v>収納管理課長</v>
          </cell>
        </row>
        <row r="396">
          <cell r="B396">
            <v>2501</v>
          </cell>
          <cell r="C396" t="str">
            <v>北大阪環境(株)</v>
          </cell>
          <cell r="D396" t="str">
            <v>072-832-2088</v>
          </cell>
          <cell r="E396" t="str">
            <v>572-0006</v>
          </cell>
          <cell r="F396" t="str">
            <v>大阪府寝屋川市美井元町10-25</v>
          </cell>
          <cell r="G396" t="str">
            <v>寝屋川市</v>
          </cell>
          <cell r="H396" t="str">
            <v/>
          </cell>
          <cell r="I396" t="str">
            <v>代表取締役 杉本　正弘</v>
          </cell>
          <cell r="J396" t="str">
            <v>本店</v>
          </cell>
          <cell r="K396" t="str">
            <v>072-832-2082</v>
          </cell>
          <cell r="L396" t="str">
            <v>kitakan@abeam.ocn.ne.jp</v>
          </cell>
          <cell r="M396" t="str">
            <v>ｷﾀｵｵｻｶｶﾝｷｮｳ</v>
          </cell>
          <cell r="N396" t="str">
            <v>無</v>
          </cell>
          <cell r="O396">
            <v>34</v>
          </cell>
          <cell r="P396">
            <v>10</v>
          </cell>
          <cell r="Q396">
            <v>3120001147676</v>
          </cell>
          <cell r="R396">
            <v>10000</v>
          </cell>
          <cell r="S396">
            <v>83432</v>
          </cell>
          <cell r="T396">
            <v>249605</v>
          </cell>
          <cell r="V396" t="str">
            <v>nj240892</v>
          </cell>
          <cell r="W396" t="str">
            <v>kg261825</v>
          </cell>
          <cell r="X396" t="str">
            <v>土管浚</v>
          </cell>
          <cell r="Y396" t="str">
            <v>土管浚</v>
          </cell>
          <cell r="Z396" t="str">
            <v/>
          </cell>
          <cell r="AA396" t="str">
            <v>土木一式</v>
          </cell>
          <cell r="AB396" t="str">
            <v>浚渫</v>
          </cell>
          <cell r="AC396" t="str">
            <v/>
          </cell>
          <cell r="AD396" t="str">
            <v/>
          </cell>
          <cell r="AE396">
            <v>43039</v>
          </cell>
          <cell r="AF396" t="str">
            <v>希望する</v>
          </cell>
          <cell r="AG396" t="str">
            <v>土木一式</v>
          </cell>
          <cell r="AH396" t="str">
            <v>一般</v>
          </cell>
          <cell r="AI396">
            <v>797</v>
          </cell>
          <cell r="AJ396">
            <v>43357</v>
          </cell>
          <cell r="AK396" t="str">
            <v>1(0)/4/3</v>
          </cell>
          <cell r="AL396" t="str">
            <v>浚渫</v>
          </cell>
          <cell r="AM396" t="str">
            <v>一般</v>
          </cell>
          <cell r="AN396">
            <v>845</v>
          </cell>
          <cell r="AO396">
            <v>188132</v>
          </cell>
          <cell r="AP396" t="str">
            <v>1(0)/4/3</v>
          </cell>
          <cell r="AQ396" t="str">
            <v/>
          </cell>
          <cell r="AR396" t="str">
            <v/>
          </cell>
          <cell r="AS396" t="str">
            <v/>
          </cell>
          <cell r="AT396" t="str">
            <v/>
          </cell>
          <cell r="AU396" t="str">
            <v/>
          </cell>
          <cell r="AV396" t="str">
            <v/>
          </cell>
          <cell r="AW396" t="str">
            <v/>
          </cell>
          <cell r="AX396" t="str">
            <v/>
          </cell>
          <cell r="AY396" t="str">
            <v/>
          </cell>
          <cell r="AZ396" t="str">
            <v/>
          </cell>
          <cell r="BA396" t="str">
            <v>大阪府</v>
          </cell>
          <cell r="BB396">
            <v>0</v>
          </cell>
          <cell r="CR396">
            <v>4867</v>
          </cell>
          <cell r="CS396" t="str">
            <v>ﾀﾅｶ ｶｽﾞｺ</v>
          </cell>
          <cell r="CT396" t="str">
            <v>田中  和子</v>
          </cell>
          <cell r="CU396" t="str">
            <v>総務課</v>
          </cell>
          <cell r="CW396">
            <v>6740</v>
          </cell>
          <cell r="CX396" t="str">
            <v>主査</v>
          </cell>
          <cell r="CY396" t="str">
            <v>総務課長</v>
          </cell>
        </row>
        <row r="397">
          <cell r="B397">
            <v>2502</v>
          </cell>
          <cell r="C397" t="str">
            <v>北川ヒューテック(株)</v>
          </cell>
          <cell r="D397" t="str">
            <v>06-6909-2951</v>
          </cell>
          <cell r="E397" t="str">
            <v>571-0042</v>
          </cell>
          <cell r="F397" t="str">
            <v>大阪府門真市深田町22-6</v>
          </cell>
          <cell r="G397" t="str">
            <v>門真市</v>
          </cell>
          <cell r="H397" t="str">
            <v>関西支店</v>
          </cell>
          <cell r="I397" t="str">
            <v>取締役支店長 平井　正之</v>
          </cell>
          <cell r="J397" t="str">
            <v>石川県金沢市</v>
          </cell>
          <cell r="K397" t="str">
            <v>06-6909-2267</v>
          </cell>
          <cell r="L397" t="str">
            <v>k12-eigyou@k-hutec.co.jp</v>
          </cell>
          <cell r="M397" t="str">
            <v>ｷﾀｶﾞﾜﾋｭｰﾃｯｸ</v>
          </cell>
          <cell r="N397" t="str">
            <v>有</v>
          </cell>
          <cell r="O397">
            <v>68</v>
          </cell>
          <cell r="P397">
            <v>246</v>
          </cell>
          <cell r="Q397">
            <v>6220001002307</v>
          </cell>
          <cell r="R397">
            <v>300000</v>
          </cell>
          <cell r="S397">
            <v>10050761</v>
          </cell>
          <cell r="T397">
            <v>17086709</v>
          </cell>
          <cell r="V397" t="str">
            <v>xd494767</v>
          </cell>
          <cell r="W397" t="str">
            <v>ts899527</v>
          </cell>
          <cell r="X397" t="str">
            <v>(清)(と)(石)(舗)(塗)(水)(解)土建と石舗塗園水解</v>
          </cell>
          <cell r="Y397" t="str">
            <v>(清)(と)(石)(舗)(塗)(水)(解)</v>
          </cell>
          <cell r="Z397" t="str">
            <v>土建と石舗塗園水解</v>
          </cell>
          <cell r="AA397" t="str">
            <v>舗装</v>
          </cell>
          <cell r="AB397" t="str">
            <v>土木一式</v>
          </cell>
          <cell r="AC397" t="str">
            <v/>
          </cell>
          <cell r="AD397" t="str">
            <v/>
          </cell>
          <cell r="AE397">
            <v>43251</v>
          </cell>
          <cell r="AF397" t="str">
            <v>希望しない</v>
          </cell>
          <cell r="AG397" t="str">
            <v>舗装</v>
          </cell>
          <cell r="AH397" t="str">
            <v>特定</v>
          </cell>
          <cell r="AI397">
            <v>1393</v>
          </cell>
          <cell r="AJ397">
            <v>9977166</v>
          </cell>
          <cell r="AK397" t="str">
            <v>124(104)/26/3</v>
          </cell>
          <cell r="AL397" t="str">
            <v>土木一式</v>
          </cell>
          <cell r="AM397" t="str">
            <v>特定</v>
          </cell>
          <cell r="AN397">
            <v>1233</v>
          </cell>
          <cell r="AO397">
            <v>793173</v>
          </cell>
          <cell r="AP397" t="str">
            <v>128(107)/26/2</v>
          </cell>
          <cell r="AQ397" t="str">
            <v/>
          </cell>
          <cell r="AR397" t="str">
            <v/>
          </cell>
          <cell r="AS397" t="str">
            <v/>
          </cell>
          <cell r="AT397" t="str">
            <v/>
          </cell>
          <cell r="AU397" t="str">
            <v/>
          </cell>
          <cell r="AV397" t="str">
            <v/>
          </cell>
          <cell r="AW397" t="str">
            <v/>
          </cell>
          <cell r="AX397" t="str">
            <v/>
          </cell>
          <cell r="AY397" t="str">
            <v/>
          </cell>
          <cell r="AZ397" t="str">
            <v/>
          </cell>
          <cell r="BA397" t="str">
            <v>石川県</v>
          </cell>
          <cell r="BB397">
            <v>0</v>
          </cell>
          <cell r="CR397">
            <v>4868</v>
          </cell>
          <cell r="CS397" t="str">
            <v>ﾀﾅｶ ｼｹﾞﾙ</v>
          </cell>
          <cell r="CT397" t="str">
            <v>田中  茂</v>
          </cell>
          <cell r="CU397" t="str">
            <v>図書館</v>
          </cell>
          <cell r="CW397">
            <v>5100</v>
          </cell>
          <cell r="CX397" t="str">
            <v>館長</v>
          </cell>
          <cell r="CY397" t="str">
            <v>図書館長</v>
          </cell>
        </row>
        <row r="398">
          <cell r="B398">
            <v>2503</v>
          </cell>
          <cell r="C398" t="str">
            <v>北川瀝青工業(株)</v>
          </cell>
          <cell r="D398" t="str">
            <v>078-681-8191</v>
          </cell>
          <cell r="E398" t="str">
            <v>653-0021</v>
          </cell>
          <cell r="F398" t="str">
            <v>兵庫県神戸市長田区梅ヶ香町2-8-13</v>
          </cell>
          <cell r="G398" t="str">
            <v>金沢市</v>
          </cell>
          <cell r="H398" t="str">
            <v>神戸支店</v>
          </cell>
          <cell r="I398" t="str">
            <v>取締役支店長 畠山　清至</v>
          </cell>
          <cell r="J398" t="str">
            <v>石川県金沢市</v>
          </cell>
          <cell r="K398" t="str">
            <v>078-681-2027</v>
          </cell>
          <cell r="L398" t="str">
            <v>kitagawa@kitareki.co.jp</v>
          </cell>
          <cell r="M398" t="str">
            <v>ｷﾀｶﾞﾜﾚｷｾｲｺｳｷﾞｮｳ</v>
          </cell>
          <cell r="N398" t="str">
            <v>有</v>
          </cell>
          <cell r="O398">
            <v>56</v>
          </cell>
          <cell r="P398">
            <v>185</v>
          </cell>
          <cell r="Q398">
            <v>5220001002308</v>
          </cell>
          <cell r="R398">
            <v>50000</v>
          </cell>
          <cell r="S398">
            <v>2301983</v>
          </cell>
          <cell r="T398">
            <v>4366596</v>
          </cell>
          <cell r="V398" t="str">
            <v>wy304868</v>
          </cell>
          <cell r="W398" t="str">
            <v>fx910965</v>
          </cell>
          <cell r="X398" t="str">
            <v>(建)(と)(塗)(防)(内)建と塗防内</v>
          </cell>
          <cell r="Y398" t="str">
            <v>(建)(と)(塗)(防)(内)</v>
          </cell>
          <cell r="Z398" t="str">
            <v>建と塗防内</v>
          </cell>
          <cell r="AA398" t="str">
            <v>防水</v>
          </cell>
          <cell r="AB398" t="str">
            <v>塗装</v>
          </cell>
          <cell r="AC398" t="str">
            <v>建築一式</v>
          </cell>
          <cell r="AD398" t="str">
            <v>内装仕上</v>
          </cell>
          <cell r="AE398">
            <v>43301</v>
          </cell>
          <cell r="AF398" t="str">
            <v>希望しない</v>
          </cell>
          <cell r="AG398" t="str">
            <v>防水</v>
          </cell>
          <cell r="AH398" t="str">
            <v>特定</v>
          </cell>
          <cell r="AI398">
            <v>1150</v>
          </cell>
          <cell r="AJ398">
            <v>4345334</v>
          </cell>
          <cell r="AK398" t="str">
            <v>22(14)/42/2</v>
          </cell>
          <cell r="AL398" t="str">
            <v>塗装</v>
          </cell>
          <cell r="AM398" t="str">
            <v>特定</v>
          </cell>
          <cell r="AN398">
            <v>730</v>
          </cell>
          <cell r="AO398">
            <v>711</v>
          </cell>
          <cell r="AP398" t="str">
            <v>1(1)/1/0</v>
          </cell>
          <cell r="AQ398" t="str">
            <v>建築一式</v>
          </cell>
          <cell r="AR398" t="str">
            <v>特定</v>
          </cell>
          <cell r="AS398">
            <v>839</v>
          </cell>
          <cell r="AT398">
            <v>45381</v>
          </cell>
          <cell r="AU398" t="str">
            <v>3(2)/1/0</v>
          </cell>
          <cell r="AV398" t="str">
            <v>内装仕上</v>
          </cell>
          <cell r="AW398" t="str">
            <v>特定</v>
          </cell>
          <cell r="AX398">
            <v>841</v>
          </cell>
          <cell r="AY398" t="str">
            <v/>
          </cell>
          <cell r="AZ398" t="str">
            <v>16(9)/20/0</v>
          </cell>
          <cell r="BA398" t="str">
            <v>石川県</v>
          </cell>
          <cell r="BB398">
            <v>0</v>
          </cell>
          <cell r="CR398">
            <v>4869</v>
          </cell>
          <cell r="CS398" t="str">
            <v>ﾀﾅｶ ﾔｽﾕｷ</v>
          </cell>
          <cell r="CT398" t="str">
            <v>田中  康之</v>
          </cell>
          <cell r="CU398" t="str">
            <v>徴収対策課</v>
          </cell>
          <cell r="CW398">
            <v>2353</v>
          </cell>
          <cell r="CX398" t="str">
            <v>課長</v>
          </cell>
          <cell r="CY398" t="str">
            <v>徴収対策課長</v>
          </cell>
        </row>
        <row r="399">
          <cell r="B399">
            <v>2506</v>
          </cell>
          <cell r="C399" t="str">
            <v>(株)北山工商</v>
          </cell>
          <cell r="D399" t="str">
            <v>079-261-2245</v>
          </cell>
          <cell r="E399" t="str">
            <v>670-0952</v>
          </cell>
          <cell r="F399" t="str">
            <v>兵庫県姫路市南条399-1</v>
          </cell>
          <cell r="G399" t="str">
            <v>姫路市</v>
          </cell>
          <cell r="H399" t="str">
            <v/>
          </cell>
          <cell r="I399" t="str">
            <v>代表取締役 北山　茂</v>
          </cell>
          <cell r="J399" t="str">
            <v>本店</v>
          </cell>
          <cell r="K399" t="str">
            <v>079-261-3716</v>
          </cell>
          <cell r="L399" t="str">
            <v>kitayama_k@kym.biglobe.ne.jp</v>
          </cell>
          <cell r="M399" t="str">
            <v>ｷﾀﾔﾏｺｳｼｮｳ</v>
          </cell>
          <cell r="N399" t="str">
            <v>無</v>
          </cell>
          <cell r="O399">
            <v>39</v>
          </cell>
          <cell r="P399">
            <v>34</v>
          </cell>
          <cell r="Q399">
            <v>2140001058492</v>
          </cell>
          <cell r="R399">
            <v>20000</v>
          </cell>
          <cell r="S399">
            <v>131719</v>
          </cell>
          <cell r="T399">
            <v>992598</v>
          </cell>
          <cell r="V399" t="str">
            <v>nm560678</v>
          </cell>
          <cell r="W399" t="str">
            <v>zt139845</v>
          </cell>
          <cell r="X399" t="str">
            <v>土機水電管通消</v>
          </cell>
          <cell r="Y399" t="str">
            <v>土機水</v>
          </cell>
          <cell r="Z399" t="str">
            <v>電管通消</v>
          </cell>
          <cell r="AA399" t="str">
            <v>電気</v>
          </cell>
          <cell r="AB399" t="str">
            <v>電気通信</v>
          </cell>
          <cell r="AC399" t="str">
            <v>機械器具</v>
          </cell>
          <cell r="AD399" t="str">
            <v>管</v>
          </cell>
          <cell r="AE399">
            <v>42978</v>
          </cell>
          <cell r="AF399" t="str">
            <v>希望しない</v>
          </cell>
          <cell r="AG399" t="str">
            <v>電気</v>
          </cell>
          <cell r="AH399" t="str">
            <v>特定</v>
          </cell>
          <cell r="AI399">
            <v>927</v>
          </cell>
          <cell r="AJ399">
            <v>625027</v>
          </cell>
          <cell r="AK399" t="str">
            <v>13(12)/8/4</v>
          </cell>
          <cell r="AL399" t="str">
            <v>電気通信</v>
          </cell>
          <cell r="AM399" t="str">
            <v>特定</v>
          </cell>
          <cell r="AN399">
            <v>741</v>
          </cell>
          <cell r="AO399">
            <v>111760</v>
          </cell>
          <cell r="AP399" t="str">
            <v>0(0)/0/2</v>
          </cell>
          <cell r="AQ399" t="str">
            <v>機械器具</v>
          </cell>
          <cell r="AR399" t="str">
            <v>一般</v>
          </cell>
          <cell r="AS399">
            <v>763</v>
          </cell>
          <cell r="AT399">
            <v>215731</v>
          </cell>
          <cell r="AU399" t="str">
            <v>0(0)/0/2</v>
          </cell>
          <cell r="AV399" t="str">
            <v>管</v>
          </cell>
          <cell r="AW399" t="str">
            <v>特定</v>
          </cell>
          <cell r="AX399">
            <v>678</v>
          </cell>
          <cell r="AY399">
            <v>4120</v>
          </cell>
          <cell r="AZ399" t="str">
            <v>2(1)/0/0</v>
          </cell>
          <cell r="BA399" t="str">
            <v>兵庫県</v>
          </cell>
          <cell r="BB399">
            <v>0</v>
          </cell>
          <cell r="CR399">
            <v>4870</v>
          </cell>
          <cell r="CS399" t="str">
            <v>ﾅｶｲ ﾋﾃﾞﾉﾘ</v>
          </cell>
          <cell r="CT399" t="str">
            <v>中井  秀典</v>
          </cell>
          <cell r="CU399" t="str">
            <v>教育総務課</v>
          </cell>
          <cell r="CW399">
            <v>3604</v>
          </cell>
          <cell r="CX399" t="str">
            <v>課長</v>
          </cell>
          <cell r="CY399" t="str">
            <v>教育総務課長</v>
          </cell>
        </row>
        <row r="400">
          <cell r="B400">
            <v>2507</v>
          </cell>
          <cell r="C400" t="str">
            <v>機動建設工業(株)</v>
          </cell>
          <cell r="D400" t="str">
            <v>06-6415-6631</v>
          </cell>
          <cell r="E400" t="str">
            <v>661-0012</v>
          </cell>
          <cell r="F400" t="str">
            <v>兵庫県尼崎市南塚口町1-2-15ｱﾙｼｵｰﾈ塚口202</v>
          </cell>
          <cell r="G400" t="str">
            <v>大阪市</v>
          </cell>
          <cell r="H400" t="str">
            <v>兵庫営業所</v>
          </cell>
          <cell r="I400" t="str">
            <v>所長 小森　恭司</v>
          </cell>
          <cell r="J400" t="str">
            <v>大阪府大阪市</v>
          </cell>
          <cell r="K400" t="str">
            <v>06-6415-6632</v>
          </cell>
          <cell r="L400" t="str">
            <v>eigyo66@kidoh.co.jp</v>
          </cell>
          <cell r="M400" t="str">
            <v>ｷﾄﾞｳｹﾝｾﾂｺｳｷﾞｮｳ</v>
          </cell>
          <cell r="N400" t="str">
            <v>有</v>
          </cell>
          <cell r="O400">
            <v>68</v>
          </cell>
          <cell r="P400">
            <v>111</v>
          </cell>
          <cell r="Q400">
            <v>9120001034729</v>
          </cell>
          <cell r="R400">
            <v>83303</v>
          </cell>
          <cell r="S400">
            <v>3379418</v>
          </cell>
          <cell r="T400">
            <v>4470150</v>
          </cell>
          <cell r="V400" t="str">
            <v>ky643707</v>
          </cell>
          <cell r="W400" t="str">
            <v>wv818310</v>
          </cell>
          <cell r="X400" t="str">
            <v>土と鋼舗水(園)(石)(園)</v>
          </cell>
          <cell r="Y400" t="str">
            <v>土と鋼舗水(園)(石)</v>
          </cell>
          <cell r="Z400" t="str">
            <v>(園)</v>
          </cell>
          <cell r="AA400" t="str">
            <v/>
          </cell>
          <cell r="AB400" t="str">
            <v/>
          </cell>
          <cell r="AC400" t="str">
            <v>希望する</v>
          </cell>
          <cell r="AD400" t="str">
            <v/>
          </cell>
          <cell r="AE400" t="str">
            <v/>
          </cell>
          <cell r="AF400" t="str">
            <v/>
          </cell>
          <cell r="AG400" t="str">
            <v/>
          </cell>
          <cell r="AH400" t="str">
            <v>鋼構造物</v>
          </cell>
          <cell r="AI400" t="str">
            <v>特定</v>
          </cell>
          <cell r="AJ400">
            <v>747</v>
          </cell>
          <cell r="AK400" t="str">
            <v/>
          </cell>
          <cell r="AL400" t="str">
            <v/>
          </cell>
          <cell r="AM400">
            <v>5140110</v>
          </cell>
          <cell r="AN400" t="str">
            <v>58(58)</v>
          </cell>
          <cell r="AO400">
            <v>9</v>
          </cell>
          <cell r="AP400" t="str">
            <v/>
          </cell>
          <cell r="AQ400" t="str">
            <v>希望する</v>
          </cell>
          <cell r="AR400" t="str">
            <v>パルテムＳＺ工法</v>
          </cell>
          <cell r="AS400" t="str">
            <v/>
          </cell>
          <cell r="AT400" t="str">
            <v/>
          </cell>
          <cell r="AU400" t="str">
            <v>//</v>
          </cell>
          <cell r="AV400" t="str">
            <v/>
          </cell>
          <cell r="AW400" t="str">
            <v/>
          </cell>
          <cell r="AX400" t="str">
            <v/>
          </cell>
          <cell r="AY400" t="str">
            <v/>
          </cell>
          <cell r="AZ400" t="str">
            <v/>
          </cell>
          <cell r="BA400" t="str">
            <v>大阪府</v>
          </cell>
          <cell r="BB400">
            <v>0</v>
          </cell>
          <cell r="CR400">
            <v>4874</v>
          </cell>
          <cell r="CS400" t="str">
            <v>ﾅｶﾀ ﾐﾁﾖ</v>
          </cell>
          <cell r="CT400" t="str">
            <v>中田  美智世</v>
          </cell>
          <cell r="CU400" t="str">
            <v>こども若者企画課</v>
          </cell>
          <cell r="CW400">
            <v>7841222</v>
          </cell>
          <cell r="CX400" t="str">
            <v>館長</v>
          </cell>
          <cell r="CY400" t="str">
            <v>こども若者企画課長</v>
          </cell>
        </row>
        <row r="401">
          <cell r="B401">
            <v>2514</v>
          </cell>
          <cell r="C401" t="str">
            <v>共栄電器工業(株)</v>
          </cell>
          <cell r="D401" t="str">
            <v>06-6481-8807</v>
          </cell>
          <cell r="E401" t="str">
            <v>660-0815</v>
          </cell>
          <cell r="F401" t="str">
            <v>兵庫県尼崎市杭瀬北新町1-16-1</v>
          </cell>
          <cell r="G401" t="str">
            <v>尼崎市</v>
          </cell>
          <cell r="H401" t="str">
            <v/>
          </cell>
          <cell r="I401" t="str">
            <v>代表取締役 柳楽　裕紀</v>
          </cell>
          <cell r="J401" t="str">
            <v>本店</v>
          </cell>
          <cell r="K401" t="str">
            <v>06-6482-7172</v>
          </cell>
          <cell r="L401" t="str">
            <v>kdnk@skyblue.ocn.ne.jp</v>
          </cell>
          <cell r="M401" t="str">
            <v>ｷｮｳｴｲﾃﾞﾝｷｺｳｷﾞｮｳ</v>
          </cell>
          <cell r="N401" t="str">
            <v>無</v>
          </cell>
          <cell r="O401">
            <v>54</v>
          </cell>
          <cell r="P401">
            <v>59</v>
          </cell>
          <cell r="Q401">
            <v>2140001048469</v>
          </cell>
          <cell r="R401">
            <v>40000</v>
          </cell>
          <cell r="S401">
            <v>1993798</v>
          </cell>
          <cell r="T401">
            <v>1446728</v>
          </cell>
          <cell r="V401" t="str">
            <v>wx608631</v>
          </cell>
          <cell r="W401" t="str">
            <v>qx870354</v>
          </cell>
          <cell r="X401" t="str">
            <v>電</v>
          </cell>
          <cell r="Y401" t="str">
            <v/>
          </cell>
          <cell r="Z401" t="str">
            <v>電</v>
          </cell>
          <cell r="AA401" t="str">
            <v>電気</v>
          </cell>
          <cell r="AB401" t="str">
            <v/>
          </cell>
          <cell r="AC401" t="str">
            <v/>
          </cell>
          <cell r="AD401" t="str">
            <v/>
          </cell>
          <cell r="AE401">
            <v>42978</v>
          </cell>
          <cell r="AF401" t="str">
            <v>希望しない</v>
          </cell>
          <cell r="AG401" t="str">
            <v>電気</v>
          </cell>
          <cell r="AH401" t="str">
            <v>特定</v>
          </cell>
          <cell r="AI401">
            <v>1025</v>
          </cell>
          <cell r="AJ401">
            <v>1402964</v>
          </cell>
          <cell r="AK401" t="str">
            <v>5(4)/10/16</v>
          </cell>
          <cell r="AL401" t="str">
            <v/>
          </cell>
          <cell r="AM401" t="str">
            <v/>
          </cell>
          <cell r="AN401" t="str">
            <v/>
          </cell>
          <cell r="AO401" t="str">
            <v/>
          </cell>
          <cell r="AP401" t="str">
            <v/>
          </cell>
          <cell r="AQ401" t="str">
            <v/>
          </cell>
          <cell r="AR401" t="str">
            <v/>
          </cell>
          <cell r="AS401" t="str">
            <v/>
          </cell>
          <cell r="AT401" t="str">
            <v/>
          </cell>
          <cell r="AU401" t="str">
            <v/>
          </cell>
          <cell r="AV401" t="str">
            <v/>
          </cell>
          <cell r="AW401" t="str">
            <v/>
          </cell>
          <cell r="AX401" t="str">
            <v/>
          </cell>
          <cell r="AY401" t="str">
            <v/>
          </cell>
          <cell r="AZ401" t="str">
            <v/>
          </cell>
          <cell r="BA401" t="str">
            <v>兵庫県</v>
          </cell>
          <cell r="BB401">
            <v>0</v>
          </cell>
          <cell r="CR401">
            <v>4875</v>
          </cell>
          <cell r="CS401" t="str">
            <v>ｶﾜｲ ﾁｶｺ</v>
          </cell>
          <cell r="CT401" t="str">
            <v>川井  謹子</v>
          </cell>
          <cell r="CU401" t="str">
            <v>都市計画課</v>
          </cell>
          <cell r="CW401">
            <v>3217</v>
          </cell>
          <cell r="CX401" t="str">
            <v>副主幹</v>
          </cell>
          <cell r="CY401" t="str">
            <v>都市計画課長</v>
          </cell>
        </row>
        <row r="402">
          <cell r="B402">
            <v>2515</v>
          </cell>
          <cell r="C402" t="str">
            <v>共栄電業(株)</v>
          </cell>
          <cell r="D402" t="str">
            <v>078-362-0280</v>
          </cell>
          <cell r="E402" t="str">
            <v>650-0022</v>
          </cell>
          <cell r="F402" t="str">
            <v>兵庫県神戸市中央区元町通5-2-3-325</v>
          </cell>
          <cell r="G402" t="str">
            <v>大阪市</v>
          </cell>
          <cell r="H402" t="str">
            <v>神戸営業所</v>
          </cell>
          <cell r="I402" t="str">
            <v>神戸営業所長 馬場　保樹</v>
          </cell>
          <cell r="J402" t="str">
            <v>大阪府大阪市</v>
          </cell>
          <cell r="K402" t="str">
            <v>078-362-0281</v>
          </cell>
          <cell r="L402" t="str">
            <v>yosikawa@kyouei-den.co.jp</v>
          </cell>
          <cell r="M402" t="str">
            <v>ｷｮｳｴｲﾃﾞﾝｷﾞｮｳ</v>
          </cell>
          <cell r="N402" t="str">
            <v>有</v>
          </cell>
          <cell r="O402">
            <v>49</v>
          </cell>
          <cell r="P402">
            <v>43</v>
          </cell>
          <cell r="Q402">
            <v>3120001037910</v>
          </cell>
          <cell r="R402">
            <v>70000</v>
          </cell>
          <cell r="S402">
            <v>217763</v>
          </cell>
          <cell r="T402">
            <v>1403252</v>
          </cell>
          <cell r="V402" t="str">
            <v>fw257433</v>
          </cell>
          <cell r="W402" t="str">
            <v>mx768288</v>
          </cell>
          <cell r="X402" t="str">
            <v>土と鋼舗通(清)(と)(電)(鋼)(舗)電</v>
          </cell>
          <cell r="Y402" t="str">
            <v>土と鋼舗通(清)(と)(電)(鋼)(舗)</v>
          </cell>
          <cell r="Z402" t="str">
            <v>電</v>
          </cell>
          <cell r="AA402" t="str">
            <v>電気</v>
          </cell>
          <cell r="AB402" t="str">
            <v/>
          </cell>
          <cell r="AC402" t="str">
            <v/>
          </cell>
          <cell r="AD402" t="str">
            <v/>
          </cell>
          <cell r="AE402">
            <v>43033</v>
          </cell>
          <cell r="AF402" t="str">
            <v>希望しない</v>
          </cell>
          <cell r="AG402" t="str">
            <v>電気</v>
          </cell>
          <cell r="AH402" t="str">
            <v>特定</v>
          </cell>
          <cell r="AI402">
            <v>998</v>
          </cell>
          <cell r="AJ402">
            <v>1079220</v>
          </cell>
          <cell r="AK402" t="str">
            <v>15(15)/7/1</v>
          </cell>
          <cell r="AL402" t="str">
            <v/>
          </cell>
          <cell r="AM402" t="str">
            <v/>
          </cell>
          <cell r="AN402" t="str">
            <v/>
          </cell>
          <cell r="AO402" t="str">
            <v/>
          </cell>
          <cell r="AP402" t="str">
            <v/>
          </cell>
          <cell r="AQ402" t="str">
            <v/>
          </cell>
          <cell r="AR402" t="str">
            <v/>
          </cell>
          <cell r="AS402" t="str">
            <v/>
          </cell>
          <cell r="AT402" t="str">
            <v/>
          </cell>
          <cell r="AU402" t="str">
            <v/>
          </cell>
          <cell r="AV402" t="str">
            <v/>
          </cell>
          <cell r="AW402" t="str">
            <v/>
          </cell>
          <cell r="AX402" t="str">
            <v/>
          </cell>
          <cell r="AY402" t="str">
            <v/>
          </cell>
          <cell r="AZ402" t="str">
            <v/>
          </cell>
          <cell r="BA402" t="str">
            <v>大阪府</v>
          </cell>
          <cell r="BB402">
            <v>0</v>
          </cell>
          <cell r="CR402">
            <v>4876</v>
          </cell>
          <cell r="CS402" t="str">
            <v>ﾏｷﾑﾗ ﾀﾂﾔ</v>
          </cell>
          <cell r="CT402" t="str">
            <v>牧村  達也</v>
          </cell>
          <cell r="CU402" t="str">
            <v>商工労働課</v>
          </cell>
          <cell r="CW402">
            <v>2923</v>
          </cell>
          <cell r="CX402" t="str">
            <v>課長</v>
          </cell>
          <cell r="CY402" t="str">
            <v>商工労働課長</v>
          </cell>
        </row>
        <row r="403">
          <cell r="B403">
            <v>2516</v>
          </cell>
          <cell r="C403" t="str">
            <v>(株)協榮リノベイション</v>
          </cell>
          <cell r="D403" t="str">
            <v>06-6702-5701</v>
          </cell>
          <cell r="E403" t="str">
            <v>546-0022</v>
          </cell>
          <cell r="F403" t="str">
            <v>大阪府大阪市東住吉区住道矢田6-16-9</v>
          </cell>
          <cell r="G403" t="str">
            <v>大阪市</v>
          </cell>
          <cell r="H403" t="str">
            <v/>
          </cell>
          <cell r="I403" t="str">
            <v>代表取締役 澤田　浩一</v>
          </cell>
          <cell r="J403" t="str">
            <v>本店</v>
          </cell>
          <cell r="K403" t="str">
            <v>06-6703-7868</v>
          </cell>
          <cell r="L403" t="str">
            <v>sawada@kyoueirenov.jp</v>
          </cell>
          <cell r="M403" t="str">
            <v>ｷﾖｳｴｲﾘﾉﾍﾞｲｼﾖﾝ</v>
          </cell>
          <cell r="N403" t="str">
            <v>無</v>
          </cell>
          <cell r="O403">
            <v>47</v>
          </cell>
          <cell r="P403">
            <v>16</v>
          </cell>
          <cell r="Q403">
            <v>8120001009574</v>
          </cell>
          <cell r="R403">
            <v>50000</v>
          </cell>
          <cell r="S403">
            <v>145500</v>
          </cell>
          <cell r="T403">
            <v>739780</v>
          </cell>
          <cell r="V403" t="str">
            <v>pj428925</v>
          </cell>
          <cell r="W403" t="str">
            <v>yu204207</v>
          </cell>
          <cell r="X403" t="str">
            <v>土建と屋塗防内解</v>
          </cell>
          <cell r="Y403" t="str">
            <v/>
          </cell>
          <cell r="Z403" t="str">
            <v>土建と屋塗防内解</v>
          </cell>
          <cell r="AA403" t="str">
            <v>防水</v>
          </cell>
          <cell r="AB403" t="str">
            <v>建築一式</v>
          </cell>
          <cell r="AC403" t="str">
            <v>塗装</v>
          </cell>
          <cell r="AD403" t="str">
            <v>屋根</v>
          </cell>
          <cell r="AE403">
            <v>43251</v>
          </cell>
          <cell r="AF403" t="str">
            <v/>
          </cell>
          <cell r="AG403" t="str">
            <v>防水</v>
          </cell>
          <cell r="AH403" t="str">
            <v>特定</v>
          </cell>
          <cell r="AI403">
            <v>836</v>
          </cell>
          <cell r="AJ403">
            <v>147081</v>
          </cell>
          <cell r="AK403" t="str">
            <v>6(6)/0/2</v>
          </cell>
          <cell r="AL403" t="str">
            <v>建築一式</v>
          </cell>
          <cell r="AM403" t="str">
            <v>特定</v>
          </cell>
          <cell r="AN403">
            <v>793</v>
          </cell>
          <cell r="AO403">
            <v>315457</v>
          </cell>
          <cell r="AP403" t="str">
            <v>0(0)/0/0</v>
          </cell>
          <cell r="AQ403" t="str">
            <v>塗装</v>
          </cell>
          <cell r="AR403" t="str">
            <v>特定</v>
          </cell>
          <cell r="AS403">
            <v>871</v>
          </cell>
          <cell r="AT403">
            <v>275706</v>
          </cell>
          <cell r="AU403" t="str">
            <v>7(7)/2/0</v>
          </cell>
          <cell r="AV403" t="str">
            <v>屋根</v>
          </cell>
          <cell r="AW403" t="str">
            <v>特定</v>
          </cell>
          <cell r="AX403">
            <v>658</v>
          </cell>
          <cell r="AY403">
            <v>80</v>
          </cell>
          <cell r="AZ403" t="str">
            <v>1(1)/0/0</v>
          </cell>
          <cell r="BA403" t="str">
            <v>大阪府</v>
          </cell>
          <cell r="BB403">
            <v>0</v>
          </cell>
          <cell r="CR403">
            <v>4877</v>
          </cell>
          <cell r="CS403" t="str">
            <v>ﾏﾂﾓﾄ ﾖｼﾋｺ</v>
          </cell>
          <cell r="CT403" t="str">
            <v>松本  好彦</v>
          </cell>
          <cell r="CU403" t="str">
            <v>人権啓発センター</v>
          </cell>
          <cell r="CW403" t="str">
            <v xml:space="preserve"> </v>
          </cell>
          <cell r="CX403" t="str">
            <v>所長</v>
          </cell>
          <cell r="CY403" t="str">
            <v>人権啓発センター長</v>
          </cell>
        </row>
        <row r="404">
          <cell r="B404">
            <v>2523</v>
          </cell>
          <cell r="C404" t="str">
            <v>京都体育施設(株)</v>
          </cell>
          <cell r="D404" t="str">
            <v>075-643-6311</v>
          </cell>
          <cell r="E404" t="str">
            <v>612-8415</v>
          </cell>
          <cell r="F404" t="str">
            <v>京都府京都市伏見区竹田中島町5-1</v>
          </cell>
          <cell r="G404" t="str">
            <v>京都市</v>
          </cell>
          <cell r="H404" t="str">
            <v/>
          </cell>
          <cell r="I404" t="str">
            <v>代表取締役 喜多川　光平</v>
          </cell>
          <cell r="J404" t="str">
            <v>本店</v>
          </cell>
          <cell r="K404" t="str">
            <v>075-642-0155</v>
          </cell>
          <cell r="L404" t="str">
            <v/>
          </cell>
          <cell r="M404" t="str">
            <v/>
          </cell>
          <cell r="N404" t="str">
            <v>無</v>
          </cell>
          <cell r="O404">
            <v>34</v>
          </cell>
          <cell r="P404">
            <v>6</v>
          </cell>
          <cell r="Q404">
            <v>6130001016233</v>
          </cell>
          <cell r="R404">
            <v>20000</v>
          </cell>
          <cell r="S404">
            <v>94510</v>
          </cell>
          <cell r="T404">
            <v>536143</v>
          </cell>
          <cell r="V404" t="str">
            <v>cy745557</v>
          </cell>
          <cell r="W404" t="str">
            <v>yg158170</v>
          </cell>
          <cell r="X404" t="str">
            <v>土建と屋塗防内解</v>
          </cell>
          <cell r="Y404" t="str">
            <v/>
          </cell>
          <cell r="Z404" t="str">
            <v>土建と屋塗防内解</v>
          </cell>
          <cell r="AA404" t="str">
            <v>土木一式</v>
          </cell>
          <cell r="AB404" t="str">
            <v>舗装</v>
          </cell>
          <cell r="AC404" t="str">
            <v>造園</v>
          </cell>
          <cell r="AD404" t="str">
            <v/>
          </cell>
          <cell r="AE404">
            <v>43190</v>
          </cell>
          <cell r="AF404" t="str">
            <v>希望しない</v>
          </cell>
          <cell r="AG404" t="str">
            <v>土木一式</v>
          </cell>
          <cell r="AH404" t="str">
            <v>特定</v>
          </cell>
          <cell r="AI404">
            <v>777</v>
          </cell>
          <cell r="AJ404">
            <v>24415</v>
          </cell>
          <cell r="AK404" t="str">
            <v>3(3)/1/1</v>
          </cell>
          <cell r="AL404" t="str">
            <v>舗装</v>
          </cell>
          <cell r="AM404" t="str">
            <v>特定</v>
          </cell>
          <cell r="AN404">
            <v>871</v>
          </cell>
          <cell r="AO404">
            <v>469677</v>
          </cell>
          <cell r="AP404" t="str">
            <v>3(3)/1/1</v>
          </cell>
          <cell r="AQ404" t="str">
            <v>造園</v>
          </cell>
          <cell r="AR404" t="str">
            <v>特定</v>
          </cell>
          <cell r="AS404">
            <v>663</v>
          </cell>
          <cell r="AT404">
            <v>1325</v>
          </cell>
          <cell r="AU404" t="str">
            <v>0(0)/0/0</v>
          </cell>
          <cell r="AV404" t="str">
            <v/>
          </cell>
          <cell r="AW404" t="str">
            <v/>
          </cell>
          <cell r="AX404" t="str">
            <v/>
          </cell>
          <cell r="AY404" t="str">
            <v/>
          </cell>
          <cell r="AZ404" t="str">
            <v/>
          </cell>
          <cell r="BA404" t="str">
            <v>京都府</v>
          </cell>
        </row>
        <row r="405">
          <cell r="B405">
            <v>2524</v>
          </cell>
          <cell r="C405" t="str">
            <v>共立建設(株)</v>
          </cell>
          <cell r="D405" t="str">
            <v>06-6260-1856</v>
          </cell>
          <cell r="E405" t="str">
            <v>541-0059</v>
          </cell>
          <cell r="F405" t="str">
            <v>大阪府大阪市中央区博労町2-1-13</v>
          </cell>
          <cell r="G405" t="str">
            <v/>
          </cell>
          <cell r="H405" t="str">
            <v>関西支店</v>
          </cell>
          <cell r="I405" t="str">
            <v>取締役支店長 山本　純弘</v>
          </cell>
          <cell r="J405" t="str">
            <v>東京都</v>
          </cell>
          <cell r="K405" t="str">
            <v>06-6260-1868</v>
          </cell>
          <cell r="L405" t="str">
            <v>matsudat@kyoritsu-con.co.jp</v>
          </cell>
          <cell r="M405" t="str">
            <v>ｷｮｳﾘﾂｹﾝｾﾂ</v>
          </cell>
          <cell r="N405" t="str">
            <v>有</v>
          </cell>
          <cell r="O405">
            <v>61</v>
          </cell>
          <cell r="P405">
            <v>522</v>
          </cell>
          <cell r="Q405">
            <v>1011001006587</v>
          </cell>
          <cell r="R405">
            <v>1000000</v>
          </cell>
          <cell r="S405">
            <v>13532179</v>
          </cell>
          <cell r="T405">
            <v>42117005</v>
          </cell>
          <cell r="V405" t="str">
            <v>tt292722</v>
          </cell>
          <cell r="W405" t="str">
            <v>tn271649</v>
          </cell>
          <cell r="X405" t="str">
            <v>(清)(建)(大)(左)(と)(屋)(タ)(鋼)(鉄)(舗)(板)(ガ)(塗)(防)(内)(具)(水)(解)土建大と屋電管タ鋼鉄舗板ガ塗防内具水解</v>
          </cell>
          <cell r="Y405" t="str">
            <v>(清)(建)(大)(左)(と)(屋)(タ)(鋼)(鉄)(舗)(板)(ガ)(塗)(防)(内)(具)(水)(解)</v>
          </cell>
          <cell r="Z405" t="str">
            <v>土建大と屋電管タ鋼鉄舗板ガ塗防内具水解</v>
          </cell>
          <cell r="AA405" t="str">
            <v>建築一式</v>
          </cell>
          <cell r="AB405" t="str">
            <v>土木一式</v>
          </cell>
          <cell r="AC405" t="str">
            <v>とび土工</v>
          </cell>
          <cell r="AD405" t="str">
            <v/>
          </cell>
          <cell r="AE405">
            <v>43190</v>
          </cell>
          <cell r="AF405" t="str">
            <v>希望しない</v>
          </cell>
          <cell r="AG405" t="str">
            <v>建築一式</v>
          </cell>
          <cell r="AH405" t="str">
            <v>特定</v>
          </cell>
          <cell r="AI405">
            <v>1656</v>
          </cell>
          <cell r="AJ405">
            <v>38463477</v>
          </cell>
          <cell r="AK405" t="str">
            <v>326(301)/22/4</v>
          </cell>
          <cell r="AL405" t="str">
            <v>土木一式</v>
          </cell>
          <cell r="AM405" t="str">
            <v>特定</v>
          </cell>
          <cell r="AN405">
            <v>1312</v>
          </cell>
          <cell r="AO405">
            <v>1905141</v>
          </cell>
          <cell r="AP405" t="str">
            <v>36(34)/24/0</v>
          </cell>
          <cell r="AQ405" t="str">
            <v>とび土工</v>
          </cell>
          <cell r="AR405" t="str">
            <v>特定</v>
          </cell>
          <cell r="AS405">
            <v>1448</v>
          </cell>
          <cell r="AT405">
            <v>4123010</v>
          </cell>
          <cell r="AU405" t="str">
            <v>280(260)/0/6</v>
          </cell>
          <cell r="AV405" t="str">
            <v/>
          </cell>
          <cell r="AW405" t="str">
            <v/>
          </cell>
          <cell r="AX405" t="str">
            <v/>
          </cell>
          <cell r="AY405" t="str">
            <v/>
          </cell>
          <cell r="AZ405" t="str">
            <v/>
          </cell>
          <cell r="BA405" t="str">
            <v>東京都</v>
          </cell>
          <cell r="BB405">
            <v>0</v>
          </cell>
          <cell r="CR405">
            <v>4878</v>
          </cell>
          <cell r="CS405" t="str">
            <v>ﾐﾔﾀ ｷﾖｼ</v>
          </cell>
          <cell r="CT405" t="str">
            <v>宮田  喜世志</v>
          </cell>
          <cell r="CU405" t="str">
            <v>情報管理課</v>
          </cell>
          <cell r="CW405">
            <v>2484</v>
          </cell>
          <cell r="CX405" t="str">
            <v>主査</v>
          </cell>
          <cell r="CY405" t="str">
            <v>情報管理課長</v>
          </cell>
        </row>
        <row r="406">
          <cell r="B406">
            <v>2525</v>
          </cell>
          <cell r="C406" t="str">
            <v>(株)協立道路サービス</v>
          </cell>
          <cell r="D406" t="str">
            <v>078-453-2727</v>
          </cell>
          <cell r="E406" t="str">
            <v>658-0025</v>
          </cell>
          <cell r="F406" t="str">
            <v>兵庫県神戸市東灘区魚崎南町4-16-21</v>
          </cell>
          <cell r="G406" t="str">
            <v>神戸市</v>
          </cell>
          <cell r="H406" t="str">
            <v/>
          </cell>
          <cell r="I406" t="str">
            <v xml:space="preserve">代表取締役社長 惣前　尚郎 </v>
          </cell>
          <cell r="J406" t="str">
            <v>本店</v>
          </cell>
          <cell r="K406" t="str">
            <v>078-413-0134</v>
          </cell>
          <cell r="L406" t="str">
            <v>kyouritu@arion.ocn.ne.jp</v>
          </cell>
          <cell r="M406" t="str">
            <v>ｷｮｳﾘﾂﾄﾞｳﾛｻｰﾋﾞｽ</v>
          </cell>
          <cell r="N406" t="str">
            <v>無</v>
          </cell>
          <cell r="O406">
            <v>34</v>
          </cell>
          <cell r="P406">
            <v>29</v>
          </cell>
          <cell r="Q406">
            <v>8140001001364</v>
          </cell>
          <cell r="R406">
            <v>40000</v>
          </cell>
          <cell r="S406">
            <v>246337</v>
          </cell>
          <cell r="T406">
            <v>849847</v>
          </cell>
          <cell r="V406" t="str">
            <v>bd590758</v>
          </cell>
          <cell r="W406" t="str">
            <v>as252093</v>
          </cell>
          <cell r="X406" t="str">
            <v>土と鋼舗塗</v>
          </cell>
          <cell r="Y406" t="str">
            <v/>
          </cell>
          <cell r="Z406" t="str">
            <v>土と鋼舗塗</v>
          </cell>
          <cell r="AA406" t="str">
            <v>とび土工</v>
          </cell>
          <cell r="AB406" t="str">
            <v>土木一式</v>
          </cell>
          <cell r="AC406" t="str">
            <v>鋼構造物</v>
          </cell>
          <cell r="AD406" t="str">
            <v>舗装</v>
          </cell>
          <cell r="AE406">
            <v>43131</v>
          </cell>
          <cell r="AF406" t="str">
            <v>希望する</v>
          </cell>
          <cell r="AG406" t="str">
            <v>とび土工</v>
          </cell>
          <cell r="AH406" t="str">
            <v>特定</v>
          </cell>
          <cell r="AI406">
            <v>857</v>
          </cell>
          <cell r="AJ406">
            <v>327210</v>
          </cell>
          <cell r="AK406" t="str">
            <v>5(5)/6/0</v>
          </cell>
          <cell r="AL406" t="str">
            <v>土木一式</v>
          </cell>
          <cell r="AM406" t="str">
            <v>特定</v>
          </cell>
          <cell r="AN406">
            <v>793</v>
          </cell>
          <cell r="AO406">
            <v>39575</v>
          </cell>
          <cell r="AP406" t="str">
            <v>5(5)/6/0</v>
          </cell>
          <cell r="AQ406" t="str">
            <v>鋼構造物</v>
          </cell>
          <cell r="AR406" t="str">
            <v>特定</v>
          </cell>
          <cell r="AS406">
            <v>700</v>
          </cell>
          <cell r="AT406">
            <v>19831</v>
          </cell>
          <cell r="AU406" t="str">
            <v>0(0)/0/0</v>
          </cell>
          <cell r="AV406" t="str">
            <v>舗装</v>
          </cell>
          <cell r="AW406" t="str">
            <v>特定</v>
          </cell>
          <cell r="AX406">
            <v>643</v>
          </cell>
          <cell r="AY406">
            <v>1438</v>
          </cell>
          <cell r="AZ406" t="str">
            <v>0(0)/0/0</v>
          </cell>
          <cell r="BA406" t="str">
            <v>兵庫県</v>
          </cell>
          <cell r="BB406">
            <v>0</v>
          </cell>
          <cell r="CR406">
            <v>4880</v>
          </cell>
          <cell r="CS406" t="str">
            <v>ﾖｼﾀﾞ ﾅﾘﾄｼ</v>
          </cell>
          <cell r="CT406" t="str">
            <v>吉田  成俊</v>
          </cell>
          <cell r="CU406" t="str">
            <v>環境保全課</v>
          </cell>
          <cell r="CW406">
            <v>2823</v>
          </cell>
          <cell r="CX406" t="str">
            <v>課長</v>
          </cell>
          <cell r="CY406" t="str">
            <v>環境保全課長</v>
          </cell>
        </row>
        <row r="407">
          <cell r="B407">
            <v>2526</v>
          </cell>
          <cell r="C407" t="str">
            <v>(株)協和エクシオ</v>
          </cell>
          <cell r="D407" t="str">
            <v>078-681-2191</v>
          </cell>
          <cell r="E407" t="str">
            <v>652-0897</v>
          </cell>
          <cell r="F407" t="str">
            <v>兵庫県神戸市兵庫区駅南通2-1-13</v>
          </cell>
          <cell r="G407" t="str">
            <v/>
          </cell>
          <cell r="H407" t="str">
            <v>兵庫支店</v>
          </cell>
          <cell r="I407" t="str">
            <v>支店長 山本　浩司</v>
          </cell>
          <cell r="J407" t="str">
            <v>東京都</v>
          </cell>
          <cell r="K407" t="str">
            <v>078-681-2281</v>
          </cell>
          <cell r="L407" t="str">
            <v>kyowaexeo02@amethyst.broba.cc</v>
          </cell>
          <cell r="M407" t="str">
            <v>ｷｮｳﾜｴｸｼｵ</v>
          </cell>
          <cell r="N407" t="str">
            <v>有</v>
          </cell>
          <cell r="O407">
            <v>63</v>
          </cell>
          <cell r="P407">
            <v>3749</v>
          </cell>
          <cell r="Q407">
            <v>3011001031955</v>
          </cell>
          <cell r="R407">
            <v>6888731</v>
          </cell>
          <cell r="S407">
            <v>126671233</v>
          </cell>
          <cell r="T407">
            <v>312669000</v>
          </cell>
          <cell r="V407" t="str">
            <v>bf810657</v>
          </cell>
          <cell r="W407" t="str">
            <v>pk782035</v>
          </cell>
          <cell r="X407" t="str">
            <v>消(清)(と)(電)(鋼)(舗)(塗)(通)(水)土建と電管鋼舗塗内機通園水清</v>
          </cell>
          <cell r="Y407" t="str">
            <v>消(清)(と)(電)(鋼)(舗)(塗)(通)(水)</v>
          </cell>
          <cell r="Z407" t="str">
            <v>土建と電管鋼舗塗内機通園水清</v>
          </cell>
          <cell r="AA407" t="str">
            <v>電気通信</v>
          </cell>
          <cell r="AB407" t="str">
            <v>電気</v>
          </cell>
          <cell r="AC407" t="str">
            <v>土木一式</v>
          </cell>
          <cell r="AD407" t="str">
            <v>水道施設</v>
          </cell>
          <cell r="AE407">
            <v>43190</v>
          </cell>
          <cell r="AF407" t="str">
            <v>希望する</v>
          </cell>
          <cell r="AG407" t="str">
            <v>電気通信</v>
          </cell>
          <cell r="AH407" t="str">
            <v>特定</v>
          </cell>
          <cell r="AI407">
            <v>1838</v>
          </cell>
          <cell r="AJ407">
            <v>160581042</v>
          </cell>
          <cell r="AK407" t="str">
            <v>5(4)/0/1308</v>
          </cell>
          <cell r="AL407" t="str">
            <v>電気</v>
          </cell>
          <cell r="AM407" t="str">
            <v>特定</v>
          </cell>
          <cell r="AN407">
            <v>1665</v>
          </cell>
          <cell r="AO407">
            <v>25172037</v>
          </cell>
          <cell r="AP407" t="str">
            <v>216(178)/107/135</v>
          </cell>
          <cell r="AQ407" t="str">
            <v>土木一式</v>
          </cell>
          <cell r="AR407" t="str">
            <v>特定</v>
          </cell>
          <cell r="AS407">
            <v>1552</v>
          </cell>
          <cell r="AT407">
            <v>7617212</v>
          </cell>
          <cell r="AU407" t="str">
            <v>200(163)/22/14</v>
          </cell>
          <cell r="AV407" t="str">
            <v>水道施設</v>
          </cell>
          <cell r="AW407" t="str">
            <v>特定</v>
          </cell>
          <cell r="AX407">
            <v>1172</v>
          </cell>
          <cell r="AY407">
            <v>62895</v>
          </cell>
          <cell r="AZ407" t="str">
            <v>10(9)/0/2</v>
          </cell>
          <cell r="BA407" t="str">
            <v>東京都</v>
          </cell>
          <cell r="BB407">
            <v>0</v>
          </cell>
          <cell r="CR407">
            <v>4882</v>
          </cell>
          <cell r="CS407" t="str">
            <v>ﾐﾔﾀｹ ﾖｼﾏｻ</v>
          </cell>
          <cell r="CT407" t="str">
            <v>宮武  宜正</v>
          </cell>
          <cell r="CU407" t="str">
            <v>工務課</v>
          </cell>
          <cell r="CW407" t="str">
            <v xml:space="preserve"> </v>
          </cell>
          <cell r="CX407" t="str">
            <v>主査</v>
          </cell>
          <cell r="CY407" t="str">
            <v>工務課長</v>
          </cell>
        </row>
        <row r="408">
          <cell r="B408">
            <v>2527</v>
          </cell>
          <cell r="C408" t="str">
            <v>共和化工(株)</v>
          </cell>
          <cell r="D408" t="str">
            <v>06-6150-2211</v>
          </cell>
          <cell r="E408" t="str">
            <v>532-0003</v>
          </cell>
          <cell r="F408" t="str">
            <v>大阪府大阪市淀川区宮原4-5-36</v>
          </cell>
          <cell r="G408" t="str">
            <v/>
          </cell>
          <cell r="H408" t="str">
            <v>大阪支店</v>
          </cell>
          <cell r="I408" t="str">
            <v>支店長 河野　吉治</v>
          </cell>
          <cell r="J408" t="str">
            <v>東京都</v>
          </cell>
          <cell r="K408" t="str">
            <v>06-6150-2215</v>
          </cell>
          <cell r="L408" t="str">
            <v/>
          </cell>
          <cell r="M408" t="str">
            <v>ｷｮｳﾜｶｺｳ</v>
          </cell>
          <cell r="N408" t="str">
            <v>有</v>
          </cell>
          <cell r="O408">
            <v>55</v>
          </cell>
          <cell r="P408">
            <v>136</v>
          </cell>
          <cell r="Q408">
            <v>8010701002658</v>
          </cell>
          <cell r="R408">
            <v>100000</v>
          </cell>
          <cell r="S408">
            <v>3432075</v>
          </cell>
          <cell r="T408">
            <v>7199966</v>
          </cell>
          <cell r="V408" t="str">
            <v>mu994942</v>
          </cell>
          <cell r="W408" t="str">
            <v>uf408094</v>
          </cell>
          <cell r="X408" t="str">
            <v>(清)(管)(機)(水)(清)土建電管タ機水清</v>
          </cell>
          <cell r="Y408" t="str">
            <v>(清)(管)(機)(水)(清)</v>
          </cell>
          <cell r="Z408" t="str">
            <v>土建電管タ機水清</v>
          </cell>
          <cell r="AA408" t="str">
            <v>機械器具</v>
          </cell>
          <cell r="AB408" t="str">
            <v>清掃施設</v>
          </cell>
          <cell r="AC408" t="str">
            <v>水道施設</v>
          </cell>
          <cell r="AD408" t="str">
            <v>管</v>
          </cell>
          <cell r="AE408">
            <v>43281</v>
          </cell>
          <cell r="AF408" t="str">
            <v>希望しない</v>
          </cell>
          <cell r="AG408" t="str">
            <v>機械器具</v>
          </cell>
          <cell r="AH408" t="str">
            <v>特定</v>
          </cell>
          <cell r="AI408">
            <v>1008</v>
          </cell>
          <cell r="AJ408">
            <v>2837601</v>
          </cell>
          <cell r="AK408" t="str">
            <v>0(0)/0/45</v>
          </cell>
          <cell r="AL408" t="str">
            <v>清掃施設</v>
          </cell>
          <cell r="AM408" t="str">
            <v>特定</v>
          </cell>
          <cell r="AN408">
            <v>1008</v>
          </cell>
          <cell r="AO408">
            <v>3145693</v>
          </cell>
          <cell r="AP408" t="str">
            <v>0(0)/0/40</v>
          </cell>
          <cell r="AQ408" t="str">
            <v>水道施設</v>
          </cell>
          <cell r="AR408" t="str">
            <v>特定</v>
          </cell>
          <cell r="AS408">
            <v>940</v>
          </cell>
          <cell r="AT408">
            <v>477283</v>
          </cell>
          <cell r="AU408" t="str">
            <v>11(0)/3/0</v>
          </cell>
          <cell r="AV408" t="str">
            <v>管</v>
          </cell>
          <cell r="AW408" t="str">
            <v>特定</v>
          </cell>
          <cell r="AX408">
            <v>908</v>
          </cell>
          <cell r="AY408">
            <v>342584</v>
          </cell>
          <cell r="AZ408" t="str">
            <v>9(0)/2/0</v>
          </cell>
          <cell r="BA408" t="str">
            <v>東京都</v>
          </cell>
          <cell r="BB408">
            <v>0</v>
          </cell>
          <cell r="CR408">
            <v>4883</v>
          </cell>
          <cell r="CS408" t="str">
            <v>ｷﾑﾗ ﾃﾂﾔ</v>
          </cell>
          <cell r="CT408" t="str">
            <v>木村  哲也</v>
          </cell>
          <cell r="CU408" t="str">
            <v>営繕課</v>
          </cell>
          <cell r="CW408">
            <v>3320</v>
          </cell>
          <cell r="CX408" t="str">
            <v>課長</v>
          </cell>
          <cell r="CY408" t="str">
            <v>営繕課長</v>
          </cell>
        </row>
        <row r="409">
          <cell r="B409">
            <v>2528</v>
          </cell>
          <cell r="C409" t="str">
            <v>(株)共和技電</v>
          </cell>
          <cell r="D409" t="str">
            <v>072-825-3500</v>
          </cell>
          <cell r="E409" t="str">
            <v>572-0820</v>
          </cell>
          <cell r="F409" t="str">
            <v>大阪府寝屋川市中木田町31-13</v>
          </cell>
          <cell r="G409" t="str">
            <v>寝屋川市</v>
          </cell>
          <cell r="H409" t="str">
            <v/>
          </cell>
          <cell r="I409" t="str">
            <v>代表取締役 中井　慶治</v>
          </cell>
          <cell r="J409" t="str">
            <v>本店</v>
          </cell>
          <cell r="K409" t="str">
            <v>072-825-3345</v>
          </cell>
          <cell r="L409" t="str">
            <v>kyowagiden.so-mu3500@dolphin.ocn.ne.jp</v>
          </cell>
          <cell r="M409" t="str">
            <v>ｷｮｳﾜｷﾞﾃﾞﾝ</v>
          </cell>
          <cell r="N409" t="str">
            <v>無</v>
          </cell>
          <cell r="O409">
            <v>40</v>
          </cell>
          <cell r="P409">
            <v>15</v>
          </cell>
          <cell r="Q409">
            <v>4120001147667</v>
          </cell>
          <cell r="R409">
            <v>40000</v>
          </cell>
          <cell r="S409">
            <v>24048</v>
          </cell>
          <cell r="T409">
            <v>213012</v>
          </cell>
          <cell r="V409" t="str">
            <v>ms242640</v>
          </cell>
          <cell r="W409" t="str">
            <v>bp943423</v>
          </cell>
          <cell r="X409" t="str">
            <v>土電管浚機水消</v>
          </cell>
          <cell r="Y409" t="str">
            <v>土電管浚機水消</v>
          </cell>
          <cell r="Z409" t="str">
            <v/>
          </cell>
          <cell r="AA409" t="str">
            <v>電気</v>
          </cell>
          <cell r="AB409" t="str">
            <v>機械器具</v>
          </cell>
          <cell r="AC409" t="str">
            <v>管</v>
          </cell>
          <cell r="AD409" t="str">
            <v>水道施設</v>
          </cell>
          <cell r="AE409">
            <v>43131</v>
          </cell>
          <cell r="AF409" t="str">
            <v>希望しない</v>
          </cell>
          <cell r="AG409" t="str">
            <v>電気</v>
          </cell>
          <cell r="AH409" t="str">
            <v>一般</v>
          </cell>
          <cell r="AI409">
            <v>816</v>
          </cell>
          <cell r="AJ409">
            <v>257130</v>
          </cell>
          <cell r="AK409" t="str">
            <v>5(5)/1/6</v>
          </cell>
          <cell r="AL409" t="str">
            <v>機械器具</v>
          </cell>
          <cell r="AM409" t="str">
            <v>一般</v>
          </cell>
          <cell r="AN409">
            <v>666</v>
          </cell>
          <cell r="AO409">
            <v>17468</v>
          </cell>
          <cell r="AP409" t="str">
            <v>0(0)/0/0</v>
          </cell>
          <cell r="AQ409" t="str">
            <v>管</v>
          </cell>
          <cell r="AR409" t="str">
            <v>一般</v>
          </cell>
          <cell r="AS409">
            <v>675</v>
          </cell>
          <cell r="AT409">
            <v>9159</v>
          </cell>
          <cell r="AU409" t="str">
            <v>1(1)/1/2</v>
          </cell>
          <cell r="AV409" t="str">
            <v>水道施設</v>
          </cell>
          <cell r="AW409" t="str">
            <v>一般</v>
          </cell>
          <cell r="AX409" t="str">
            <v/>
          </cell>
          <cell r="AY409" t="str">
            <v/>
          </cell>
          <cell r="AZ409" t="str">
            <v>0(0)/0/0</v>
          </cell>
          <cell r="BA409" t="str">
            <v>大阪府</v>
          </cell>
          <cell r="BB409">
            <v>0</v>
          </cell>
          <cell r="CR409">
            <v>4884</v>
          </cell>
          <cell r="CS409" t="str">
            <v>ｳﾗﾍﾞ ﾉﾘﾖｼ</v>
          </cell>
          <cell r="CT409" t="str">
            <v>占部  訓由</v>
          </cell>
          <cell r="CU409" t="str">
            <v>農業政策課</v>
          </cell>
          <cell r="CW409">
            <v>2906</v>
          </cell>
          <cell r="CX409" t="str">
            <v>副主幹</v>
          </cell>
          <cell r="CY409" t="str">
            <v>農業政策課長</v>
          </cell>
        </row>
        <row r="410">
          <cell r="B410">
            <v>2529</v>
          </cell>
          <cell r="C410" t="str">
            <v>協和機電工業(株)</v>
          </cell>
          <cell r="D410" t="str">
            <v>06-6964-0099</v>
          </cell>
          <cell r="E410" t="str">
            <v>658-0082</v>
          </cell>
          <cell r="F410" t="str">
            <v>大阪府大阪市城東区永田2-1-20</v>
          </cell>
          <cell r="G410" t="str">
            <v>長崎市</v>
          </cell>
          <cell r="H410" t="str">
            <v>大阪支店</v>
          </cell>
          <cell r="I410" t="str">
            <v>支店長　 村田　隆</v>
          </cell>
          <cell r="J410" t="str">
            <v>長崎県長崎市</v>
          </cell>
          <cell r="K410" t="str">
            <v>06-6964-0039</v>
          </cell>
          <cell r="L410" t="str">
            <v>eigyou@kyowa-kk.co.jp</v>
          </cell>
          <cell r="M410" t="str">
            <v>ｷﾖｳﾜｷﾃﾞﾝｺｳｷﾞﾖｳ</v>
          </cell>
          <cell r="N410" t="str">
            <v>有</v>
          </cell>
          <cell r="O410">
            <v>61</v>
          </cell>
          <cell r="P410">
            <v>478</v>
          </cell>
          <cell r="Q410">
            <v>7310000000000</v>
          </cell>
          <cell r="R410">
            <v>50000</v>
          </cell>
          <cell r="S410">
            <v>1250623</v>
          </cell>
          <cell r="T410">
            <v>11270777</v>
          </cell>
          <cell r="V410" t="str">
            <v>wn738194</v>
          </cell>
          <cell r="W410" t="str">
            <v>pm913371</v>
          </cell>
          <cell r="X410" t="str">
            <v>土電管浚機水消</v>
          </cell>
          <cell r="Y410" t="str">
            <v>土電管浚機水消</v>
          </cell>
          <cell r="Z410" t="str">
            <v/>
          </cell>
          <cell r="AA410" t="str">
            <v>電気</v>
          </cell>
          <cell r="AB410" t="str">
            <v>機械器具</v>
          </cell>
          <cell r="AC410" t="str">
            <v>水道施設</v>
          </cell>
          <cell r="AD410" t="str">
            <v>電気通信</v>
          </cell>
          <cell r="AE410">
            <v>42916</v>
          </cell>
          <cell r="AF410" t="str">
            <v>希望しない</v>
          </cell>
          <cell r="AG410" t="str">
            <v>電気</v>
          </cell>
          <cell r="AH410" t="str">
            <v>特定</v>
          </cell>
          <cell r="AI410">
            <v>1176</v>
          </cell>
          <cell r="AJ410">
            <v>3865315</v>
          </cell>
          <cell r="AK410" t="str">
            <v>98(91)/35/76</v>
          </cell>
          <cell r="AL410" t="str">
            <v>機械器具</v>
          </cell>
          <cell r="AM410" t="str">
            <v>特定</v>
          </cell>
          <cell r="AN410">
            <v>1077</v>
          </cell>
          <cell r="AO410">
            <v>3996288</v>
          </cell>
          <cell r="AP410" t="str">
            <v>0(0)/0/83</v>
          </cell>
          <cell r="AQ410" t="str">
            <v>水道施設</v>
          </cell>
          <cell r="AR410" t="str">
            <v>特定</v>
          </cell>
          <cell r="AS410">
            <v>1075</v>
          </cell>
          <cell r="AT410">
            <v>2021436</v>
          </cell>
          <cell r="AU410" t="str">
            <v>30(28)/6/1</v>
          </cell>
          <cell r="AV410" t="str">
            <v>電気通信</v>
          </cell>
          <cell r="AW410" t="str">
            <v>特定</v>
          </cell>
          <cell r="AX410">
            <v>939</v>
          </cell>
          <cell r="AY410">
            <v>806569</v>
          </cell>
          <cell r="AZ410" t="str">
            <v>1(0)/0/29</v>
          </cell>
          <cell r="BA410" t="str">
            <v>長崎県</v>
          </cell>
          <cell r="BB410">
            <v>0</v>
          </cell>
          <cell r="CR410">
            <v>4886</v>
          </cell>
          <cell r="CS410" t="str">
            <v>ﾀﾅｶ ﾐﾕｷ</v>
          </cell>
          <cell r="CT410" t="str">
            <v>田中  美幸</v>
          </cell>
          <cell r="CU410" t="str">
            <v>市民課</v>
          </cell>
          <cell r="CW410">
            <v>2609</v>
          </cell>
          <cell r="CX410" t="str">
            <v>主査</v>
          </cell>
          <cell r="CY410" t="str">
            <v>市民課長</v>
          </cell>
        </row>
        <row r="411">
          <cell r="B411">
            <v>2530</v>
          </cell>
          <cell r="C411" t="str">
            <v>(株)クリマテック</v>
          </cell>
          <cell r="D411" t="str">
            <v>06-6946-7595</v>
          </cell>
          <cell r="E411" t="str">
            <v>540-0001</v>
          </cell>
          <cell r="F411" t="str">
            <v>大阪府大阪市中央区城見2-2-22</v>
          </cell>
          <cell r="G411" t="str">
            <v/>
          </cell>
          <cell r="H411" t="str">
            <v>関西支店</v>
          </cell>
          <cell r="I411" t="str">
            <v>常務執行役員支店長 小林　昌弘</v>
          </cell>
          <cell r="J411" t="str">
            <v>東京都</v>
          </cell>
          <cell r="K411" t="str">
            <v>06-6946-7597</v>
          </cell>
          <cell r="L411" t="str">
            <v>maiko-k@clima-teq.com</v>
          </cell>
          <cell r="M411" t="str">
            <v>ｸﾘﾏﾃｯｸ</v>
          </cell>
          <cell r="N411" t="str">
            <v>有</v>
          </cell>
          <cell r="O411">
            <v>68</v>
          </cell>
          <cell r="P411">
            <v>378</v>
          </cell>
          <cell r="Q411">
            <v>6011101047568</v>
          </cell>
          <cell r="R411">
            <v>300000</v>
          </cell>
          <cell r="S411">
            <v>4043060</v>
          </cell>
          <cell r="T411">
            <v>18438348</v>
          </cell>
          <cell r="V411" t="str">
            <v>af908267</v>
          </cell>
          <cell r="W411" t="str">
            <v>ha296983</v>
          </cell>
          <cell r="X411" t="str">
            <v>(管)土建大と石屋電管タ鋼鉄舗浚板ガ塗防内機熱通園具水消解</v>
          </cell>
          <cell r="Y411" t="str">
            <v>(管)</v>
          </cell>
          <cell r="Z411" t="str">
            <v>土建大と石屋電管タ鋼鉄舗浚板ガ塗防内機熱通園具水消解</v>
          </cell>
          <cell r="AA411" t="str">
            <v>管</v>
          </cell>
          <cell r="AB411" t="str">
            <v/>
          </cell>
          <cell r="AC411" t="str">
            <v/>
          </cell>
          <cell r="AD411" t="str">
            <v/>
          </cell>
          <cell r="AE411">
            <v>43190</v>
          </cell>
          <cell r="AF411" t="str">
            <v>希望しない</v>
          </cell>
          <cell r="AG411" t="str">
            <v>管</v>
          </cell>
          <cell r="AH411" t="str">
            <v>特定</v>
          </cell>
          <cell r="AI411">
            <v>1341</v>
          </cell>
          <cell r="AJ411">
            <v>14155728</v>
          </cell>
          <cell r="AK411" t="str">
            <v>149(93)/23/10</v>
          </cell>
          <cell r="AL411" t="str">
            <v/>
          </cell>
          <cell r="AM411" t="str">
            <v/>
          </cell>
          <cell r="AN411" t="str">
            <v/>
          </cell>
          <cell r="AO411" t="str">
            <v/>
          </cell>
          <cell r="AP411" t="str">
            <v/>
          </cell>
          <cell r="AQ411" t="str">
            <v/>
          </cell>
          <cell r="AR411" t="str">
            <v/>
          </cell>
          <cell r="AS411" t="str">
            <v/>
          </cell>
          <cell r="AT411" t="str">
            <v/>
          </cell>
          <cell r="AU411" t="str">
            <v/>
          </cell>
          <cell r="AV411" t="str">
            <v/>
          </cell>
          <cell r="AW411" t="str">
            <v/>
          </cell>
          <cell r="AX411" t="str">
            <v/>
          </cell>
          <cell r="AY411" t="str">
            <v/>
          </cell>
          <cell r="AZ411" t="str">
            <v/>
          </cell>
          <cell r="BA411" t="str">
            <v>東京都</v>
          </cell>
          <cell r="BB411">
            <v>0</v>
          </cell>
          <cell r="CR411">
            <v>4887</v>
          </cell>
          <cell r="CS411" t="str">
            <v>ﾏﾂﾓﾄ ｼﾖｳｺ</v>
          </cell>
          <cell r="CT411" t="str">
            <v>松本  聖子</v>
          </cell>
          <cell r="CU411" t="str">
            <v>文化振興課</v>
          </cell>
          <cell r="CW411">
            <v>2119</v>
          </cell>
          <cell r="CX411" t="str">
            <v>主査</v>
          </cell>
          <cell r="CY411" t="str">
            <v>文化振興課長</v>
          </cell>
        </row>
        <row r="412">
          <cell r="B412">
            <v>2531</v>
          </cell>
          <cell r="C412" t="str">
            <v>協和テクノロジィズ(株)</v>
          </cell>
          <cell r="D412" t="str">
            <v>078-511-9840</v>
          </cell>
          <cell r="E412" t="str">
            <v>652-0047</v>
          </cell>
          <cell r="F412" t="str">
            <v>兵庫県神戸市兵庫区下沢通7-1-23</v>
          </cell>
          <cell r="G412" t="str">
            <v>大阪市</v>
          </cell>
          <cell r="H412" t="str">
            <v>兵庫営業所</v>
          </cell>
          <cell r="I412" t="str">
            <v>所長 竹村　聡</v>
          </cell>
          <cell r="J412" t="str">
            <v>大阪府大阪市</v>
          </cell>
          <cell r="K412" t="str">
            <v>078-511-9895</v>
          </cell>
          <cell r="L412" t="str">
            <v>hyougo@kyotec.co.jp</v>
          </cell>
          <cell r="M412" t="str">
            <v>ｷｮｳﾜﾃｸﾉﾛｼﾞｨｽﾞ</v>
          </cell>
          <cell r="N412" t="str">
            <v>有</v>
          </cell>
          <cell r="O412">
            <v>67</v>
          </cell>
          <cell r="P412">
            <v>487</v>
          </cell>
          <cell r="Q412">
            <v>9120001062993</v>
          </cell>
          <cell r="R412">
            <v>98600</v>
          </cell>
          <cell r="S412">
            <v>6806647</v>
          </cell>
          <cell r="T412">
            <v>18173072</v>
          </cell>
          <cell r="V412" t="str">
            <v>fq951005</v>
          </cell>
          <cell r="W412" t="str">
            <v>bs108630</v>
          </cell>
          <cell r="X412" t="str">
            <v>土と消(通)電鋼舗塗通水</v>
          </cell>
          <cell r="Y412" t="str">
            <v>土と消(通)</v>
          </cell>
          <cell r="Z412" t="str">
            <v>電鋼舗塗通水</v>
          </cell>
          <cell r="AA412" t="str">
            <v>電気通信</v>
          </cell>
          <cell r="AB412" t="str">
            <v/>
          </cell>
          <cell r="AC412" t="str">
            <v/>
          </cell>
          <cell r="AD412" t="str">
            <v/>
          </cell>
          <cell r="AE412">
            <v>43008</v>
          </cell>
          <cell r="AF412" t="str">
            <v>希望しない</v>
          </cell>
          <cell r="AG412" t="str">
            <v>電気通信</v>
          </cell>
          <cell r="AH412" t="str">
            <v>特定</v>
          </cell>
          <cell r="AI412">
            <v>1276</v>
          </cell>
          <cell r="AJ412">
            <v>11685575</v>
          </cell>
          <cell r="AK412" t="str">
            <v>0(0)/0/190</v>
          </cell>
          <cell r="AL412" t="str">
            <v/>
          </cell>
          <cell r="AM412" t="str">
            <v/>
          </cell>
          <cell r="AN412" t="str">
            <v/>
          </cell>
          <cell r="AO412" t="str">
            <v/>
          </cell>
          <cell r="AP412" t="str">
            <v/>
          </cell>
          <cell r="AQ412" t="str">
            <v/>
          </cell>
          <cell r="AR412" t="str">
            <v/>
          </cell>
          <cell r="AS412" t="str">
            <v/>
          </cell>
          <cell r="AT412" t="str">
            <v/>
          </cell>
          <cell r="AU412" t="str">
            <v/>
          </cell>
          <cell r="AV412" t="str">
            <v/>
          </cell>
          <cell r="AW412" t="str">
            <v/>
          </cell>
          <cell r="AX412" t="str">
            <v/>
          </cell>
          <cell r="AY412" t="str">
            <v/>
          </cell>
          <cell r="AZ412" t="str">
            <v/>
          </cell>
          <cell r="BA412" t="str">
            <v>大阪府</v>
          </cell>
          <cell r="BB412">
            <v>0</v>
          </cell>
          <cell r="CR412">
            <v>4888</v>
          </cell>
          <cell r="CS412" t="str">
            <v>ｺﾒﾀﾆ ﾐﾁﾖ</v>
          </cell>
          <cell r="CT412" t="str">
            <v>米谷  美千代</v>
          </cell>
          <cell r="CU412" t="str">
            <v>資産税課</v>
          </cell>
          <cell r="CW412">
            <v>2332</v>
          </cell>
          <cell r="CX412" t="str">
            <v xml:space="preserve"> </v>
          </cell>
          <cell r="CY412" t="str">
            <v>資産税課長</v>
          </cell>
        </row>
        <row r="413">
          <cell r="B413">
            <v>2533</v>
          </cell>
          <cell r="C413" t="str">
            <v>旭日電気工業(株)</v>
          </cell>
          <cell r="D413" t="str">
            <v>06-6531-5566</v>
          </cell>
          <cell r="E413" t="str">
            <v>550-0012</v>
          </cell>
          <cell r="F413" t="str">
            <v>大阪府大阪市西区立売堀1-2-12</v>
          </cell>
          <cell r="G413" t="str">
            <v/>
          </cell>
          <cell r="H413" t="str">
            <v>大阪支店</v>
          </cell>
          <cell r="I413" t="str">
            <v>執行役員支店長 春岡　洋秀</v>
          </cell>
          <cell r="J413" t="str">
            <v>東京都</v>
          </cell>
          <cell r="K413" t="str">
            <v>06-6531-5569</v>
          </cell>
          <cell r="L413" t="str">
            <v>t-oota@kyokujitsu.co.jp</v>
          </cell>
          <cell r="M413" t="str">
            <v>ｷｮｸｼﾞﾂﾃﾞﾝｷｺｳｷﾞｮｳ</v>
          </cell>
          <cell r="N413" t="str">
            <v>有</v>
          </cell>
          <cell r="O413">
            <v>67</v>
          </cell>
          <cell r="P413">
            <v>209</v>
          </cell>
          <cell r="Q413">
            <v>6010901003251</v>
          </cell>
          <cell r="R413">
            <v>276000</v>
          </cell>
          <cell r="S413">
            <v>4498460</v>
          </cell>
          <cell r="T413">
            <v>8340378</v>
          </cell>
          <cell r="V413" t="str">
            <v>ns134800</v>
          </cell>
          <cell r="W413" t="str">
            <v>nx242986</v>
          </cell>
          <cell r="X413" t="str">
            <v>通消(電)電</v>
          </cell>
          <cell r="Y413" t="str">
            <v>通消(電)</v>
          </cell>
          <cell r="Z413" t="str">
            <v>電</v>
          </cell>
          <cell r="AA413" t="str">
            <v>電気</v>
          </cell>
          <cell r="AB413" t="str">
            <v/>
          </cell>
          <cell r="AC413" t="str">
            <v/>
          </cell>
          <cell r="AD413" t="str">
            <v/>
          </cell>
          <cell r="AE413">
            <v>43008</v>
          </cell>
          <cell r="AF413" t="str">
            <v/>
          </cell>
          <cell r="AG413" t="str">
            <v>電気</v>
          </cell>
          <cell r="AH413" t="str">
            <v>特定</v>
          </cell>
          <cell r="AI413">
            <v>1299</v>
          </cell>
          <cell r="AJ413">
            <v>8923624</v>
          </cell>
          <cell r="AK413" t="str">
            <v>94(86)/10/13</v>
          </cell>
          <cell r="AL413" t="str">
            <v/>
          </cell>
          <cell r="AM413" t="str">
            <v/>
          </cell>
          <cell r="AN413" t="str">
            <v/>
          </cell>
          <cell r="AO413" t="str">
            <v/>
          </cell>
          <cell r="AP413" t="str">
            <v/>
          </cell>
          <cell r="AQ413" t="str">
            <v/>
          </cell>
          <cell r="AR413" t="str">
            <v/>
          </cell>
          <cell r="AS413" t="str">
            <v/>
          </cell>
          <cell r="AT413" t="str">
            <v/>
          </cell>
          <cell r="AU413" t="str">
            <v/>
          </cell>
          <cell r="AV413" t="str">
            <v/>
          </cell>
          <cell r="AW413" t="str">
            <v/>
          </cell>
          <cell r="AX413" t="str">
            <v/>
          </cell>
          <cell r="AY413" t="str">
            <v/>
          </cell>
          <cell r="AZ413" t="str">
            <v/>
          </cell>
          <cell r="BA413" t="str">
            <v>東京都</v>
          </cell>
          <cell r="BB413">
            <v>0</v>
          </cell>
          <cell r="CR413">
            <v>4889</v>
          </cell>
          <cell r="CS413" t="str">
            <v>ｶｼﾞﾀ ﾄﾓﾕｷ</v>
          </cell>
          <cell r="CT413" t="str">
            <v>梶田  智之</v>
          </cell>
          <cell r="CU413" t="str">
            <v>秘書課</v>
          </cell>
          <cell r="CW413">
            <v>2135</v>
          </cell>
          <cell r="CX413" t="str">
            <v>課長</v>
          </cell>
          <cell r="CY413" t="str">
            <v>秘書課長</v>
          </cell>
        </row>
        <row r="414">
          <cell r="B414">
            <v>2536</v>
          </cell>
          <cell r="C414" t="str">
            <v>極東興和(株)</v>
          </cell>
          <cell r="D414" t="str">
            <v>06-4960-7290</v>
          </cell>
          <cell r="E414" t="str">
            <v>661-0966</v>
          </cell>
          <cell r="F414" t="str">
            <v>兵庫県尼崎市西川2-15-13</v>
          </cell>
          <cell r="G414" t="str">
            <v>広島市</v>
          </cell>
          <cell r="H414" t="str">
            <v>兵庫営業所</v>
          </cell>
          <cell r="I414" t="str">
            <v>所長 中本　浩嗣</v>
          </cell>
          <cell r="J414" t="str">
            <v>広島県広島市</v>
          </cell>
          <cell r="K414" t="str">
            <v>06-4960-7291</v>
          </cell>
          <cell r="L414" t="str">
            <v>hnakamo@kkn.co.jp</v>
          </cell>
          <cell r="M414" t="str">
            <v>ｷｮｸﾄｳｺｳﾜ</v>
          </cell>
          <cell r="N414" t="str">
            <v>有</v>
          </cell>
          <cell r="O414">
            <v>68</v>
          </cell>
          <cell r="P414">
            <v>259</v>
          </cell>
          <cell r="Q414">
            <v>8240001002773</v>
          </cell>
          <cell r="R414">
            <v>100000</v>
          </cell>
          <cell r="S414">
            <v>2524238</v>
          </cell>
          <cell r="T414">
            <v>16255090</v>
          </cell>
          <cell r="V414" t="str">
            <v>tv853243</v>
          </cell>
          <cell r="W414" t="str">
            <v>sb389421</v>
          </cell>
          <cell r="X414" t="str">
            <v>(清)(と)(鋼)(塗)(水)土建と鋼舗浚塗水</v>
          </cell>
          <cell r="Y414" t="str">
            <v>(清)(と)(鋼)(塗)(水)</v>
          </cell>
          <cell r="Z414" t="str">
            <v>土建と鋼舗浚塗水</v>
          </cell>
          <cell r="AA414" t="str">
            <v>土木一式</v>
          </cell>
          <cell r="AB414" t="str">
            <v>とび土工</v>
          </cell>
          <cell r="AC414" t="str">
            <v>鋼構造物</v>
          </cell>
          <cell r="AD414" t="str">
            <v>水道施設</v>
          </cell>
          <cell r="AE414">
            <v>43190</v>
          </cell>
          <cell r="AF414" t="str">
            <v>希望しない</v>
          </cell>
          <cell r="AG414" t="str">
            <v>土木一式</v>
          </cell>
          <cell r="AH414" t="str">
            <v>特定</v>
          </cell>
          <cell r="AI414">
            <v>1412</v>
          </cell>
          <cell r="AJ414">
            <v>14902020</v>
          </cell>
          <cell r="AK414" t="str">
            <v>228(212)/15/0</v>
          </cell>
          <cell r="AL414" t="str">
            <v>とび土工</v>
          </cell>
          <cell r="AM414" t="str">
            <v>特定</v>
          </cell>
          <cell r="AN414">
            <v>1000</v>
          </cell>
          <cell r="AO414">
            <v>31978</v>
          </cell>
          <cell r="AP414" t="str">
            <v>37(27)/15/0</v>
          </cell>
          <cell r="AQ414" t="str">
            <v>鋼構造物</v>
          </cell>
          <cell r="AR414" t="str">
            <v>特定</v>
          </cell>
          <cell r="AS414">
            <v>782</v>
          </cell>
          <cell r="AT414">
            <v>1209</v>
          </cell>
          <cell r="AU414" t="str">
            <v>0(0)/0/0</v>
          </cell>
          <cell r="AV414" t="str">
            <v>水道施設</v>
          </cell>
          <cell r="AW414" t="str">
            <v>特定</v>
          </cell>
          <cell r="AX414">
            <v>1017</v>
          </cell>
          <cell r="AY414" t="str">
            <v/>
          </cell>
          <cell r="AZ414" t="str">
            <v>189(183)/0/0</v>
          </cell>
          <cell r="BA414" t="str">
            <v>広島県</v>
          </cell>
          <cell r="BB414">
            <v>0</v>
          </cell>
          <cell r="CR414">
            <v>4890</v>
          </cell>
          <cell r="CS414" t="str">
            <v>ﾜﾀﾅﾍﾞ ﾂﾈﾉﾘ</v>
          </cell>
          <cell r="CT414" t="str">
            <v>渡辺  恒紀</v>
          </cell>
          <cell r="CU414" t="str">
            <v>住宅政策課</v>
          </cell>
          <cell r="CW414">
            <v>3362</v>
          </cell>
          <cell r="CX414" t="str">
            <v>課長</v>
          </cell>
          <cell r="CY414" t="str">
            <v>住宅政策課長</v>
          </cell>
        </row>
        <row r="415">
          <cell r="B415">
            <v>2537</v>
          </cell>
          <cell r="C415" t="str">
            <v>極東サービス(株)</v>
          </cell>
          <cell r="D415" t="str">
            <v>06-6489-2828</v>
          </cell>
          <cell r="E415" t="str">
            <v>660-0892</v>
          </cell>
          <cell r="F415" t="str">
            <v>兵庫県尼崎市東難波町5-9-1</v>
          </cell>
          <cell r="G415" t="str">
            <v>八千代市</v>
          </cell>
          <cell r="H415" t="str">
            <v>大阪営業所</v>
          </cell>
          <cell r="I415" t="str">
            <v>所長 桑村　貴裕</v>
          </cell>
          <cell r="J415" t="str">
            <v>千葉県八千代市</v>
          </cell>
          <cell r="K415" t="str">
            <v>06-6489-2826</v>
          </cell>
          <cell r="L415" t="str">
            <v>chiba@kyokuto-service.com</v>
          </cell>
          <cell r="M415" t="str">
            <v>ｷｮｸﾄｳｻｰﾋﾞｽ</v>
          </cell>
          <cell r="N415" t="str">
            <v>有</v>
          </cell>
          <cell r="O415">
            <v>47</v>
          </cell>
          <cell r="P415">
            <v>66</v>
          </cell>
          <cell r="Q415">
            <v>3040001020651</v>
          </cell>
          <cell r="R415">
            <v>80000</v>
          </cell>
          <cell r="S415">
            <v>2549792</v>
          </cell>
          <cell r="T415">
            <v>2349569</v>
          </cell>
          <cell r="V415" t="str">
            <v>xe657220</v>
          </cell>
          <cell r="W415" t="str">
            <v>pj313555</v>
          </cell>
          <cell r="X415" t="str">
            <v>電機(電)(機)</v>
          </cell>
          <cell r="Y415" t="str">
            <v>電機(電)(機)</v>
          </cell>
          <cell r="Z415" t="str">
            <v/>
          </cell>
          <cell r="AA415" t="str">
            <v>機械器具</v>
          </cell>
          <cell r="AB415" t="str">
            <v>電気</v>
          </cell>
          <cell r="AC415" t="str">
            <v/>
          </cell>
          <cell r="AD415" t="str">
            <v/>
          </cell>
          <cell r="AE415">
            <v>43008</v>
          </cell>
          <cell r="AF415" t="str">
            <v/>
          </cell>
          <cell r="AG415" t="str">
            <v>機械器具</v>
          </cell>
          <cell r="AH415" t="str">
            <v>一般</v>
          </cell>
          <cell r="AI415">
            <v>936</v>
          </cell>
          <cell r="AJ415">
            <v>1508680</v>
          </cell>
          <cell r="AK415" t="str">
            <v>0(0)/0/29</v>
          </cell>
          <cell r="AL415" t="str">
            <v>電気</v>
          </cell>
          <cell r="AM415" t="str">
            <v>一般</v>
          </cell>
          <cell r="AN415">
            <v>777</v>
          </cell>
          <cell r="AO415">
            <v>70704</v>
          </cell>
          <cell r="AP415" t="str">
            <v>0(0)/2/7</v>
          </cell>
          <cell r="AQ415" t="str">
            <v/>
          </cell>
          <cell r="AR415" t="str">
            <v/>
          </cell>
          <cell r="AS415" t="str">
            <v/>
          </cell>
          <cell r="AT415" t="str">
            <v/>
          </cell>
          <cell r="AU415" t="str">
            <v/>
          </cell>
          <cell r="AV415" t="str">
            <v/>
          </cell>
          <cell r="AW415" t="str">
            <v/>
          </cell>
          <cell r="AX415" t="str">
            <v/>
          </cell>
          <cell r="AY415" t="str">
            <v/>
          </cell>
          <cell r="AZ415" t="str">
            <v/>
          </cell>
          <cell r="BA415" t="str">
            <v>千葉県</v>
          </cell>
          <cell r="BB415">
            <v>0</v>
          </cell>
          <cell r="CR415">
            <v>4891</v>
          </cell>
          <cell r="CS415" t="str">
            <v>ｱｻﾔﾏ ｱﾂﾐ</v>
          </cell>
          <cell r="CT415" t="str">
            <v>朝山  了実</v>
          </cell>
          <cell r="CU415" t="str">
            <v>保育課</v>
          </cell>
          <cell r="CW415">
            <v>2944</v>
          </cell>
          <cell r="CX415" t="str">
            <v xml:space="preserve"> </v>
          </cell>
          <cell r="CY415" t="str">
            <v>保育課長</v>
          </cell>
        </row>
        <row r="416">
          <cell r="B416">
            <v>2539</v>
          </cell>
          <cell r="C416" t="str">
            <v>清田軌道工業(株)</v>
          </cell>
          <cell r="D416" t="str">
            <v>078-582-1770</v>
          </cell>
          <cell r="E416" t="str">
            <v>651-1243</v>
          </cell>
          <cell r="F416" t="str">
            <v>兵庫県神戸市北区山田町下谷上字今草1ｰ5</v>
          </cell>
          <cell r="G416" t="str">
            <v/>
          </cell>
          <cell r="H416" t="str">
            <v>神戸営業所</v>
          </cell>
          <cell r="I416" t="str">
            <v>所長 直理　大和</v>
          </cell>
          <cell r="J416" t="str">
            <v>大阪府</v>
          </cell>
          <cell r="K416" t="str">
            <v>06-6346-5995</v>
          </cell>
          <cell r="L416" t="str">
            <v>h-someda@kiyota-re.co.jp</v>
          </cell>
          <cell r="M416" t="str">
            <v>ｷﾖﾀｷﾄﾞｳｺｳｷﾞｮｳ</v>
          </cell>
          <cell r="N416" t="str">
            <v>有</v>
          </cell>
          <cell r="O416">
            <v>60</v>
          </cell>
          <cell r="P416">
            <v>180</v>
          </cell>
          <cell r="Q416">
            <v>5120001062840</v>
          </cell>
          <cell r="R416">
            <v>85963</v>
          </cell>
          <cell r="S416">
            <v>4196188</v>
          </cell>
          <cell r="T416">
            <v>7295818</v>
          </cell>
          <cell r="V416" t="str">
            <v>ys799034</v>
          </cell>
          <cell r="W416" t="str">
            <v>xk620503</v>
          </cell>
          <cell r="X416" t="str">
            <v>(清)(と)(鋼)(舗)(水)土と鋼舗水</v>
          </cell>
          <cell r="Y416" t="str">
            <v>(清)(と)(鋼)(舗)(水)</v>
          </cell>
          <cell r="Z416" t="str">
            <v>土と鋼舗水</v>
          </cell>
          <cell r="AA416" t="str">
            <v>土木一式</v>
          </cell>
          <cell r="AB416" t="str">
            <v>水道施設</v>
          </cell>
          <cell r="AC416" t="str">
            <v>鋼構造物</v>
          </cell>
          <cell r="AD416" t="str">
            <v>とび土工</v>
          </cell>
          <cell r="AE416">
            <v>43190</v>
          </cell>
          <cell r="AF416" t="str">
            <v>希望する</v>
          </cell>
          <cell r="AG416" t="str">
            <v>土木一式</v>
          </cell>
          <cell r="AH416" t="str">
            <v>特定</v>
          </cell>
          <cell r="AI416">
            <v>1252</v>
          </cell>
          <cell r="AJ416">
            <v>6235064</v>
          </cell>
          <cell r="AK416" t="str">
            <v>69(67)/28/27</v>
          </cell>
          <cell r="AL416" t="str">
            <v>水道施設</v>
          </cell>
          <cell r="AM416" t="str">
            <v>特定</v>
          </cell>
          <cell r="AN416">
            <v>1050</v>
          </cell>
          <cell r="AO416">
            <v>291499</v>
          </cell>
          <cell r="AP416" t="str">
            <v>28(28)/14/2</v>
          </cell>
          <cell r="AQ416" t="str">
            <v>鋼構造物</v>
          </cell>
          <cell r="AR416" t="str">
            <v>特定</v>
          </cell>
          <cell r="AS416">
            <v>1014</v>
          </cell>
          <cell r="AT416">
            <v>218189</v>
          </cell>
          <cell r="AU416" t="str">
            <v>17(16)/8/5</v>
          </cell>
          <cell r="AV416" t="str">
            <v>とび土工</v>
          </cell>
          <cell r="AW416" t="str">
            <v>特定</v>
          </cell>
          <cell r="AX416">
            <v>929</v>
          </cell>
          <cell r="AY416">
            <v>31833</v>
          </cell>
          <cell r="AZ416" t="str">
            <v>11(11)/5/4</v>
          </cell>
          <cell r="BA416" t="str">
            <v>大阪府</v>
          </cell>
          <cell r="BB416" t="str">
            <v>アクア堂島東館１０階</v>
          </cell>
          <cell r="CR416">
            <v>4895</v>
          </cell>
          <cell r="CS416" t="str">
            <v>ﾐﾔﾀ ﾔﾁﾖ</v>
          </cell>
          <cell r="CT416" t="str">
            <v>宮田  八千代</v>
          </cell>
          <cell r="CU416" t="str">
            <v>保育課</v>
          </cell>
          <cell r="CW416" t="str">
            <v xml:space="preserve"> </v>
          </cell>
          <cell r="CX416" t="str">
            <v>副所長</v>
          </cell>
          <cell r="CY416" t="str">
            <v>保育課長</v>
          </cell>
        </row>
        <row r="417">
          <cell r="B417">
            <v>2544</v>
          </cell>
          <cell r="C417" t="str">
            <v>近畿興業(株)</v>
          </cell>
          <cell r="D417" t="str">
            <v>06-6723-1984</v>
          </cell>
          <cell r="E417" t="str">
            <v>577-0805</v>
          </cell>
          <cell r="F417" t="str">
            <v>大阪府東大阪市宝持1-6-25</v>
          </cell>
          <cell r="G417" t="str">
            <v>東大阪市</v>
          </cell>
          <cell r="H417" t="str">
            <v/>
          </cell>
          <cell r="I417" t="str">
            <v>代表取締役 齋藤　純代</v>
          </cell>
          <cell r="J417" t="str">
            <v>本店</v>
          </cell>
          <cell r="K417" t="str">
            <v>06-6723-1988</v>
          </cell>
          <cell r="L417" t="str">
            <v>adp08480@rio.odn.ne.jp</v>
          </cell>
          <cell r="M417" t="str">
            <v>ｷﾝｷｺｳｷﾞｮｳ</v>
          </cell>
          <cell r="N417" t="str">
            <v>無</v>
          </cell>
          <cell r="O417">
            <v>43</v>
          </cell>
          <cell r="P417">
            <v>9</v>
          </cell>
          <cell r="Q417">
            <v>5122001001472</v>
          </cell>
          <cell r="R417">
            <v>30000</v>
          </cell>
          <cell r="S417">
            <v>29944</v>
          </cell>
          <cell r="T417">
            <v>67667</v>
          </cell>
          <cell r="V417" t="str">
            <v>sa885384</v>
          </cell>
          <cell r="W417" t="str">
            <v>ug536352</v>
          </cell>
          <cell r="X417" t="str">
            <v>管土と石鋼舗浚塗水</v>
          </cell>
          <cell r="Y417" t="str">
            <v>管</v>
          </cell>
          <cell r="Z417" t="str">
            <v>土と石鋼舗浚塗水</v>
          </cell>
          <cell r="AA417" t="str">
            <v>土木一式</v>
          </cell>
          <cell r="AB417" t="str">
            <v>管</v>
          </cell>
          <cell r="AC417" t="str">
            <v>浚渫</v>
          </cell>
          <cell r="AD417" t="str">
            <v/>
          </cell>
          <cell r="AE417">
            <v>43159</v>
          </cell>
          <cell r="AF417" t="str">
            <v>希望する</v>
          </cell>
          <cell r="AG417" t="str">
            <v>土木一式</v>
          </cell>
          <cell r="AH417" t="str">
            <v>特定</v>
          </cell>
          <cell r="AI417">
            <v>686</v>
          </cell>
          <cell r="AJ417">
            <v>23879</v>
          </cell>
          <cell r="AK417" t="str">
            <v>2(2)/0/0</v>
          </cell>
          <cell r="AL417" t="str">
            <v>管</v>
          </cell>
          <cell r="AM417" t="str">
            <v>一般</v>
          </cell>
          <cell r="AN417">
            <v>686</v>
          </cell>
          <cell r="AO417">
            <v>22017</v>
          </cell>
          <cell r="AP417" t="str">
            <v>0(0)/0/0</v>
          </cell>
          <cell r="AQ417" t="str">
            <v>浚渫</v>
          </cell>
          <cell r="AR417" t="str">
            <v>特定</v>
          </cell>
          <cell r="AS417">
            <v>672</v>
          </cell>
          <cell r="AT417">
            <v>19747</v>
          </cell>
          <cell r="AU417" t="str">
            <v>0(0)/0/0</v>
          </cell>
          <cell r="AV417" t="str">
            <v/>
          </cell>
          <cell r="AW417" t="str">
            <v/>
          </cell>
          <cell r="AX417" t="str">
            <v/>
          </cell>
          <cell r="AY417" t="str">
            <v/>
          </cell>
          <cell r="AZ417" t="str">
            <v/>
          </cell>
          <cell r="BA417" t="str">
            <v>大阪府</v>
          </cell>
          <cell r="BB417">
            <v>0</v>
          </cell>
          <cell r="CR417">
            <v>4896</v>
          </cell>
          <cell r="CS417" t="str">
            <v>ｳﾗﾔﾏ ﾐｷ</v>
          </cell>
          <cell r="CT417" t="str">
            <v>浦山  美樹</v>
          </cell>
          <cell r="CU417" t="str">
            <v>保育課</v>
          </cell>
          <cell r="CW417" t="str">
            <v xml:space="preserve"> </v>
          </cell>
          <cell r="CX417" t="str">
            <v>副主査</v>
          </cell>
          <cell r="CY417" t="str">
            <v>保育課長</v>
          </cell>
        </row>
        <row r="418">
          <cell r="B418">
            <v>2547</v>
          </cell>
          <cell r="C418" t="str">
            <v>キンキ道路(株)</v>
          </cell>
          <cell r="D418" t="str">
            <v>078-232-1390</v>
          </cell>
          <cell r="E418" t="str">
            <v>651-0084</v>
          </cell>
          <cell r="F418" t="str">
            <v>兵庫県神戸市中央区磯部通4-2-8</v>
          </cell>
          <cell r="G418" t="str">
            <v>神戸市</v>
          </cell>
          <cell r="H418" t="str">
            <v>神戸支店</v>
          </cell>
          <cell r="I418" t="str">
            <v>支店長 井上　達夫</v>
          </cell>
          <cell r="J418" t="str">
            <v>大阪府</v>
          </cell>
          <cell r="K418" t="str">
            <v>078-232-1381</v>
          </cell>
          <cell r="L418" t="str">
            <v>denshi@kinki-road.jp</v>
          </cell>
          <cell r="M418" t="str">
            <v>ｷﾝｷﾄﾞｳﾛ</v>
          </cell>
          <cell r="N418" t="str">
            <v>有</v>
          </cell>
          <cell r="O418">
            <v>50</v>
          </cell>
          <cell r="P418">
            <v>62</v>
          </cell>
          <cell r="Q418">
            <v>6120001063268</v>
          </cell>
          <cell r="R418">
            <v>85000</v>
          </cell>
          <cell r="S418">
            <v>2948144</v>
          </cell>
          <cell r="T418">
            <v>3189847</v>
          </cell>
          <cell r="V418" t="str">
            <v>kq727306</v>
          </cell>
          <cell r="W418" t="str">
            <v>ah697152</v>
          </cell>
          <cell r="X418" t="str">
            <v>塗園(清)(と)(鋼)(塗)土と鋼</v>
          </cell>
          <cell r="Y418" t="str">
            <v>塗園(清)(と)(鋼)(塗)</v>
          </cell>
          <cell r="Z418" t="str">
            <v>土と鋼</v>
          </cell>
          <cell r="AA418" t="str">
            <v>鋼構造物</v>
          </cell>
          <cell r="AB418" t="str">
            <v>とび土工</v>
          </cell>
          <cell r="AC418" t="str">
            <v>土木一式</v>
          </cell>
          <cell r="AD418" t="str">
            <v>塗装</v>
          </cell>
          <cell r="AE418">
            <v>43190</v>
          </cell>
          <cell r="AF418" t="str">
            <v>希望しない</v>
          </cell>
          <cell r="AG418" t="str">
            <v>鋼構造物</v>
          </cell>
          <cell r="AH418" t="str">
            <v>特定</v>
          </cell>
          <cell r="AI418">
            <v>1026</v>
          </cell>
          <cell r="AJ418">
            <v>828853</v>
          </cell>
          <cell r="AK418" t="str">
            <v>25(25)/9/0</v>
          </cell>
          <cell r="AL418" t="str">
            <v>とび土工</v>
          </cell>
          <cell r="AM418" t="str">
            <v>特定</v>
          </cell>
          <cell r="AN418">
            <v>1069</v>
          </cell>
          <cell r="AO418">
            <v>2059446</v>
          </cell>
          <cell r="AP418" t="str">
            <v>23(23)/8/0</v>
          </cell>
          <cell r="AQ418" t="str">
            <v>土木一式</v>
          </cell>
          <cell r="AR418" t="str">
            <v>特定</v>
          </cell>
          <cell r="AS418">
            <v>845</v>
          </cell>
          <cell r="AT418">
            <v>267874</v>
          </cell>
          <cell r="AU418" t="str">
            <v>0(0)/1/0</v>
          </cell>
          <cell r="AV418" t="str">
            <v>塗装</v>
          </cell>
          <cell r="AW418" t="str">
            <v>一般</v>
          </cell>
          <cell r="AX418">
            <v>711</v>
          </cell>
          <cell r="AY418" t="str">
            <v/>
          </cell>
          <cell r="AZ418" t="str">
            <v>1(1)/0/0</v>
          </cell>
          <cell r="BA418" t="str">
            <v>大阪府</v>
          </cell>
          <cell r="BB418">
            <v>0</v>
          </cell>
          <cell r="CR418">
            <v>4945</v>
          </cell>
          <cell r="CS418" t="str">
            <v>ｼﾊﾞﾀ ｱｷｺ</v>
          </cell>
          <cell r="CT418" t="str">
            <v>芝田  明子</v>
          </cell>
          <cell r="CU418" t="str">
            <v>保育課</v>
          </cell>
          <cell r="CW418" t="str">
            <v xml:space="preserve"> </v>
          </cell>
          <cell r="CX418" t="str">
            <v>副主査</v>
          </cell>
          <cell r="CY418" t="str">
            <v>保育課長</v>
          </cell>
        </row>
        <row r="419">
          <cell r="B419">
            <v>2550</v>
          </cell>
          <cell r="C419" t="str">
            <v>(株)きんでん</v>
          </cell>
          <cell r="D419" t="str">
            <v>078-252-0415</v>
          </cell>
          <cell r="E419" t="str">
            <v>651-0083</v>
          </cell>
          <cell r="F419" t="str">
            <v>兵庫県神戸市中央区浜辺通4-1-1</v>
          </cell>
          <cell r="G419" t="str">
            <v>大阪市</v>
          </cell>
          <cell r="H419" t="str">
            <v>神戸支店</v>
          </cell>
          <cell r="I419" t="str">
            <v>常務執行役員支店長 一瓢　豊</v>
          </cell>
          <cell r="J419" t="str">
            <v>大阪府大阪市</v>
          </cell>
          <cell r="K419" t="str">
            <v>078-252-0564</v>
          </cell>
          <cell r="L419" t="str">
            <v>kuwahara_eiji@kinden.co.jp</v>
          </cell>
          <cell r="M419" t="str">
            <v>ｷﾝﾃﾞﾝ</v>
          </cell>
          <cell r="N419" t="str">
            <v>有</v>
          </cell>
          <cell r="O419">
            <v>68</v>
          </cell>
          <cell r="P419">
            <v>7398</v>
          </cell>
          <cell r="Q419">
            <v>1120001063033</v>
          </cell>
          <cell r="R419">
            <v>26411487</v>
          </cell>
          <cell r="S419">
            <v>406924000</v>
          </cell>
          <cell r="T419">
            <v>500700000</v>
          </cell>
          <cell r="V419" t="str">
            <v>sp402851</v>
          </cell>
          <cell r="W419" t="str">
            <v>nh739327</v>
          </cell>
          <cell r="X419" t="str">
            <v>(清)(と)(電)(鋼)(舗)(塗)(通)(園)(水)土建と電管鋼舗塗内機通園水消解</v>
          </cell>
          <cell r="Y419" t="str">
            <v>(清)(と)(電)(鋼)(舗)(塗)(通)(園)(水)</v>
          </cell>
          <cell r="Z419" t="str">
            <v>土建と電管鋼舗塗内機通園水消解</v>
          </cell>
          <cell r="AA419" t="str">
            <v>電気</v>
          </cell>
          <cell r="AB419" t="str">
            <v>電気通信</v>
          </cell>
          <cell r="AC419" t="str">
            <v>土木一式</v>
          </cell>
          <cell r="AD419" t="str">
            <v/>
          </cell>
          <cell r="AE419">
            <v>43190</v>
          </cell>
          <cell r="AF419" t="str">
            <v>希望しない</v>
          </cell>
          <cell r="AG419" t="str">
            <v>電気</v>
          </cell>
          <cell r="AH419" t="str">
            <v>特定</v>
          </cell>
          <cell r="AI419">
            <v>1999</v>
          </cell>
          <cell r="AJ419">
            <v>344799163</v>
          </cell>
          <cell r="AK419" t="str">
            <v>1853(1429)/838/1786</v>
          </cell>
          <cell r="AL419" t="str">
            <v>電気通信</v>
          </cell>
          <cell r="AM419" t="str">
            <v>特定</v>
          </cell>
          <cell r="AN419">
            <v>1766</v>
          </cell>
          <cell r="AO419">
            <v>35338236</v>
          </cell>
          <cell r="AP419" t="str">
            <v>151(122)/0/1074</v>
          </cell>
          <cell r="AQ419" t="str">
            <v>土木一式</v>
          </cell>
          <cell r="AR419" t="str">
            <v>特定</v>
          </cell>
          <cell r="AS419">
            <v>1502</v>
          </cell>
          <cell r="AT419">
            <v>1852235</v>
          </cell>
          <cell r="AU419" t="str">
            <v>163(127)/68/58</v>
          </cell>
          <cell r="AV419" t="str">
            <v/>
          </cell>
          <cell r="AW419" t="str">
            <v/>
          </cell>
          <cell r="AX419" t="str">
            <v/>
          </cell>
          <cell r="AY419" t="str">
            <v/>
          </cell>
          <cell r="AZ419" t="str">
            <v/>
          </cell>
          <cell r="BA419" t="str">
            <v>大阪府</v>
          </cell>
          <cell r="BB419">
            <v>0</v>
          </cell>
          <cell r="CR419">
            <v>4949</v>
          </cell>
          <cell r="CS419" t="str">
            <v>ｲﾅｵｶ ﾋﾛｼ</v>
          </cell>
          <cell r="CT419" t="str">
            <v>稲岡  博</v>
          </cell>
          <cell r="CU419" t="str">
            <v>人権啓発センター</v>
          </cell>
          <cell r="CW419" t="str">
            <v xml:space="preserve"> </v>
          </cell>
          <cell r="CX419" t="str">
            <v>主査</v>
          </cell>
          <cell r="CY419" t="str">
            <v>人権啓発センター所長</v>
          </cell>
        </row>
        <row r="420">
          <cell r="B420">
            <v>2551</v>
          </cell>
          <cell r="C420" t="str">
            <v>(株)きんぱい</v>
          </cell>
          <cell r="D420" t="str">
            <v>06-6105-0888</v>
          </cell>
          <cell r="E420" t="str">
            <v>551-0002</v>
          </cell>
          <cell r="F420" t="str">
            <v>大阪府大阪市大正区三軒家東3-10-12</v>
          </cell>
          <cell r="G420" t="str">
            <v>大阪市</v>
          </cell>
          <cell r="H420" t="str">
            <v/>
          </cell>
          <cell r="I420" t="str">
            <v>代表取締役 石川　哲夫</v>
          </cell>
          <cell r="J420" t="str">
            <v>本店</v>
          </cell>
          <cell r="K420" t="str">
            <v>06-6105-0890</v>
          </cell>
          <cell r="L420" t="str">
            <v>yamamoto-takeshi@kinpai.gr.jp</v>
          </cell>
          <cell r="M420" t="str">
            <v>ｷﾝﾊﾟｲ</v>
          </cell>
          <cell r="N420" t="str">
            <v>無</v>
          </cell>
          <cell r="O420">
            <v>68</v>
          </cell>
          <cell r="P420">
            <v>348</v>
          </cell>
          <cell r="Q420">
            <v>9120001003279</v>
          </cell>
          <cell r="R420">
            <v>300000</v>
          </cell>
          <cell r="S420">
            <v>696430</v>
          </cell>
          <cell r="T420">
            <v>14710084</v>
          </cell>
          <cell r="V420" t="str">
            <v>bb680653</v>
          </cell>
          <cell r="W420" t="str">
            <v>me626333</v>
          </cell>
          <cell r="X420" t="str">
            <v>建内水土と電管舗浚</v>
          </cell>
          <cell r="Y420" t="str">
            <v>建内水</v>
          </cell>
          <cell r="Z420" t="str">
            <v>土と電管舗浚</v>
          </cell>
          <cell r="AA420" t="str">
            <v>舗装</v>
          </cell>
          <cell r="AB420" t="str">
            <v>土木一式</v>
          </cell>
          <cell r="AC420" t="str">
            <v/>
          </cell>
          <cell r="AD420" t="str">
            <v/>
          </cell>
          <cell r="AE420">
            <v>43190</v>
          </cell>
          <cell r="AF420" t="str">
            <v>希望しない</v>
          </cell>
          <cell r="AG420" t="str">
            <v>舗装</v>
          </cell>
          <cell r="AH420" t="str">
            <v>特定</v>
          </cell>
          <cell r="AI420">
            <v>1000</v>
          </cell>
          <cell r="AJ420">
            <v>1444002</v>
          </cell>
          <cell r="AK420" t="str">
            <v>48(33)/10/1</v>
          </cell>
          <cell r="AL420" t="str">
            <v>土木一式</v>
          </cell>
          <cell r="AM420" t="str">
            <v>特定</v>
          </cell>
          <cell r="AN420">
            <v>1104</v>
          </cell>
          <cell r="AO420">
            <v>6403837</v>
          </cell>
          <cell r="AP420" t="str">
            <v>48(33)/10/65</v>
          </cell>
          <cell r="AQ420" t="str">
            <v/>
          </cell>
          <cell r="AR420" t="str">
            <v/>
          </cell>
          <cell r="AS420" t="str">
            <v/>
          </cell>
          <cell r="AT420" t="str">
            <v/>
          </cell>
          <cell r="AU420" t="str">
            <v/>
          </cell>
          <cell r="AV420" t="str">
            <v/>
          </cell>
          <cell r="AW420" t="str">
            <v/>
          </cell>
          <cell r="AX420" t="str">
            <v/>
          </cell>
          <cell r="AY420" t="str">
            <v/>
          </cell>
          <cell r="AZ420" t="str">
            <v/>
          </cell>
          <cell r="BA420" t="str">
            <v>大阪府</v>
          </cell>
          <cell r="BB420">
            <v>0</v>
          </cell>
          <cell r="CR420">
            <v>4950</v>
          </cell>
          <cell r="CS420" t="str">
            <v>ｲﾉｳｴ ｺｳｲﾁ</v>
          </cell>
          <cell r="CT420" t="str">
            <v>井上  晃一</v>
          </cell>
          <cell r="CU420" t="str">
            <v>まちづくり推進課</v>
          </cell>
          <cell r="CW420">
            <v>2140</v>
          </cell>
          <cell r="CX420" t="str">
            <v>副主査</v>
          </cell>
          <cell r="CY420" t="str">
            <v>まちづくり推進課長</v>
          </cell>
        </row>
        <row r="421">
          <cell r="B421">
            <v>2553</v>
          </cell>
          <cell r="C421" t="str">
            <v>岐建(株)</v>
          </cell>
          <cell r="D421" t="str">
            <v>06-6877-0526</v>
          </cell>
          <cell r="E421" t="str">
            <v>565-0811</v>
          </cell>
          <cell r="F421" t="str">
            <v>大阪府吹田市千里丘上2-4</v>
          </cell>
          <cell r="G421" t="str">
            <v>大垣市</v>
          </cell>
          <cell r="H421" t="str">
            <v>大阪支店</v>
          </cell>
          <cell r="I421" t="str">
            <v>支店長　 松原　斉丞</v>
          </cell>
          <cell r="J421" t="str">
            <v>岐阜県大垣市</v>
          </cell>
          <cell r="K421" t="str">
            <v>06-6877-0520</v>
          </cell>
          <cell r="L421" t="str">
            <v>o-eigyo@giken-kk.co.jp</v>
          </cell>
          <cell r="M421" t="str">
            <v>ｷﾞｹﾝ</v>
          </cell>
          <cell r="N421" t="str">
            <v>有</v>
          </cell>
          <cell r="O421">
            <v>68</v>
          </cell>
          <cell r="P421">
            <v>488</v>
          </cell>
          <cell r="Q421">
            <v>7200000000000</v>
          </cell>
          <cell r="R421">
            <v>500000</v>
          </cell>
          <cell r="S421">
            <v>42473388</v>
          </cell>
          <cell r="T421">
            <v>42437687</v>
          </cell>
          <cell r="V421" t="str">
            <v>dh845448</v>
          </cell>
          <cell r="W421" t="str">
            <v>jq991851</v>
          </cell>
          <cell r="X421" t="str">
            <v>建内水土と電管舗浚</v>
          </cell>
          <cell r="Y421" t="str">
            <v>建内水</v>
          </cell>
          <cell r="Z421" t="str">
            <v>土と電管舗浚</v>
          </cell>
          <cell r="AA421" t="str">
            <v>建築一式</v>
          </cell>
          <cell r="AB421" t="str">
            <v>土木一式</v>
          </cell>
          <cell r="AC421" t="str">
            <v>解体</v>
          </cell>
          <cell r="AD421" t="str">
            <v>舗装</v>
          </cell>
          <cell r="AE421">
            <v>43281</v>
          </cell>
          <cell r="AF421" t="str">
            <v>希望しない</v>
          </cell>
          <cell r="AG421" t="str">
            <v>建築一式</v>
          </cell>
          <cell r="AH421" t="str">
            <v>特定</v>
          </cell>
          <cell r="AI421">
            <v>1604</v>
          </cell>
          <cell r="AJ421">
            <v>32876284</v>
          </cell>
          <cell r="AK421" t="str">
            <v>119(116)/19/1</v>
          </cell>
          <cell r="AL421" t="str">
            <v>土木一式</v>
          </cell>
          <cell r="AM421" t="str">
            <v>特定</v>
          </cell>
          <cell r="AN421">
            <v>1435</v>
          </cell>
          <cell r="AO421">
            <v>5006586</v>
          </cell>
          <cell r="AP421" t="str">
            <v>114(107)/26/0</v>
          </cell>
          <cell r="AQ421" t="str">
            <v>解体</v>
          </cell>
          <cell r="AR421" t="str">
            <v>特定</v>
          </cell>
          <cell r="AS421">
            <v>1185</v>
          </cell>
          <cell r="AT421">
            <v>391100</v>
          </cell>
          <cell r="AU421" t="str">
            <v>12(12)/0/0</v>
          </cell>
          <cell r="AV421" t="str">
            <v>舗装</v>
          </cell>
          <cell r="AW421" t="str">
            <v>一般</v>
          </cell>
          <cell r="AX421">
            <v>1353</v>
          </cell>
          <cell r="AY421">
            <v>1746303</v>
          </cell>
          <cell r="AZ421" t="str">
            <v>87(78)/22/0</v>
          </cell>
          <cell r="BA421" t="str">
            <v>岐阜県</v>
          </cell>
          <cell r="BB421">
            <v>0</v>
          </cell>
          <cell r="CR421">
            <v>4951</v>
          </cell>
          <cell r="CS421" t="str">
            <v>ｵｵｲｹ ﾙｲｺ</v>
          </cell>
          <cell r="CT421" t="str">
            <v>大池  るい子</v>
          </cell>
          <cell r="CU421" t="str">
            <v>地域・高年福祉課</v>
          </cell>
          <cell r="CW421">
            <v>2728</v>
          </cell>
          <cell r="CX421" t="str">
            <v>主査</v>
          </cell>
          <cell r="CY421" t="str">
            <v>地域・高年福祉課長</v>
          </cell>
        </row>
        <row r="422">
          <cell r="B422">
            <v>2554</v>
          </cell>
          <cell r="C422" t="str">
            <v>(株)木内計測</v>
          </cell>
          <cell r="D422" t="str">
            <v>06-6762-0864</v>
          </cell>
          <cell r="E422" t="str">
            <v>543-0011</v>
          </cell>
          <cell r="F422" t="str">
            <v>大阪府大阪市天王寺区清水谷町4-12</v>
          </cell>
          <cell r="G422" t="str">
            <v>大阪市</v>
          </cell>
          <cell r="H422" t="str">
            <v/>
          </cell>
          <cell r="I422" t="str">
            <v>代表取締役 木内　啓文</v>
          </cell>
          <cell r="J422" t="str">
            <v>本店</v>
          </cell>
          <cell r="K422" t="str">
            <v>06-6768-1478</v>
          </cell>
          <cell r="L422" t="str">
            <v>info@kiuchi-ins.co.jp</v>
          </cell>
          <cell r="M422" t="str">
            <v>ｷｳﾁｹｲｿｸ</v>
          </cell>
          <cell r="N422" t="str">
            <v>無</v>
          </cell>
          <cell r="O422">
            <v>47</v>
          </cell>
          <cell r="P422">
            <v>436</v>
          </cell>
          <cell r="Q422">
            <v>4120001022993</v>
          </cell>
          <cell r="R422">
            <v>60000</v>
          </cell>
          <cell r="S422">
            <v>2965689</v>
          </cell>
          <cell r="T422">
            <v>5417696</v>
          </cell>
          <cell r="V422" t="str">
            <v>qd350997</v>
          </cell>
          <cell r="W422" t="str">
            <v>hh517111</v>
          </cell>
          <cell r="X422" t="str">
            <v>電管機通消</v>
          </cell>
          <cell r="Y422" t="str">
            <v/>
          </cell>
          <cell r="Z422" t="str">
            <v>電管機通消</v>
          </cell>
          <cell r="AA422" t="str">
            <v>電気</v>
          </cell>
          <cell r="AB422" t="str">
            <v>管</v>
          </cell>
          <cell r="AC422" t="str">
            <v>機械器具</v>
          </cell>
          <cell r="AD422" t="str">
            <v/>
          </cell>
          <cell r="AE422">
            <v>43190</v>
          </cell>
          <cell r="AF422" t="str">
            <v/>
          </cell>
          <cell r="AG422" t="str">
            <v>電気</v>
          </cell>
          <cell r="AH422" t="str">
            <v>特定</v>
          </cell>
          <cell r="AI422">
            <v>1083</v>
          </cell>
          <cell r="AJ422">
            <v>2688556</v>
          </cell>
          <cell r="AK422" t="str">
            <v>40(31)/28/125</v>
          </cell>
          <cell r="AL422" t="str">
            <v>管</v>
          </cell>
          <cell r="AM422" t="str">
            <v>特定</v>
          </cell>
          <cell r="AN422">
            <v>1020</v>
          </cell>
          <cell r="AO422">
            <v>1226579</v>
          </cell>
          <cell r="AP422" t="str">
            <v>24(17)/27/54</v>
          </cell>
          <cell r="AQ422" t="str">
            <v>機械器具</v>
          </cell>
          <cell r="AR422" t="str">
            <v>特定</v>
          </cell>
          <cell r="AS422">
            <v>916</v>
          </cell>
          <cell r="AT422">
            <v>372686</v>
          </cell>
          <cell r="AU422" t="str">
            <v>0(0)/0/103</v>
          </cell>
          <cell r="AV422" t="str">
            <v/>
          </cell>
          <cell r="AW422" t="str">
            <v/>
          </cell>
          <cell r="AX422" t="str">
            <v/>
          </cell>
          <cell r="AY422" t="str">
            <v/>
          </cell>
          <cell r="AZ422" t="str">
            <v/>
          </cell>
          <cell r="BA422" t="str">
            <v>大阪府</v>
          </cell>
          <cell r="BB422">
            <v>0</v>
          </cell>
          <cell r="CR422">
            <v>4952</v>
          </cell>
          <cell r="CS422" t="str">
            <v>ﾀﾃﾞﾊﾗ ﾒｸﾞﾐ</v>
          </cell>
          <cell r="CT422" t="str">
            <v>蓼原  惠</v>
          </cell>
          <cell r="CU422" t="str">
            <v>地域・高年福祉課</v>
          </cell>
          <cell r="CW422">
            <v>2506</v>
          </cell>
          <cell r="CX422" t="str">
            <v>課長</v>
          </cell>
          <cell r="CY422" t="str">
            <v>地域・高年福祉課長</v>
          </cell>
        </row>
        <row r="423">
          <cell r="B423">
            <v>2558</v>
          </cell>
          <cell r="C423" t="str">
            <v>(株)九電工</v>
          </cell>
          <cell r="D423" t="str">
            <v>06-6282-7254</v>
          </cell>
          <cell r="E423" t="str">
            <v>542-0081</v>
          </cell>
          <cell r="F423" t="str">
            <v>大阪府大阪市南船場2丁目9-8</v>
          </cell>
          <cell r="G423" t="str">
            <v>福岡市</v>
          </cell>
          <cell r="H423" t="str">
            <v>関西支店</v>
          </cell>
          <cell r="I423" t="str">
            <v>執行役員支店長 天川　雅清</v>
          </cell>
          <cell r="J423" t="str">
            <v>福岡県福岡市</v>
          </cell>
          <cell r="K423" t="str">
            <v>06-6282-7773</v>
          </cell>
          <cell r="L423" t="str">
            <v/>
          </cell>
          <cell r="M423" t="str">
            <v>ｷｭｳﾃﾞﾝｺｳ</v>
          </cell>
          <cell r="N423" t="str">
            <v>有</v>
          </cell>
          <cell r="O423">
            <v>68</v>
          </cell>
          <cell r="P423">
            <v>6505</v>
          </cell>
          <cell r="Q423">
            <v>6290001001120</v>
          </cell>
          <cell r="R423">
            <v>12555000</v>
          </cell>
          <cell r="S423">
            <v>136616317</v>
          </cell>
          <cell r="T423">
            <v>360872000</v>
          </cell>
          <cell r="V423" t="str">
            <v>cg779835</v>
          </cell>
          <cell r="W423" t="str">
            <v>pt292160</v>
          </cell>
          <cell r="X423" t="str">
            <v>(清)(電)(管)(水)土建電管舗内機通水消清</v>
          </cell>
          <cell r="Y423" t="str">
            <v>(清)(電)(管)(水)</v>
          </cell>
          <cell r="Z423" t="str">
            <v>土建電管舗内機通水消清</v>
          </cell>
          <cell r="AA423" t="str">
            <v>電気</v>
          </cell>
          <cell r="AB423" t="str">
            <v>管</v>
          </cell>
          <cell r="AC423" t="str">
            <v/>
          </cell>
          <cell r="AD423" t="str">
            <v/>
          </cell>
          <cell r="AE423">
            <v>43190</v>
          </cell>
          <cell r="AF423" t="str">
            <v>希望しない</v>
          </cell>
          <cell r="AG423" t="str">
            <v>電気</v>
          </cell>
          <cell r="AH423" t="str">
            <v>特定</v>
          </cell>
          <cell r="AI423">
            <v>1941</v>
          </cell>
          <cell r="AJ423">
            <v>211842067</v>
          </cell>
          <cell r="AK423" t="str">
            <v>1216(826)/666/272</v>
          </cell>
          <cell r="AL423" t="str">
            <v>管</v>
          </cell>
          <cell r="AM423" t="str">
            <v>特定</v>
          </cell>
          <cell r="AN423">
            <v>1828</v>
          </cell>
          <cell r="AO423">
            <v>74556009</v>
          </cell>
          <cell r="AP423" t="str">
            <v>579(401)/58/3</v>
          </cell>
          <cell r="AQ423" t="str">
            <v/>
          </cell>
          <cell r="AR423" t="str">
            <v/>
          </cell>
          <cell r="AS423" t="str">
            <v/>
          </cell>
          <cell r="AT423" t="str">
            <v/>
          </cell>
          <cell r="AU423" t="str">
            <v/>
          </cell>
          <cell r="AV423" t="str">
            <v/>
          </cell>
          <cell r="AW423" t="str">
            <v/>
          </cell>
          <cell r="AX423" t="str">
            <v/>
          </cell>
          <cell r="AY423" t="str">
            <v/>
          </cell>
          <cell r="AZ423" t="str">
            <v/>
          </cell>
          <cell r="BA423" t="str">
            <v>福岡県</v>
          </cell>
          <cell r="BB423">
            <v>0</v>
          </cell>
          <cell r="CR423">
            <v>4953</v>
          </cell>
          <cell r="CS423" t="str">
            <v>ｵｵﾂﾎﾞ ﾀｶｷ</v>
          </cell>
          <cell r="CT423" t="str">
            <v>大坪  高樹</v>
          </cell>
          <cell r="CU423" t="str">
            <v>運輸サービス課</v>
          </cell>
          <cell r="CW423">
            <v>6731</v>
          </cell>
          <cell r="CX423" t="str">
            <v>課長</v>
          </cell>
          <cell r="CY423" t="str">
            <v>運輸サービス課長</v>
          </cell>
        </row>
        <row r="424">
          <cell r="B424">
            <v>2560</v>
          </cell>
          <cell r="C424" t="str">
            <v>共同建設(株)</v>
          </cell>
          <cell r="D424" t="str">
            <v>0798-66-0416</v>
          </cell>
          <cell r="E424" t="str">
            <v>663-8201</v>
          </cell>
          <cell r="F424" t="str">
            <v>兵庫県西宮市田代町4-4-101</v>
          </cell>
          <cell r="G424" t="str">
            <v>大阪市</v>
          </cell>
          <cell r="H424" t="str">
            <v>西宮営業所</v>
          </cell>
          <cell r="I424" t="str">
            <v>西宮営業所長 松木　雅司</v>
          </cell>
          <cell r="J424" t="str">
            <v>大阪府大阪市</v>
          </cell>
          <cell r="K424" t="str">
            <v>0798-66-8211</v>
          </cell>
          <cell r="L424" t="str">
            <v>yu.yamada@kyodo-kensetsu.co.jp</v>
          </cell>
          <cell r="M424" t="str">
            <v>ｷｮｳﾄﾞｳｹﾝｾﾂ</v>
          </cell>
          <cell r="N424" t="str">
            <v>有</v>
          </cell>
          <cell r="O424">
            <v>40</v>
          </cell>
          <cell r="P424">
            <v>23</v>
          </cell>
          <cell r="Q424">
            <v>5120001032513</v>
          </cell>
          <cell r="R424">
            <v>80000</v>
          </cell>
          <cell r="S424">
            <v>406356</v>
          </cell>
          <cell r="T424">
            <v>1150222</v>
          </cell>
          <cell r="V424" t="str">
            <v>mq494483</v>
          </cell>
          <cell r="W424" t="str">
            <v>pj408279</v>
          </cell>
          <cell r="X424" t="str">
            <v>(建)(大)(屋)(タ)(鋼)(内)(解)土建大と石屋タ鋼鉄舗浚板ガ塗防内熱具水解</v>
          </cell>
          <cell r="Y424" t="str">
            <v>(建)(大)(屋)(タ)(鋼)(内)(解)</v>
          </cell>
          <cell r="Z424" t="str">
            <v>土建大と石屋タ鋼鉄舗浚板ガ塗防内熱具水解</v>
          </cell>
          <cell r="AA424" t="str">
            <v>建築一式</v>
          </cell>
          <cell r="AB424" t="str">
            <v>鋼構造物</v>
          </cell>
          <cell r="AC424" t="str">
            <v>屋根</v>
          </cell>
          <cell r="AD424" t="str">
            <v>大工</v>
          </cell>
          <cell r="AE424">
            <v>43190</v>
          </cell>
          <cell r="AF424" t="str">
            <v>希望しない</v>
          </cell>
          <cell r="AG424" t="str">
            <v>建築一式</v>
          </cell>
          <cell r="AH424" t="str">
            <v>特定</v>
          </cell>
          <cell r="AI424">
            <v>1033</v>
          </cell>
          <cell r="AJ424">
            <v>1142629</v>
          </cell>
          <cell r="AK424" t="str">
            <v>11(10)/2/7</v>
          </cell>
          <cell r="AL424" t="str">
            <v>鋼構造物</v>
          </cell>
          <cell r="AM424" t="str">
            <v>特定</v>
          </cell>
          <cell r="AN424" t="str">
            <v/>
          </cell>
          <cell r="AO424" t="str">
            <v/>
          </cell>
          <cell r="AP424" t="str">
            <v>0(0)/0/0</v>
          </cell>
          <cell r="AQ424" t="str">
            <v>屋根</v>
          </cell>
          <cell r="AR424" t="str">
            <v>特定</v>
          </cell>
          <cell r="AS424" t="str">
            <v/>
          </cell>
          <cell r="AT424" t="str">
            <v/>
          </cell>
          <cell r="AU424" t="str">
            <v>0(0)/0/0</v>
          </cell>
          <cell r="AV424" t="str">
            <v>大工</v>
          </cell>
          <cell r="AW424" t="str">
            <v>特定</v>
          </cell>
          <cell r="AX424" t="str">
            <v/>
          </cell>
          <cell r="AY424" t="str">
            <v/>
          </cell>
          <cell r="AZ424" t="str">
            <v>0(0)/0/0</v>
          </cell>
          <cell r="BA424" t="str">
            <v>大阪府</v>
          </cell>
          <cell r="BB424">
            <v>0</v>
          </cell>
          <cell r="CR424">
            <v>4954</v>
          </cell>
          <cell r="CS424" t="str">
            <v>ｵｶﾓﾄ ﾊﾙｵ</v>
          </cell>
          <cell r="CT424" t="str">
            <v>岡本  春夫</v>
          </cell>
          <cell r="CU424" t="str">
            <v>総務課</v>
          </cell>
          <cell r="CW424">
            <v>6722</v>
          </cell>
          <cell r="CX424" t="str">
            <v>副主査</v>
          </cell>
          <cell r="CY424" t="str">
            <v>総務課長</v>
          </cell>
        </row>
        <row r="425">
          <cell r="B425">
            <v>2563</v>
          </cell>
          <cell r="C425" t="str">
            <v>京橋ブリッジ(株)</v>
          </cell>
          <cell r="D425" t="str">
            <v>06-6961-6173</v>
          </cell>
          <cell r="E425" t="str">
            <v>536-0014</v>
          </cell>
          <cell r="F425" t="str">
            <v>大阪府大阪市城東区鴫野西2-2-21</v>
          </cell>
          <cell r="G425" t="str">
            <v>大阪市</v>
          </cell>
          <cell r="H425" t="str">
            <v/>
          </cell>
          <cell r="I425" t="str">
            <v>代表取締役 並木　宏徳</v>
          </cell>
          <cell r="J425" t="str">
            <v>本店</v>
          </cell>
          <cell r="K425" t="str">
            <v>06-6961-6177</v>
          </cell>
          <cell r="L425" t="str">
            <v>kurahashi@kyobashi.net</v>
          </cell>
          <cell r="M425" t="str">
            <v>ｷｮｳﾊﾞｼﾌﾞﾘｯｼﾞ</v>
          </cell>
          <cell r="N425" t="str">
            <v>無</v>
          </cell>
          <cell r="O425">
            <v>54</v>
          </cell>
          <cell r="P425">
            <v>15</v>
          </cell>
          <cell r="Q425">
            <v>7120001204762</v>
          </cell>
          <cell r="R425">
            <v>20000</v>
          </cell>
          <cell r="S425">
            <v>77834</v>
          </cell>
          <cell r="T425">
            <v>452308</v>
          </cell>
          <cell r="V425" t="str">
            <v>xz889209</v>
          </cell>
          <cell r="W425" t="str">
            <v>sb557168</v>
          </cell>
          <cell r="X425" t="str">
            <v>土と鋼塗</v>
          </cell>
          <cell r="Y425" t="str">
            <v/>
          </cell>
          <cell r="Z425" t="str">
            <v>土と鋼塗</v>
          </cell>
          <cell r="AA425" t="str">
            <v>鋼構造物</v>
          </cell>
          <cell r="AB425" t="str">
            <v>土木一式</v>
          </cell>
          <cell r="AC425" t="str">
            <v>塗装</v>
          </cell>
          <cell r="AD425" t="str">
            <v>とび土工</v>
          </cell>
          <cell r="AE425">
            <v>43190</v>
          </cell>
          <cell r="AF425" t="str">
            <v>希望しない</v>
          </cell>
          <cell r="AG425" t="str">
            <v>鋼構造物</v>
          </cell>
          <cell r="AH425" t="str">
            <v>特定</v>
          </cell>
          <cell r="AI425">
            <v>918</v>
          </cell>
          <cell r="AJ425">
            <v>514085</v>
          </cell>
          <cell r="AK425" t="str">
            <v>8(6)/0/0</v>
          </cell>
          <cell r="AL425" t="str">
            <v>土木一式</v>
          </cell>
          <cell r="AM425" t="str">
            <v>特定</v>
          </cell>
          <cell r="AN425">
            <v>788</v>
          </cell>
          <cell r="AO425">
            <v>17130</v>
          </cell>
          <cell r="AP425" t="str">
            <v>4(2)/0/0</v>
          </cell>
          <cell r="AQ425" t="str">
            <v>塗装</v>
          </cell>
          <cell r="AR425" t="str">
            <v>特定</v>
          </cell>
          <cell r="AS425">
            <v>705</v>
          </cell>
          <cell r="AT425" t="str">
            <v/>
          </cell>
          <cell r="AU425" t="str">
            <v>2(2)/0/0</v>
          </cell>
          <cell r="AV425" t="str">
            <v>とび土工</v>
          </cell>
          <cell r="AW425" t="str">
            <v>特定</v>
          </cell>
          <cell r="AX425">
            <v>705</v>
          </cell>
          <cell r="AY425" t="str">
            <v/>
          </cell>
          <cell r="AZ425" t="str">
            <v>2(2)/0/0</v>
          </cell>
          <cell r="BA425" t="str">
            <v>大阪府</v>
          </cell>
          <cell r="BB425">
            <v>0</v>
          </cell>
          <cell r="CR425">
            <v>4955</v>
          </cell>
          <cell r="CS425" t="str">
            <v>ｷﾑﾗ ｶﾂｼﾞ</v>
          </cell>
          <cell r="CT425" t="str">
            <v>木村  克治</v>
          </cell>
          <cell r="CU425" t="str">
            <v>市民課</v>
          </cell>
          <cell r="CW425">
            <v>2603</v>
          </cell>
          <cell r="CX425" t="str">
            <v>課長</v>
          </cell>
          <cell r="CY425" t="str">
            <v>市民課長</v>
          </cell>
        </row>
        <row r="426">
          <cell r="B426">
            <v>2566</v>
          </cell>
          <cell r="C426" t="str">
            <v>近畿設備(株)</v>
          </cell>
          <cell r="D426" t="str">
            <v>06-6356-3977</v>
          </cell>
          <cell r="E426" t="str">
            <v>530-0043</v>
          </cell>
          <cell r="F426" t="str">
            <v>大阪府大阪市北区天満3-9-6</v>
          </cell>
          <cell r="G426" t="str">
            <v>大阪市</v>
          </cell>
          <cell r="H426" t="str">
            <v/>
          </cell>
          <cell r="I426" t="str">
            <v>代表取締役 坂本　惠一</v>
          </cell>
          <cell r="J426" t="str">
            <v>本店</v>
          </cell>
          <cell r="K426" t="str">
            <v>06-6356-3978</v>
          </cell>
          <cell r="L426" t="str">
            <v>daihyo@kinsetu.co.jp</v>
          </cell>
          <cell r="M426" t="str">
            <v>ｷﾝｷｾﾂﾋﾞ</v>
          </cell>
          <cell r="N426" t="str">
            <v>無</v>
          </cell>
          <cell r="O426">
            <v>44</v>
          </cell>
          <cell r="P426">
            <v>44</v>
          </cell>
          <cell r="Q426">
            <v>3120001063056</v>
          </cell>
          <cell r="R426">
            <v>30000</v>
          </cell>
          <cell r="S426">
            <v>260864</v>
          </cell>
          <cell r="T426">
            <v>494106</v>
          </cell>
          <cell r="V426" t="str">
            <v>ra436858</v>
          </cell>
          <cell r="W426" t="str">
            <v>xs729997</v>
          </cell>
          <cell r="X426" t="str">
            <v>消電鋼機</v>
          </cell>
          <cell r="Y426" t="str">
            <v>消</v>
          </cell>
          <cell r="Z426" t="str">
            <v>電鋼機</v>
          </cell>
          <cell r="AA426" t="str">
            <v>機械器具</v>
          </cell>
          <cell r="AB426" t="str">
            <v>電気</v>
          </cell>
          <cell r="AC426" t="str">
            <v>鋼構造物</v>
          </cell>
          <cell r="AD426" t="str">
            <v>消防施設</v>
          </cell>
          <cell r="AE426">
            <v>43008</v>
          </cell>
          <cell r="AF426" t="str">
            <v>希望しない</v>
          </cell>
          <cell r="AG426" t="str">
            <v>機械器具</v>
          </cell>
          <cell r="AH426" t="str">
            <v>特定</v>
          </cell>
          <cell r="AI426">
            <v>848</v>
          </cell>
          <cell r="AJ426">
            <v>195630</v>
          </cell>
          <cell r="AK426" t="str">
            <v>0(0)/0/6</v>
          </cell>
          <cell r="AL426" t="str">
            <v>電気</v>
          </cell>
          <cell r="AM426" t="str">
            <v>特定</v>
          </cell>
          <cell r="AN426">
            <v>891</v>
          </cell>
          <cell r="AO426">
            <v>39111</v>
          </cell>
          <cell r="AP426" t="str">
            <v>10(10)/3/5</v>
          </cell>
          <cell r="AQ426" t="str">
            <v>鋼構造物</v>
          </cell>
          <cell r="AR426" t="str">
            <v>特定</v>
          </cell>
          <cell r="AS426">
            <v>833</v>
          </cell>
          <cell r="AT426">
            <v>7883</v>
          </cell>
          <cell r="AU426" t="str">
            <v>8(8)/0/0</v>
          </cell>
          <cell r="AV426" t="str">
            <v>消防施設</v>
          </cell>
          <cell r="AW426" t="str">
            <v>一般</v>
          </cell>
          <cell r="AX426">
            <v>724</v>
          </cell>
          <cell r="AY426" t="str">
            <v/>
          </cell>
          <cell r="AZ426" t="str">
            <v>0(0)/3/0</v>
          </cell>
          <cell r="BA426" t="str">
            <v>大阪府</v>
          </cell>
          <cell r="BB426">
            <v>0</v>
          </cell>
          <cell r="CR426">
            <v>4956</v>
          </cell>
          <cell r="CS426" t="str">
            <v>ｺﾏﾂ ｼﾝｲﾁ</v>
          </cell>
          <cell r="CT426" t="str">
            <v>小松  信一</v>
          </cell>
          <cell r="CU426" t="str">
            <v>事業課</v>
          </cell>
          <cell r="CW426" t="str">
            <v xml:space="preserve"> </v>
          </cell>
          <cell r="CX426" t="str">
            <v>課長</v>
          </cell>
          <cell r="CY426" t="str">
            <v>事業課長</v>
          </cell>
        </row>
        <row r="427">
          <cell r="B427">
            <v>2567</v>
          </cell>
          <cell r="C427" t="str">
            <v>北川組</v>
          </cell>
          <cell r="D427" t="str">
            <v>072-999-3260</v>
          </cell>
          <cell r="E427" t="str">
            <v>581-0845</v>
          </cell>
          <cell r="F427" t="str">
            <v>大阪府八尾市上之島町北6-21-1</v>
          </cell>
          <cell r="G427" t="str">
            <v>八尾市</v>
          </cell>
          <cell r="H427" t="str">
            <v/>
          </cell>
          <cell r="I427" t="str">
            <v>代表者 北川　博</v>
          </cell>
          <cell r="J427" t="str">
            <v>本店</v>
          </cell>
          <cell r="K427" t="str">
            <v>072-999-0506</v>
          </cell>
          <cell r="L427" t="str">
            <v>info@kitagawagumi.jp</v>
          </cell>
          <cell r="M427" t="str">
            <v>ｷﾀｶﾞﾜｸﾞﾐ</v>
          </cell>
          <cell r="N427" t="str">
            <v>無</v>
          </cell>
          <cell r="O427">
            <v>43</v>
          </cell>
          <cell r="P427">
            <v>9</v>
          </cell>
          <cell r="Q427" t="str">
            <v/>
          </cell>
          <cell r="R427" t="str">
            <v/>
          </cell>
          <cell r="S427">
            <v>265695</v>
          </cell>
          <cell r="T427">
            <v>311273</v>
          </cell>
          <cell r="V427" t="str">
            <v>ta753732</v>
          </cell>
          <cell r="W427" t="str">
            <v>ba774521</v>
          </cell>
          <cell r="X427" t="str">
            <v>土建大と石屋タ鋼鉄舗浚板ガ塗防内熱具水解</v>
          </cell>
          <cell r="Y427" t="str">
            <v/>
          </cell>
          <cell r="Z427" t="str">
            <v>土建大と石屋タ鋼鉄舗浚板ガ塗防内熱具水解</v>
          </cell>
          <cell r="AA427" t="str">
            <v>解体</v>
          </cell>
          <cell r="AB427" t="str">
            <v>土木一式</v>
          </cell>
          <cell r="AC427" t="str">
            <v>建築一式</v>
          </cell>
          <cell r="AD427" t="str">
            <v>舗装</v>
          </cell>
          <cell r="AE427">
            <v>43100</v>
          </cell>
          <cell r="AF427" t="str">
            <v>希望しない</v>
          </cell>
          <cell r="AG427" t="str">
            <v>解体</v>
          </cell>
          <cell r="AH427" t="str">
            <v>特定</v>
          </cell>
          <cell r="AI427">
            <v>785</v>
          </cell>
          <cell r="AJ427">
            <v>103998</v>
          </cell>
          <cell r="AK427" t="str">
            <v>1(1)/1/0</v>
          </cell>
          <cell r="AL427" t="str">
            <v>土木一式</v>
          </cell>
          <cell r="AM427" t="str">
            <v>特定</v>
          </cell>
          <cell r="AN427">
            <v>832</v>
          </cell>
          <cell r="AO427">
            <v>65411</v>
          </cell>
          <cell r="AP427" t="str">
            <v>6(6)/2/2</v>
          </cell>
          <cell r="AQ427" t="str">
            <v>建築一式</v>
          </cell>
          <cell r="AR427" t="str">
            <v>特定</v>
          </cell>
          <cell r="AS427">
            <v>831</v>
          </cell>
          <cell r="AT427">
            <v>137603</v>
          </cell>
          <cell r="AU427" t="str">
            <v>3(3)/0/4</v>
          </cell>
          <cell r="AV427" t="str">
            <v>舗装</v>
          </cell>
          <cell r="AW427" t="str">
            <v>特定</v>
          </cell>
          <cell r="AX427">
            <v>691</v>
          </cell>
          <cell r="AY427">
            <v>4198</v>
          </cell>
          <cell r="AZ427" t="str">
            <v>1(1)/0/0</v>
          </cell>
          <cell r="BA427" t="str">
            <v>大阪府</v>
          </cell>
          <cell r="BB427">
            <v>0</v>
          </cell>
          <cell r="CR427">
            <v>4959</v>
          </cell>
          <cell r="CS427" t="str">
            <v>ﾃﾗｲ ｶｽﾞﾖ</v>
          </cell>
          <cell r="CT427" t="str">
            <v>寺井  和代</v>
          </cell>
          <cell r="CU427" t="str">
            <v>同和・人権推進課</v>
          </cell>
          <cell r="CW427">
            <v>2167</v>
          </cell>
          <cell r="CX427" t="str">
            <v>課長</v>
          </cell>
          <cell r="CY427" t="str">
            <v>同和・人権推進課長</v>
          </cell>
        </row>
        <row r="428">
          <cell r="B428">
            <v>2568</v>
          </cell>
          <cell r="C428" t="str">
            <v>(株)木島組</v>
          </cell>
          <cell r="D428" t="str">
            <v>0797-86-4605</v>
          </cell>
          <cell r="E428" t="str">
            <v>665-0871</v>
          </cell>
          <cell r="F428" t="str">
            <v>兵庫県西宮市生瀬町2-24-21</v>
          </cell>
          <cell r="G428" t="str">
            <v>西宮市</v>
          </cell>
          <cell r="H428" t="str">
            <v/>
          </cell>
          <cell r="I428" t="str">
            <v>代表取締役 木嶋　三春</v>
          </cell>
          <cell r="J428" t="str">
            <v>本店</v>
          </cell>
          <cell r="K428" t="str">
            <v>0797-87-9143</v>
          </cell>
          <cell r="L428" t="str">
            <v>a.k@kijimagumi.co.jp</v>
          </cell>
          <cell r="M428" t="str">
            <v>ｷｼﾏｸﾞﾐ</v>
          </cell>
          <cell r="N428" t="str">
            <v>無</v>
          </cell>
          <cell r="O428">
            <v>68</v>
          </cell>
          <cell r="P428">
            <v>11</v>
          </cell>
          <cell r="Q428">
            <v>8140001068445</v>
          </cell>
          <cell r="R428">
            <v>20000</v>
          </cell>
          <cell r="S428">
            <v>222214</v>
          </cell>
          <cell r="T428">
            <v>333863</v>
          </cell>
          <cell r="V428" t="str">
            <v>xk235840</v>
          </cell>
          <cell r="W428" t="str">
            <v>ar157012</v>
          </cell>
          <cell r="X428" t="str">
            <v>土と鋼舗浚塗園水解</v>
          </cell>
          <cell r="Y428" t="str">
            <v/>
          </cell>
          <cell r="Z428" t="str">
            <v>土と鋼舗浚塗園水解</v>
          </cell>
          <cell r="AA428" t="str">
            <v>土木一式</v>
          </cell>
          <cell r="AB428" t="str">
            <v>とび土工</v>
          </cell>
          <cell r="AC428" t="str">
            <v>舗装</v>
          </cell>
          <cell r="AD428" t="str">
            <v>造園</v>
          </cell>
          <cell r="AE428">
            <v>43312</v>
          </cell>
          <cell r="AF428" t="str">
            <v>希望する</v>
          </cell>
          <cell r="AG428" t="str">
            <v>土木一式</v>
          </cell>
          <cell r="AH428" t="str">
            <v>特定</v>
          </cell>
          <cell r="AI428">
            <v>907</v>
          </cell>
          <cell r="AJ428">
            <v>376002</v>
          </cell>
          <cell r="AK428" t="str">
            <v>6(6)/1/2</v>
          </cell>
          <cell r="AL428" t="str">
            <v>とび土工</v>
          </cell>
          <cell r="AM428" t="str">
            <v>特定</v>
          </cell>
          <cell r="AN428">
            <v>676</v>
          </cell>
          <cell r="AO428">
            <v>1061</v>
          </cell>
          <cell r="AP428" t="str">
            <v>0(0)/0/0</v>
          </cell>
          <cell r="AQ428" t="str">
            <v>舗装</v>
          </cell>
          <cell r="AR428" t="str">
            <v>特定</v>
          </cell>
          <cell r="AS428">
            <v>746</v>
          </cell>
          <cell r="AT428">
            <v>1673</v>
          </cell>
          <cell r="AU428" t="str">
            <v>5(5)/1/1</v>
          </cell>
          <cell r="AV428" t="str">
            <v>造園</v>
          </cell>
          <cell r="AW428" t="str">
            <v>特定</v>
          </cell>
          <cell r="AX428">
            <v>696</v>
          </cell>
          <cell r="AY428">
            <v>1749</v>
          </cell>
          <cell r="AZ428" t="str">
            <v>1(1)/0/0</v>
          </cell>
          <cell r="BA428" t="str">
            <v>兵庫県</v>
          </cell>
          <cell r="BB428">
            <v>0</v>
          </cell>
          <cell r="CR428">
            <v>4960</v>
          </cell>
          <cell r="CS428" t="str">
            <v>ﾆｼﾓﾄ ﾋﾃﾞﾖｼ</v>
          </cell>
          <cell r="CT428" t="str">
            <v>西本  秀吉</v>
          </cell>
          <cell r="CU428" t="str">
            <v>広報課</v>
          </cell>
          <cell r="CW428">
            <v>2117</v>
          </cell>
          <cell r="CX428" t="str">
            <v>課長</v>
          </cell>
          <cell r="CY428" t="str">
            <v>広報課長</v>
          </cell>
        </row>
        <row r="429">
          <cell r="B429">
            <v>2570</v>
          </cell>
          <cell r="C429" t="str">
            <v>(株)北村組</v>
          </cell>
          <cell r="D429" t="str">
            <v>06-6344-7221</v>
          </cell>
          <cell r="E429" t="str">
            <v>530-0001</v>
          </cell>
          <cell r="F429" t="str">
            <v>大阪府大阪市北区梅田2-2-1400</v>
          </cell>
          <cell r="G429" t="str">
            <v>松阪市</v>
          </cell>
          <cell r="H429" t="str">
            <v>大阪支店</v>
          </cell>
          <cell r="I429" t="str">
            <v>支店長 坂本　晃</v>
          </cell>
          <cell r="J429" t="str">
            <v>三重県松阪市</v>
          </cell>
          <cell r="K429" t="str">
            <v>06-6344-7223</v>
          </cell>
          <cell r="L429" t="str">
            <v>info@kitamuragumi.co.jp</v>
          </cell>
          <cell r="M429" t="str">
            <v>ｷﾀﾑﾗｸﾞﾐ</v>
          </cell>
          <cell r="N429" t="str">
            <v>有</v>
          </cell>
          <cell r="O429">
            <v>67</v>
          </cell>
          <cell r="P429">
            <v>122</v>
          </cell>
          <cell r="Q429">
            <v>4190001010182</v>
          </cell>
          <cell r="R429">
            <v>99000</v>
          </cell>
          <cell r="S429">
            <v>2753418</v>
          </cell>
          <cell r="T429">
            <v>12715734</v>
          </cell>
          <cell r="V429" t="str">
            <v>yd216038</v>
          </cell>
          <cell r="W429" t="str">
            <v>sa498961</v>
          </cell>
          <cell r="X429" t="str">
            <v>(建)土建と舗浚水解</v>
          </cell>
          <cell r="Y429" t="str">
            <v>(建)</v>
          </cell>
          <cell r="Z429" t="str">
            <v>土建と舗浚水解</v>
          </cell>
          <cell r="AA429" t="str">
            <v>建築一式</v>
          </cell>
          <cell r="AB429" t="str">
            <v/>
          </cell>
          <cell r="AC429" t="str">
            <v/>
          </cell>
          <cell r="AD429" t="str">
            <v/>
          </cell>
          <cell r="AE429">
            <v>43008</v>
          </cell>
          <cell r="AF429" t="str">
            <v>希望しない</v>
          </cell>
          <cell r="AG429" t="str">
            <v>建築一式</v>
          </cell>
          <cell r="AH429" t="str">
            <v>特定</v>
          </cell>
          <cell r="AI429">
            <v>1276</v>
          </cell>
          <cell r="AJ429">
            <v>10501791</v>
          </cell>
          <cell r="AK429" t="str">
            <v>40(39)/5/5</v>
          </cell>
          <cell r="AL429" t="str">
            <v/>
          </cell>
          <cell r="AM429" t="str">
            <v/>
          </cell>
          <cell r="AN429" t="str">
            <v/>
          </cell>
          <cell r="AO429" t="str">
            <v/>
          </cell>
          <cell r="AP429" t="str">
            <v/>
          </cell>
          <cell r="AQ429" t="str">
            <v/>
          </cell>
          <cell r="AR429" t="str">
            <v/>
          </cell>
          <cell r="AS429" t="str">
            <v/>
          </cell>
          <cell r="AT429" t="str">
            <v/>
          </cell>
          <cell r="AU429" t="str">
            <v/>
          </cell>
          <cell r="AV429" t="str">
            <v/>
          </cell>
          <cell r="AW429" t="str">
            <v/>
          </cell>
          <cell r="AX429" t="str">
            <v/>
          </cell>
          <cell r="AY429" t="str">
            <v/>
          </cell>
          <cell r="AZ429" t="str">
            <v/>
          </cell>
          <cell r="BA429" t="str">
            <v>三重県</v>
          </cell>
          <cell r="BB429">
            <v>0</v>
          </cell>
          <cell r="CR429">
            <v>4961</v>
          </cell>
          <cell r="CS429" t="str">
            <v>ﾊｼ ｶﾂﾋﾛ</v>
          </cell>
          <cell r="CT429" t="str">
            <v>橋  和宏</v>
          </cell>
          <cell r="CU429" t="str">
            <v>伊丹スポーツセンター</v>
          </cell>
          <cell r="CW429" t="str">
            <v xml:space="preserve"> </v>
          </cell>
          <cell r="CX429" t="str">
            <v>主査</v>
          </cell>
          <cell r="CY429" t="str">
            <v>伊丹スポーツセンター長</v>
          </cell>
        </row>
        <row r="430">
          <cell r="B430">
            <v>2571</v>
          </cell>
          <cell r="C430" t="str">
            <v>北山電気工事(株)</v>
          </cell>
          <cell r="D430" t="str">
            <v>0721-53-7661</v>
          </cell>
          <cell r="E430" t="str">
            <v>586-0011</v>
          </cell>
          <cell r="F430" t="str">
            <v>大阪府河内長野市汐の宮町23-7</v>
          </cell>
          <cell r="G430" t="str">
            <v>河内長野市</v>
          </cell>
          <cell r="H430" t="str">
            <v/>
          </cell>
          <cell r="I430" t="str">
            <v>代表取締役 北山　昇治</v>
          </cell>
          <cell r="J430" t="str">
            <v>本店</v>
          </cell>
          <cell r="K430" t="str">
            <v>0721-53-7685</v>
          </cell>
          <cell r="L430" t="str">
            <v>ss331024@chive.ocn.ne.jp</v>
          </cell>
          <cell r="M430" t="str">
            <v>ｷﾀﾔﾏﾃﾞﾝｷｺｳｼﾞ</v>
          </cell>
          <cell r="N430" t="str">
            <v>無</v>
          </cell>
          <cell r="O430">
            <v>18</v>
          </cell>
          <cell r="P430">
            <v>5</v>
          </cell>
          <cell r="Q430">
            <v>1120101034636</v>
          </cell>
          <cell r="R430">
            <v>9000</v>
          </cell>
          <cell r="S430">
            <v>57988</v>
          </cell>
          <cell r="T430">
            <v>104703</v>
          </cell>
          <cell r="V430" t="str">
            <v>zz185744</v>
          </cell>
          <cell r="W430" t="str">
            <v>sv913427</v>
          </cell>
          <cell r="X430" t="str">
            <v>電通消</v>
          </cell>
          <cell r="Y430" t="str">
            <v>電通消</v>
          </cell>
          <cell r="Z430" t="str">
            <v/>
          </cell>
          <cell r="AA430" t="str">
            <v>電気</v>
          </cell>
          <cell r="AB430" t="str">
            <v>電気通信</v>
          </cell>
          <cell r="AC430" t="str">
            <v>消防施設</v>
          </cell>
          <cell r="AD430" t="str">
            <v/>
          </cell>
          <cell r="AE430">
            <v>42978</v>
          </cell>
          <cell r="AF430" t="str">
            <v/>
          </cell>
          <cell r="AG430" t="str">
            <v>電気</v>
          </cell>
          <cell r="AH430" t="str">
            <v>一般</v>
          </cell>
          <cell r="AI430">
            <v>760</v>
          </cell>
          <cell r="AJ430">
            <v>93627</v>
          </cell>
          <cell r="AK430" t="str">
            <v>2(2)/0/3</v>
          </cell>
          <cell r="AL430" t="str">
            <v>電気通信</v>
          </cell>
          <cell r="AM430" t="str">
            <v>一般</v>
          </cell>
          <cell r="AN430">
            <v>625</v>
          </cell>
          <cell r="AO430">
            <v>1140</v>
          </cell>
          <cell r="AP430" t="str">
            <v>0(0)/0/1</v>
          </cell>
          <cell r="AQ430" t="str">
            <v>消防施設</v>
          </cell>
          <cell r="AR430" t="str">
            <v>一般</v>
          </cell>
          <cell r="AS430">
            <v>638</v>
          </cell>
          <cell r="AT430">
            <v>2203</v>
          </cell>
          <cell r="AU430" t="str">
            <v>0(0)/2/0</v>
          </cell>
          <cell r="AV430" t="str">
            <v/>
          </cell>
          <cell r="AW430" t="str">
            <v/>
          </cell>
          <cell r="AX430" t="str">
            <v/>
          </cell>
          <cell r="AY430" t="str">
            <v/>
          </cell>
          <cell r="AZ430" t="str">
            <v/>
          </cell>
          <cell r="BA430" t="str">
            <v>大阪府</v>
          </cell>
          <cell r="BB430">
            <v>0</v>
          </cell>
          <cell r="CR430">
            <v>4962</v>
          </cell>
          <cell r="CS430" t="str">
            <v>ﾊｾｶﾞﾜ ﾁｴ</v>
          </cell>
          <cell r="CT430" t="str">
            <v>長谷川  千絵</v>
          </cell>
          <cell r="CU430" t="str">
            <v>健康政策課</v>
          </cell>
          <cell r="CW430">
            <v>2564</v>
          </cell>
          <cell r="CX430" t="str">
            <v>主査</v>
          </cell>
          <cell r="CY430" t="str">
            <v>健康政策課長</v>
          </cell>
        </row>
        <row r="431">
          <cell r="B431">
            <v>2572</v>
          </cell>
          <cell r="C431" t="str">
            <v>北野建設(株)</v>
          </cell>
          <cell r="D431" t="str">
            <v>06-6344-3421</v>
          </cell>
          <cell r="E431" t="str">
            <v>530-0003</v>
          </cell>
          <cell r="F431" t="str">
            <v>大阪府大阪市北区堂島1-2-5</v>
          </cell>
          <cell r="G431" t="str">
            <v>長野市</v>
          </cell>
          <cell r="H431" t="str">
            <v>大阪支店</v>
          </cell>
          <cell r="I431" t="str">
            <v>支店長 渡邊　裕司</v>
          </cell>
          <cell r="J431" t="str">
            <v>長野県長野市</v>
          </cell>
          <cell r="K431" t="str">
            <v>06-6344-3710</v>
          </cell>
          <cell r="L431" t="str">
            <v>oosaka@kitano.co.jp</v>
          </cell>
          <cell r="M431" t="str">
            <v>ｷﾀﾉｹﾝｾﾂ</v>
          </cell>
          <cell r="N431" t="str">
            <v>有</v>
          </cell>
          <cell r="O431">
            <v>68</v>
          </cell>
          <cell r="P431">
            <v>581</v>
          </cell>
          <cell r="Q431">
            <v>7100001000742</v>
          </cell>
          <cell r="R431">
            <v>9116492</v>
          </cell>
          <cell r="S431">
            <v>30350823</v>
          </cell>
          <cell r="T431">
            <v>83802436</v>
          </cell>
          <cell r="V431" t="str">
            <v>jw992822</v>
          </cell>
          <cell r="W431" t="str">
            <v>wk556719</v>
          </cell>
          <cell r="X431" t="str">
            <v>消(建)(大)(と)(石)(屋)(タ)(鋼)(塗)(防)(内)(具)土建大と石屋電管タ鋼舗浚塗防内園具水</v>
          </cell>
          <cell r="Y431" t="str">
            <v>消(建)(大)(と)(石)(屋)(タ)(鋼)(塗)(防)(内)(具)</v>
          </cell>
          <cell r="Z431" t="str">
            <v>土建大と石屋電管タ鋼舗浚塗防内園具水</v>
          </cell>
          <cell r="AA431" t="str">
            <v>建築一式</v>
          </cell>
          <cell r="AB431" t="str">
            <v/>
          </cell>
          <cell r="AC431" t="str">
            <v/>
          </cell>
          <cell r="AD431" t="str">
            <v/>
          </cell>
          <cell r="AE431">
            <v>43190</v>
          </cell>
          <cell r="AF431" t="str">
            <v/>
          </cell>
          <cell r="AG431" t="str">
            <v>建築一式</v>
          </cell>
          <cell r="AH431" t="str">
            <v>特定</v>
          </cell>
          <cell r="AI431">
            <v>1718</v>
          </cell>
          <cell r="AJ431">
            <v>58678691</v>
          </cell>
          <cell r="AK431" t="str">
            <v>263(133)/6/9</v>
          </cell>
          <cell r="AL431" t="str">
            <v/>
          </cell>
          <cell r="AM431" t="str">
            <v/>
          </cell>
          <cell r="AN431" t="str">
            <v/>
          </cell>
          <cell r="AO431" t="str">
            <v/>
          </cell>
          <cell r="AP431" t="str">
            <v/>
          </cell>
          <cell r="AQ431" t="str">
            <v/>
          </cell>
          <cell r="AR431" t="str">
            <v/>
          </cell>
          <cell r="AS431" t="str">
            <v/>
          </cell>
          <cell r="AT431" t="str">
            <v/>
          </cell>
          <cell r="AU431" t="str">
            <v/>
          </cell>
          <cell r="AV431" t="str">
            <v/>
          </cell>
          <cell r="AW431" t="str">
            <v/>
          </cell>
          <cell r="AX431" t="str">
            <v/>
          </cell>
          <cell r="AY431" t="str">
            <v/>
          </cell>
          <cell r="AZ431" t="str">
            <v/>
          </cell>
          <cell r="BA431" t="str">
            <v>長野県</v>
          </cell>
          <cell r="BB431">
            <v>0</v>
          </cell>
          <cell r="CR431">
            <v>4963</v>
          </cell>
          <cell r="CS431" t="str">
            <v>ﾋｻﾔｽ ｹﾝｲﾁ</v>
          </cell>
          <cell r="CT431" t="str">
            <v>久安  研一</v>
          </cell>
          <cell r="CW431">
            <v>2851</v>
          </cell>
          <cell r="CX431" t="str">
            <v>主幹</v>
          </cell>
          <cell r="CY431" t="str">
            <v>　</v>
          </cell>
        </row>
        <row r="432">
          <cell r="B432">
            <v>2575</v>
          </cell>
          <cell r="C432" t="str">
            <v>(株)技研施工</v>
          </cell>
          <cell r="D432" t="str">
            <v>088-803-1192</v>
          </cell>
          <cell r="E432" t="str">
            <v>781-5101</v>
          </cell>
          <cell r="F432" t="str">
            <v>高知県高知市布師田3948-1</v>
          </cell>
          <cell r="G432" t="str">
            <v>高知市</v>
          </cell>
          <cell r="H432" t="str">
            <v/>
          </cell>
          <cell r="I432" t="str">
            <v>代表取締役　 大平　厚</v>
          </cell>
          <cell r="J432" t="str">
            <v>本店</v>
          </cell>
          <cell r="K432" t="str">
            <v>088-803-1212</v>
          </cell>
          <cell r="L432" t="str">
            <v>sekok-somu@giken.com</v>
          </cell>
          <cell r="M432" t="str">
            <v>ｷﾞｹﾝｾｺｳ</v>
          </cell>
          <cell r="N432" t="str">
            <v>無</v>
          </cell>
          <cell r="O432">
            <v>28</v>
          </cell>
          <cell r="P432">
            <v>122</v>
          </cell>
          <cell r="Q432">
            <v>3490000000000</v>
          </cell>
          <cell r="R432">
            <v>30000</v>
          </cell>
          <cell r="S432">
            <v>1774235</v>
          </cell>
          <cell r="T432">
            <v>7458718</v>
          </cell>
          <cell r="V432" t="str">
            <v>dw475230</v>
          </cell>
          <cell r="W432" t="str">
            <v>wh101456</v>
          </cell>
          <cell r="X432" t="str">
            <v>消(建)(大)(と)(石)(屋)(タ)(鋼)(塗)(防)(内)(具)土建大と石屋電管タ鋼舗浚塗防内園具水</v>
          </cell>
          <cell r="Y432" t="str">
            <v>消(建)(大)(と)(石)(屋)(タ)(鋼)(塗)(防)(内)(具)</v>
          </cell>
          <cell r="Z432" t="str">
            <v>土建大と石屋電管タ鋼舗浚塗防内園具水</v>
          </cell>
          <cell r="AA432" t="str">
            <v>土木一式</v>
          </cell>
          <cell r="AB432" t="str">
            <v>とび土工</v>
          </cell>
          <cell r="AC432" t="str">
            <v>浚渫</v>
          </cell>
          <cell r="AD432" t="str">
            <v>機械器具</v>
          </cell>
          <cell r="AE432">
            <v>42978</v>
          </cell>
          <cell r="AF432" t="str">
            <v>希望しない</v>
          </cell>
          <cell r="AG432" t="str">
            <v>土木一式</v>
          </cell>
          <cell r="AH432" t="str">
            <v>特定</v>
          </cell>
          <cell r="AI432">
            <v>1164</v>
          </cell>
          <cell r="AJ432">
            <v>6869776</v>
          </cell>
          <cell r="AK432" t="str">
            <v>12(4)/50/0</v>
          </cell>
          <cell r="AL432" t="str">
            <v>とび土工</v>
          </cell>
          <cell r="AM432" t="str">
            <v>特定</v>
          </cell>
          <cell r="AN432" t="str">
            <v/>
          </cell>
          <cell r="AO432" t="str">
            <v/>
          </cell>
          <cell r="AP432" t="str">
            <v>0(0)/0/0</v>
          </cell>
          <cell r="AQ432" t="str">
            <v>浚渫</v>
          </cell>
          <cell r="AR432" t="str">
            <v>特定</v>
          </cell>
          <cell r="AS432" t="str">
            <v/>
          </cell>
          <cell r="AT432" t="str">
            <v/>
          </cell>
          <cell r="AU432" t="str">
            <v>0(0)/0/0</v>
          </cell>
          <cell r="AV432" t="str">
            <v>機械器具</v>
          </cell>
          <cell r="AW432" t="str">
            <v>一般</v>
          </cell>
          <cell r="AX432" t="str">
            <v/>
          </cell>
          <cell r="AY432" t="str">
            <v/>
          </cell>
          <cell r="AZ432" t="str">
            <v>0(0)/0/0</v>
          </cell>
          <cell r="BA432" t="str">
            <v>高知県</v>
          </cell>
          <cell r="BB432">
            <v>0</v>
          </cell>
          <cell r="CR432">
            <v>4964</v>
          </cell>
          <cell r="CS432" t="str">
            <v>ﾌｸﾓﾄ ﾀｶｼ</v>
          </cell>
          <cell r="CT432" t="str">
            <v>福本  隆至</v>
          </cell>
          <cell r="CU432" t="str">
            <v>議事課</v>
          </cell>
          <cell r="CW432">
            <v>3446</v>
          </cell>
          <cell r="CX432" t="str">
            <v>主査</v>
          </cell>
          <cell r="CY432" t="str">
            <v>議事課長</v>
          </cell>
        </row>
        <row r="433">
          <cell r="B433">
            <v>2576</v>
          </cell>
          <cell r="C433" t="str">
            <v>(株)技研製作所</v>
          </cell>
          <cell r="D433" t="str">
            <v>088-846-2943</v>
          </cell>
          <cell r="E433" t="str">
            <v>651-0088</v>
          </cell>
          <cell r="F433" t="str">
            <v>高知県高知市布師田3948-1</v>
          </cell>
          <cell r="G433" t="str">
            <v>高知市</v>
          </cell>
          <cell r="H433" t="str">
            <v/>
          </cell>
          <cell r="I433" t="str">
            <v>代表取締役　 北村　精男</v>
          </cell>
          <cell r="J433" t="str">
            <v>本店</v>
          </cell>
          <cell r="K433" t="str">
            <v>088-846-2939</v>
          </cell>
          <cell r="L433" t="str">
            <v>sekok-somu@giken.com</v>
          </cell>
          <cell r="M433" t="str">
            <v>ｷﾞｹﾝｾｲｻｸｼﾖ</v>
          </cell>
          <cell r="N433" t="str">
            <v>無</v>
          </cell>
          <cell r="O433">
            <v>24</v>
          </cell>
          <cell r="P433">
            <v>368</v>
          </cell>
          <cell r="Q433">
            <v>5490000000000</v>
          </cell>
          <cell r="R433">
            <v>8055000</v>
          </cell>
          <cell r="S433">
            <v>29576000</v>
          </cell>
          <cell r="T433">
            <v>25965000</v>
          </cell>
          <cell r="V433" t="str">
            <v>kt146558</v>
          </cell>
          <cell r="W433" t="str">
            <v>lt146406</v>
          </cell>
          <cell r="X433" t="str">
            <v>土建と鋼機</v>
          </cell>
          <cell r="Y433" t="str">
            <v/>
          </cell>
          <cell r="Z433" t="str">
            <v>土建と鋼機</v>
          </cell>
          <cell r="AA433" t="str">
            <v>土木一式</v>
          </cell>
          <cell r="AB433" t="str">
            <v>とび土工</v>
          </cell>
          <cell r="AC433" t="str">
            <v>機械器具</v>
          </cell>
          <cell r="AD433" t="str">
            <v>建築一式</v>
          </cell>
          <cell r="AE433">
            <v>42978</v>
          </cell>
          <cell r="AF433" t="str">
            <v>希望しない</v>
          </cell>
          <cell r="AG433" t="str">
            <v>土木一式</v>
          </cell>
          <cell r="AH433" t="str">
            <v>特定</v>
          </cell>
          <cell r="AI433">
            <v>1013</v>
          </cell>
          <cell r="AJ433" t="str">
            <v/>
          </cell>
          <cell r="AK433" t="str">
            <v>25(4)/10/0</v>
          </cell>
          <cell r="AL433" t="str">
            <v>とび土工</v>
          </cell>
          <cell r="AM433" t="str">
            <v>特定</v>
          </cell>
          <cell r="AN433">
            <v>993</v>
          </cell>
          <cell r="AO433" t="str">
            <v/>
          </cell>
          <cell r="AP433" t="str">
            <v>18(2)/5/0</v>
          </cell>
          <cell r="AQ433" t="str">
            <v>機械器具</v>
          </cell>
          <cell r="AR433" t="str">
            <v>特定</v>
          </cell>
          <cell r="AS433">
            <v>981</v>
          </cell>
          <cell r="AT433">
            <v>284765</v>
          </cell>
          <cell r="AU433" t="str">
            <v>0(0)/0/0</v>
          </cell>
          <cell r="AV433" t="str">
            <v>建築一式</v>
          </cell>
          <cell r="AW433" t="str">
            <v>特定</v>
          </cell>
          <cell r="AX433">
            <v>909</v>
          </cell>
          <cell r="AY433" t="str">
            <v/>
          </cell>
          <cell r="AZ433" t="str">
            <v>3(0)/0/0</v>
          </cell>
          <cell r="BA433" t="str">
            <v>高知県</v>
          </cell>
          <cell r="BB433">
            <v>0</v>
          </cell>
          <cell r="CR433">
            <v>4965</v>
          </cell>
          <cell r="CS433" t="str">
            <v>ﾌｼﾞｻﾜ ｻﾅｴ</v>
          </cell>
          <cell r="CT433" t="str">
            <v>藤澤  早苗</v>
          </cell>
          <cell r="CU433" t="str">
            <v>政策室</v>
          </cell>
          <cell r="CW433">
            <v>2204</v>
          </cell>
          <cell r="CX433" t="str">
            <v>主幹</v>
          </cell>
          <cell r="CY433" t="str">
            <v>政策室長</v>
          </cell>
        </row>
        <row r="434">
          <cell r="B434">
            <v>2577</v>
          </cell>
          <cell r="C434" t="str">
            <v>きんでん関西サービス(株)</v>
          </cell>
          <cell r="D434" t="str">
            <v>078-272-4480</v>
          </cell>
          <cell r="E434" t="str">
            <v>651-0083</v>
          </cell>
          <cell r="F434" t="str">
            <v>兵庫県神戸市中央区浜辺通2-1-30</v>
          </cell>
          <cell r="G434" t="str">
            <v>大阪市</v>
          </cell>
          <cell r="H434" t="str">
            <v>神戸支店</v>
          </cell>
          <cell r="I434" t="str">
            <v>支店長 河村　成吉</v>
          </cell>
          <cell r="J434" t="str">
            <v>大阪府大阪市</v>
          </cell>
          <cell r="K434" t="str">
            <v>078-272-4479</v>
          </cell>
          <cell r="L434" t="str">
            <v>watatani_makiko@kinden.co.jp</v>
          </cell>
          <cell r="M434" t="str">
            <v>ｷﾝﾃﾞﾝｶﾝｻｲｻｰﾋﾞｽ</v>
          </cell>
          <cell r="N434" t="str">
            <v>有</v>
          </cell>
          <cell r="O434">
            <v>47</v>
          </cell>
          <cell r="P434">
            <v>104</v>
          </cell>
          <cell r="Q434">
            <v>4120001063237</v>
          </cell>
          <cell r="R434">
            <v>200000</v>
          </cell>
          <cell r="S434">
            <v>3593783</v>
          </cell>
          <cell r="T434">
            <v>3942487</v>
          </cell>
          <cell r="V434" t="str">
            <v>od116238</v>
          </cell>
          <cell r="W434" t="str">
            <v>wz104788</v>
          </cell>
          <cell r="X434" t="str">
            <v>機通消(電)(消)建電管内</v>
          </cell>
          <cell r="Y434" t="str">
            <v>機通消(電)(消)</v>
          </cell>
          <cell r="Z434" t="str">
            <v>建電管内</v>
          </cell>
          <cell r="AA434" t="str">
            <v>電気</v>
          </cell>
          <cell r="AB434" t="str">
            <v>消防施設</v>
          </cell>
          <cell r="AC434" t="str">
            <v/>
          </cell>
          <cell r="AD434" t="str">
            <v/>
          </cell>
          <cell r="AE434">
            <v>43190</v>
          </cell>
          <cell r="AF434" t="str">
            <v/>
          </cell>
          <cell r="AG434" t="str">
            <v>電気</v>
          </cell>
          <cell r="AH434" t="str">
            <v>特定</v>
          </cell>
          <cell r="AI434">
            <v>1171</v>
          </cell>
          <cell r="AJ434">
            <v>3434399</v>
          </cell>
          <cell r="AK434" t="str">
            <v>37(32)/14/3</v>
          </cell>
          <cell r="AL434" t="str">
            <v>消防施設</v>
          </cell>
          <cell r="AM434" t="str">
            <v>一般</v>
          </cell>
          <cell r="AN434">
            <v>944</v>
          </cell>
          <cell r="AO434">
            <v>106001</v>
          </cell>
          <cell r="AP434" t="str">
            <v>0(0)/26/0</v>
          </cell>
          <cell r="AQ434" t="str">
            <v/>
          </cell>
          <cell r="AR434" t="str">
            <v/>
          </cell>
          <cell r="AS434" t="str">
            <v/>
          </cell>
          <cell r="AT434" t="str">
            <v/>
          </cell>
          <cell r="AU434" t="str">
            <v/>
          </cell>
          <cell r="AV434" t="str">
            <v/>
          </cell>
          <cell r="AW434" t="str">
            <v/>
          </cell>
          <cell r="AX434" t="str">
            <v/>
          </cell>
          <cell r="AY434" t="str">
            <v/>
          </cell>
          <cell r="AZ434" t="str">
            <v/>
          </cell>
          <cell r="BA434" t="str">
            <v>大阪府</v>
          </cell>
          <cell r="BB434">
            <v>0</v>
          </cell>
          <cell r="CR434">
            <v>4966</v>
          </cell>
          <cell r="CS434" t="str">
            <v>ﾌｼﾞﾓﾄ ﾐｷ</v>
          </cell>
          <cell r="CT434" t="str">
            <v>藤本  幹</v>
          </cell>
          <cell r="CU434" t="str">
            <v>家庭教育課</v>
          </cell>
          <cell r="CW434">
            <v>3727</v>
          </cell>
          <cell r="CX434" t="str">
            <v>主査</v>
          </cell>
          <cell r="CY434" t="str">
            <v>家庭教育課長</v>
          </cell>
        </row>
        <row r="435">
          <cell r="B435">
            <v>2578</v>
          </cell>
          <cell r="C435" t="str">
            <v>近鉄ビルサービス(株)</v>
          </cell>
          <cell r="D435" t="str">
            <v>06-6211-2090</v>
          </cell>
          <cell r="E435" t="str">
            <v>542-0076</v>
          </cell>
          <cell r="F435" t="str">
            <v>大阪府大阪市中央区難波2-2-3</v>
          </cell>
          <cell r="G435" t="str">
            <v>大阪市</v>
          </cell>
          <cell r="H435" t="str">
            <v/>
          </cell>
          <cell r="I435" t="str">
            <v>取締役社長 内藤　博行</v>
          </cell>
          <cell r="J435" t="str">
            <v>本店</v>
          </cell>
          <cell r="K435" t="str">
            <v>06-6211-2099</v>
          </cell>
          <cell r="L435" t="str">
            <v>honten@kintetsu-bs.co.jp</v>
          </cell>
          <cell r="M435" t="str">
            <v>ｷﾝﾃﾂﾋﾞﾙｻｰﾋﾞｽ</v>
          </cell>
          <cell r="N435" t="str">
            <v>無</v>
          </cell>
          <cell r="O435">
            <v>46</v>
          </cell>
          <cell r="P435">
            <v>955</v>
          </cell>
          <cell r="Q435">
            <v>7120001014708</v>
          </cell>
          <cell r="R435">
            <v>100000</v>
          </cell>
          <cell r="S435">
            <v>3181280</v>
          </cell>
          <cell r="T435">
            <v>20214081</v>
          </cell>
          <cell r="V435" t="str">
            <v>er137135</v>
          </cell>
          <cell r="W435" t="str">
            <v>uf184765</v>
          </cell>
          <cell r="X435" t="str">
            <v>消土建と電管タ鉄舗板ガ塗防内機熱通具</v>
          </cell>
          <cell r="Y435" t="str">
            <v>消</v>
          </cell>
          <cell r="Z435" t="str">
            <v>土建と電管タ鉄舗板ガ塗防内機熱通具</v>
          </cell>
          <cell r="AA435" t="str">
            <v>管</v>
          </cell>
          <cell r="AB435" t="str">
            <v>電気</v>
          </cell>
          <cell r="AC435" t="str">
            <v>消防施設</v>
          </cell>
          <cell r="AD435" t="str">
            <v>建築一式</v>
          </cell>
          <cell r="AE435">
            <v>43189</v>
          </cell>
          <cell r="AF435" t="str">
            <v>希望しない</v>
          </cell>
          <cell r="AG435" t="str">
            <v>管</v>
          </cell>
          <cell r="AH435" t="str">
            <v>特定</v>
          </cell>
          <cell r="AI435">
            <v>981</v>
          </cell>
          <cell r="AJ435">
            <v>1076162</v>
          </cell>
          <cell r="AK435" t="str">
            <v>14(3)/9/0</v>
          </cell>
          <cell r="AL435" t="str">
            <v>電気</v>
          </cell>
          <cell r="AM435" t="str">
            <v>特定</v>
          </cell>
          <cell r="AN435">
            <v>972</v>
          </cell>
          <cell r="AO435">
            <v>587566</v>
          </cell>
          <cell r="AP435" t="str">
            <v>8(3)/42/2</v>
          </cell>
          <cell r="AQ435" t="str">
            <v>消防施設</v>
          </cell>
          <cell r="AR435" t="str">
            <v>一般</v>
          </cell>
          <cell r="AS435">
            <v>917</v>
          </cell>
          <cell r="AT435">
            <v>279823</v>
          </cell>
          <cell r="AU435" t="str">
            <v>0(0)/42/0</v>
          </cell>
          <cell r="AV435" t="str">
            <v>建築一式</v>
          </cell>
          <cell r="AW435" t="str">
            <v>特定</v>
          </cell>
          <cell r="AX435">
            <v>836</v>
          </cell>
          <cell r="AY435">
            <v>118795</v>
          </cell>
          <cell r="AZ435" t="str">
            <v>3(2)/7/0</v>
          </cell>
          <cell r="BA435" t="str">
            <v>大阪府</v>
          </cell>
          <cell r="BB435" t="str">
            <v>御堂筋グランドビル</v>
          </cell>
          <cell r="CR435">
            <v>4967</v>
          </cell>
          <cell r="CS435" t="str">
            <v>ﾏｴﾀﾞ ｶｽﾞﾋﾛ</v>
          </cell>
          <cell r="CT435" t="str">
            <v>前田  和宏</v>
          </cell>
          <cell r="CU435" t="str">
            <v>政策室</v>
          </cell>
          <cell r="CW435">
            <v>2205</v>
          </cell>
          <cell r="CX435" t="str">
            <v>主幹</v>
          </cell>
          <cell r="CY435" t="str">
            <v>政策室長</v>
          </cell>
        </row>
        <row r="436">
          <cell r="B436">
            <v>2579</v>
          </cell>
          <cell r="C436" t="str">
            <v>協和電気(株)</v>
          </cell>
          <cell r="D436" t="str">
            <v>06-6797-7000</v>
          </cell>
          <cell r="E436" t="str">
            <v>547-0033</v>
          </cell>
          <cell r="F436" t="str">
            <v>大阪府大阪市平野区平野西4-4-33</v>
          </cell>
          <cell r="G436" t="str">
            <v>大阪市</v>
          </cell>
          <cell r="H436" t="str">
            <v/>
          </cell>
          <cell r="I436" t="str">
            <v>代表取締役 新舎　洋</v>
          </cell>
          <cell r="J436" t="str">
            <v>本店</v>
          </cell>
          <cell r="K436" t="str">
            <v>06-6797-7392</v>
          </cell>
          <cell r="L436" t="str">
            <v>info@kyouwa-denki.com</v>
          </cell>
          <cell r="M436" t="str">
            <v>ｷｮｳﾜﾃﾞﾝｷ</v>
          </cell>
          <cell r="N436" t="str">
            <v>無</v>
          </cell>
          <cell r="O436">
            <v>57</v>
          </cell>
          <cell r="P436">
            <v>24</v>
          </cell>
          <cell r="Q436">
            <v>6120001020005</v>
          </cell>
          <cell r="R436">
            <v>40000</v>
          </cell>
          <cell r="S436">
            <v>822987</v>
          </cell>
          <cell r="T436">
            <v>1234162</v>
          </cell>
          <cell r="V436" t="str">
            <v>cr182556</v>
          </cell>
          <cell r="W436" t="str">
            <v>sm111925</v>
          </cell>
          <cell r="X436" t="str">
            <v>管通電</v>
          </cell>
          <cell r="Y436" t="str">
            <v>管通</v>
          </cell>
          <cell r="Z436" t="str">
            <v>電</v>
          </cell>
          <cell r="AA436" t="str">
            <v>電気</v>
          </cell>
          <cell r="AB436" t="str">
            <v>管</v>
          </cell>
          <cell r="AC436" t="str">
            <v>電気通信</v>
          </cell>
          <cell r="AD436" t="str">
            <v/>
          </cell>
          <cell r="AE436">
            <v>43271</v>
          </cell>
          <cell r="AF436" t="str">
            <v>希望しない</v>
          </cell>
          <cell r="AG436" t="str">
            <v>電気</v>
          </cell>
          <cell r="AH436" t="str">
            <v>特定</v>
          </cell>
          <cell r="AI436">
            <v>992</v>
          </cell>
          <cell r="AJ436">
            <v>1229492</v>
          </cell>
          <cell r="AK436" t="str">
            <v>10(10)/5/0</v>
          </cell>
          <cell r="AL436" t="str">
            <v>管</v>
          </cell>
          <cell r="AM436" t="str">
            <v>一般</v>
          </cell>
          <cell r="AN436">
            <v>689</v>
          </cell>
          <cell r="AO436">
            <v>1243</v>
          </cell>
          <cell r="AP436" t="str">
            <v>0(0)/0/0</v>
          </cell>
          <cell r="AQ436" t="str">
            <v>電気通信</v>
          </cell>
          <cell r="AR436" t="str">
            <v>一般</v>
          </cell>
          <cell r="AS436">
            <v>702</v>
          </cell>
          <cell r="AT436">
            <v>3426</v>
          </cell>
          <cell r="AU436" t="str">
            <v>0(0)/0/1</v>
          </cell>
          <cell r="AV436" t="str">
            <v/>
          </cell>
          <cell r="AW436" t="str">
            <v/>
          </cell>
          <cell r="AX436" t="str">
            <v/>
          </cell>
          <cell r="AY436" t="str">
            <v/>
          </cell>
          <cell r="AZ436" t="str">
            <v/>
          </cell>
          <cell r="BA436" t="str">
            <v>大阪府</v>
          </cell>
          <cell r="BB436">
            <v>0</v>
          </cell>
          <cell r="CR436">
            <v>4968</v>
          </cell>
          <cell r="CS436" t="str">
            <v>ﾊｼﾓﾄ ﾖｼｺ</v>
          </cell>
          <cell r="CT436" t="str">
            <v>橋本  佳子</v>
          </cell>
          <cell r="CU436" t="str">
            <v>障害福祉課</v>
          </cell>
          <cell r="CW436">
            <v>2537</v>
          </cell>
          <cell r="CX436" t="str">
            <v>課長</v>
          </cell>
          <cell r="CY436" t="str">
            <v>障害福祉課長</v>
          </cell>
        </row>
        <row r="437">
          <cell r="B437">
            <v>2591</v>
          </cell>
          <cell r="C437" t="str">
            <v>邦設備工業(株)</v>
          </cell>
          <cell r="D437" t="str">
            <v>078-974-7155</v>
          </cell>
          <cell r="E437" t="str">
            <v>651-2113</v>
          </cell>
          <cell r="F437" t="str">
            <v>兵庫県神戸市西区伊川谷町有瀬663-13</v>
          </cell>
          <cell r="G437" t="str">
            <v>神戸市</v>
          </cell>
          <cell r="H437" t="str">
            <v/>
          </cell>
          <cell r="I437" t="str">
            <v>代表取締役 小林　邦雄</v>
          </cell>
          <cell r="J437" t="str">
            <v>本店</v>
          </cell>
          <cell r="K437" t="str">
            <v>078-974-9624</v>
          </cell>
          <cell r="L437" t="str">
            <v>info@kunisetsubi.co.jp</v>
          </cell>
          <cell r="M437" t="str">
            <v>ｸﾆｾﾂﾋﾞｺｳｷﾞｮｳ</v>
          </cell>
          <cell r="N437" t="str">
            <v>無</v>
          </cell>
          <cell r="O437">
            <v>45</v>
          </cell>
          <cell r="P437">
            <v>18</v>
          </cell>
          <cell r="Q437">
            <v>7140001004673</v>
          </cell>
          <cell r="R437">
            <v>27000</v>
          </cell>
          <cell r="S437">
            <v>275729</v>
          </cell>
          <cell r="T437">
            <v>1461772</v>
          </cell>
          <cell r="V437" t="str">
            <v>kp214255</v>
          </cell>
          <cell r="W437" t="str">
            <v>hu203567</v>
          </cell>
          <cell r="X437" t="str">
            <v>消管</v>
          </cell>
          <cell r="Y437" t="str">
            <v>消</v>
          </cell>
          <cell r="Z437" t="str">
            <v>管</v>
          </cell>
          <cell r="AA437" t="str">
            <v>管</v>
          </cell>
          <cell r="AB437" t="str">
            <v>消防施設</v>
          </cell>
          <cell r="AC437" t="str">
            <v/>
          </cell>
          <cell r="AD437" t="str">
            <v/>
          </cell>
          <cell r="AE437">
            <v>43251</v>
          </cell>
          <cell r="AF437" t="str">
            <v/>
          </cell>
          <cell r="AG437" t="str">
            <v>管</v>
          </cell>
          <cell r="AH437" t="str">
            <v>特定</v>
          </cell>
          <cell r="AI437">
            <v>967</v>
          </cell>
          <cell r="AJ437">
            <v>1455272</v>
          </cell>
          <cell r="AK437" t="str">
            <v>9(9)/1/3</v>
          </cell>
          <cell r="AL437" t="str">
            <v>消防施設</v>
          </cell>
          <cell r="AM437" t="str">
            <v>一般</v>
          </cell>
          <cell r="AN437">
            <v>726</v>
          </cell>
          <cell r="AO437">
            <v>6500</v>
          </cell>
          <cell r="AP437" t="str">
            <v>()/8/</v>
          </cell>
          <cell r="AQ437" t="str">
            <v/>
          </cell>
          <cell r="AR437" t="str">
            <v/>
          </cell>
          <cell r="AS437" t="str">
            <v/>
          </cell>
          <cell r="AT437" t="str">
            <v/>
          </cell>
          <cell r="AU437" t="str">
            <v/>
          </cell>
          <cell r="AV437" t="str">
            <v/>
          </cell>
          <cell r="AW437" t="str">
            <v/>
          </cell>
          <cell r="AX437" t="str">
            <v/>
          </cell>
          <cell r="AY437" t="str">
            <v/>
          </cell>
          <cell r="AZ437" t="str">
            <v/>
          </cell>
          <cell r="BA437" t="str">
            <v>兵庫県</v>
          </cell>
          <cell r="BB437">
            <v>0</v>
          </cell>
          <cell r="CR437">
            <v>4969</v>
          </cell>
          <cell r="CS437" t="str">
            <v>ｷｼﾓﾄ ﾐﾁﾙ</v>
          </cell>
          <cell r="CT437" t="str">
            <v>岸本  美知留</v>
          </cell>
          <cell r="CU437" t="str">
            <v>生活支援課</v>
          </cell>
          <cell r="CW437">
            <v>2512</v>
          </cell>
          <cell r="CX437" t="str">
            <v>主査</v>
          </cell>
          <cell r="CY437" t="str">
            <v>生活支援課長</v>
          </cell>
        </row>
        <row r="438">
          <cell r="B438">
            <v>2595</v>
          </cell>
          <cell r="C438" t="str">
            <v>(株)クボタ</v>
          </cell>
          <cell r="D438" t="str">
            <v>06-6648-2111</v>
          </cell>
          <cell r="E438" t="str">
            <v>556-8601</v>
          </cell>
          <cell r="F438" t="str">
            <v>大阪府大阪市浪速区敷津東1ｰ2ｰ47</v>
          </cell>
          <cell r="G438" t="str">
            <v>大阪市</v>
          </cell>
          <cell r="H438" t="str">
            <v/>
          </cell>
          <cell r="I438" t="str">
            <v>代表取締役 北尾　裕一</v>
          </cell>
          <cell r="J438" t="str">
            <v>本店</v>
          </cell>
          <cell r="K438" t="str">
            <v>06-6648-3862</v>
          </cell>
          <cell r="L438" t="str">
            <v>kbt_g.ny-01@kubota.com</v>
          </cell>
          <cell r="M438" t="str">
            <v>ｸﾎﾞﾀ</v>
          </cell>
          <cell r="N438" t="str">
            <v>無</v>
          </cell>
          <cell r="O438">
            <v>65</v>
          </cell>
          <cell r="P438">
            <v>11478</v>
          </cell>
          <cell r="Q438">
            <v>1120001037978</v>
          </cell>
          <cell r="R438">
            <v>84100384</v>
          </cell>
          <cell r="S438">
            <v>619055000</v>
          </cell>
          <cell r="T438">
            <v>1751535000</v>
          </cell>
          <cell r="V438" t="str">
            <v>pw412545</v>
          </cell>
          <cell r="W438" t="str">
            <v>eb659881</v>
          </cell>
          <cell r="X438" t="str">
            <v>土建と屋電管タ鋼内機具水清</v>
          </cell>
          <cell r="Y438" t="str">
            <v/>
          </cell>
          <cell r="Z438" t="str">
            <v>土建と屋電管タ鋼内機具水清</v>
          </cell>
          <cell r="AA438" t="str">
            <v>機械器具</v>
          </cell>
          <cell r="AB438" t="str">
            <v>水道施設</v>
          </cell>
          <cell r="AC438" t="str">
            <v>清掃施設</v>
          </cell>
          <cell r="AD438" t="str">
            <v>管</v>
          </cell>
          <cell r="AE438">
            <v>43100</v>
          </cell>
          <cell r="AF438" t="str">
            <v>希望しない</v>
          </cell>
          <cell r="AG438" t="str">
            <v>機械器具</v>
          </cell>
          <cell r="AH438" t="str">
            <v>特定</v>
          </cell>
          <cell r="AI438">
            <v>1593</v>
          </cell>
          <cell r="AJ438">
            <v>9649877</v>
          </cell>
          <cell r="AK438" t="str">
            <v>30(24)/0/155</v>
          </cell>
          <cell r="AL438" t="str">
            <v>水道施設</v>
          </cell>
          <cell r="AM438" t="str">
            <v>特定</v>
          </cell>
          <cell r="AN438">
            <v>1570</v>
          </cell>
          <cell r="AO438">
            <v>2447924</v>
          </cell>
          <cell r="AP438" t="str">
            <v>289(164)/24/4</v>
          </cell>
          <cell r="AQ438" t="str">
            <v>清掃施設</v>
          </cell>
          <cell r="AR438" t="str">
            <v>特定</v>
          </cell>
          <cell r="AS438">
            <v>1086</v>
          </cell>
          <cell r="AT438" t="str">
            <v/>
          </cell>
          <cell r="AU438" t="str">
            <v>1(1)/0/2</v>
          </cell>
          <cell r="AV438" t="str">
            <v>管</v>
          </cell>
          <cell r="AW438" t="str">
            <v>特定</v>
          </cell>
          <cell r="AX438">
            <v>1318</v>
          </cell>
          <cell r="AY438">
            <v>14250</v>
          </cell>
          <cell r="AZ438" t="str">
            <v>119(47)/13/7</v>
          </cell>
          <cell r="BA438" t="str">
            <v>大阪府</v>
          </cell>
          <cell r="BB438">
            <v>0</v>
          </cell>
          <cell r="CR438">
            <v>4970</v>
          </cell>
          <cell r="CS438" t="str">
            <v>ﾔﾏﾀﾞ ﾏｻﾄ</v>
          </cell>
          <cell r="CT438" t="str">
            <v>山田  正人</v>
          </cell>
          <cell r="CU438" t="str">
            <v>収納管理課</v>
          </cell>
          <cell r="CW438">
            <v>2344</v>
          </cell>
          <cell r="CX438" t="str">
            <v>課長</v>
          </cell>
          <cell r="CY438" t="str">
            <v>収納管理課長</v>
          </cell>
        </row>
        <row r="439">
          <cell r="B439">
            <v>2596</v>
          </cell>
          <cell r="C439" t="str">
            <v>クボタ環境サービス(株)</v>
          </cell>
          <cell r="D439" t="str">
            <v>06-6470-5921</v>
          </cell>
          <cell r="E439" t="str">
            <v>661-8567</v>
          </cell>
          <cell r="F439" t="str">
            <v>兵庫県尼崎市浜1-1-1</v>
          </cell>
          <cell r="G439" t="str">
            <v/>
          </cell>
          <cell r="H439" t="str">
            <v>大阪支社</v>
          </cell>
          <cell r="I439" t="str">
            <v>支社長 桒野　卓</v>
          </cell>
          <cell r="J439" t="str">
            <v>東京都</v>
          </cell>
          <cell r="K439" t="str">
            <v>06-6470-5928</v>
          </cell>
          <cell r="L439" t="str">
            <v>ksk_g.osa-br@kubota.com</v>
          </cell>
          <cell r="M439" t="str">
            <v>ｸﾎﾞﾀｶﾝｷｮｳｻｰﾋﾞｽ</v>
          </cell>
          <cell r="N439" t="str">
            <v>有</v>
          </cell>
          <cell r="O439">
            <v>41</v>
          </cell>
          <cell r="P439">
            <v>1665</v>
          </cell>
          <cell r="Q439">
            <v>7010501003238</v>
          </cell>
          <cell r="R439">
            <v>90000</v>
          </cell>
          <cell r="S439">
            <v>26330605</v>
          </cell>
          <cell r="T439">
            <v>45318279</v>
          </cell>
          <cell r="V439" t="str">
            <v>uj913633</v>
          </cell>
          <cell r="W439" t="str">
            <v>ut737152</v>
          </cell>
          <cell r="X439" t="str">
            <v>(清)(建)(と)(電)(管)(鋼)(機)(園)(水)(清)土建と電管鋼機園水清</v>
          </cell>
          <cell r="Y439" t="str">
            <v>(清)(建)(と)(電)(管)(鋼)(機)(園)(水)(清)</v>
          </cell>
          <cell r="Z439" t="str">
            <v>土建と電管鋼機園水清</v>
          </cell>
          <cell r="AA439" t="str">
            <v>機械器具</v>
          </cell>
          <cell r="AB439" t="str">
            <v>水道施設</v>
          </cell>
          <cell r="AC439" t="str">
            <v>管</v>
          </cell>
          <cell r="AD439" t="str">
            <v>電気</v>
          </cell>
          <cell r="AE439">
            <v>43100</v>
          </cell>
          <cell r="AF439" t="str">
            <v>希望しない</v>
          </cell>
          <cell r="AG439" t="str">
            <v>機械器具</v>
          </cell>
          <cell r="AH439" t="str">
            <v>特定</v>
          </cell>
          <cell r="AI439">
            <v>1407</v>
          </cell>
          <cell r="AJ439">
            <v>10127008</v>
          </cell>
          <cell r="AK439" t="str">
            <v>0(0)/0/193</v>
          </cell>
          <cell r="AL439" t="str">
            <v>水道施設</v>
          </cell>
          <cell r="AM439" t="str">
            <v>特定</v>
          </cell>
          <cell r="AN439">
            <v>1314</v>
          </cell>
          <cell r="AO439">
            <v>528692</v>
          </cell>
          <cell r="AP439" t="str">
            <v>170(148)/43/6</v>
          </cell>
          <cell r="AQ439" t="str">
            <v>管</v>
          </cell>
          <cell r="AR439" t="str">
            <v>特定</v>
          </cell>
          <cell r="AS439">
            <v>1095</v>
          </cell>
          <cell r="AT439" t="str">
            <v/>
          </cell>
          <cell r="AU439" t="str">
            <v>59(44)/46/0</v>
          </cell>
          <cell r="AV439" t="str">
            <v>電気</v>
          </cell>
          <cell r="AW439" t="str">
            <v>特定</v>
          </cell>
          <cell r="AX439">
            <v>1178</v>
          </cell>
          <cell r="AY439">
            <v>87675</v>
          </cell>
          <cell r="AZ439" t="str">
            <v>31(19)/50/4</v>
          </cell>
          <cell r="BA439" t="str">
            <v>東京都</v>
          </cell>
          <cell r="BB439">
            <v>0</v>
          </cell>
          <cell r="CR439">
            <v>4971</v>
          </cell>
          <cell r="CS439" t="str">
            <v>ﾃﾗﾀﾞ ﾚｲｺ</v>
          </cell>
          <cell r="CT439" t="str">
            <v>寺田  玲子</v>
          </cell>
          <cell r="CU439" t="str">
            <v>資産税課</v>
          </cell>
          <cell r="CW439">
            <v>2327</v>
          </cell>
          <cell r="CX439" t="str">
            <v>主査</v>
          </cell>
          <cell r="CY439" t="str">
            <v>資産税課長</v>
          </cell>
        </row>
        <row r="440">
          <cell r="B440">
            <v>2597</v>
          </cell>
          <cell r="C440" t="str">
            <v>クボタ機工(株)</v>
          </cell>
          <cell r="D440" t="str">
            <v>06-6470-5900</v>
          </cell>
          <cell r="E440" t="str">
            <v>661-8567</v>
          </cell>
          <cell r="F440" t="str">
            <v>兵庫県尼崎市浜1-1-1</v>
          </cell>
          <cell r="G440" t="str">
            <v>枚方市</v>
          </cell>
          <cell r="H440" t="str">
            <v>大阪支店</v>
          </cell>
          <cell r="I440" t="str">
            <v>支店長 加藤　佳行</v>
          </cell>
          <cell r="J440" t="str">
            <v>大阪府枚方市</v>
          </cell>
          <cell r="K440" t="str">
            <v>06-6470-5919</v>
          </cell>
          <cell r="L440" t="str">
            <v>kkiko_g.kk-nyusatsu-os@kubota.com</v>
          </cell>
          <cell r="M440" t="str">
            <v>ｸﾎﾞﾀｷｺｳ</v>
          </cell>
          <cell r="N440" t="str">
            <v>有</v>
          </cell>
          <cell r="O440">
            <v>31</v>
          </cell>
          <cell r="P440">
            <v>230</v>
          </cell>
          <cell r="Q440">
            <v>3120001149458</v>
          </cell>
          <cell r="R440">
            <v>50000</v>
          </cell>
          <cell r="S440">
            <v>5450851</v>
          </cell>
          <cell r="T440">
            <v>8907276</v>
          </cell>
          <cell r="V440" t="str">
            <v>tu358647</v>
          </cell>
          <cell r="W440" t="str">
            <v>yz405004</v>
          </cell>
          <cell r="X440" t="str">
            <v>(管)(機)(水)管機水</v>
          </cell>
          <cell r="Y440" t="str">
            <v>(管)(機)(水)</v>
          </cell>
          <cell r="Z440" t="str">
            <v>管機水</v>
          </cell>
          <cell r="AA440" t="str">
            <v>機械器具</v>
          </cell>
          <cell r="AB440" t="str">
            <v>水道施設</v>
          </cell>
          <cell r="AC440" t="str">
            <v>管</v>
          </cell>
          <cell r="AD440" t="str">
            <v/>
          </cell>
          <cell r="AE440">
            <v>43100</v>
          </cell>
          <cell r="AF440" t="str">
            <v>希望しない</v>
          </cell>
          <cell r="AG440" t="str">
            <v>機械器具</v>
          </cell>
          <cell r="AH440" t="str">
            <v>特定</v>
          </cell>
          <cell r="AI440">
            <v>1205</v>
          </cell>
          <cell r="AJ440">
            <v>6084677</v>
          </cell>
          <cell r="AK440" t="str">
            <v>1(1)/0/64</v>
          </cell>
          <cell r="AL440" t="str">
            <v>水道施設</v>
          </cell>
          <cell r="AM440" t="str">
            <v>特定</v>
          </cell>
          <cell r="AN440">
            <v>1066</v>
          </cell>
          <cell r="AO440">
            <v>185145</v>
          </cell>
          <cell r="AP440" t="str">
            <v>26(25)/9/0</v>
          </cell>
          <cell r="AQ440" t="str">
            <v>管</v>
          </cell>
          <cell r="AR440" t="str">
            <v>特定</v>
          </cell>
          <cell r="AS440">
            <v>888</v>
          </cell>
          <cell r="AT440">
            <v>1580</v>
          </cell>
          <cell r="AU440" t="str">
            <v>6(5)/10/0</v>
          </cell>
          <cell r="AV440" t="str">
            <v/>
          </cell>
          <cell r="AW440" t="str">
            <v/>
          </cell>
          <cell r="AX440" t="str">
            <v/>
          </cell>
          <cell r="AY440" t="str">
            <v/>
          </cell>
          <cell r="AZ440" t="str">
            <v/>
          </cell>
          <cell r="BA440" t="str">
            <v>大阪府</v>
          </cell>
          <cell r="BB440">
            <v>0</v>
          </cell>
          <cell r="CR440">
            <v>4972</v>
          </cell>
          <cell r="CS440" t="str">
            <v>ｱｷﾖｼ ﾏｻﾕｷ</v>
          </cell>
          <cell r="CT440" t="str">
            <v>秋吉  正之</v>
          </cell>
          <cell r="CU440" t="str">
            <v>都市基盤総務課</v>
          </cell>
          <cell r="CW440" t="str">
            <v xml:space="preserve"> </v>
          </cell>
          <cell r="CX440" t="str">
            <v>主査</v>
          </cell>
          <cell r="CY440" t="str">
            <v>都市基盤総務課長</v>
          </cell>
        </row>
        <row r="441">
          <cell r="B441">
            <v>2598</v>
          </cell>
          <cell r="C441" t="str">
            <v>四国環境整備興業(株)</v>
          </cell>
          <cell r="D441" t="str">
            <v>0898-48-1600</v>
          </cell>
          <cell r="E441" t="str">
            <v>799-1533</v>
          </cell>
          <cell r="F441" t="str">
            <v>愛媛県今治市国分1-1-18</v>
          </cell>
          <cell r="G441" t="str">
            <v>今治市</v>
          </cell>
          <cell r="H441" t="str">
            <v/>
          </cell>
          <cell r="I441" t="str">
            <v>代表取締役 青野　岩夫</v>
          </cell>
          <cell r="J441" t="str">
            <v>本店</v>
          </cell>
          <cell r="K441" t="str">
            <v>0898-48-3244</v>
          </cell>
          <cell r="L441" t="str">
            <v>shikokukankyou@crux.ocn.ne.jp</v>
          </cell>
          <cell r="M441" t="str">
            <v>ｼｺｸｶﾝｷｮｳｾｲﾋﾞｺｳｷﾞｮｳ</v>
          </cell>
          <cell r="N441" t="str">
            <v>無</v>
          </cell>
          <cell r="O441">
            <v>32</v>
          </cell>
          <cell r="P441">
            <v>32</v>
          </cell>
          <cell r="Q441">
            <v>6500001012640</v>
          </cell>
          <cell r="R441">
            <v>20000</v>
          </cell>
          <cell r="S441">
            <v>837964</v>
          </cell>
          <cell r="T441">
            <v>595265</v>
          </cell>
          <cell r="V441" t="str">
            <v>qy128538</v>
          </cell>
          <cell r="W441" t="str">
            <v>dv178535</v>
          </cell>
          <cell r="X441" t="str">
            <v>土と管塗防機園水</v>
          </cell>
          <cell r="Y441" t="str">
            <v>土と管塗防機園水</v>
          </cell>
          <cell r="Z441" t="str">
            <v/>
          </cell>
          <cell r="AA441" t="str">
            <v>土木一式</v>
          </cell>
          <cell r="AB441" t="str">
            <v/>
          </cell>
          <cell r="AC441" t="str">
            <v/>
          </cell>
          <cell r="AD441" t="str">
            <v/>
          </cell>
          <cell r="AE441">
            <v>42460</v>
          </cell>
          <cell r="AF441" t="str">
            <v>希望する</v>
          </cell>
          <cell r="AG441" t="str">
            <v>土木一式</v>
          </cell>
          <cell r="AH441" t="str">
            <v>一般</v>
          </cell>
          <cell r="AI441">
            <v>833</v>
          </cell>
          <cell r="AJ441">
            <v>43779</v>
          </cell>
          <cell r="AK441" t="str">
            <v>7(7)/9/0</v>
          </cell>
          <cell r="AL441" t="str">
            <v/>
          </cell>
          <cell r="AM441" t="str">
            <v/>
          </cell>
          <cell r="AN441" t="str">
            <v/>
          </cell>
          <cell r="AO441" t="str">
            <v/>
          </cell>
          <cell r="AP441" t="str">
            <v/>
          </cell>
          <cell r="AQ441" t="str">
            <v/>
          </cell>
          <cell r="AR441" t="str">
            <v/>
          </cell>
          <cell r="AS441" t="str">
            <v/>
          </cell>
          <cell r="AT441" t="str">
            <v/>
          </cell>
          <cell r="AU441" t="str">
            <v/>
          </cell>
          <cell r="AV441" t="str">
            <v/>
          </cell>
          <cell r="AW441" t="str">
            <v/>
          </cell>
          <cell r="AX441" t="str">
            <v/>
          </cell>
          <cell r="AY441" t="str">
            <v/>
          </cell>
          <cell r="AZ441" t="str">
            <v/>
          </cell>
          <cell r="BA441" t="str">
            <v>愛媛県</v>
          </cell>
          <cell r="BB441">
            <v>0</v>
          </cell>
          <cell r="CR441">
            <v>4973</v>
          </cell>
          <cell r="CS441" t="str">
            <v>ｵｵﾏｴ ﾘﾖｳ</v>
          </cell>
          <cell r="CT441" t="str">
            <v>大前  良</v>
          </cell>
          <cell r="CU441" t="str">
            <v xml:space="preserve">道路保全課 </v>
          </cell>
          <cell r="CW441">
            <v>3048</v>
          </cell>
          <cell r="CX441" t="str">
            <v>課長</v>
          </cell>
          <cell r="CY441" t="str">
            <v>道路保全課長</v>
          </cell>
        </row>
        <row r="442">
          <cell r="B442">
            <v>2599</v>
          </cell>
          <cell r="C442" t="str">
            <v>窪田工業(株)</v>
          </cell>
          <cell r="D442" t="str">
            <v>078-751-3882</v>
          </cell>
          <cell r="E442" t="str">
            <v>578-0904</v>
          </cell>
          <cell r="F442" t="str">
            <v>兵庫県神戸市垂水区塩屋町4-4-12</v>
          </cell>
          <cell r="G442" t="str">
            <v>神戸市</v>
          </cell>
          <cell r="H442" t="str">
            <v/>
          </cell>
          <cell r="I442" t="str">
            <v>代表取締役　 窪田　昌実</v>
          </cell>
          <cell r="J442" t="str">
            <v>本店</v>
          </cell>
          <cell r="K442" t="str">
            <v>078-751-3866</v>
          </cell>
          <cell r="L442" t="str">
            <v>kubota.eigyo@vesta.ocn.ne.jp</v>
          </cell>
          <cell r="M442" t="str">
            <v>ｸﾎﾞﾀｺｳｷﾞﾖｳ</v>
          </cell>
          <cell r="N442" t="str">
            <v>無</v>
          </cell>
          <cell r="O442">
            <v>68</v>
          </cell>
          <cell r="P442">
            <v>39</v>
          </cell>
          <cell r="Q442">
            <v>3140000000000</v>
          </cell>
          <cell r="R442">
            <v>64350</v>
          </cell>
          <cell r="S442">
            <v>845790</v>
          </cell>
          <cell r="T442">
            <v>1926366</v>
          </cell>
          <cell r="V442" t="str">
            <v>fr651428</v>
          </cell>
          <cell r="W442" t="str">
            <v>xc281940</v>
          </cell>
          <cell r="X442" t="str">
            <v>土と管塗防機園水</v>
          </cell>
          <cell r="Y442" t="str">
            <v>土と管塗防機園水</v>
          </cell>
          <cell r="Z442" t="str">
            <v/>
          </cell>
          <cell r="AA442" t="str">
            <v>土木一式</v>
          </cell>
          <cell r="AB442" t="str">
            <v>舗装</v>
          </cell>
          <cell r="AC442" t="str">
            <v>鋼構造物</v>
          </cell>
          <cell r="AD442" t="str">
            <v>とび土工</v>
          </cell>
          <cell r="AE442">
            <v>43281</v>
          </cell>
          <cell r="AF442" t="str">
            <v>希望する</v>
          </cell>
          <cell r="AG442" t="str">
            <v>土木一式</v>
          </cell>
          <cell r="AH442" t="str">
            <v>特定</v>
          </cell>
          <cell r="AI442">
            <v>1127</v>
          </cell>
          <cell r="AJ442">
            <v>1510207</v>
          </cell>
          <cell r="AK442" t="str">
            <v>24(23)/0/0</v>
          </cell>
          <cell r="AL442" t="str">
            <v>舗装</v>
          </cell>
          <cell r="AM442" t="str">
            <v>特定</v>
          </cell>
          <cell r="AN442">
            <v>1029</v>
          </cell>
          <cell r="AO442">
            <v>257166</v>
          </cell>
          <cell r="AP442" t="str">
            <v>18(18)/0/0</v>
          </cell>
          <cell r="AQ442" t="str">
            <v>鋼構造物</v>
          </cell>
          <cell r="AR442" t="str">
            <v>特定</v>
          </cell>
          <cell r="AS442">
            <v>862</v>
          </cell>
          <cell r="AT442">
            <v>28092</v>
          </cell>
          <cell r="AU442" t="str">
            <v>2(1)/0/0</v>
          </cell>
          <cell r="AV442" t="str">
            <v>とび土工</v>
          </cell>
          <cell r="AW442" t="str">
            <v>特定</v>
          </cell>
          <cell r="AX442">
            <v>841</v>
          </cell>
          <cell r="AY442">
            <v>11177</v>
          </cell>
          <cell r="AZ442" t="str">
            <v>2(1)/0/0</v>
          </cell>
          <cell r="BA442" t="str">
            <v>兵庫県</v>
          </cell>
          <cell r="BB442">
            <v>0</v>
          </cell>
          <cell r="CR442">
            <v>4974</v>
          </cell>
          <cell r="CS442" t="str">
            <v>ﾅｶ ﾏｻﾋｺ</v>
          </cell>
          <cell r="CT442" t="str">
            <v>仲  正彦</v>
          </cell>
          <cell r="CU442" t="str">
            <v>下水道課</v>
          </cell>
          <cell r="CW442">
            <v>3107</v>
          </cell>
          <cell r="CX442" t="str">
            <v>主査</v>
          </cell>
          <cell r="CY442" t="str">
            <v>下水道課長</v>
          </cell>
        </row>
        <row r="443">
          <cell r="B443">
            <v>2600</v>
          </cell>
          <cell r="C443" t="str">
            <v>(株)クボタパイプテック(合併による消滅)</v>
          </cell>
          <cell r="D443" t="str">
            <v>06-6415-2078</v>
          </cell>
          <cell r="E443" t="str">
            <v>541-0041</v>
          </cell>
          <cell r="F443" t="str">
            <v>兵庫県尼崎市大浜町2-26</v>
          </cell>
          <cell r="G443" t="str">
            <v>尼崎市</v>
          </cell>
          <cell r="H443" t="str">
            <v/>
          </cell>
          <cell r="I443" t="str">
            <v>代表取締役社長　 奥野　高志</v>
          </cell>
          <cell r="J443" t="str">
            <v>本店</v>
          </cell>
          <cell r="K443" t="str">
            <v>06-6415-2153</v>
          </cell>
          <cell r="L443" t="str">
            <v>pt_g.kpt-osaka@kubota.com</v>
          </cell>
          <cell r="M443" t="str">
            <v>ｸﾎﾞﾀﾊﾟｲﾌﾟﾃﾂｸ</v>
          </cell>
          <cell r="N443" t="str">
            <v>無</v>
          </cell>
          <cell r="O443">
            <v>29</v>
          </cell>
          <cell r="P443">
            <v>95</v>
          </cell>
          <cell r="Q443">
            <v>1140000000000</v>
          </cell>
          <cell r="R443">
            <v>50000</v>
          </cell>
          <cell r="S443">
            <v>1254670</v>
          </cell>
          <cell r="T443">
            <v>7990634</v>
          </cell>
          <cell r="V443" t="str">
            <v>md700717</v>
          </cell>
          <cell r="W443" t="str">
            <v>hk108990</v>
          </cell>
          <cell r="X443" t="str">
            <v>土と管塗防機園水</v>
          </cell>
          <cell r="Y443" t="str">
            <v>土と管塗防機園水</v>
          </cell>
          <cell r="Z443" t="str">
            <v/>
          </cell>
          <cell r="AA443" t="str">
            <v>水道施設</v>
          </cell>
          <cell r="AB443" t="str">
            <v>土木一式</v>
          </cell>
          <cell r="AC443" t="str">
            <v/>
          </cell>
          <cell r="AD443" t="str">
            <v/>
          </cell>
          <cell r="AE443">
            <v>43100</v>
          </cell>
          <cell r="AF443" t="str">
            <v>希望しない</v>
          </cell>
          <cell r="AG443" t="str">
            <v>水道施設</v>
          </cell>
          <cell r="AH443" t="str">
            <v>特定</v>
          </cell>
          <cell r="AI443">
            <v>1037</v>
          </cell>
          <cell r="AJ443">
            <v>1506675</v>
          </cell>
          <cell r="AK443" t="str">
            <v>32(14)/9/0</v>
          </cell>
          <cell r="AL443" t="str">
            <v>土木一式</v>
          </cell>
          <cell r="AM443" t="str">
            <v>特定</v>
          </cell>
          <cell r="AN443">
            <v>975</v>
          </cell>
          <cell r="AO443">
            <v>315650</v>
          </cell>
          <cell r="AP443" t="str">
            <v>42(20)/7/0</v>
          </cell>
          <cell r="AQ443" t="str">
            <v/>
          </cell>
          <cell r="AR443" t="str">
            <v/>
          </cell>
          <cell r="AS443" t="str">
            <v/>
          </cell>
          <cell r="AT443" t="str">
            <v/>
          </cell>
          <cell r="AU443" t="str">
            <v/>
          </cell>
          <cell r="AV443" t="str">
            <v/>
          </cell>
          <cell r="AW443" t="str">
            <v/>
          </cell>
          <cell r="AX443" t="str">
            <v/>
          </cell>
          <cell r="AY443" t="str">
            <v/>
          </cell>
          <cell r="AZ443" t="str">
            <v/>
          </cell>
          <cell r="BA443" t="str">
            <v>兵庫県</v>
          </cell>
          <cell r="BB443">
            <v>0</v>
          </cell>
          <cell r="CR443">
            <v>4975</v>
          </cell>
          <cell r="CS443" t="str">
            <v>ﾔﾅｷﾞｻﾜ ﾏﾓﾙ</v>
          </cell>
          <cell r="CT443" t="str">
            <v>柳澤  守</v>
          </cell>
          <cell r="CU443" t="str">
            <v>下水道課</v>
          </cell>
          <cell r="CW443">
            <v>3110</v>
          </cell>
          <cell r="CX443" t="str">
            <v>課長</v>
          </cell>
          <cell r="CY443" t="str">
            <v>下水道課長</v>
          </cell>
        </row>
        <row r="444">
          <cell r="B444">
            <v>2602</v>
          </cell>
          <cell r="C444" t="str">
            <v>(株)熊谷組</v>
          </cell>
          <cell r="D444" t="str">
            <v>078-325-8481</v>
          </cell>
          <cell r="E444" t="str">
            <v>650-0032</v>
          </cell>
          <cell r="F444" t="str">
            <v>兵庫県神戸市中央区伊藤町119</v>
          </cell>
          <cell r="G444" t="str">
            <v/>
          </cell>
          <cell r="H444" t="str">
            <v>神戸営業所</v>
          </cell>
          <cell r="I444" t="str">
            <v>所長 河村　優一</v>
          </cell>
          <cell r="J444" t="str">
            <v>東京都</v>
          </cell>
          <cell r="K444" t="str">
            <v>078-325-8483</v>
          </cell>
          <cell r="L444" t="str">
            <v>kn_bid@ku.kumagaigumi.co.jp</v>
          </cell>
          <cell r="M444" t="str">
            <v>ｸﾏｶﾞｲｸﾞﾐ</v>
          </cell>
          <cell r="N444" t="str">
            <v>有</v>
          </cell>
          <cell r="O444">
            <v>68</v>
          </cell>
          <cell r="P444">
            <v>2307</v>
          </cell>
          <cell r="Q444">
            <v>1210001001082</v>
          </cell>
          <cell r="R444">
            <v>30108510</v>
          </cell>
          <cell r="S444">
            <v>100439000</v>
          </cell>
          <cell r="T444">
            <v>374019000</v>
          </cell>
          <cell r="V444" t="str">
            <v>se756166</v>
          </cell>
          <cell r="W444" t="str">
            <v>sj960457</v>
          </cell>
          <cell r="X444" t="str">
            <v>消(清)(建)(大)(左)(と)(石)(屋)(タ)(鋼)(鉄)(舗)(浚)(板)(ガ)(塗)(防)(内)(熱)(具)(水)土建大と石屋電管タ鋼鉄舗浚板ガ塗防内熱園具水解</v>
          </cell>
          <cell r="Y444" t="str">
            <v>消(清)(建)(大)(左)(と)(石)(屋)(タ)(鋼)(鉄)(舗)(浚)(板)(ガ)(塗)(防)(内)(熱)(具)(水)</v>
          </cell>
          <cell r="Z444" t="str">
            <v>土建大と石屋電管タ鋼鉄舗浚板ガ塗防内熱園具水解</v>
          </cell>
          <cell r="AA444" t="str">
            <v>建築一式</v>
          </cell>
          <cell r="AB444" t="str">
            <v>土木一式</v>
          </cell>
          <cell r="AC444" t="str">
            <v>水道施設</v>
          </cell>
          <cell r="AD444" t="str">
            <v>とび土工</v>
          </cell>
          <cell r="AE444">
            <v>43190</v>
          </cell>
          <cell r="AF444" t="str">
            <v>希望する</v>
          </cell>
          <cell r="AG444" t="str">
            <v>建築一式</v>
          </cell>
          <cell r="AH444" t="str">
            <v/>
          </cell>
          <cell r="AI444">
            <v>1915</v>
          </cell>
          <cell r="AJ444">
            <v>174980570</v>
          </cell>
          <cell r="AK444" t="str">
            <v>742(547)/10/78</v>
          </cell>
          <cell r="AL444" t="str">
            <v>土木一式</v>
          </cell>
          <cell r="AM444" t="str">
            <v/>
          </cell>
          <cell r="AN444">
            <v>1882</v>
          </cell>
          <cell r="AO444">
            <v>85535167</v>
          </cell>
          <cell r="AP444" t="str">
            <v>636(533)/1/10</v>
          </cell>
          <cell r="AQ444" t="str">
            <v>水道施設</v>
          </cell>
          <cell r="AR444" t="str">
            <v/>
          </cell>
          <cell r="AS444">
            <v>1202</v>
          </cell>
          <cell r="AT444">
            <v>295</v>
          </cell>
          <cell r="AU444" t="str">
            <v>85(58)/1/7</v>
          </cell>
          <cell r="AV444" t="str">
            <v>とび土工</v>
          </cell>
          <cell r="AW444" t="str">
            <v/>
          </cell>
          <cell r="AX444">
            <v>1614</v>
          </cell>
          <cell r="AY444">
            <v>14262451</v>
          </cell>
          <cell r="AZ444" t="str">
            <v>224(196)/0/0</v>
          </cell>
          <cell r="BA444" t="str">
            <v>東京都</v>
          </cell>
          <cell r="BB444">
            <v>0</v>
          </cell>
          <cell r="CR444">
            <v>4976</v>
          </cell>
          <cell r="CS444" t="str">
            <v>ｲｹｳﾁ ｴｲｻｸ</v>
          </cell>
          <cell r="CT444" t="str">
            <v>池内  栄作</v>
          </cell>
          <cell r="CU444" t="str">
            <v>公園課</v>
          </cell>
          <cell r="CW444">
            <v>2872</v>
          </cell>
          <cell r="CX444" t="str">
            <v>主査</v>
          </cell>
          <cell r="CY444" t="str">
            <v>公園課長</v>
          </cell>
        </row>
        <row r="445">
          <cell r="B445">
            <v>2604</v>
          </cell>
          <cell r="C445" t="str">
            <v>クマリフト(株)</v>
          </cell>
          <cell r="D445" t="str">
            <v>078-251-2395</v>
          </cell>
          <cell r="E445" t="str">
            <v>566-0045</v>
          </cell>
          <cell r="F445" t="str">
            <v>大阪府大阪市西区京町堀1-12-20</v>
          </cell>
          <cell r="G445" t="str">
            <v>大阪市</v>
          </cell>
          <cell r="H445" t="str">
            <v/>
          </cell>
          <cell r="I445" t="str">
            <v>代表取締役 熊谷　知哉</v>
          </cell>
          <cell r="J445" t="str">
            <v>本店</v>
          </cell>
          <cell r="K445" t="str">
            <v>078-251-2703</v>
          </cell>
          <cell r="L445" t="str">
            <v>kobe@kumalift.co.jp</v>
          </cell>
          <cell r="M445" t="str">
            <v>ｸﾏﾘﾌﾄ</v>
          </cell>
          <cell r="N445" t="str">
            <v>無</v>
          </cell>
          <cell r="O445">
            <v>52</v>
          </cell>
          <cell r="P445">
            <v>344</v>
          </cell>
          <cell r="Q445">
            <v>6120901009295</v>
          </cell>
          <cell r="R445">
            <v>100000</v>
          </cell>
          <cell r="S445">
            <v>5718127</v>
          </cell>
          <cell r="T445" t="str">
            <v/>
          </cell>
          <cell r="V445" t="str">
            <v>wf934011</v>
          </cell>
          <cell r="W445" t="str">
            <v>vm545654</v>
          </cell>
          <cell r="X445" t="str">
            <v>機</v>
          </cell>
          <cell r="Y445" t="str">
            <v>機</v>
          </cell>
          <cell r="Z445" t="str">
            <v/>
          </cell>
          <cell r="AA445" t="str">
            <v>機械器具</v>
          </cell>
          <cell r="AB445" t="str">
            <v/>
          </cell>
          <cell r="AC445" t="str">
            <v/>
          </cell>
          <cell r="AD445" t="str">
            <v/>
          </cell>
          <cell r="AE445">
            <v>43190</v>
          </cell>
          <cell r="AF445" t="str">
            <v>希望しない</v>
          </cell>
          <cell r="AG445" t="str">
            <v>機械器具</v>
          </cell>
          <cell r="AH445" t="str">
            <v>一般</v>
          </cell>
          <cell r="AI445">
            <v>1153</v>
          </cell>
          <cell r="AJ445">
            <v>3566670</v>
          </cell>
          <cell r="AK445" t="str">
            <v>0(0)/0/103</v>
          </cell>
          <cell r="AL445" t="str">
            <v/>
          </cell>
          <cell r="AM445" t="str">
            <v/>
          </cell>
          <cell r="AN445" t="str">
            <v/>
          </cell>
          <cell r="AO445" t="str">
            <v/>
          </cell>
          <cell r="AP445" t="str">
            <v/>
          </cell>
          <cell r="AQ445" t="str">
            <v/>
          </cell>
          <cell r="AR445" t="str">
            <v/>
          </cell>
          <cell r="AS445" t="str">
            <v/>
          </cell>
          <cell r="AT445" t="str">
            <v/>
          </cell>
          <cell r="AU445" t="str">
            <v/>
          </cell>
          <cell r="AV445" t="str">
            <v/>
          </cell>
          <cell r="AW445" t="str">
            <v/>
          </cell>
          <cell r="AX445" t="str">
            <v/>
          </cell>
          <cell r="AY445" t="str">
            <v/>
          </cell>
          <cell r="AZ445" t="str">
            <v/>
          </cell>
          <cell r="BA445" t="str">
            <v>大阪府</v>
          </cell>
          <cell r="BB445">
            <v>0</v>
          </cell>
          <cell r="CR445">
            <v>4977</v>
          </cell>
          <cell r="CS445" t="str">
            <v>ｳｴｶﾞｷ ﾀﾂｼﾞ</v>
          </cell>
          <cell r="CT445" t="str">
            <v>上垣  竜治</v>
          </cell>
          <cell r="CU445" t="str">
            <v>下水道課</v>
          </cell>
          <cell r="CW445">
            <v>3114</v>
          </cell>
          <cell r="CX445" t="str">
            <v>副主幹</v>
          </cell>
          <cell r="CY445" t="str">
            <v>下水道課長</v>
          </cell>
        </row>
        <row r="446">
          <cell r="B446">
            <v>2610</v>
          </cell>
          <cell r="C446" t="str">
            <v>(株)栗田機械製作所</v>
          </cell>
          <cell r="D446" t="str">
            <v>06-6582-3001</v>
          </cell>
          <cell r="E446" t="str">
            <v>550-0024</v>
          </cell>
          <cell r="F446" t="str">
            <v>大阪府大阪市西区境川2-1-44</v>
          </cell>
          <cell r="G446" t="str">
            <v>大阪市</v>
          </cell>
          <cell r="H446" t="str">
            <v/>
          </cell>
          <cell r="I446" t="str">
            <v>代表取締役 栗田　佳直</v>
          </cell>
          <cell r="J446" t="str">
            <v>本店</v>
          </cell>
          <cell r="K446" t="str">
            <v>06-6584-0051</v>
          </cell>
          <cell r="L446" t="str">
            <v>kankyou@kurifil.co.jp</v>
          </cell>
          <cell r="M446" t="str">
            <v>ｸﾘﾀｷｶｲｾｲｻｸｼｮ</v>
          </cell>
          <cell r="N446" t="str">
            <v>無</v>
          </cell>
          <cell r="O446">
            <v>43</v>
          </cell>
          <cell r="P446">
            <v>100</v>
          </cell>
          <cell r="Q446">
            <v>5120001042909</v>
          </cell>
          <cell r="R446">
            <v>90000</v>
          </cell>
          <cell r="S446">
            <v>790159</v>
          </cell>
          <cell r="T446">
            <v>2370052</v>
          </cell>
          <cell r="V446" t="str">
            <v>ch389749</v>
          </cell>
          <cell r="W446" t="str">
            <v>rt433194</v>
          </cell>
          <cell r="X446" t="str">
            <v>土機水</v>
          </cell>
          <cell r="Y446" t="str">
            <v>土</v>
          </cell>
          <cell r="Z446" t="str">
            <v>機水</v>
          </cell>
          <cell r="AA446" t="str">
            <v>機械器具</v>
          </cell>
          <cell r="AB446" t="str">
            <v>水道施設</v>
          </cell>
          <cell r="AC446" t="str">
            <v/>
          </cell>
          <cell r="AD446" t="str">
            <v/>
          </cell>
          <cell r="AE446">
            <v>43008</v>
          </cell>
          <cell r="AF446" t="str">
            <v>希望しない</v>
          </cell>
          <cell r="AG446" t="str">
            <v>機械器具</v>
          </cell>
          <cell r="AH446" t="str">
            <v>特定</v>
          </cell>
          <cell r="AI446">
            <v>883</v>
          </cell>
          <cell r="AJ446">
            <v>1231940</v>
          </cell>
          <cell r="AK446" t="str">
            <v>0(0)/0/40</v>
          </cell>
          <cell r="AL446" t="str">
            <v>水道施設</v>
          </cell>
          <cell r="AM446" t="str">
            <v>特定</v>
          </cell>
          <cell r="AN446">
            <v>752</v>
          </cell>
          <cell r="AO446">
            <v>61593</v>
          </cell>
          <cell r="AP446" t="str">
            <v>1(0)/3/20</v>
          </cell>
          <cell r="AQ446" t="str">
            <v/>
          </cell>
          <cell r="AR446" t="str">
            <v/>
          </cell>
          <cell r="AS446" t="str">
            <v/>
          </cell>
          <cell r="AT446" t="str">
            <v/>
          </cell>
          <cell r="AU446" t="str">
            <v/>
          </cell>
          <cell r="AV446" t="str">
            <v/>
          </cell>
          <cell r="AW446" t="str">
            <v/>
          </cell>
          <cell r="AX446" t="str">
            <v/>
          </cell>
          <cell r="AY446" t="str">
            <v/>
          </cell>
          <cell r="AZ446" t="str">
            <v/>
          </cell>
          <cell r="BA446" t="str">
            <v>大阪府</v>
          </cell>
          <cell r="BB446">
            <v>0</v>
          </cell>
          <cell r="CR446">
            <v>4979</v>
          </cell>
          <cell r="CS446" t="str">
            <v>ﾌｼﾞﾜﾗ ｱｷｺ</v>
          </cell>
          <cell r="CT446" t="str">
            <v>藤原  安紀子</v>
          </cell>
          <cell r="CU446" t="str">
            <v>子育て支援課</v>
          </cell>
          <cell r="CW446">
            <v>2666</v>
          </cell>
          <cell r="CX446" t="str">
            <v>課長</v>
          </cell>
          <cell r="CY446" t="str">
            <v>子育て支援課長</v>
          </cell>
        </row>
        <row r="447">
          <cell r="B447">
            <v>2612</v>
          </cell>
          <cell r="C447" t="str">
            <v>栗原工業(株)</v>
          </cell>
          <cell r="D447" t="str">
            <v>078-391-2591</v>
          </cell>
          <cell r="E447" t="str">
            <v>650-0035</v>
          </cell>
          <cell r="F447" t="str">
            <v>兵庫県神戸市中央区浪花町59</v>
          </cell>
          <cell r="G447" t="str">
            <v>大阪市</v>
          </cell>
          <cell r="H447" t="str">
            <v>神戸支店</v>
          </cell>
          <cell r="I447" t="str">
            <v>支店長 梶谷　健治</v>
          </cell>
          <cell r="J447" t="str">
            <v>大阪府大阪市</v>
          </cell>
          <cell r="K447" t="str">
            <v>078-391-2564</v>
          </cell>
          <cell r="L447" t="str">
            <v/>
          </cell>
          <cell r="M447" t="str">
            <v/>
          </cell>
          <cell r="N447" t="str">
            <v>有</v>
          </cell>
          <cell r="O447">
            <v>68</v>
          </cell>
          <cell r="P447">
            <v>1113</v>
          </cell>
          <cell r="Q447">
            <v>8120001059636</v>
          </cell>
          <cell r="R447">
            <v>1155000</v>
          </cell>
          <cell r="S447">
            <v>36196696</v>
          </cell>
          <cell r="T447">
            <v>88646762</v>
          </cell>
          <cell r="V447" t="str">
            <v>sq668390</v>
          </cell>
          <cell r="W447" t="str">
            <v>cc979396</v>
          </cell>
          <cell r="X447" t="str">
            <v>土機水</v>
          </cell>
          <cell r="Y447" t="str">
            <v>土</v>
          </cell>
          <cell r="Z447" t="str">
            <v>機水</v>
          </cell>
          <cell r="AA447" t="str">
            <v>電気</v>
          </cell>
          <cell r="AB447" t="str">
            <v>菅</v>
          </cell>
          <cell r="AC447" t="str">
            <v>電気通信</v>
          </cell>
          <cell r="AD447" t="str">
            <v/>
          </cell>
          <cell r="AE447">
            <v>43190</v>
          </cell>
          <cell r="AF447" t="str">
            <v>希望しない</v>
          </cell>
          <cell r="AG447" t="str">
            <v>電気</v>
          </cell>
          <cell r="AH447" t="str">
            <v>特定</v>
          </cell>
          <cell r="AI447">
            <v>2022</v>
          </cell>
          <cell r="AJ447">
            <v>80142087</v>
          </cell>
          <cell r="AK447" t="str">
            <v>527（474）/23/0</v>
          </cell>
          <cell r="AL447" t="str">
            <v>菅</v>
          </cell>
          <cell r="AM447" t="str">
            <v>特定</v>
          </cell>
          <cell r="AN447">
            <v>1401</v>
          </cell>
          <cell r="AO447">
            <v>32082520</v>
          </cell>
          <cell r="AP447" t="str">
            <v>82（71）/7/0</v>
          </cell>
          <cell r="AQ447" t="str">
            <v>電気通信</v>
          </cell>
          <cell r="AR447" t="str">
            <v>特定</v>
          </cell>
          <cell r="AS447">
            <v>1067</v>
          </cell>
          <cell r="AT447">
            <v>78111</v>
          </cell>
          <cell r="AU447" t="str">
            <v>8(6)/0/63</v>
          </cell>
          <cell r="AV447" t="str">
            <v/>
          </cell>
          <cell r="AW447" t="str">
            <v/>
          </cell>
          <cell r="AX447" t="str">
            <v/>
          </cell>
          <cell r="AY447" t="str">
            <v/>
          </cell>
          <cell r="AZ447" t="str">
            <v/>
          </cell>
          <cell r="BA447" t="str">
            <v>大阪府</v>
          </cell>
        </row>
        <row r="448">
          <cell r="B448">
            <v>2613</v>
          </cell>
          <cell r="C448" t="str">
            <v>(株)クリハラント</v>
          </cell>
          <cell r="D448" t="str">
            <v>06-6311-5148</v>
          </cell>
          <cell r="E448" t="str">
            <v>530-0047</v>
          </cell>
          <cell r="F448" t="str">
            <v>大阪府大阪市北区新天満4-8-17 宇治電ﾋﾞﾙﾃﾞｨﾝｸﾞ6階</v>
          </cell>
          <cell r="G448" t="str">
            <v>大阪市</v>
          </cell>
          <cell r="H448" t="str">
            <v/>
          </cell>
          <cell r="I448" t="str">
            <v>取締役社長　 北川　進</v>
          </cell>
          <cell r="J448" t="str">
            <v>本店</v>
          </cell>
          <cell r="K448" t="str">
            <v>06-6311-5037</v>
          </cell>
          <cell r="L448" t="str">
            <v/>
          </cell>
          <cell r="M448" t="str">
            <v>ｸﾘﾊﾗﾝﾄ</v>
          </cell>
          <cell r="N448" t="str">
            <v>無</v>
          </cell>
          <cell r="O448">
            <v>56</v>
          </cell>
          <cell r="P448">
            <v>784</v>
          </cell>
          <cell r="Q448">
            <v>9120000000000</v>
          </cell>
          <cell r="R448">
            <v>503103</v>
          </cell>
          <cell r="S448">
            <v>15073835</v>
          </cell>
          <cell r="T448">
            <v>27947915</v>
          </cell>
          <cell r="V448" t="str">
            <v>qe118076</v>
          </cell>
          <cell r="W448" t="str">
            <v>qf506720</v>
          </cell>
          <cell r="X448" t="str">
            <v>土機水</v>
          </cell>
          <cell r="Y448" t="str">
            <v>土</v>
          </cell>
          <cell r="Z448" t="str">
            <v>機水</v>
          </cell>
          <cell r="AA448" t="str">
            <v>電気</v>
          </cell>
          <cell r="AB448" t="str">
            <v>電気通信</v>
          </cell>
          <cell r="AC448" t="str">
            <v>機械器具</v>
          </cell>
          <cell r="AD448" t="str">
            <v/>
          </cell>
          <cell r="AE448">
            <v>43190</v>
          </cell>
          <cell r="AF448" t="str">
            <v>希望しない</v>
          </cell>
          <cell r="AG448" t="str">
            <v>電気</v>
          </cell>
          <cell r="AH448" t="str">
            <v>特定</v>
          </cell>
          <cell r="AI448">
            <v>1516</v>
          </cell>
          <cell r="AJ448">
            <v>25618997</v>
          </cell>
          <cell r="AK448" t="str">
            <v>240(111)/117/189</v>
          </cell>
          <cell r="AL448" t="str">
            <v>電気通信</v>
          </cell>
          <cell r="AM448" t="str">
            <v>特定</v>
          </cell>
          <cell r="AN448">
            <v>1169</v>
          </cell>
          <cell r="AO448">
            <v>523430</v>
          </cell>
          <cell r="AP448" t="str">
            <v>1(0)/0/224</v>
          </cell>
          <cell r="AQ448" t="str">
            <v>機械器具</v>
          </cell>
          <cell r="AR448" t="str">
            <v>特定</v>
          </cell>
          <cell r="AS448">
            <v>1133</v>
          </cell>
          <cell r="AT448">
            <v>714706</v>
          </cell>
          <cell r="AU448" t="str">
            <v>0(0)/0/93</v>
          </cell>
          <cell r="AV448" t="str">
            <v/>
          </cell>
          <cell r="AW448" t="str">
            <v/>
          </cell>
          <cell r="AX448" t="str">
            <v/>
          </cell>
          <cell r="AY448" t="str">
            <v/>
          </cell>
          <cell r="AZ448" t="str">
            <v/>
          </cell>
          <cell r="BA448" t="str">
            <v>大阪府</v>
          </cell>
          <cell r="BB448">
            <v>0</v>
          </cell>
          <cell r="CR448">
            <v>4980</v>
          </cell>
          <cell r="CS448" t="str">
            <v>ﾀﾅﾍﾞ ﾐｻｺ</v>
          </cell>
          <cell r="CT448" t="str">
            <v>田邉  美佐子</v>
          </cell>
          <cell r="CU448" t="str">
            <v xml:space="preserve"> </v>
          </cell>
          <cell r="CW448" t="str">
            <v xml:space="preserve"> </v>
          </cell>
          <cell r="CX448" t="str">
            <v>主査</v>
          </cell>
          <cell r="CY448" t="str">
            <v>　</v>
          </cell>
        </row>
        <row r="449">
          <cell r="B449">
            <v>2614</v>
          </cell>
          <cell r="C449" t="str">
            <v>栗本建設工業(株)</v>
          </cell>
          <cell r="D449" t="str">
            <v>078-252-3103</v>
          </cell>
          <cell r="E449" t="str">
            <v>651-0084</v>
          </cell>
          <cell r="F449" t="str">
            <v>兵庫県神戸市中央区磯部通二丁目2-16三宮南ﾋﾞﾙ6階</v>
          </cell>
          <cell r="G449" t="str">
            <v>大阪市</v>
          </cell>
          <cell r="H449" t="str">
            <v>神戸支店</v>
          </cell>
          <cell r="I449" t="str">
            <v>取締役支店長 吉田　貴之</v>
          </cell>
          <cell r="J449" t="str">
            <v>大阪府大阪市</v>
          </cell>
          <cell r="K449" t="str">
            <v>078-252-3108</v>
          </cell>
          <cell r="L449" t="str">
            <v>naoyuki.yamamoto@kurimoto-ci.co.jp</v>
          </cell>
          <cell r="M449" t="str">
            <v>ｸﾘﾓﾄｹﾝｾﾂｺｳｷﾞｮｳ</v>
          </cell>
          <cell r="N449" t="str">
            <v>有</v>
          </cell>
          <cell r="O449">
            <v>68</v>
          </cell>
          <cell r="P449">
            <v>166</v>
          </cell>
          <cell r="Q449">
            <v>9120001048992</v>
          </cell>
          <cell r="R449">
            <v>450000</v>
          </cell>
          <cell r="S449">
            <v>3795326</v>
          </cell>
          <cell r="T449">
            <v>14940310</v>
          </cell>
          <cell r="V449" t="str">
            <v>yv652093</v>
          </cell>
          <cell r="W449" t="str">
            <v>mr581382</v>
          </cell>
          <cell r="X449" t="str">
            <v>土機水</v>
          </cell>
          <cell r="Y449" t="str">
            <v>土</v>
          </cell>
          <cell r="Z449" t="str">
            <v>機水</v>
          </cell>
          <cell r="AA449" t="str">
            <v>建築一式</v>
          </cell>
          <cell r="AB449" t="str">
            <v/>
          </cell>
          <cell r="AC449" t="str">
            <v/>
          </cell>
          <cell r="AD449" t="str">
            <v/>
          </cell>
          <cell r="AE449">
            <v>43190</v>
          </cell>
          <cell r="AF449" t="str">
            <v>希望しない</v>
          </cell>
          <cell r="AG449" t="str">
            <v>建築一式</v>
          </cell>
          <cell r="AH449" t="str">
            <v>特定</v>
          </cell>
          <cell r="AI449">
            <v>1330</v>
          </cell>
          <cell r="AJ449">
            <v>14934695</v>
          </cell>
          <cell r="AK449" t="str">
            <v>88(75)/12/7</v>
          </cell>
          <cell r="AL449" t="str">
            <v/>
          </cell>
          <cell r="AM449" t="str">
            <v/>
          </cell>
          <cell r="AN449" t="str">
            <v/>
          </cell>
          <cell r="AO449" t="str">
            <v/>
          </cell>
          <cell r="AP449" t="str">
            <v/>
          </cell>
          <cell r="AQ449" t="str">
            <v/>
          </cell>
          <cell r="AR449" t="str">
            <v/>
          </cell>
          <cell r="AS449" t="str">
            <v/>
          </cell>
          <cell r="AT449" t="str">
            <v/>
          </cell>
          <cell r="AU449" t="str">
            <v/>
          </cell>
          <cell r="AV449" t="str">
            <v/>
          </cell>
          <cell r="AW449" t="str">
            <v/>
          </cell>
          <cell r="AX449" t="str">
            <v/>
          </cell>
          <cell r="AY449" t="str">
            <v/>
          </cell>
          <cell r="AZ449" t="str">
            <v/>
          </cell>
          <cell r="BA449" t="str">
            <v>大阪府</v>
          </cell>
          <cell r="BB449">
            <v>0</v>
          </cell>
          <cell r="CR449">
            <v>4981</v>
          </cell>
          <cell r="CS449" t="str">
            <v>ﾐﾔｼﾛ ﾏﾘｺ</v>
          </cell>
          <cell r="CT449" t="str">
            <v>宮代  真理子</v>
          </cell>
          <cell r="CU449" t="str">
            <v>総務課</v>
          </cell>
          <cell r="CW449">
            <v>2407</v>
          </cell>
          <cell r="CX449" t="str">
            <v xml:space="preserve"> </v>
          </cell>
          <cell r="CY449" t="str">
            <v>総務課長</v>
          </cell>
        </row>
        <row r="450">
          <cell r="B450">
            <v>2615</v>
          </cell>
          <cell r="C450" t="str">
            <v>(株)栗本鐵工所</v>
          </cell>
          <cell r="D450" t="str">
            <v>06-6538-7658</v>
          </cell>
          <cell r="E450" t="str">
            <v>550-8580</v>
          </cell>
          <cell r="F450" t="str">
            <v>大阪府大阪市西区北堀1-12</v>
          </cell>
          <cell r="G450" t="str">
            <v>大阪市</v>
          </cell>
          <cell r="H450" t="str">
            <v/>
          </cell>
          <cell r="I450" t="str">
            <v>代表取締役 串田　守可</v>
          </cell>
          <cell r="J450" t="str">
            <v>本店</v>
          </cell>
          <cell r="K450" t="str">
            <v>06-6538-7757</v>
          </cell>
          <cell r="L450" t="str">
            <v>grp_tuhona@kurimoto.co.jp</v>
          </cell>
          <cell r="M450" t="str">
            <v>ｸﾘﾓﾄﾃｯｺｳｼｮ</v>
          </cell>
          <cell r="N450" t="str">
            <v>無</v>
          </cell>
          <cell r="O450">
            <v>68</v>
          </cell>
          <cell r="P450">
            <v>1590</v>
          </cell>
          <cell r="Q450">
            <v>1120001048991</v>
          </cell>
          <cell r="R450">
            <v>31186098</v>
          </cell>
          <cell r="S450">
            <v>57019726</v>
          </cell>
          <cell r="T450">
            <v>107122000</v>
          </cell>
          <cell r="V450" t="str">
            <v>xt101283</v>
          </cell>
          <cell r="W450" t="str">
            <v>uc307240</v>
          </cell>
          <cell r="X450" t="str">
            <v>土建と電管鋼機水</v>
          </cell>
          <cell r="Y450" t="str">
            <v/>
          </cell>
          <cell r="Z450" t="str">
            <v>土建と電管鋼機水</v>
          </cell>
          <cell r="AA450" t="str">
            <v>機械器具</v>
          </cell>
          <cell r="AB450" t="str">
            <v>水道施設</v>
          </cell>
          <cell r="AC450" t="str">
            <v/>
          </cell>
          <cell r="AD450" t="str">
            <v/>
          </cell>
          <cell r="AE450">
            <v>43190</v>
          </cell>
          <cell r="AF450" t="str">
            <v/>
          </cell>
          <cell r="AG450" t="str">
            <v>機械器具</v>
          </cell>
          <cell r="AH450" t="str">
            <v>特定</v>
          </cell>
          <cell r="AI450">
            <v>1274</v>
          </cell>
          <cell r="AJ450">
            <v>3828561</v>
          </cell>
          <cell r="AK450" t="str">
            <v>2(2)/0/90</v>
          </cell>
          <cell r="AL450" t="str">
            <v>水道施設</v>
          </cell>
          <cell r="AM450" t="str">
            <v>特定</v>
          </cell>
          <cell r="AN450">
            <v>1169</v>
          </cell>
          <cell r="AO450">
            <v>67753</v>
          </cell>
          <cell r="AP450" t="str">
            <v>78(44)/12/6</v>
          </cell>
          <cell r="AQ450" t="str">
            <v/>
          </cell>
          <cell r="AR450" t="str">
            <v/>
          </cell>
          <cell r="AS450" t="str">
            <v/>
          </cell>
          <cell r="AT450" t="str">
            <v/>
          </cell>
          <cell r="AU450" t="str">
            <v/>
          </cell>
          <cell r="AV450" t="str">
            <v/>
          </cell>
          <cell r="AW450" t="str">
            <v/>
          </cell>
          <cell r="AX450" t="str">
            <v/>
          </cell>
          <cell r="AY450" t="str">
            <v/>
          </cell>
          <cell r="AZ450" t="str">
            <v/>
          </cell>
          <cell r="BA450" t="str">
            <v>大阪府</v>
          </cell>
          <cell r="BB450">
            <v>0</v>
          </cell>
          <cell r="CR450">
            <v>4981</v>
          </cell>
          <cell r="CS450" t="str">
            <v>ﾐﾔｼﾛ ﾏﾘｺ</v>
          </cell>
          <cell r="CT450" t="str">
            <v>宮代  真理子</v>
          </cell>
          <cell r="CU450" t="str">
            <v>総務課</v>
          </cell>
          <cell r="CW450">
            <v>2407</v>
          </cell>
          <cell r="CX450" t="str">
            <v xml:space="preserve"> </v>
          </cell>
          <cell r="CY450" t="str">
            <v>総務課長</v>
          </cell>
        </row>
        <row r="451">
          <cell r="B451">
            <v>2616</v>
          </cell>
          <cell r="C451" t="str">
            <v>グローリー建設(株)</v>
          </cell>
          <cell r="D451" t="str">
            <v>0797-76-5688</v>
          </cell>
          <cell r="E451" t="str">
            <v>665-0011</v>
          </cell>
          <cell r="F451" t="str">
            <v>兵庫県宝塚市南口1-8-17 ｻﾝﾎﾞｯｸｽ南口</v>
          </cell>
          <cell r="G451" t="str">
            <v>宝塚市</v>
          </cell>
          <cell r="H451" t="str">
            <v/>
          </cell>
          <cell r="I451" t="str">
            <v>代表取締役　 山本　慶二</v>
          </cell>
          <cell r="J451" t="str">
            <v>本店</v>
          </cell>
          <cell r="K451" t="str">
            <v>0797-76-5689</v>
          </cell>
          <cell r="L451" t="str">
            <v>kensetsu@sweet.ocn.ne.jp</v>
          </cell>
          <cell r="M451" t="str">
            <v>ｸﾞﾛ-ﾘ-ｹﾝｾﾂ</v>
          </cell>
          <cell r="N451" t="str">
            <v>無</v>
          </cell>
          <cell r="O451">
            <v>15</v>
          </cell>
          <cell r="P451">
            <v>6</v>
          </cell>
          <cell r="Q451">
            <v>9140000000000</v>
          </cell>
          <cell r="R451">
            <v>40000</v>
          </cell>
          <cell r="S451">
            <v>143686</v>
          </cell>
          <cell r="T451">
            <v>456440</v>
          </cell>
          <cell r="V451" t="str">
            <v>mt631510</v>
          </cell>
          <cell r="W451" t="str">
            <v>rq468721</v>
          </cell>
          <cell r="X451" t="str">
            <v>土建と電管鋼機水</v>
          </cell>
          <cell r="Y451" t="str">
            <v/>
          </cell>
          <cell r="Z451" t="str">
            <v>土建と電管鋼機水</v>
          </cell>
          <cell r="AA451" t="str">
            <v>土木一式</v>
          </cell>
          <cell r="AB451" t="str">
            <v>舗装</v>
          </cell>
          <cell r="AC451" t="str">
            <v>水道施設</v>
          </cell>
          <cell r="AD451" t="str">
            <v/>
          </cell>
          <cell r="AE451">
            <v>42978</v>
          </cell>
          <cell r="AF451" t="str">
            <v>希望しない</v>
          </cell>
          <cell r="AG451" t="str">
            <v>土木一式</v>
          </cell>
          <cell r="AH451" t="str">
            <v>特定</v>
          </cell>
          <cell r="AI451">
            <v>849</v>
          </cell>
          <cell r="AJ451">
            <v>393236</v>
          </cell>
          <cell r="AK451" t="str">
            <v>4(3)/0/</v>
          </cell>
          <cell r="AL451" t="str">
            <v>舗装</v>
          </cell>
          <cell r="AM451" t="str">
            <v>特定</v>
          </cell>
          <cell r="AN451">
            <v>752</v>
          </cell>
          <cell r="AO451">
            <v>23650</v>
          </cell>
          <cell r="AP451" t="str">
            <v>4(3)/0/0</v>
          </cell>
          <cell r="AQ451" t="str">
            <v>水道施設</v>
          </cell>
          <cell r="AR451" t="str">
            <v>特定</v>
          </cell>
          <cell r="AS451">
            <v>648</v>
          </cell>
          <cell r="AT451">
            <v>3072</v>
          </cell>
          <cell r="AU451" t="str">
            <v>0(0)/0/0</v>
          </cell>
          <cell r="AV451" t="str">
            <v/>
          </cell>
          <cell r="AW451" t="str">
            <v/>
          </cell>
          <cell r="AX451" t="str">
            <v/>
          </cell>
          <cell r="AY451" t="str">
            <v/>
          </cell>
          <cell r="AZ451" t="str">
            <v/>
          </cell>
          <cell r="BA451" t="str">
            <v>兵庫県</v>
          </cell>
          <cell r="BB451">
            <v>0</v>
          </cell>
          <cell r="CR451">
            <v>4982</v>
          </cell>
          <cell r="CS451" t="str">
            <v>ｵｵﾅﾘ ｲｻｵ</v>
          </cell>
          <cell r="CT451" t="str">
            <v>大成  功</v>
          </cell>
          <cell r="CU451" t="str">
            <v>情報管理課</v>
          </cell>
          <cell r="CW451">
            <v>2476</v>
          </cell>
          <cell r="CX451" t="str">
            <v xml:space="preserve"> </v>
          </cell>
          <cell r="CY451" t="str">
            <v>情報管理課長</v>
          </cell>
        </row>
        <row r="452">
          <cell r="B452">
            <v>2617</v>
          </cell>
          <cell r="C452" t="str">
            <v>(株)クボタ建設</v>
          </cell>
          <cell r="D452" t="str">
            <v>06-4396-2351</v>
          </cell>
          <cell r="E452" t="str">
            <v>556-8601</v>
          </cell>
          <cell r="F452" t="str">
            <v>大阪府大阪市浪速区敷津東1-2-47</v>
          </cell>
          <cell r="G452" t="str">
            <v>大阪市</v>
          </cell>
          <cell r="H452" t="str">
            <v>大阪支社</v>
          </cell>
          <cell r="I452" t="str">
            <v>取締役常務執行役員　大阪支社長 足立　哲二</v>
          </cell>
          <cell r="J452" t="str">
            <v>大阪府大阪市</v>
          </cell>
          <cell r="K452" t="str">
            <v>06-4396-2352</v>
          </cell>
          <cell r="L452" t="str">
            <v>koken_g.n-kubota@kubota.com</v>
          </cell>
          <cell r="M452" t="str">
            <v>ｸﾎﾞﾀｺｳｹﾝ</v>
          </cell>
          <cell r="N452" t="str">
            <v>有</v>
          </cell>
          <cell r="O452">
            <v>11</v>
          </cell>
          <cell r="P452">
            <v>294</v>
          </cell>
          <cell r="Q452">
            <v>5120001111399</v>
          </cell>
          <cell r="R452">
            <v>400000</v>
          </cell>
          <cell r="S452">
            <v>3999133</v>
          </cell>
          <cell r="T452">
            <v>18166128</v>
          </cell>
          <cell r="V452" t="str">
            <v>fw383019</v>
          </cell>
          <cell r="W452" t="str">
            <v>vz482200</v>
          </cell>
          <cell r="X452" t="str">
            <v>(清)(建)(大)(左)(と)(石)(屋)(管)(タ)(鋼)(鉄)(舗)(浚)(板)(ガ)(塗)(防)(内)(熱)(具)(水)土建大と石屋管タ鋼鉄舗浚板ガ塗防内熱具水</v>
          </cell>
          <cell r="Y452" t="str">
            <v>(清)(建)(大)(左)(と)(石)(屋)(管)(タ)(鋼)(鉄)(舗)(浚)(板)(ガ)(塗)(防)(内)(熱)(具)(水)</v>
          </cell>
          <cell r="Z452" t="str">
            <v>土建大と石屋管タ鋼鉄舗浚板ガ塗防内熱具水</v>
          </cell>
          <cell r="AA452" t="str">
            <v>土木一式</v>
          </cell>
          <cell r="AB452" t="str">
            <v>水道施設</v>
          </cell>
          <cell r="AC452" t="str">
            <v>建築一式</v>
          </cell>
          <cell r="AD452" t="str">
            <v/>
          </cell>
          <cell r="AE452">
            <v>43100</v>
          </cell>
          <cell r="AF452" t="str">
            <v>希望する</v>
          </cell>
          <cell r="AG452" t="str">
            <v>土木一式</v>
          </cell>
          <cell r="AH452" t="str">
            <v>特定</v>
          </cell>
          <cell r="AI452">
            <v>1324</v>
          </cell>
          <cell r="AJ452">
            <v>12338518</v>
          </cell>
          <cell r="AK452" t="str">
            <v>156(116)/8/0</v>
          </cell>
          <cell r="AL452" t="str">
            <v>水道施設</v>
          </cell>
          <cell r="AM452" t="str">
            <v>特定</v>
          </cell>
          <cell r="AN452">
            <v>1191</v>
          </cell>
          <cell r="AO452">
            <v>2237844</v>
          </cell>
          <cell r="AP452" t="str">
            <v>111(80)/8/0</v>
          </cell>
          <cell r="AQ452" t="str">
            <v>建築一式</v>
          </cell>
          <cell r="AR452" t="str">
            <v>特定</v>
          </cell>
          <cell r="AS452">
            <v>1171</v>
          </cell>
          <cell r="AT452">
            <v>3360469</v>
          </cell>
          <cell r="AU452" t="str">
            <v>37(27)/1/0</v>
          </cell>
          <cell r="AV452" t="str">
            <v/>
          </cell>
          <cell r="AW452" t="str">
            <v/>
          </cell>
          <cell r="AX452" t="str">
            <v/>
          </cell>
          <cell r="AY452" t="str">
            <v/>
          </cell>
          <cell r="AZ452" t="str">
            <v/>
          </cell>
          <cell r="BA452" t="str">
            <v>大阪府</v>
          </cell>
          <cell r="BB452" t="str">
            <v>クボタ第二ビル</v>
          </cell>
          <cell r="CR452">
            <v>4983</v>
          </cell>
          <cell r="CS452" t="str">
            <v>ﾄﾖｽﾞﾐ ｱｷﾗ</v>
          </cell>
          <cell r="CT452" t="str">
            <v>豊住  昭</v>
          </cell>
          <cell r="CU452" t="str">
            <v>契約・検査課</v>
          </cell>
          <cell r="CW452">
            <v>2446</v>
          </cell>
          <cell r="CX452" t="str">
            <v>副主幹</v>
          </cell>
          <cell r="CY452" t="str">
            <v>契約・検査課長</v>
          </cell>
        </row>
        <row r="453">
          <cell r="B453">
            <v>2619</v>
          </cell>
          <cell r="C453" t="str">
            <v>(株)クマヒラ</v>
          </cell>
          <cell r="D453" t="str">
            <v>06-6262-2221</v>
          </cell>
          <cell r="E453" t="str">
            <v>541-0056</v>
          </cell>
          <cell r="F453" t="str">
            <v>大阪府大阪市中央区久太郎町1-9-23</v>
          </cell>
          <cell r="G453" t="str">
            <v/>
          </cell>
          <cell r="H453" t="str">
            <v>関西支社</v>
          </cell>
          <cell r="I453" t="str">
            <v>関西支社長 水内　建雄</v>
          </cell>
          <cell r="J453" t="str">
            <v>東京都</v>
          </cell>
          <cell r="K453" t="str">
            <v>06-6262-2229</v>
          </cell>
          <cell r="L453" t="str">
            <v>k_kitano@kumahira.co.jp</v>
          </cell>
          <cell r="M453" t="str">
            <v>ｸﾏﾋﾗ</v>
          </cell>
          <cell r="N453" t="str">
            <v>有</v>
          </cell>
          <cell r="O453">
            <v>120</v>
          </cell>
          <cell r="P453">
            <v>624</v>
          </cell>
          <cell r="Q453">
            <v>1010001108872</v>
          </cell>
          <cell r="R453">
            <v>450000</v>
          </cell>
          <cell r="S453">
            <v>19027883</v>
          </cell>
          <cell r="T453">
            <v>36290532</v>
          </cell>
          <cell r="V453" t="str">
            <v>uy312798</v>
          </cell>
          <cell r="W453" t="str">
            <v>qv536734</v>
          </cell>
          <cell r="X453" t="str">
            <v>と機通(建)(と)(電)(鋼)(内)(機)(通)(具)建電鋼内具</v>
          </cell>
          <cell r="Y453" t="str">
            <v>と機通(建)(と)(電)(鋼)(内)(機)(通)(具)</v>
          </cell>
          <cell r="Z453" t="str">
            <v>建電鋼内具</v>
          </cell>
          <cell r="AA453" t="str">
            <v>内装仕上</v>
          </cell>
          <cell r="AB453" t="str">
            <v>電気通信</v>
          </cell>
          <cell r="AC453" t="str">
            <v>鋼構造物</v>
          </cell>
          <cell r="AD453" t="str">
            <v>機械器具</v>
          </cell>
          <cell r="AE453">
            <v>43190</v>
          </cell>
          <cell r="AF453" t="str">
            <v>希望しない</v>
          </cell>
          <cell r="AG453" t="str">
            <v>内装仕上</v>
          </cell>
          <cell r="AH453" t="str">
            <v>特定</v>
          </cell>
          <cell r="AI453">
            <v>1185</v>
          </cell>
          <cell r="AJ453">
            <v>4538440</v>
          </cell>
          <cell r="AK453" t="str">
            <v>9(7)/6/3</v>
          </cell>
          <cell r="AL453" t="str">
            <v>電気通信</v>
          </cell>
          <cell r="AM453" t="str">
            <v>一般</v>
          </cell>
          <cell r="AN453">
            <v>1103</v>
          </cell>
          <cell r="AO453">
            <v>4199485</v>
          </cell>
          <cell r="AP453" t="str">
            <v>0(0)/0/14</v>
          </cell>
          <cell r="AQ453" t="str">
            <v>鋼構造物</v>
          </cell>
          <cell r="AR453" t="str">
            <v>特定</v>
          </cell>
          <cell r="AS453">
            <v>1149</v>
          </cell>
          <cell r="AT453">
            <v>1958173</v>
          </cell>
          <cell r="AU453" t="str">
            <v>16(8)/0/6</v>
          </cell>
          <cell r="AV453" t="str">
            <v>機械器具</v>
          </cell>
          <cell r="AW453" t="str">
            <v>一般</v>
          </cell>
          <cell r="AX453">
            <v>1155</v>
          </cell>
          <cell r="AY453">
            <v>5788283</v>
          </cell>
          <cell r="AZ453" t="str">
            <v>0(0)/0/24</v>
          </cell>
          <cell r="BA453" t="str">
            <v>東京都</v>
          </cell>
          <cell r="BB453">
            <v>0</v>
          </cell>
          <cell r="CR453">
            <v>4984</v>
          </cell>
          <cell r="CS453" t="str">
            <v>ｽｷﾞﾓﾄ ﾕｷ</v>
          </cell>
          <cell r="CT453" t="str">
            <v>杉本  有紀</v>
          </cell>
          <cell r="CU453" t="str">
            <v>教育総務課</v>
          </cell>
          <cell r="CW453" t="str">
            <v xml:space="preserve"> </v>
          </cell>
          <cell r="CX453" t="str">
            <v xml:space="preserve"> </v>
          </cell>
          <cell r="CY453" t="str">
            <v>教育総務課長</v>
          </cell>
        </row>
        <row r="454">
          <cell r="B454">
            <v>2622</v>
          </cell>
          <cell r="C454" t="str">
            <v>九櫻設備工業(株)</v>
          </cell>
          <cell r="D454" t="str">
            <v>06-6671-3044</v>
          </cell>
          <cell r="E454" t="str">
            <v>558-0054</v>
          </cell>
          <cell r="F454" t="str">
            <v>大阪府大阪市住吉区帝塚山東4-6-9</v>
          </cell>
          <cell r="G454" t="str">
            <v>大阪市</v>
          </cell>
          <cell r="H454" t="str">
            <v/>
          </cell>
          <cell r="I454" t="str">
            <v>代表取締役 高安　秀幸</v>
          </cell>
          <cell r="J454" t="str">
            <v>本店</v>
          </cell>
          <cell r="K454" t="str">
            <v>06-6671-0640</v>
          </cell>
          <cell r="L454" t="str">
            <v>soumu@kuzakura.co.jp</v>
          </cell>
          <cell r="M454" t="str">
            <v>ｸｻﾞｸﾗｾﾂﾋﾞｺｳｷﾞｮｳ</v>
          </cell>
          <cell r="N454" t="str">
            <v>無</v>
          </cell>
          <cell r="O454">
            <v>65</v>
          </cell>
          <cell r="P454">
            <v>36</v>
          </cell>
          <cell r="Q454">
            <v>6120001032520</v>
          </cell>
          <cell r="R454">
            <v>20000</v>
          </cell>
          <cell r="S454">
            <v>682792</v>
          </cell>
          <cell r="T454">
            <v>1889045</v>
          </cell>
          <cell r="V454" t="str">
            <v>qa395097</v>
          </cell>
          <cell r="W454" t="str">
            <v>xe657220</v>
          </cell>
          <cell r="X454" t="str">
            <v>消管</v>
          </cell>
          <cell r="Y454" t="str">
            <v>消</v>
          </cell>
          <cell r="Z454" t="str">
            <v>管</v>
          </cell>
          <cell r="AA454" t="str">
            <v>管</v>
          </cell>
          <cell r="AB454" t="str">
            <v>消防施設</v>
          </cell>
          <cell r="AC454" t="str">
            <v/>
          </cell>
          <cell r="AD454" t="str">
            <v/>
          </cell>
          <cell r="AE454">
            <v>43220</v>
          </cell>
          <cell r="AF454" t="str">
            <v>希望しない</v>
          </cell>
          <cell r="AG454" t="str">
            <v>管</v>
          </cell>
          <cell r="AH454" t="str">
            <v>特定</v>
          </cell>
          <cell r="AI454">
            <v>1040</v>
          </cell>
          <cell r="AJ454">
            <v>2002402</v>
          </cell>
          <cell r="AK454" t="str">
            <v>16(15)/4/5</v>
          </cell>
          <cell r="AL454" t="str">
            <v>消防施設</v>
          </cell>
          <cell r="AM454" t="str">
            <v>一般</v>
          </cell>
          <cell r="AN454">
            <v>739</v>
          </cell>
          <cell r="AO454" t="str">
            <v/>
          </cell>
          <cell r="AP454" t="str">
            <v/>
          </cell>
          <cell r="AQ454" t="str">
            <v/>
          </cell>
          <cell r="AR454" t="str">
            <v/>
          </cell>
          <cell r="AS454" t="str">
            <v/>
          </cell>
          <cell r="AT454" t="str">
            <v/>
          </cell>
          <cell r="AU454" t="str">
            <v/>
          </cell>
          <cell r="AV454" t="str">
            <v/>
          </cell>
          <cell r="AW454" t="str">
            <v/>
          </cell>
          <cell r="AX454" t="str">
            <v/>
          </cell>
          <cell r="AY454" t="str">
            <v/>
          </cell>
          <cell r="AZ454" t="str">
            <v/>
          </cell>
          <cell r="BA454" t="str">
            <v>大阪府</v>
          </cell>
          <cell r="BB454">
            <v>0</v>
          </cell>
          <cell r="CR454">
            <v>4985</v>
          </cell>
          <cell r="CS454" t="str">
            <v>ｲﾉｳｴ ﾏｷｺ</v>
          </cell>
          <cell r="CT454" t="str">
            <v>井上　真紀子</v>
          </cell>
          <cell r="CU454" t="str">
            <v>こども福祉課</v>
          </cell>
          <cell r="CW454" t="str">
            <v xml:space="preserve"> </v>
          </cell>
          <cell r="CX454" t="str">
            <v>主任</v>
          </cell>
          <cell r="CY454" t="str">
            <v>こども福祉課長</v>
          </cell>
        </row>
        <row r="455">
          <cell r="B455">
            <v>2625</v>
          </cell>
          <cell r="C455" t="str">
            <v>(株)グリーンプラニング</v>
          </cell>
          <cell r="D455" t="str">
            <v>072-640-2880</v>
          </cell>
          <cell r="E455" t="str">
            <v>567-0057</v>
          </cell>
          <cell r="F455" t="str">
            <v>大阪府茨木市豊川2-5-16</v>
          </cell>
          <cell r="G455" t="str">
            <v>茨木市</v>
          </cell>
          <cell r="H455" t="str">
            <v/>
          </cell>
          <cell r="I455" t="str">
            <v>代表取締役 酒本　一</v>
          </cell>
          <cell r="J455" t="str">
            <v>本店</v>
          </cell>
          <cell r="K455" t="str">
            <v>072-640-2882</v>
          </cell>
          <cell r="L455" t="str">
            <v>green-gp@green-planning.co.jp</v>
          </cell>
          <cell r="M455" t="str">
            <v>ｸﾞﾘｰﾝﾌﾟﾗﾆﾝｸﾞ</v>
          </cell>
          <cell r="N455" t="str">
            <v>無</v>
          </cell>
          <cell r="O455">
            <v>26</v>
          </cell>
          <cell r="P455">
            <v>13</v>
          </cell>
          <cell r="Q455">
            <v>1120901000721</v>
          </cell>
          <cell r="R455">
            <v>40000</v>
          </cell>
          <cell r="S455">
            <v>59241</v>
          </cell>
          <cell r="T455">
            <v>300814</v>
          </cell>
          <cell r="V455" t="str">
            <v>tg109532</v>
          </cell>
          <cell r="W455" t="str">
            <v>av133814</v>
          </cell>
          <cell r="X455" t="str">
            <v>土と石鋼舗浚水園</v>
          </cell>
          <cell r="Y455" t="str">
            <v>土と石鋼舗浚水</v>
          </cell>
          <cell r="Z455" t="str">
            <v>園</v>
          </cell>
          <cell r="AA455" t="str">
            <v>造園</v>
          </cell>
          <cell r="AB455" t="str">
            <v>土木一式</v>
          </cell>
          <cell r="AC455" t="str">
            <v>とび土工</v>
          </cell>
          <cell r="AD455" t="str">
            <v/>
          </cell>
          <cell r="AE455">
            <v>43251</v>
          </cell>
          <cell r="AF455" t="str">
            <v/>
          </cell>
          <cell r="AG455" t="str">
            <v>造園</v>
          </cell>
          <cell r="AH455" t="str">
            <v>特定</v>
          </cell>
          <cell r="AI455">
            <v>841</v>
          </cell>
          <cell r="AJ455">
            <v>202693</v>
          </cell>
          <cell r="AK455" t="str">
            <v>4(4)/2/2</v>
          </cell>
          <cell r="AL455" t="str">
            <v>土木一式</v>
          </cell>
          <cell r="AM455" t="str">
            <v>一般</v>
          </cell>
          <cell r="AN455">
            <v>762</v>
          </cell>
          <cell r="AO455">
            <v>25271</v>
          </cell>
          <cell r="AP455" t="str">
            <v>2(2)/1/3</v>
          </cell>
          <cell r="AQ455" t="str">
            <v>とび土工</v>
          </cell>
          <cell r="AR455" t="str">
            <v>一般</v>
          </cell>
          <cell r="AS455">
            <v>672</v>
          </cell>
          <cell r="AT455">
            <v>5633</v>
          </cell>
          <cell r="AU455" t="str">
            <v>0(0)/0/0</v>
          </cell>
          <cell r="AV455" t="str">
            <v/>
          </cell>
          <cell r="AW455" t="str">
            <v/>
          </cell>
          <cell r="AX455" t="str">
            <v/>
          </cell>
          <cell r="AY455" t="str">
            <v/>
          </cell>
          <cell r="AZ455" t="str">
            <v/>
          </cell>
          <cell r="BA455" t="str">
            <v>大阪府</v>
          </cell>
          <cell r="BB455">
            <v>0</v>
          </cell>
          <cell r="CR455">
            <v>4987</v>
          </cell>
          <cell r="CS455" t="str">
            <v>ﾊﾔｼ ﾋｻｺ</v>
          </cell>
          <cell r="CT455" t="str">
            <v>林  尚子</v>
          </cell>
          <cell r="CU455" t="str">
            <v>保育課</v>
          </cell>
          <cell r="CW455" t="str">
            <v xml:space="preserve"> </v>
          </cell>
          <cell r="CX455" t="str">
            <v>副所長</v>
          </cell>
          <cell r="CY455" t="str">
            <v>保育課長</v>
          </cell>
        </row>
        <row r="456">
          <cell r="B456">
            <v>2626</v>
          </cell>
          <cell r="C456" t="str">
            <v>(株)グリーンライフ</v>
          </cell>
          <cell r="D456" t="str">
            <v>0798-26-3336</v>
          </cell>
          <cell r="E456" t="str">
            <v>663-8114</v>
          </cell>
          <cell r="F456" t="str">
            <v>兵庫県西宮市上甲子園5-6-2</v>
          </cell>
          <cell r="G456" t="str">
            <v>西宮市</v>
          </cell>
          <cell r="H456" t="str">
            <v/>
          </cell>
          <cell r="I456" t="str">
            <v>代表取締役 福重　猛</v>
          </cell>
          <cell r="J456" t="str">
            <v>本店</v>
          </cell>
          <cell r="K456" t="str">
            <v>0798-26-3337</v>
          </cell>
          <cell r="L456" t="str">
            <v>info@greenlife-zouen.co.jp</v>
          </cell>
          <cell r="M456" t="str">
            <v>ｸﾞﾘｰﾝﾗｲﾌ</v>
          </cell>
          <cell r="N456" t="str">
            <v>無</v>
          </cell>
          <cell r="O456">
            <v>26</v>
          </cell>
          <cell r="P456">
            <v>7</v>
          </cell>
          <cell r="Q456">
            <v>4140001068556</v>
          </cell>
          <cell r="R456">
            <v>10000</v>
          </cell>
          <cell r="S456">
            <v>12238</v>
          </cell>
          <cell r="T456">
            <v>88238</v>
          </cell>
          <cell r="V456" t="str">
            <v>xy175387</v>
          </cell>
          <cell r="W456" t="str">
            <v>jp132668</v>
          </cell>
          <cell r="X456" t="str">
            <v>土園</v>
          </cell>
          <cell r="Y456" t="str">
            <v>土園</v>
          </cell>
          <cell r="Z456" t="str">
            <v/>
          </cell>
          <cell r="AA456" t="str">
            <v>造園</v>
          </cell>
          <cell r="AB456" t="str">
            <v/>
          </cell>
          <cell r="AC456" t="str">
            <v/>
          </cell>
          <cell r="AD456" t="str">
            <v/>
          </cell>
          <cell r="AE456">
            <v>42978</v>
          </cell>
          <cell r="AF456" t="str">
            <v>希望しない</v>
          </cell>
          <cell r="AG456" t="str">
            <v>造園</v>
          </cell>
          <cell r="AH456" t="str">
            <v>一般</v>
          </cell>
          <cell r="AI456">
            <v>794</v>
          </cell>
          <cell r="AJ456">
            <v>88238</v>
          </cell>
          <cell r="AK456" t="str">
            <v>2(2)/3/1</v>
          </cell>
          <cell r="AL456" t="str">
            <v/>
          </cell>
          <cell r="AM456" t="str">
            <v/>
          </cell>
          <cell r="AN456" t="str">
            <v/>
          </cell>
          <cell r="AO456" t="str">
            <v/>
          </cell>
          <cell r="AP456" t="str">
            <v/>
          </cell>
          <cell r="AQ456" t="str">
            <v/>
          </cell>
          <cell r="AR456" t="str">
            <v/>
          </cell>
          <cell r="AS456" t="str">
            <v/>
          </cell>
          <cell r="AT456" t="str">
            <v/>
          </cell>
          <cell r="AU456" t="str">
            <v/>
          </cell>
          <cell r="AV456" t="str">
            <v/>
          </cell>
          <cell r="AW456" t="str">
            <v/>
          </cell>
          <cell r="AX456" t="str">
            <v/>
          </cell>
          <cell r="AY456" t="str">
            <v/>
          </cell>
          <cell r="AZ456" t="str">
            <v/>
          </cell>
          <cell r="BA456" t="str">
            <v>兵庫県</v>
          </cell>
          <cell r="BB456">
            <v>0</v>
          </cell>
          <cell r="CR456">
            <v>4990</v>
          </cell>
          <cell r="CS456" t="str">
            <v>ﾊﾏﾅ ﾁｶｺ</v>
          </cell>
          <cell r="CT456" t="str">
            <v>濱名  知可子</v>
          </cell>
          <cell r="CU456" t="str">
            <v>保育課</v>
          </cell>
          <cell r="CW456" t="str">
            <v xml:space="preserve"> </v>
          </cell>
          <cell r="CX456" t="str">
            <v>副園長</v>
          </cell>
          <cell r="CY456" t="str">
            <v>保育課長</v>
          </cell>
        </row>
        <row r="457">
          <cell r="B457">
            <v>2627</v>
          </cell>
          <cell r="C457" t="str">
            <v>クウケン(株)</v>
          </cell>
          <cell r="D457" t="str">
            <v>06-6561-6543</v>
          </cell>
          <cell r="E457" t="str">
            <v>556-0022</v>
          </cell>
          <cell r="F457" t="str">
            <v>大阪府大阪市浪速区桜川4-8-1</v>
          </cell>
          <cell r="G457" t="str">
            <v>大阪市</v>
          </cell>
          <cell r="H457" t="str">
            <v/>
          </cell>
          <cell r="I457" t="str">
            <v>代表取締役 森本　省三</v>
          </cell>
          <cell r="J457" t="str">
            <v>本店</v>
          </cell>
          <cell r="K457" t="str">
            <v>06-6561-5454</v>
          </cell>
          <cell r="L457" t="str">
            <v>ju-oda@kuuken.co.jp</v>
          </cell>
          <cell r="M457" t="str">
            <v>ｸｳｹﾝ</v>
          </cell>
          <cell r="N457" t="str">
            <v>無</v>
          </cell>
          <cell r="O457">
            <v>48</v>
          </cell>
          <cell r="P457">
            <v>47</v>
          </cell>
          <cell r="Q457">
            <v>9120001037970</v>
          </cell>
          <cell r="R457">
            <v>90000</v>
          </cell>
          <cell r="S457">
            <v>301352</v>
          </cell>
          <cell r="T457">
            <v>2137640</v>
          </cell>
          <cell r="V457" t="str">
            <v>ys164679</v>
          </cell>
          <cell r="W457" t="str">
            <v>oz154490</v>
          </cell>
          <cell r="X457" t="str">
            <v>大屋電内機消管</v>
          </cell>
          <cell r="Y457" t="str">
            <v>大屋電内機消</v>
          </cell>
          <cell r="Z457" t="str">
            <v>管</v>
          </cell>
          <cell r="AA457" t="str">
            <v>管</v>
          </cell>
          <cell r="AB457" t="str">
            <v>機械器具</v>
          </cell>
          <cell r="AC457" t="str">
            <v>消防施設</v>
          </cell>
          <cell r="AD457" t="str">
            <v>電気</v>
          </cell>
          <cell r="AE457">
            <v>43008</v>
          </cell>
          <cell r="AF457" t="str">
            <v>希望しない</v>
          </cell>
          <cell r="AG457" t="str">
            <v>管</v>
          </cell>
          <cell r="AH457" t="str">
            <v>特定</v>
          </cell>
          <cell r="AI457">
            <v>1003</v>
          </cell>
          <cell r="AJ457">
            <v>1918708</v>
          </cell>
          <cell r="AK457" t="str">
            <v>14(7)/5/10</v>
          </cell>
          <cell r="AL457" t="str">
            <v>機械器具</v>
          </cell>
          <cell r="AM457" t="str">
            <v>一般</v>
          </cell>
          <cell r="AN457">
            <v>694</v>
          </cell>
          <cell r="AO457">
            <v>3073</v>
          </cell>
          <cell r="AP457" t="str">
            <v>0(0)/0/3</v>
          </cell>
          <cell r="AQ457" t="str">
            <v>消防施設</v>
          </cell>
          <cell r="AR457" t="str">
            <v>一般</v>
          </cell>
          <cell r="AS457">
            <v>761</v>
          </cell>
          <cell r="AT457">
            <v>37292</v>
          </cell>
          <cell r="AU457" t="str">
            <v>0(0)/5/1</v>
          </cell>
          <cell r="AV457" t="str">
            <v>電気</v>
          </cell>
          <cell r="AW457" t="str">
            <v>一般</v>
          </cell>
          <cell r="AX457">
            <v>723</v>
          </cell>
          <cell r="AY457">
            <v>6950</v>
          </cell>
          <cell r="AZ457" t="str">
            <v>0(0)/2/6</v>
          </cell>
          <cell r="BA457" t="str">
            <v>大阪府</v>
          </cell>
          <cell r="BB457">
            <v>0</v>
          </cell>
          <cell r="CR457">
            <v>4992</v>
          </cell>
          <cell r="CS457" t="str">
            <v>ｷﾄｳ ﾅﾐ</v>
          </cell>
          <cell r="CT457" t="str">
            <v>木藤  奈美</v>
          </cell>
          <cell r="CU457" t="str">
            <v>保育課</v>
          </cell>
          <cell r="CW457" t="str">
            <v xml:space="preserve"> </v>
          </cell>
          <cell r="CX457" t="str">
            <v>主任</v>
          </cell>
          <cell r="CY457" t="str">
            <v>保育課長</v>
          </cell>
        </row>
        <row r="458">
          <cell r="B458">
            <v>2628</v>
          </cell>
          <cell r="C458" t="str">
            <v>グリーン工業(株)</v>
          </cell>
          <cell r="D458" t="str">
            <v>0798-67-6020</v>
          </cell>
          <cell r="E458" t="str">
            <v>663-8215</v>
          </cell>
          <cell r="F458" t="str">
            <v>兵庫県西宮市今津水波町3-10</v>
          </cell>
          <cell r="G458" t="str">
            <v>西宮市</v>
          </cell>
          <cell r="H458" t="str">
            <v/>
          </cell>
          <cell r="I458" t="str">
            <v>代表取締役 安田　順子</v>
          </cell>
          <cell r="J458" t="str">
            <v>本店</v>
          </cell>
          <cell r="K458" t="str">
            <v>0798-67-6021</v>
          </cell>
          <cell r="L458" t="str">
            <v>green-nishinomiya@dream.com</v>
          </cell>
          <cell r="M458" t="str">
            <v>ｸﾞﾘｰﾝｺｳｷﾞｮｳ</v>
          </cell>
          <cell r="N458" t="str">
            <v>無</v>
          </cell>
          <cell r="O458">
            <v>1</v>
          </cell>
          <cell r="P458">
            <v>3</v>
          </cell>
          <cell r="Q458">
            <v>7140001107154</v>
          </cell>
          <cell r="R458">
            <v>5000</v>
          </cell>
          <cell r="S458">
            <v>9627</v>
          </cell>
          <cell r="T458">
            <v>61779</v>
          </cell>
          <cell r="V458" t="str">
            <v>gb151100</v>
          </cell>
          <cell r="W458" t="str">
            <v>ci180386</v>
          </cell>
          <cell r="X458" t="str">
            <v>土と舗園</v>
          </cell>
          <cell r="Y458" t="str">
            <v>土と舗園</v>
          </cell>
          <cell r="Z458" t="str">
            <v/>
          </cell>
          <cell r="AA458" t="str">
            <v>とび土工</v>
          </cell>
          <cell r="AB458" t="str">
            <v>造園</v>
          </cell>
          <cell r="AC458" t="str">
            <v>土木一式</v>
          </cell>
          <cell r="AD458" t="str">
            <v>舗装</v>
          </cell>
          <cell r="AE458">
            <v>43312</v>
          </cell>
          <cell r="AF458" t="str">
            <v/>
          </cell>
          <cell r="AG458" t="str">
            <v>とび土工</v>
          </cell>
          <cell r="AH458" t="str">
            <v>一般</v>
          </cell>
          <cell r="AI458">
            <v>575</v>
          </cell>
          <cell r="AJ458">
            <v>1458</v>
          </cell>
          <cell r="AK458" t="str">
            <v>0(0)/1/0</v>
          </cell>
          <cell r="AL458" t="str">
            <v>造園</v>
          </cell>
          <cell r="AM458" t="str">
            <v>一般</v>
          </cell>
          <cell r="AN458">
            <v>642</v>
          </cell>
          <cell r="AO458">
            <v>60321</v>
          </cell>
          <cell r="AP458" t="str">
            <v>0(0)/2/0</v>
          </cell>
          <cell r="AQ458" t="str">
            <v>土木一式</v>
          </cell>
          <cell r="AR458" t="str">
            <v>一般</v>
          </cell>
          <cell r="AS458">
            <v>566</v>
          </cell>
          <cell r="AT458" t="str">
            <v/>
          </cell>
          <cell r="AU458" t="str">
            <v>0(0)/0/0</v>
          </cell>
          <cell r="AV458" t="str">
            <v>舗装</v>
          </cell>
          <cell r="AW458" t="str">
            <v>一般</v>
          </cell>
          <cell r="AX458">
            <v>566</v>
          </cell>
          <cell r="AY458" t="str">
            <v/>
          </cell>
          <cell r="AZ458" t="str">
            <v>0(0)/0/0</v>
          </cell>
          <cell r="BA458" t="str">
            <v>兵庫県</v>
          </cell>
          <cell r="BB458">
            <v>0</v>
          </cell>
          <cell r="CR458">
            <v>4993</v>
          </cell>
          <cell r="CS458" t="str">
            <v>ﾑﾛﾀ ｱﾂｺ</v>
          </cell>
          <cell r="CT458" t="str">
            <v>室田  厚子</v>
          </cell>
          <cell r="CU458" t="str">
            <v>保育課</v>
          </cell>
          <cell r="CW458" t="str">
            <v xml:space="preserve"> </v>
          </cell>
          <cell r="CX458" t="str">
            <v xml:space="preserve"> </v>
          </cell>
          <cell r="CY458" t="str">
            <v>保育課長</v>
          </cell>
        </row>
        <row r="459">
          <cell r="B459">
            <v>2629</v>
          </cell>
          <cell r="C459" t="str">
            <v>グリーンシステム(株)</v>
          </cell>
          <cell r="D459" t="str">
            <v>06-6449-0150</v>
          </cell>
          <cell r="E459" t="str">
            <v>550-0003</v>
          </cell>
          <cell r="F459" t="str">
            <v>大阪府大阪市西区京町堀1-8-11</v>
          </cell>
          <cell r="G459" t="str">
            <v>大阪市</v>
          </cell>
          <cell r="H459" t="str">
            <v/>
          </cell>
          <cell r="I459" t="str">
            <v>代表取締役 北野　泰弘</v>
          </cell>
          <cell r="J459" t="str">
            <v>本店</v>
          </cell>
          <cell r="K459" t="str">
            <v>06-6449-0151</v>
          </cell>
          <cell r="L459" t="str">
            <v/>
          </cell>
          <cell r="M459" t="str">
            <v/>
          </cell>
          <cell r="N459" t="str">
            <v>無</v>
          </cell>
          <cell r="O459">
            <v>23</v>
          </cell>
          <cell r="P459">
            <v>382</v>
          </cell>
          <cell r="Q459">
            <v>8120001114630</v>
          </cell>
          <cell r="R459">
            <v>30000</v>
          </cell>
          <cell r="S459">
            <v>143583</v>
          </cell>
          <cell r="T459">
            <v>4770087</v>
          </cell>
          <cell r="V459" t="str">
            <v>zs158533</v>
          </cell>
          <cell r="W459" t="str">
            <v>ir170973</v>
          </cell>
          <cell r="X459" t="str">
            <v>土と舗園</v>
          </cell>
          <cell r="Y459" t="str">
            <v>土と舗園</v>
          </cell>
          <cell r="Z459" t="str">
            <v/>
          </cell>
          <cell r="AA459" t="str">
            <v>土木一式</v>
          </cell>
          <cell r="AB459" t="str">
            <v>舗装</v>
          </cell>
          <cell r="AC459" t="str">
            <v>造園</v>
          </cell>
          <cell r="AD459" t="str">
            <v>とび土工</v>
          </cell>
          <cell r="AE459">
            <v>43008</v>
          </cell>
          <cell r="AF459" t="str">
            <v>希望しない</v>
          </cell>
          <cell r="AG459" t="str">
            <v>土木一式</v>
          </cell>
          <cell r="AH459" t="str">
            <v>特定</v>
          </cell>
          <cell r="AI459">
            <v>775</v>
          </cell>
          <cell r="AJ459">
            <v>363432</v>
          </cell>
          <cell r="AK459" t="str">
            <v>5(3)/1/1</v>
          </cell>
          <cell r="AL459" t="str">
            <v>舗装</v>
          </cell>
          <cell r="AM459" t="str">
            <v>特定</v>
          </cell>
          <cell r="AN459">
            <v>657</v>
          </cell>
          <cell r="AO459">
            <v>36344</v>
          </cell>
          <cell r="AP459" t="str">
            <v>2(1)/0/0</v>
          </cell>
          <cell r="AQ459" t="str">
            <v>造園</v>
          </cell>
          <cell r="AR459" t="str">
            <v>特定</v>
          </cell>
          <cell r="AS459">
            <v>937</v>
          </cell>
          <cell r="AT459">
            <v>3161855</v>
          </cell>
          <cell r="AU459" t="str">
            <v>4（３）/4/65</v>
          </cell>
          <cell r="AV459" t="str">
            <v>とび土工</v>
          </cell>
          <cell r="AW459" t="str">
            <v>特定</v>
          </cell>
          <cell r="AX459">
            <v>937</v>
          </cell>
          <cell r="AY459">
            <v>72684</v>
          </cell>
          <cell r="AZ459" t="str">
            <v>0(0)/0/0</v>
          </cell>
          <cell r="BA459" t="str">
            <v>大阪府</v>
          </cell>
        </row>
        <row r="460">
          <cell r="B460">
            <v>2641</v>
          </cell>
          <cell r="C460" t="str">
            <v>(株)ケアコム</v>
          </cell>
          <cell r="D460" t="str">
            <v>06-4964-1895</v>
          </cell>
          <cell r="E460" t="str">
            <v>541-0054</v>
          </cell>
          <cell r="F460" t="str">
            <v>大阪府大阪市中央区南本町1-8-14</v>
          </cell>
          <cell r="G460" t="str">
            <v>調布市</v>
          </cell>
          <cell r="H460" t="str">
            <v>大阪第１支店</v>
          </cell>
          <cell r="I460" t="str">
            <v>支店長 神戸　教男</v>
          </cell>
          <cell r="J460" t="str">
            <v>東京都調布市</v>
          </cell>
          <cell r="K460" t="str">
            <v>06-4964-1898</v>
          </cell>
          <cell r="L460" t="str">
            <v>sales@carecom.co.jp</v>
          </cell>
          <cell r="M460" t="str">
            <v>ｹｱｺﾑ</v>
          </cell>
          <cell r="N460" t="str">
            <v>有</v>
          </cell>
          <cell r="O460">
            <v>45</v>
          </cell>
          <cell r="P460">
            <v>256</v>
          </cell>
          <cell r="Q460">
            <v>4012401007627</v>
          </cell>
          <cell r="R460">
            <v>90000</v>
          </cell>
          <cell r="S460">
            <v>3945851</v>
          </cell>
          <cell r="T460">
            <v>7820248</v>
          </cell>
          <cell r="V460" t="str">
            <v>mt869486</v>
          </cell>
          <cell r="W460" t="str">
            <v>ff330147</v>
          </cell>
          <cell r="X460" t="str">
            <v>通(通)</v>
          </cell>
          <cell r="Y460" t="str">
            <v>通(通)</v>
          </cell>
          <cell r="Z460" t="str">
            <v/>
          </cell>
          <cell r="AA460" t="str">
            <v>電気通信</v>
          </cell>
          <cell r="AB460" t="str">
            <v/>
          </cell>
          <cell r="AC460" t="str">
            <v/>
          </cell>
          <cell r="AD460" t="str">
            <v/>
          </cell>
          <cell r="AE460">
            <v>43008</v>
          </cell>
          <cell r="AF460" t="str">
            <v/>
          </cell>
          <cell r="AG460" t="str">
            <v>電気通信</v>
          </cell>
          <cell r="AH460" t="str">
            <v>一般</v>
          </cell>
          <cell r="AI460">
            <v>1011</v>
          </cell>
          <cell r="AJ460">
            <v>978187</v>
          </cell>
          <cell r="AK460" t="str">
            <v>0(0)/0/59</v>
          </cell>
          <cell r="AL460" t="str">
            <v/>
          </cell>
          <cell r="AM460" t="str">
            <v/>
          </cell>
          <cell r="AN460" t="str">
            <v/>
          </cell>
          <cell r="AO460" t="str">
            <v/>
          </cell>
          <cell r="AP460" t="str">
            <v/>
          </cell>
          <cell r="AQ460" t="str">
            <v/>
          </cell>
          <cell r="AR460" t="str">
            <v/>
          </cell>
          <cell r="AS460" t="str">
            <v/>
          </cell>
          <cell r="AT460" t="str">
            <v/>
          </cell>
          <cell r="AU460" t="str">
            <v/>
          </cell>
          <cell r="AV460" t="str">
            <v/>
          </cell>
          <cell r="AW460" t="str">
            <v/>
          </cell>
          <cell r="AX460" t="str">
            <v/>
          </cell>
          <cell r="AY460" t="str">
            <v/>
          </cell>
          <cell r="AZ460" t="str">
            <v/>
          </cell>
          <cell r="BA460" t="str">
            <v>東京都</v>
          </cell>
          <cell r="BB460">
            <v>0</v>
          </cell>
          <cell r="CR460">
            <v>4994</v>
          </cell>
          <cell r="CS460" t="str">
            <v>ﾋﾗｵｶ ﾒｸﾞﾐ</v>
          </cell>
          <cell r="CT460" t="str">
            <v>平岡  恵</v>
          </cell>
          <cell r="CU460" t="str">
            <v>保育課</v>
          </cell>
          <cell r="CW460" t="str">
            <v xml:space="preserve"> </v>
          </cell>
          <cell r="CX460" t="str">
            <v xml:space="preserve"> </v>
          </cell>
          <cell r="CY460" t="str">
            <v>保育課長</v>
          </cell>
        </row>
        <row r="461">
          <cell r="B461">
            <v>2643</v>
          </cell>
          <cell r="C461" t="str">
            <v>(株)オプテージ</v>
          </cell>
          <cell r="D461" t="str">
            <v>06-7501-8474</v>
          </cell>
          <cell r="E461" t="str">
            <v>540-8622</v>
          </cell>
          <cell r="F461" t="str">
            <v>大阪府大阪市中央区城見2丁目1番5号</v>
          </cell>
          <cell r="G461" t="str">
            <v>大阪市</v>
          </cell>
          <cell r="H461" t="str">
            <v/>
          </cell>
          <cell r="I461" t="str">
            <v>代表取締役社長 荒木　誠</v>
          </cell>
          <cell r="J461" t="str">
            <v>本店</v>
          </cell>
          <cell r="K461" t="str">
            <v>06-7501-8515</v>
          </cell>
          <cell r="L461" t="str">
            <v>nyusatu-ml@k-opti.com</v>
          </cell>
          <cell r="M461" t="str">
            <v>ｹｲ･ｵﾌﾟﾃｨｺﾑ</v>
          </cell>
          <cell r="N461" t="str">
            <v>無</v>
          </cell>
          <cell r="O461">
            <v>23</v>
          </cell>
          <cell r="P461">
            <v>1464</v>
          </cell>
          <cell r="Q461">
            <v>9120001062589</v>
          </cell>
          <cell r="R461">
            <v>33000000</v>
          </cell>
          <cell r="S461">
            <v>128980000</v>
          </cell>
          <cell r="T461">
            <v>211191000</v>
          </cell>
          <cell r="V461" t="str">
            <v>st952697</v>
          </cell>
          <cell r="W461" t="str">
            <v>se175974</v>
          </cell>
          <cell r="X461" t="str">
            <v>電通</v>
          </cell>
          <cell r="Y461" t="str">
            <v/>
          </cell>
          <cell r="Z461" t="str">
            <v>電通</v>
          </cell>
          <cell r="AA461" t="str">
            <v>電気通信</v>
          </cell>
          <cell r="AB461" t="str">
            <v/>
          </cell>
          <cell r="AC461" t="str">
            <v/>
          </cell>
          <cell r="AD461" t="str">
            <v/>
          </cell>
          <cell r="AE461">
            <v>43190</v>
          </cell>
          <cell r="AF461" t="str">
            <v>希望しない</v>
          </cell>
          <cell r="AG461" t="str">
            <v>電気通信</v>
          </cell>
          <cell r="AH461" t="str">
            <v>特定</v>
          </cell>
          <cell r="AI461">
            <v>1149</v>
          </cell>
          <cell r="AJ461">
            <v>798514</v>
          </cell>
          <cell r="AK461" t="str">
            <v>0(0)/0/17</v>
          </cell>
          <cell r="AL461" t="str">
            <v/>
          </cell>
          <cell r="AM461" t="str">
            <v/>
          </cell>
          <cell r="AN461" t="str">
            <v/>
          </cell>
          <cell r="AO461" t="str">
            <v/>
          </cell>
          <cell r="AP461" t="str">
            <v/>
          </cell>
          <cell r="AQ461" t="str">
            <v/>
          </cell>
          <cell r="AR461" t="str">
            <v/>
          </cell>
          <cell r="AS461" t="str">
            <v/>
          </cell>
          <cell r="AT461" t="str">
            <v/>
          </cell>
          <cell r="AU461" t="str">
            <v/>
          </cell>
          <cell r="AV461" t="str">
            <v/>
          </cell>
          <cell r="AW461" t="str">
            <v/>
          </cell>
          <cell r="AX461" t="str">
            <v/>
          </cell>
          <cell r="AY461" t="str">
            <v/>
          </cell>
          <cell r="AZ461" t="str">
            <v/>
          </cell>
          <cell r="BA461" t="str">
            <v>大阪府</v>
          </cell>
          <cell r="BB461" t="str">
            <v>ケイ・オプティコムビル</v>
          </cell>
          <cell r="CR461">
            <v>4995</v>
          </cell>
          <cell r="CS461" t="str">
            <v>ﾔﾏﾑﾗ ﾋﾛｺ</v>
          </cell>
          <cell r="CT461" t="str">
            <v>山村  浩子</v>
          </cell>
          <cell r="CU461" t="str">
            <v>保育課</v>
          </cell>
          <cell r="CW461" t="str">
            <v xml:space="preserve"> </v>
          </cell>
          <cell r="CX461" t="str">
            <v>主任</v>
          </cell>
          <cell r="CY461" t="str">
            <v>保育課長</v>
          </cell>
        </row>
        <row r="462">
          <cell r="B462">
            <v>2644</v>
          </cell>
          <cell r="C462" t="str">
            <v>(株)ケイアールティ</v>
          </cell>
          <cell r="D462" t="str">
            <v>078-222-3067</v>
          </cell>
          <cell r="E462" t="str">
            <v>540-0008</v>
          </cell>
          <cell r="F462" t="str">
            <v>兵庫県神戸市中央区磯辺通4-2-8</v>
          </cell>
          <cell r="G462" t="str">
            <v>大阪市</v>
          </cell>
          <cell r="H462" t="str">
            <v>神戸支店</v>
          </cell>
          <cell r="I462" t="str">
            <v>支店長　 甲藤　義人</v>
          </cell>
          <cell r="J462" t="str">
            <v>大阪府大阪市</v>
          </cell>
          <cell r="K462" t="str">
            <v>078-222-2751</v>
          </cell>
          <cell r="L462" t="str">
            <v>ako-takanaga@krt.jp</v>
          </cell>
          <cell r="M462" t="str">
            <v>ｹｲｱ-ﾙﾃｲ</v>
          </cell>
          <cell r="N462" t="str">
            <v>有</v>
          </cell>
          <cell r="O462">
            <v>37</v>
          </cell>
          <cell r="P462">
            <v>33</v>
          </cell>
          <cell r="Q462">
            <v>4120000000000</v>
          </cell>
          <cell r="R462">
            <v>50000</v>
          </cell>
          <cell r="S462">
            <v>1957680</v>
          </cell>
          <cell r="T462">
            <v>2056303</v>
          </cell>
          <cell r="V462" t="str">
            <v>xu791255</v>
          </cell>
          <cell r="W462" t="str">
            <v>ez643353</v>
          </cell>
          <cell r="X462" t="str">
            <v>電通</v>
          </cell>
          <cell r="Y462" t="str">
            <v/>
          </cell>
          <cell r="Z462" t="str">
            <v>電通</v>
          </cell>
          <cell r="AA462" t="str">
            <v>とび土工</v>
          </cell>
          <cell r="AB462" t="str">
            <v>鋼構造物</v>
          </cell>
          <cell r="AC462" t="str">
            <v>土木一式</v>
          </cell>
          <cell r="AD462" t="str">
            <v>塗装</v>
          </cell>
          <cell r="AE462">
            <v>43190</v>
          </cell>
          <cell r="AF462" t="str">
            <v>希望しない</v>
          </cell>
          <cell r="AG462" t="str">
            <v>とび土工</v>
          </cell>
          <cell r="AH462" t="str">
            <v>特定</v>
          </cell>
          <cell r="AI462">
            <v>1008</v>
          </cell>
          <cell r="AJ462">
            <v>2286889</v>
          </cell>
          <cell r="AK462" t="str">
            <v>17(17)/1/0</v>
          </cell>
          <cell r="AL462" t="str">
            <v>鋼構造物</v>
          </cell>
          <cell r="AM462" t="str">
            <v>特定</v>
          </cell>
          <cell r="AN462">
            <v>1000</v>
          </cell>
          <cell r="AO462">
            <v>440850</v>
          </cell>
          <cell r="AP462" t="str">
            <v>21(21)/2/0</v>
          </cell>
          <cell r="AQ462" t="str">
            <v>土木一式</v>
          </cell>
          <cell r="AR462" t="str">
            <v>特定</v>
          </cell>
          <cell r="AS462">
            <v>757</v>
          </cell>
          <cell r="AT462" t="str">
            <v/>
          </cell>
          <cell r="AU462" t="str">
            <v>4(4)/1/0</v>
          </cell>
          <cell r="AV462" t="str">
            <v>塗装</v>
          </cell>
          <cell r="AW462" t="str">
            <v>特定</v>
          </cell>
          <cell r="AX462">
            <v>700</v>
          </cell>
          <cell r="AY462" t="str">
            <v/>
          </cell>
          <cell r="AZ462" t="str">
            <v>0(0)/0/0</v>
          </cell>
          <cell r="BA462" t="str">
            <v>大阪府</v>
          </cell>
          <cell r="BB462">
            <v>0</v>
          </cell>
          <cell r="CR462">
            <v>4996</v>
          </cell>
          <cell r="CS462" t="str">
            <v>ｵｶﾓﾄ ｱﾔｺ</v>
          </cell>
          <cell r="CT462" t="str">
            <v>岡本  綾子</v>
          </cell>
          <cell r="CU462" t="str">
            <v>健康政策課</v>
          </cell>
          <cell r="CW462">
            <v>2555</v>
          </cell>
          <cell r="CX462" t="str">
            <v>課長</v>
          </cell>
          <cell r="CY462" t="str">
            <v>健康政策課長</v>
          </cell>
        </row>
        <row r="463">
          <cell r="B463">
            <v>2649</v>
          </cell>
          <cell r="C463" t="str">
            <v>(株)桑原組</v>
          </cell>
          <cell r="D463" t="str">
            <v>0740-32-2345</v>
          </cell>
          <cell r="E463" t="str">
            <v>520-1212</v>
          </cell>
          <cell r="F463" t="str">
            <v>滋賀県高島市安曇川町西万木926</v>
          </cell>
          <cell r="G463" t="str">
            <v>高島市</v>
          </cell>
          <cell r="H463" t="str">
            <v/>
          </cell>
          <cell r="I463" t="str">
            <v>代表取締役　 桑原　勝良</v>
          </cell>
          <cell r="J463" t="str">
            <v>本店</v>
          </cell>
          <cell r="K463" t="str">
            <v>0740-32-0700</v>
          </cell>
          <cell r="L463" t="str">
            <v>m_yamada@kuwahara-group.com</v>
          </cell>
          <cell r="M463" t="str">
            <v>ｸﾜﾊﾗｸﾞﾐ</v>
          </cell>
          <cell r="N463" t="str">
            <v>無</v>
          </cell>
          <cell r="O463">
            <v>59</v>
          </cell>
          <cell r="P463">
            <v>244</v>
          </cell>
          <cell r="Q463">
            <v>4160000000000</v>
          </cell>
          <cell r="R463">
            <v>98000</v>
          </cell>
          <cell r="S463">
            <v>25843287</v>
          </cell>
          <cell r="T463">
            <v>15768108</v>
          </cell>
          <cell r="V463" t="str">
            <v>jx780437</v>
          </cell>
          <cell r="W463" t="str">
            <v>tk957907</v>
          </cell>
          <cell r="X463" t="str">
            <v>電通</v>
          </cell>
          <cell r="Y463" t="str">
            <v/>
          </cell>
          <cell r="Z463" t="str">
            <v>電通</v>
          </cell>
          <cell r="AA463" t="str">
            <v>土木一式</v>
          </cell>
          <cell r="AB463" t="str">
            <v>建築一式</v>
          </cell>
          <cell r="AC463" t="str">
            <v>舗装</v>
          </cell>
          <cell r="AD463" t="str">
            <v>水道施設</v>
          </cell>
          <cell r="AE463">
            <v>43190</v>
          </cell>
          <cell r="AF463" t="str">
            <v>ＳＰＲ工法</v>
          </cell>
          <cell r="AG463" t="str">
            <v>土木一式</v>
          </cell>
          <cell r="AH463" t="str">
            <v>特定</v>
          </cell>
          <cell r="AI463">
            <v>1406</v>
          </cell>
          <cell r="AJ463">
            <v>5219786</v>
          </cell>
          <cell r="AK463" t="str">
            <v>67(67)/22/0</v>
          </cell>
          <cell r="AL463" t="str">
            <v>建築一式</v>
          </cell>
          <cell r="AM463" t="str">
            <v>特定</v>
          </cell>
          <cell r="AN463">
            <v>1407</v>
          </cell>
          <cell r="AO463">
            <v>7974086</v>
          </cell>
          <cell r="AP463" t="str">
            <v>39(39)/6/0</v>
          </cell>
          <cell r="AQ463" t="str">
            <v>舗装</v>
          </cell>
          <cell r="AR463" t="str">
            <v>特定</v>
          </cell>
          <cell r="AS463">
            <v>1344</v>
          </cell>
          <cell r="AT463">
            <v>2146841</v>
          </cell>
          <cell r="AU463" t="str">
            <v>65(65)/23/0</v>
          </cell>
          <cell r="AV463" t="str">
            <v>水道施設</v>
          </cell>
          <cell r="AW463" t="str">
            <v>特定</v>
          </cell>
          <cell r="AX463">
            <v>1006</v>
          </cell>
          <cell r="AY463">
            <v>65648</v>
          </cell>
          <cell r="AZ463" t="str">
            <v>0(0)/0/0</v>
          </cell>
          <cell r="BA463" t="str">
            <v>滋賀県</v>
          </cell>
          <cell r="BB463">
            <v>0</v>
          </cell>
          <cell r="CR463">
            <v>4998</v>
          </cell>
          <cell r="CS463" t="str">
            <v>ｲｹﾀﾞ ｼﾞﾕﾝｲﾁ</v>
          </cell>
          <cell r="CT463" t="str">
            <v>池田  純一</v>
          </cell>
          <cell r="CU463" t="str">
            <v>業務課</v>
          </cell>
          <cell r="CW463" t="str">
            <v xml:space="preserve"> </v>
          </cell>
          <cell r="CX463" t="str">
            <v>主査</v>
          </cell>
          <cell r="CY463" t="str">
            <v>業務課長</v>
          </cell>
        </row>
        <row r="464">
          <cell r="B464">
            <v>2652</v>
          </cell>
          <cell r="C464" t="str">
            <v>(株)ケンセイ</v>
          </cell>
          <cell r="D464" t="str">
            <v>072-773-8050</v>
          </cell>
          <cell r="E464" t="str">
            <v>664-0832</v>
          </cell>
          <cell r="F464" t="str">
            <v>兵庫県伊丹市下河原2-11-15</v>
          </cell>
          <cell r="G464" t="str">
            <v>大阪市</v>
          </cell>
          <cell r="H464" t="str">
            <v>伊丹支店</v>
          </cell>
          <cell r="I464" t="str">
            <v>取締役支店長 北浦　慎也</v>
          </cell>
          <cell r="J464" t="str">
            <v>大阪府大阪市</v>
          </cell>
          <cell r="K464" t="str">
            <v>072-773-8060</v>
          </cell>
          <cell r="L464" t="str">
            <v>nishida@kk-kensei.co.jp</v>
          </cell>
          <cell r="M464" t="str">
            <v>ｹﾝｾｲ</v>
          </cell>
          <cell r="N464" t="str">
            <v>有</v>
          </cell>
          <cell r="O464">
            <v>61</v>
          </cell>
          <cell r="P464">
            <v>41</v>
          </cell>
          <cell r="Q464">
            <v>8120001051650</v>
          </cell>
          <cell r="R464">
            <v>41000</v>
          </cell>
          <cell r="S464">
            <v>336888</v>
          </cell>
          <cell r="T464">
            <v>1227642</v>
          </cell>
          <cell r="V464" t="str">
            <v>dn908808</v>
          </cell>
          <cell r="W464" t="str">
            <v>vk266358</v>
          </cell>
          <cell r="X464" t="str">
            <v>建浚(清)(管)(浚)土管</v>
          </cell>
          <cell r="Y464" t="str">
            <v>建浚(清)(管)(浚)</v>
          </cell>
          <cell r="Z464" t="str">
            <v>土管</v>
          </cell>
          <cell r="AA464" t="str">
            <v>土木一式</v>
          </cell>
          <cell r="AB464" t="str">
            <v>管</v>
          </cell>
          <cell r="AC464" t="str">
            <v>浚渫</v>
          </cell>
          <cell r="AD464" t="str">
            <v/>
          </cell>
          <cell r="AE464">
            <v>43281</v>
          </cell>
          <cell r="AF464" t="str">
            <v>希望する</v>
          </cell>
          <cell r="AG464" t="str">
            <v>土木一式</v>
          </cell>
          <cell r="AH464" t="str">
            <v>特定</v>
          </cell>
          <cell r="AI464">
            <v>960</v>
          </cell>
          <cell r="AJ464">
            <v>887812</v>
          </cell>
          <cell r="AK464" t="str">
            <v>7(7)/5/0</v>
          </cell>
          <cell r="AL464" t="str">
            <v>管</v>
          </cell>
          <cell r="AM464" t="str">
            <v>特定</v>
          </cell>
          <cell r="AN464">
            <v>825</v>
          </cell>
          <cell r="AO464">
            <v>32227</v>
          </cell>
          <cell r="AP464" t="str">
            <v>4(4)/3/0</v>
          </cell>
          <cell r="AQ464" t="str">
            <v>浚渫</v>
          </cell>
          <cell r="AR464" t="str">
            <v>一般</v>
          </cell>
          <cell r="AS464">
            <v>722</v>
          </cell>
          <cell r="AT464">
            <v>1651</v>
          </cell>
          <cell r="AU464" t="str">
            <v>1(1)/2/0</v>
          </cell>
          <cell r="AV464" t="str">
            <v/>
          </cell>
          <cell r="AW464" t="str">
            <v/>
          </cell>
          <cell r="AX464" t="str">
            <v/>
          </cell>
          <cell r="AY464" t="str">
            <v/>
          </cell>
          <cell r="AZ464" t="str">
            <v/>
          </cell>
          <cell r="BA464" t="str">
            <v>大阪府</v>
          </cell>
          <cell r="BB464">
            <v>0</v>
          </cell>
          <cell r="CR464">
            <v>4999</v>
          </cell>
          <cell r="CS464" t="str">
            <v>ｸﾛﾀﾞ ﾉﾌﾞﾋﾛ</v>
          </cell>
          <cell r="CT464" t="str">
            <v>黒田  信宏</v>
          </cell>
          <cell r="CU464" t="str">
            <v>業務課</v>
          </cell>
          <cell r="CW464" t="str">
            <v xml:space="preserve"> </v>
          </cell>
          <cell r="CX464" t="str">
            <v xml:space="preserve"> </v>
          </cell>
          <cell r="CY464" t="str">
            <v>業務課長</v>
          </cell>
        </row>
        <row r="465">
          <cell r="B465">
            <v>2654</v>
          </cell>
          <cell r="C465" t="str">
            <v>建和産業(株)</v>
          </cell>
          <cell r="D465" t="str">
            <v>06-6482-5571</v>
          </cell>
          <cell r="E465" t="str">
            <v>660-0824</v>
          </cell>
          <cell r="F465" t="str">
            <v>兵庫県尼崎市東本町2-112</v>
          </cell>
          <cell r="G465" t="str">
            <v>尼崎市</v>
          </cell>
          <cell r="H465" t="str">
            <v/>
          </cell>
          <cell r="I465" t="str">
            <v>代表取締役 佐藤　哲也</v>
          </cell>
          <cell r="J465" t="str">
            <v>本店</v>
          </cell>
          <cell r="K465" t="str">
            <v>06-6482-5581</v>
          </cell>
          <cell r="L465" t="str">
            <v>ks@kenwasangyo.co.jp</v>
          </cell>
          <cell r="M465" t="str">
            <v>ｹﾝﾜｻﾝｷﾞｮｳ</v>
          </cell>
          <cell r="N465" t="str">
            <v>無</v>
          </cell>
          <cell r="O465">
            <v>50</v>
          </cell>
          <cell r="P465">
            <v>15</v>
          </cell>
          <cell r="Q465">
            <v>2140001055473</v>
          </cell>
          <cell r="R465">
            <v>30000</v>
          </cell>
          <cell r="S465">
            <v>52394</v>
          </cell>
          <cell r="T465">
            <v>901906</v>
          </cell>
          <cell r="V465" t="str">
            <v>ug146142</v>
          </cell>
          <cell r="W465" t="str">
            <v>zn289881</v>
          </cell>
          <cell r="X465" t="str">
            <v>建屋タ板塗防内熱</v>
          </cell>
          <cell r="Y465" t="str">
            <v>建屋タ板塗防内熱</v>
          </cell>
          <cell r="Z465" t="str">
            <v/>
          </cell>
          <cell r="AA465" t="str">
            <v>防水</v>
          </cell>
          <cell r="AB465" t="str">
            <v>内装仕上</v>
          </cell>
          <cell r="AC465" t="str">
            <v>熱絶縁</v>
          </cell>
          <cell r="AD465" t="str">
            <v>板金</v>
          </cell>
          <cell r="AE465">
            <v>43271</v>
          </cell>
          <cell r="AF465" t="str">
            <v>希望しない</v>
          </cell>
          <cell r="AG465" t="str">
            <v>防水</v>
          </cell>
          <cell r="AH465" t="str">
            <v>一般</v>
          </cell>
          <cell r="AI465">
            <v>643</v>
          </cell>
          <cell r="AJ465">
            <v>22000</v>
          </cell>
          <cell r="AK465" t="str">
            <v>()/2/</v>
          </cell>
          <cell r="AL465" t="str">
            <v>内装仕上</v>
          </cell>
          <cell r="AM465" t="str">
            <v>一般</v>
          </cell>
          <cell r="AN465">
            <v>741</v>
          </cell>
          <cell r="AO465">
            <v>655956</v>
          </cell>
          <cell r="AP465" t="str">
            <v>()/3/</v>
          </cell>
          <cell r="AQ465" t="str">
            <v>熱絶縁</v>
          </cell>
          <cell r="AR465" t="str">
            <v>一般</v>
          </cell>
          <cell r="AS465">
            <v>637</v>
          </cell>
          <cell r="AT465">
            <v>26159</v>
          </cell>
          <cell r="AU465" t="str">
            <v>()/0/</v>
          </cell>
          <cell r="AV465" t="str">
            <v>板金</v>
          </cell>
          <cell r="AW465" t="str">
            <v>一般</v>
          </cell>
          <cell r="AX465">
            <v>612</v>
          </cell>
          <cell r="AY465">
            <v>4256</v>
          </cell>
          <cell r="AZ465" t="str">
            <v>()/2/</v>
          </cell>
          <cell r="BA465" t="str">
            <v>兵庫県</v>
          </cell>
          <cell r="BB465">
            <v>0</v>
          </cell>
          <cell r="CR465">
            <v>5000</v>
          </cell>
          <cell r="CS465" t="str">
            <v>ﾊﾀﾓﾄ ﾉﾌﾞﾕｷ</v>
          </cell>
          <cell r="CT465" t="str">
            <v>畠本  信幸</v>
          </cell>
          <cell r="CU465" t="str">
            <v xml:space="preserve">道路保全課 </v>
          </cell>
          <cell r="CW465">
            <v>3058</v>
          </cell>
          <cell r="CX465" t="str">
            <v xml:space="preserve"> </v>
          </cell>
          <cell r="CY465" t="str">
            <v>道路保全課長</v>
          </cell>
        </row>
        <row r="466">
          <cell r="B466">
            <v>2656</v>
          </cell>
          <cell r="C466" t="str">
            <v>京阪神道路サービス株式会社</v>
          </cell>
          <cell r="D466" t="str">
            <v>078-332-2541</v>
          </cell>
          <cell r="E466" t="str">
            <v>657-0035</v>
          </cell>
          <cell r="F466" t="str">
            <v>兵庫県神戸市中央区東町123-1</v>
          </cell>
          <cell r="G466" t="str">
            <v>神戸市</v>
          </cell>
          <cell r="H466" t="str">
            <v/>
          </cell>
          <cell r="I466" t="str">
            <v>代表取締役　 小阪　勇輝</v>
          </cell>
          <cell r="J466" t="str">
            <v>本店</v>
          </cell>
          <cell r="K466" t="str">
            <v>078-332-7841</v>
          </cell>
          <cell r="L466" t="str">
            <v>info@kd-s.co.jp</v>
          </cell>
          <cell r="M466" t="str">
            <v>ｹｲﾊﾝｼﾝﾄﾞｳﾛｻ-ﾋﾞｽ</v>
          </cell>
          <cell r="N466" t="str">
            <v>無</v>
          </cell>
          <cell r="O466">
            <v>18</v>
          </cell>
          <cell r="P466">
            <v>58</v>
          </cell>
          <cell r="Q466">
            <v>1140000000000</v>
          </cell>
          <cell r="R466">
            <v>20000</v>
          </cell>
          <cell r="S466">
            <v>137978</v>
          </cell>
          <cell r="T466">
            <v>1298822</v>
          </cell>
          <cell r="V466" t="str">
            <v>cx900657</v>
          </cell>
          <cell r="W466" t="str">
            <v>ug157144</v>
          </cell>
          <cell r="X466" t="str">
            <v>建屋タ板塗防内熱</v>
          </cell>
          <cell r="Y466" t="str">
            <v>建屋タ板塗防内熱</v>
          </cell>
          <cell r="Z466" t="str">
            <v/>
          </cell>
          <cell r="AA466" t="str">
            <v>土木一式</v>
          </cell>
          <cell r="AB466" t="str">
            <v>舗装</v>
          </cell>
          <cell r="AC466" t="str">
            <v>解体</v>
          </cell>
          <cell r="AD466" t="str">
            <v/>
          </cell>
          <cell r="AE466">
            <v>43189</v>
          </cell>
          <cell r="AF466" t="str">
            <v>光硬化工法</v>
          </cell>
          <cell r="AG466" t="str">
            <v>土木一式</v>
          </cell>
          <cell r="AH466" t="str">
            <v>特定</v>
          </cell>
          <cell r="AI466">
            <v>822</v>
          </cell>
          <cell r="AJ466">
            <v>971892</v>
          </cell>
          <cell r="AK466" t="str">
            <v>5(5)/0/7</v>
          </cell>
          <cell r="AL466" t="str">
            <v>舗装</v>
          </cell>
          <cell r="AM466" t="str">
            <v>特定</v>
          </cell>
          <cell r="AN466">
            <v>734</v>
          </cell>
          <cell r="AO466">
            <v>107047</v>
          </cell>
          <cell r="AP466" t="str">
            <v>5(5)/0/1</v>
          </cell>
          <cell r="AQ466" t="str">
            <v>解体</v>
          </cell>
          <cell r="AR466" t="str">
            <v>特定</v>
          </cell>
          <cell r="AS466">
            <v>649</v>
          </cell>
          <cell r="AT466">
            <v>57468</v>
          </cell>
          <cell r="AU466" t="str">
            <v>0(0)/0/0</v>
          </cell>
          <cell r="AV466" t="str">
            <v/>
          </cell>
          <cell r="AW466" t="str">
            <v/>
          </cell>
          <cell r="AX466" t="str">
            <v/>
          </cell>
          <cell r="AY466" t="str">
            <v/>
          </cell>
          <cell r="AZ466" t="str">
            <v/>
          </cell>
          <cell r="BA466" t="str">
            <v>兵庫県</v>
          </cell>
          <cell r="BB466">
            <v>0</v>
          </cell>
          <cell r="CR466">
            <v>5001</v>
          </cell>
          <cell r="CS466" t="str">
            <v>ｻｶﾓﾄ ｼﾝｲﾁ</v>
          </cell>
          <cell r="CT466" t="str">
            <v>坂本  真一</v>
          </cell>
          <cell r="CU466" t="str">
            <v>公園課</v>
          </cell>
          <cell r="CW466">
            <v>4132</v>
          </cell>
          <cell r="CX466" t="str">
            <v>業務主任</v>
          </cell>
          <cell r="CY466" t="str">
            <v>公園課長</v>
          </cell>
        </row>
        <row r="467">
          <cell r="B467">
            <v>2660</v>
          </cell>
          <cell r="C467" t="str">
            <v>京阪園芸(株)</v>
          </cell>
          <cell r="D467" t="str">
            <v>072-844-1134</v>
          </cell>
          <cell r="E467" t="str">
            <v>573-0061</v>
          </cell>
          <cell r="F467" t="str">
            <v>大阪府枚方市伊加賀寿町1-5</v>
          </cell>
          <cell r="G467" t="str">
            <v>枚方市</v>
          </cell>
          <cell r="H467" t="str">
            <v/>
          </cell>
          <cell r="I467" t="str">
            <v>代表取締役 宮城　和光</v>
          </cell>
          <cell r="J467" t="str">
            <v>本店</v>
          </cell>
          <cell r="K467" t="str">
            <v>072-846-4841</v>
          </cell>
          <cell r="L467" t="str">
            <v>eigyo@keihan-engei.com</v>
          </cell>
          <cell r="M467" t="str">
            <v>ｹｲﾊﾝｴﾝｹﾞｲ</v>
          </cell>
          <cell r="N467" t="str">
            <v>無</v>
          </cell>
          <cell r="O467">
            <v>54</v>
          </cell>
          <cell r="P467">
            <v>97</v>
          </cell>
          <cell r="Q467">
            <v>7120001149504</v>
          </cell>
          <cell r="R467">
            <v>81200</v>
          </cell>
          <cell r="S467">
            <v>445301</v>
          </cell>
          <cell r="T467">
            <v>3002388</v>
          </cell>
          <cell r="V467" t="str">
            <v>vk266358</v>
          </cell>
          <cell r="W467" t="str">
            <v>nz756895</v>
          </cell>
          <cell r="X467" t="str">
            <v>土と石舗園水解</v>
          </cell>
          <cell r="Y467" t="str">
            <v/>
          </cell>
          <cell r="Z467" t="str">
            <v>土と石舗園水解</v>
          </cell>
          <cell r="AA467" t="str">
            <v>造園</v>
          </cell>
          <cell r="AB467" t="str">
            <v>土木一式</v>
          </cell>
          <cell r="AC467" t="str">
            <v>とび土工</v>
          </cell>
          <cell r="AD467" t="str">
            <v>舗装</v>
          </cell>
          <cell r="AE467">
            <v>43190</v>
          </cell>
          <cell r="AF467" t="str">
            <v/>
          </cell>
          <cell r="AG467" t="str">
            <v>造園</v>
          </cell>
          <cell r="AH467" t="str">
            <v>特定</v>
          </cell>
          <cell r="AI467">
            <v>1071</v>
          </cell>
          <cell r="AJ467">
            <v>1849472</v>
          </cell>
          <cell r="AK467" t="str">
            <v>26(25)/13/6</v>
          </cell>
          <cell r="AL467" t="str">
            <v>土木一式</v>
          </cell>
          <cell r="AM467" t="str">
            <v>特定</v>
          </cell>
          <cell r="AN467">
            <v>947</v>
          </cell>
          <cell r="AO467">
            <v>242241</v>
          </cell>
          <cell r="AP467" t="str">
            <v>15(14)/8/1</v>
          </cell>
          <cell r="AQ467" t="str">
            <v>とび土工</v>
          </cell>
          <cell r="AR467" t="str">
            <v>特定</v>
          </cell>
          <cell r="AS467">
            <v>798</v>
          </cell>
          <cell r="AT467">
            <v>64096</v>
          </cell>
          <cell r="AU467" t="str">
            <v>1(1)/1/0</v>
          </cell>
          <cell r="AV467" t="str">
            <v>舗装</v>
          </cell>
          <cell r="AW467" t="str">
            <v>特定</v>
          </cell>
          <cell r="AX467">
            <v>708</v>
          </cell>
          <cell r="AY467">
            <v>3520</v>
          </cell>
          <cell r="AZ467" t="str">
            <v>0(0)/1/0</v>
          </cell>
          <cell r="BA467" t="str">
            <v>大阪府</v>
          </cell>
          <cell r="BB467">
            <v>0</v>
          </cell>
          <cell r="CR467">
            <v>5002</v>
          </cell>
          <cell r="CS467" t="str">
            <v>ﾏｴﾀﾞ ｶｽﾞﾄﾖ</v>
          </cell>
          <cell r="CT467" t="str">
            <v>前田  一豊</v>
          </cell>
          <cell r="CU467" t="str">
            <v>環境クリーンセンター</v>
          </cell>
          <cell r="CW467" t="str">
            <v xml:space="preserve"> </v>
          </cell>
          <cell r="CX467" t="str">
            <v>主査</v>
          </cell>
          <cell r="CY467" t="str">
            <v>環境クリーンセンター所長</v>
          </cell>
        </row>
        <row r="468">
          <cell r="B468">
            <v>2661</v>
          </cell>
          <cell r="C468" t="str">
            <v>(株)ケイテック</v>
          </cell>
          <cell r="D468" t="str">
            <v>06-6809-5129</v>
          </cell>
          <cell r="E468" t="str">
            <v>540-0026</v>
          </cell>
          <cell r="F468" t="str">
            <v>大阪府大阪市中央区内本町2-4-7大阪U2ﾋﾞﾙ3F</v>
          </cell>
          <cell r="G468" t="str">
            <v>大阪市</v>
          </cell>
          <cell r="H468" t="str">
            <v/>
          </cell>
          <cell r="I468" t="str">
            <v>代表取締役　 川崎　勉</v>
          </cell>
          <cell r="J468" t="str">
            <v>本店</v>
          </cell>
          <cell r="K468" t="str">
            <v>06-6809-7565</v>
          </cell>
          <cell r="L468" t="str">
            <v>ktec@rondo.ocn.ne.jp</v>
          </cell>
          <cell r="M468" t="str">
            <v>ｹｲﾃﾂｸ</v>
          </cell>
          <cell r="N468" t="str">
            <v>無</v>
          </cell>
          <cell r="O468">
            <v>16</v>
          </cell>
          <cell r="P468">
            <v>40</v>
          </cell>
          <cell r="Q468">
            <v>7120000000000</v>
          </cell>
          <cell r="R468">
            <v>50000</v>
          </cell>
          <cell r="S468">
            <v>237885</v>
          </cell>
          <cell r="T468">
            <v>1517</v>
          </cell>
          <cell r="V468" t="str">
            <v>hn458760</v>
          </cell>
          <cell r="W468" t="str">
            <v>st952697</v>
          </cell>
          <cell r="X468" t="str">
            <v>土と石舗園水解</v>
          </cell>
          <cell r="Y468" t="str">
            <v/>
          </cell>
          <cell r="Z468" t="str">
            <v>土と石舗園水解</v>
          </cell>
          <cell r="AA468" t="str">
            <v>建築一式</v>
          </cell>
          <cell r="AB468" t="str">
            <v/>
          </cell>
          <cell r="AC468" t="str">
            <v/>
          </cell>
          <cell r="AD468" t="str">
            <v/>
          </cell>
          <cell r="AE468">
            <v>43251</v>
          </cell>
          <cell r="AF468" t="str">
            <v>希望しない</v>
          </cell>
          <cell r="AG468" t="str">
            <v>建築一式</v>
          </cell>
          <cell r="AH468" t="str">
            <v>特定</v>
          </cell>
          <cell r="AI468">
            <v>1007</v>
          </cell>
          <cell r="AJ468">
            <v>4316984</v>
          </cell>
          <cell r="AK468" t="str">
            <v>10(10)/1/6</v>
          </cell>
          <cell r="AL468" t="str">
            <v/>
          </cell>
          <cell r="AM468" t="str">
            <v/>
          </cell>
          <cell r="AN468" t="str">
            <v/>
          </cell>
          <cell r="AO468" t="str">
            <v/>
          </cell>
          <cell r="AP468" t="str">
            <v/>
          </cell>
          <cell r="AQ468" t="str">
            <v/>
          </cell>
          <cell r="AR468" t="str">
            <v/>
          </cell>
          <cell r="AS468" t="str">
            <v/>
          </cell>
          <cell r="AT468" t="str">
            <v/>
          </cell>
          <cell r="AU468" t="str">
            <v/>
          </cell>
          <cell r="AV468" t="str">
            <v/>
          </cell>
          <cell r="AW468" t="str">
            <v/>
          </cell>
          <cell r="AX468" t="str">
            <v/>
          </cell>
          <cell r="AY468" t="str">
            <v/>
          </cell>
          <cell r="AZ468" t="str">
            <v/>
          </cell>
          <cell r="BA468" t="str">
            <v>大阪府</v>
          </cell>
          <cell r="BB468">
            <v>0</v>
          </cell>
          <cell r="CR468">
            <v>5003</v>
          </cell>
          <cell r="CS468" t="str">
            <v>ﾔﾏﾓﾄ ﾀｸﾏ</v>
          </cell>
          <cell r="CT468" t="str">
            <v>山本  琢磨</v>
          </cell>
          <cell r="CU468" t="str">
            <v>消防総務課</v>
          </cell>
          <cell r="CW468" t="str">
            <v xml:space="preserve"> </v>
          </cell>
          <cell r="CX468" t="str">
            <v>副主幹</v>
          </cell>
          <cell r="CY468" t="str">
            <v>消防総務課長</v>
          </cell>
        </row>
        <row r="469">
          <cell r="B469">
            <v>2662</v>
          </cell>
          <cell r="C469" t="str">
            <v>ケーテーシステム(株)</v>
          </cell>
          <cell r="D469" t="str">
            <v>078-642-7339</v>
          </cell>
          <cell r="E469" t="str">
            <v>653-0035</v>
          </cell>
          <cell r="F469" t="str">
            <v>兵庫県神戸市長田区庄田町4-1-13</v>
          </cell>
          <cell r="G469" t="str">
            <v>神戸市</v>
          </cell>
          <cell r="H469" t="str">
            <v/>
          </cell>
          <cell r="I469" t="str">
            <v>代表取締役　 川向　武彦</v>
          </cell>
          <cell r="J469" t="str">
            <v>本店</v>
          </cell>
          <cell r="K469" t="str">
            <v>078-642-7293</v>
          </cell>
          <cell r="L469" t="str">
            <v>info@ketesystem.co.jp</v>
          </cell>
          <cell r="M469" t="str">
            <v>ｹ-ﾃ-ｼｽﾃﾑ</v>
          </cell>
          <cell r="N469" t="str">
            <v>無</v>
          </cell>
          <cell r="O469">
            <v>15</v>
          </cell>
          <cell r="P469">
            <v>3</v>
          </cell>
          <cell r="Q469">
            <v>9130000000000</v>
          </cell>
          <cell r="R469">
            <v>10000</v>
          </cell>
          <cell r="S469">
            <v>132181</v>
          </cell>
          <cell r="T469">
            <v>100215</v>
          </cell>
          <cell r="V469" t="str">
            <v>dv126284</v>
          </cell>
          <cell r="W469" t="str">
            <v>zm151804</v>
          </cell>
          <cell r="X469" t="str">
            <v>土と石舗園水解</v>
          </cell>
          <cell r="Y469" t="str">
            <v/>
          </cell>
          <cell r="Z469" t="str">
            <v>土と石舗園水解</v>
          </cell>
          <cell r="AA469" t="str">
            <v>消防施設</v>
          </cell>
          <cell r="AB469" t="str">
            <v/>
          </cell>
          <cell r="AC469" t="str">
            <v/>
          </cell>
          <cell r="AD469" t="str">
            <v/>
          </cell>
          <cell r="AE469">
            <v>43069</v>
          </cell>
          <cell r="AF469" t="str">
            <v>希望しない</v>
          </cell>
          <cell r="AG469" t="str">
            <v>消防施設</v>
          </cell>
          <cell r="AH469" t="str">
            <v>一般</v>
          </cell>
          <cell r="AI469">
            <v>579</v>
          </cell>
          <cell r="AJ469">
            <v>6566</v>
          </cell>
          <cell r="AK469" t="str">
            <v>0(0)/3/0</v>
          </cell>
          <cell r="AL469" t="str">
            <v/>
          </cell>
          <cell r="AM469" t="str">
            <v/>
          </cell>
          <cell r="AN469" t="str">
            <v/>
          </cell>
          <cell r="AO469" t="str">
            <v/>
          </cell>
          <cell r="AP469" t="str">
            <v/>
          </cell>
          <cell r="AQ469" t="str">
            <v/>
          </cell>
          <cell r="AR469" t="str">
            <v/>
          </cell>
          <cell r="AS469" t="str">
            <v/>
          </cell>
          <cell r="AT469" t="str">
            <v/>
          </cell>
          <cell r="AU469" t="str">
            <v/>
          </cell>
          <cell r="AV469" t="str">
            <v/>
          </cell>
          <cell r="AW469" t="str">
            <v/>
          </cell>
          <cell r="AX469" t="str">
            <v/>
          </cell>
          <cell r="AY469" t="str">
            <v/>
          </cell>
          <cell r="AZ469" t="str">
            <v/>
          </cell>
          <cell r="BA469" t="str">
            <v>兵庫県</v>
          </cell>
          <cell r="BB469">
            <v>0</v>
          </cell>
          <cell r="CR469">
            <v>5006</v>
          </cell>
          <cell r="CS469" t="str">
            <v>ﾔﾏﾆｼ ﾐﾂﾔｽ</v>
          </cell>
          <cell r="CT469" t="str">
            <v>山西  三康</v>
          </cell>
          <cell r="CU469" t="str">
            <v>総務課</v>
          </cell>
          <cell r="CW469">
            <v>6740</v>
          </cell>
          <cell r="CX469" t="str">
            <v>主査</v>
          </cell>
          <cell r="CY469" t="str">
            <v>総務課長</v>
          </cell>
        </row>
        <row r="470">
          <cell r="B470">
            <v>2663</v>
          </cell>
          <cell r="C470" t="str">
            <v>京阪通信工業(株)</v>
          </cell>
          <cell r="D470" t="str">
            <v>06-6562-4831</v>
          </cell>
          <cell r="E470" t="str">
            <v>556-0021</v>
          </cell>
          <cell r="F470" t="str">
            <v>大阪府大阪市浪速区幸町2-3-14</v>
          </cell>
          <cell r="G470" t="str">
            <v>大阪市</v>
          </cell>
          <cell r="H470" t="str">
            <v/>
          </cell>
          <cell r="I470" t="str">
            <v>取締役 野村　和幸</v>
          </cell>
          <cell r="J470" t="str">
            <v>本店</v>
          </cell>
          <cell r="K470" t="str">
            <v>06-6562-1533</v>
          </cell>
          <cell r="L470" t="str">
            <v>info-keihan@keihan.ne.jp</v>
          </cell>
          <cell r="M470" t="str">
            <v>ｹｲﾊﾝﾂｳｼﾝｺｳｷﾞｮｳ</v>
          </cell>
          <cell r="N470" t="str">
            <v>無</v>
          </cell>
          <cell r="O470">
            <v>47</v>
          </cell>
          <cell r="P470">
            <v>32</v>
          </cell>
          <cell r="Q470">
            <v>2120001038042</v>
          </cell>
          <cell r="R470">
            <v>25000</v>
          </cell>
          <cell r="S470">
            <v>217980</v>
          </cell>
          <cell r="T470">
            <v>716318</v>
          </cell>
          <cell r="V470" t="str">
            <v>vy147869</v>
          </cell>
          <cell r="W470" t="str">
            <v>jb113993</v>
          </cell>
          <cell r="X470" t="str">
            <v>通</v>
          </cell>
          <cell r="Y470" t="str">
            <v>通</v>
          </cell>
          <cell r="Z470" t="str">
            <v/>
          </cell>
          <cell r="AA470" t="str">
            <v>電気通信</v>
          </cell>
          <cell r="AB470" t="str">
            <v/>
          </cell>
          <cell r="AC470" t="str">
            <v/>
          </cell>
          <cell r="AD470" t="str">
            <v/>
          </cell>
          <cell r="AE470">
            <v>43343</v>
          </cell>
          <cell r="AF470" t="str">
            <v>希望しない</v>
          </cell>
          <cell r="AG470" t="str">
            <v>電気通信</v>
          </cell>
          <cell r="AH470" t="str">
            <v>一般</v>
          </cell>
          <cell r="AI470">
            <v>771</v>
          </cell>
          <cell r="AJ470">
            <v>463061</v>
          </cell>
          <cell r="AK470" t="str">
            <v>0(0)/0/15</v>
          </cell>
          <cell r="AL470" t="str">
            <v/>
          </cell>
          <cell r="AM470" t="str">
            <v/>
          </cell>
          <cell r="AN470" t="str">
            <v/>
          </cell>
          <cell r="AO470" t="str">
            <v/>
          </cell>
          <cell r="AP470" t="str">
            <v/>
          </cell>
          <cell r="AQ470" t="str">
            <v/>
          </cell>
          <cell r="AR470" t="str">
            <v/>
          </cell>
          <cell r="AS470" t="str">
            <v/>
          </cell>
          <cell r="AT470" t="str">
            <v/>
          </cell>
          <cell r="AU470" t="str">
            <v/>
          </cell>
          <cell r="AV470" t="str">
            <v/>
          </cell>
          <cell r="AW470" t="str">
            <v/>
          </cell>
          <cell r="AX470" t="str">
            <v/>
          </cell>
          <cell r="AY470" t="str">
            <v/>
          </cell>
          <cell r="AZ470" t="str">
            <v/>
          </cell>
          <cell r="BA470" t="str">
            <v>大阪府</v>
          </cell>
        </row>
        <row r="471">
          <cell r="B471">
            <v>2664</v>
          </cell>
          <cell r="C471" t="str">
            <v>ＫＳＳ(株)</v>
          </cell>
          <cell r="D471" t="str">
            <v>042-560-2042</v>
          </cell>
          <cell r="E471" t="str">
            <v>208-0023</v>
          </cell>
          <cell r="F471" t="str">
            <v>東京都武蔵村山市伊奈平一丁目70番2号</v>
          </cell>
          <cell r="G471" t="str">
            <v>武蔵村山市</v>
          </cell>
          <cell r="H471" t="str">
            <v/>
          </cell>
          <cell r="I471" t="str">
            <v>代表取締役 深澤　重幸</v>
          </cell>
          <cell r="J471" t="str">
            <v>本店</v>
          </cell>
          <cell r="K471" t="str">
            <v>042-560-2273</v>
          </cell>
          <cell r="L471" t="str">
            <v>s-kss@kotobuki.co.jp</v>
          </cell>
          <cell r="M471" t="str">
            <v>ｹｲｴｽｴｽ</v>
          </cell>
          <cell r="N471" t="str">
            <v>無</v>
          </cell>
          <cell r="O471">
            <v>18</v>
          </cell>
          <cell r="P471">
            <v>68</v>
          </cell>
          <cell r="Q471">
            <v>3012801004191</v>
          </cell>
          <cell r="R471">
            <v>10000</v>
          </cell>
          <cell r="S471">
            <v>367948</v>
          </cell>
          <cell r="T471">
            <v>1678903</v>
          </cell>
          <cell r="V471" t="str">
            <v>cy149573</v>
          </cell>
          <cell r="W471" t="str">
            <v>co145595</v>
          </cell>
          <cell r="X471" t="str">
            <v>と内機</v>
          </cell>
          <cell r="Y471" t="str">
            <v>と内機</v>
          </cell>
          <cell r="Z471" t="str">
            <v/>
          </cell>
          <cell r="AA471" t="str">
            <v>とび土工</v>
          </cell>
          <cell r="AB471" t="str">
            <v>内装仕上</v>
          </cell>
          <cell r="AC471" t="str">
            <v>機械器具</v>
          </cell>
          <cell r="AD471" t="str">
            <v/>
          </cell>
          <cell r="AE471">
            <v>43646</v>
          </cell>
          <cell r="AF471" t="str">
            <v/>
          </cell>
          <cell r="AG471" t="str">
            <v>とび土工</v>
          </cell>
          <cell r="AH471" t="str">
            <v/>
          </cell>
          <cell r="AI471">
            <v>820</v>
          </cell>
          <cell r="AJ471">
            <v>823421</v>
          </cell>
          <cell r="AK471" t="str">
            <v>0(0)/0/9</v>
          </cell>
          <cell r="AL471" t="str">
            <v>内装仕上</v>
          </cell>
          <cell r="AM471" t="str">
            <v/>
          </cell>
          <cell r="AN471">
            <v>741</v>
          </cell>
          <cell r="AO471">
            <v>159984</v>
          </cell>
          <cell r="AP471" t="str">
            <v>0(0)/0/1</v>
          </cell>
          <cell r="AQ471" t="str">
            <v>機械器具</v>
          </cell>
          <cell r="AR471" t="str">
            <v/>
          </cell>
          <cell r="AS471">
            <v>713</v>
          </cell>
          <cell r="AT471">
            <v>60036</v>
          </cell>
          <cell r="AU471" t="str">
            <v>0(0)/0/2</v>
          </cell>
          <cell r="AV471" t="str">
            <v/>
          </cell>
          <cell r="AW471" t="str">
            <v/>
          </cell>
          <cell r="AX471" t="str">
            <v/>
          </cell>
          <cell r="AY471" t="str">
            <v/>
          </cell>
          <cell r="AZ471" t="str">
            <v/>
          </cell>
          <cell r="BA471" t="str">
            <v>東京都</v>
          </cell>
        </row>
        <row r="472">
          <cell r="B472">
            <v>2665</v>
          </cell>
          <cell r="C472" t="str">
            <v>(株)ＫＧコンストラクション</v>
          </cell>
          <cell r="D472" t="str">
            <v>072-822-5390</v>
          </cell>
          <cell r="E472" t="str">
            <v>572-0859</v>
          </cell>
          <cell r="F472" t="str">
            <v>大阪府寝屋川市打上新町12-1</v>
          </cell>
          <cell r="G472" t="str">
            <v>寝屋川市</v>
          </cell>
          <cell r="H472" t="str">
            <v/>
          </cell>
          <cell r="I472" t="str">
            <v>代表取締役 小林　一美</v>
          </cell>
          <cell r="J472" t="str">
            <v>本店</v>
          </cell>
          <cell r="K472" t="str">
            <v>072-822-8899</v>
          </cell>
          <cell r="L472" t="str">
            <v>kg-con@galaxy.ocn.ne.jp</v>
          </cell>
          <cell r="M472" t="str">
            <v>ｹｰｼﾞｰｺﾝｽﾄﾗｸｼｮﾝ</v>
          </cell>
          <cell r="N472" t="str">
            <v>無</v>
          </cell>
          <cell r="O472">
            <v>27</v>
          </cell>
          <cell r="P472">
            <v>8</v>
          </cell>
          <cell r="Q472">
            <v>3120001148088</v>
          </cell>
          <cell r="R472">
            <v>400000</v>
          </cell>
          <cell r="S472">
            <v>44105</v>
          </cell>
          <cell r="T472">
            <v>237198</v>
          </cell>
          <cell r="V472" t="str">
            <v>zr189399</v>
          </cell>
          <cell r="W472" t="str">
            <v>ot180609</v>
          </cell>
          <cell r="X472" t="str">
            <v>土建大と石屋タ鋼鉄舗浚板ガ塗防内熱具水解</v>
          </cell>
          <cell r="Y472" t="str">
            <v/>
          </cell>
          <cell r="Z472" t="str">
            <v>土建大と石屋タ鋼鉄舗浚板ガ塗防内熱具水解</v>
          </cell>
          <cell r="AA472" t="str">
            <v>建築一式</v>
          </cell>
          <cell r="AB472" t="str">
            <v>土木一式</v>
          </cell>
          <cell r="AC472" t="str">
            <v/>
          </cell>
          <cell r="AD472" t="str">
            <v/>
          </cell>
          <cell r="AE472">
            <v>43708</v>
          </cell>
          <cell r="AF472" t="str">
            <v>希望しない</v>
          </cell>
          <cell r="AG472" t="str">
            <v>建築一式</v>
          </cell>
          <cell r="AH472" t="str">
            <v>特定</v>
          </cell>
          <cell r="AI472">
            <v>749</v>
          </cell>
          <cell r="AJ472">
            <v>158167</v>
          </cell>
          <cell r="AK472" t="str">
            <v>3(2)/1/3</v>
          </cell>
          <cell r="AL472" t="str">
            <v>土木一式</v>
          </cell>
          <cell r="AM472" t="str">
            <v>特定</v>
          </cell>
          <cell r="AN472">
            <v>706</v>
          </cell>
          <cell r="AO472">
            <v>36020</v>
          </cell>
          <cell r="AP472" t="str">
            <v>3(2)/1/3</v>
          </cell>
          <cell r="AQ472" t="str">
            <v/>
          </cell>
          <cell r="AR472" t="str">
            <v/>
          </cell>
          <cell r="AS472" t="str">
            <v/>
          </cell>
          <cell r="AT472" t="str">
            <v/>
          </cell>
          <cell r="AU472" t="str">
            <v/>
          </cell>
          <cell r="AV472" t="str">
            <v/>
          </cell>
          <cell r="AW472" t="str">
            <v/>
          </cell>
          <cell r="AX472" t="str">
            <v/>
          </cell>
          <cell r="AY472" t="str">
            <v/>
          </cell>
          <cell r="AZ472" t="str">
            <v/>
          </cell>
          <cell r="BA472" t="str">
            <v>大阪府</v>
          </cell>
        </row>
        <row r="473">
          <cell r="B473">
            <v>2668</v>
          </cell>
          <cell r="C473" t="str">
            <v>神戸マシナリー(株)</v>
          </cell>
          <cell r="D473" t="str">
            <v>078-915-8140</v>
          </cell>
          <cell r="E473" t="str">
            <v>657-0837</v>
          </cell>
          <cell r="F473" t="str">
            <v>兵庫県神戸市灘区原田通2-1-3-101</v>
          </cell>
          <cell r="G473" t="str">
            <v>神戸市</v>
          </cell>
          <cell r="H473" t="str">
            <v/>
          </cell>
          <cell r="I473" t="str">
            <v>代表取締役 山本　健史</v>
          </cell>
          <cell r="J473" t="str">
            <v>本店</v>
          </cell>
          <cell r="K473" t="str">
            <v>078-915-8160</v>
          </cell>
          <cell r="L473" t="str">
            <v>matsubayashi@kobemashinari.co.jp</v>
          </cell>
          <cell r="M473" t="str">
            <v>ｺｳﾍﾞﾏｼﾅﾘｰ</v>
          </cell>
          <cell r="N473" t="str">
            <v>無</v>
          </cell>
          <cell r="O473">
            <v>1</v>
          </cell>
          <cell r="P473">
            <v>2</v>
          </cell>
          <cell r="Q473">
            <v>1140001105980</v>
          </cell>
          <cell r="R473">
            <v>5000</v>
          </cell>
          <cell r="S473">
            <v>12036</v>
          </cell>
          <cell r="T473">
            <v>96845</v>
          </cell>
          <cell r="V473" t="str">
            <v>yg169731</v>
          </cell>
          <cell r="W473" t="str">
            <v>sv186425</v>
          </cell>
          <cell r="X473" t="str">
            <v>管</v>
          </cell>
          <cell r="Y473" t="str">
            <v>管</v>
          </cell>
          <cell r="Z473" t="str">
            <v/>
          </cell>
          <cell r="AA473" t="str">
            <v>管</v>
          </cell>
          <cell r="AB473" t="str">
            <v/>
          </cell>
          <cell r="AC473" t="str">
            <v/>
          </cell>
          <cell r="AD473" t="str">
            <v/>
          </cell>
          <cell r="AE473">
            <v>43555</v>
          </cell>
          <cell r="AF473" t="str">
            <v>希望しない</v>
          </cell>
          <cell r="AG473" t="str">
            <v>管</v>
          </cell>
          <cell r="AH473" t="str">
            <v>一般</v>
          </cell>
          <cell r="AI473">
            <v>617</v>
          </cell>
          <cell r="AJ473">
            <v>74698</v>
          </cell>
          <cell r="AK473" t="str">
            <v>1(1)/0/0</v>
          </cell>
          <cell r="AL473" t="str">
            <v/>
          </cell>
          <cell r="AM473" t="str">
            <v/>
          </cell>
          <cell r="AN473" t="str">
            <v/>
          </cell>
          <cell r="AO473" t="str">
            <v/>
          </cell>
          <cell r="AP473" t="str">
            <v/>
          </cell>
          <cell r="AQ473" t="str">
            <v/>
          </cell>
          <cell r="AR473" t="str">
            <v/>
          </cell>
          <cell r="AS473" t="str">
            <v/>
          </cell>
          <cell r="AT473" t="str">
            <v/>
          </cell>
          <cell r="AU473" t="str">
            <v/>
          </cell>
          <cell r="AV473" t="str">
            <v/>
          </cell>
          <cell r="AW473" t="str">
            <v/>
          </cell>
          <cell r="AX473" t="str">
            <v/>
          </cell>
          <cell r="AY473" t="str">
            <v/>
          </cell>
          <cell r="AZ473" t="str">
            <v/>
          </cell>
          <cell r="BA473" t="str">
            <v>兵庫県</v>
          </cell>
        </row>
        <row r="474">
          <cell r="B474">
            <v>2673</v>
          </cell>
          <cell r="C474" t="str">
            <v>光伸(株)</v>
          </cell>
          <cell r="D474" t="str">
            <v>078-241-6283</v>
          </cell>
          <cell r="E474" t="str">
            <v>651-0084</v>
          </cell>
          <cell r="F474" t="str">
            <v>兵庫県神戸市中央区磯辺通2-2-25</v>
          </cell>
          <cell r="G474" t="str">
            <v>大阪市</v>
          </cell>
          <cell r="H474" t="str">
            <v>神戸営業所</v>
          </cell>
          <cell r="I474" t="str">
            <v>所長 井上　良介</v>
          </cell>
          <cell r="J474" t="str">
            <v>大阪府大阪市</v>
          </cell>
          <cell r="K474" t="str">
            <v>078-241-6426</v>
          </cell>
          <cell r="L474" t="str">
            <v>koube@kousin-kk.co.jp</v>
          </cell>
          <cell r="M474" t="str">
            <v>ｺｳｼﾝ</v>
          </cell>
          <cell r="N474" t="str">
            <v>有</v>
          </cell>
          <cell r="O474">
            <v>52</v>
          </cell>
          <cell r="P474">
            <v>90</v>
          </cell>
          <cell r="Q474">
            <v>9120001079030</v>
          </cell>
          <cell r="R474">
            <v>95000</v>
          </cell>
          <cell r="S474">
            <v>1683088</v>
          </cell>
          <cell r="T474">
            <v>1819643</v>
          </cell>
          <cell r="V474" t="str">
            <v>nv266545</v>
          </cell>
          <cell r="W474" t="str">
            <v>pq366527</v>
          </cell>
          <cell r="X474" t="str">
            <v>機(機)</v>
          </cell>
          <cell r="Y474" t="str">
            <v>機(機)</v>
          </cell>
          <cell r="Z474" t="str">
            <v/>
          </cell>
          <cell r="AA474" t="str">
            <v>機械器具</v>
          </cell>
          <cell r="AB474" t="str">
            <v/>
          </cell>
          <cell r="AC474" t="str">
            <v/>
          </cell>
          <cell r="AD474" t="str">
            <v/>
          </cell>
          <cell r="AE474">
            <v>43190</v>
          </cell>
          <cell r="AF474" t="str">
            <v/>
          </cell>
          <cell r="AG474" t="str">
            <v>機械器具</v>
          </cell>
          <cell r="AH474" t="str">
            <v>一般</v>
          </cell>
          <cell r="AI474">
            <v>972</v>
          </cell>
          <cell r="AJ474">
            <v>1717672</v>
          </cell>
          <cell r="AK474" t="str">
            <v>0(0)/0/34</v>
          </cell>
          <cell r="AL474" t="str">
            <v/>
          </cell>
          <cell r="AM474" t="str">
            <v/>
          </cell>
          <cell r="AN474" t="str">
            <v/>
          </cell>
          <cell r="AO474" t="str">
            <v/>
          </cell>
          <cell r="AP474" t="str">
            <v/>
          </cell>
          <cell r="AQ474" t="str">
            <v/>
          </cell>
          <cell r="AR474" t="str">
            <v/>
          </cell>
          <cell r="AS474" t="str">
            <v/>
          </cell>
          <cell r="AT474" t="str">
            <v/>
          </cell>
          <cell r="AU474" t="str">
            <v/>
          </cell>
          <cell r="AV474" t="str">
            <v/>
          </cell>
          <cell r="AW474" t="str">
            <v/>
          </cell>
          <cell r="AX474" t="str">
            <v/>
          </cell>
          <cell r="AY474" t="str">
            <v/>
          </cell>
          <cell r="AZ474" t="str">
            <v/>
          </cell>
          <cell r="BA474" t="str">
            <v>大阪府</v>
          </cell>
          <cell r="BB474">
            <v>0</v>
          </cell>
          <cell r="CR474">
            <v>5008</v>
          </cell>
          <cell r="CS474" t="str">
            <v>ﾎﾘｺ ﾖｼｵ</v>
          </cell>
          <cell r="CT474" t="str">
            <v>堀古  良雄</v>
          </cell>
          <cell r="CU474" t="str">
            <v>スポーツ振興課</v>
          </cell>
          <cell r="CW474">
            <v>3737</v>
          </cell>
          <cell r="CX474" t="str">
            <v>主査</v>
          </cell>
          <cell r="CY474" t="str">
            <v>スポーツ振興課長</v>
          </cell>
        </row>
        <row r="475">
          <cell r="B475">
            <v>2674</v>
          </cell>
          <cell r="C475" t="str">
            <v>幸進建設(株)</v>
          </cell>
          <cell r="D475" t="str">
            <v>0798-40-9811</v>
          </cell>
          <cell r="E475" t="str">
            <v>663-8173</v>
          </cell>
          <cell r="F475" t="str">
            <v>兵庫県西宮市甲子園三番町10-45</v>
          </cell>
          <cell r="G475" t="str">
            <v>西宮市</v>
          </cell>
          <cell r="H475" t="str">
            <v/>
          </cell>
          <cell r="I475" t="str">
            <v>代表取締役 伊藤　末美</v>
          </cell>
          <cell r="J475" t="str">
            <v>本店</v>
          </cell>
          <cell r="K475" t="str">
            <v>0798-40-9818</v>
          </cell>
          <cell r="L475" t="str">
            <v>kometani@ksk1990.co.jp</v>
          </cell>
          <cell r="M475" t="str">
            <v>ｺｳｼﾝｹﾝｾﾂ</v>
          </cell>
          <cell r="N475" t="str">
            <v>無</v>
          </cell>
          <cell r="O475">
            <v>27</v>
          </cell>
          <cell r="P475">
            <v>8</v>
          </cell>
          <cell r="Q475">
            <v>7140001068660</v>
          </cell>
          <cell r="R475">
            <v>30000</v>
          </cell>
          <cell r="S475">
            <v>57741</v>
          </cell>
          <cell r="T475">
            <v>307711</v>
          </cell>
          <cell r="V475" t="str">
            <v>dd974764</v>
          </cell>
          <cell r="W475" t="str">
            <v>we173162</v>
          </cell>
          <cell r="X475" t="str">
            <v>土と石鋼舗浚塗水解</v>
          </cell>
          <cell r="Y475" t="str">
            <v/>
          </cell>
          <cell r="Z475" t="str">
            <v>土と石鋼舗浚塗水解</v>
          </cell>
          <cell r="AA475" t="str">
            <v>土木一式</v>
          </cell>
          <cell r="AB475" t="str">
            <v>舗装</v>
          </cell>
          <cell r="AC475" t="str">
            <v>水道施設</v>
          </cell>
          <cell r="AD475" t="str">
            <v>解体</v>
          </cell>
          <cell r="AE475">
            <v>43251</v>
          </cell>
          <cell r="AF475" t="str">
            <v>希望する</v>
          </cell>
          <cell r="AG475" t="str">
            <v>土木一式</v>
          </cell>
          <cell r="AH475" t="str">
            <v>特定</v>
          </cell>
          <cell r="AI475">
            <v>871</v>
          </cell>
          <cell r="AJ475">
            <v>249042</v>
          </cell>
          <cell r="AK475" t="str">
            <v>3(3)/3/1</v>
          </cell>
          <cell r="AL475" t="str">
            <v>舗装</v>
          </cell>
          <cell r="AM475" t="str">
            <v>特定</v>
          </cell>
          <cell r="AN475">
            <v>731</v>
          </cell>
          <cell r="AO475">
            <v>1000</v>
          </cell>
          <cell r="AP475" t="str">
            <v>3(3)/2/0</v>
          </cell>
          <cell r="AQ475" t="str">
            <v>水道施設</v>
          </cell>
          <cell r="AR475" t="str">
            <v>特定</v>
          </cell>
          <cell r="AS475">
            <v>769</v>
          </cell>
          <cell r="AT475">
            <v>53736</v>
          </cell>
          <cell r="AU475" t="str">
            <v>0(0)/1/0</v>
          </cell>
          <cell r="AV475" t="str">
            <v>解体</v>
          </cell>
          <cell r="AW475" t="str">
            <v>特定</v>
          </cell>
          <cell r="AX475">
            <v>680</v>
          </cell>
          <cell r="AY475">
            <v>1321</v>
          </cell>
          <cell r="AZ475" t="str">
            <v>0(0)/0/0</v>
          </cell>
          <cell r="BA475" t="str">
            <v>兵庫県</v>
          </cell>
          <cell r="BB475">
            <v>0</v>
          </cell>
          <cell r="CR475">
            <v>5010</v>
          </cell>
          <cell r="CS475" t="str">
            <v>ﾅｶﾓﾄ ﾋﾛｱｷ</v>
          </cell>
          <cell r="CT475" t="str">
            <v>中元  浩晶</v>
          </cell>
          <cell r="CU475" t="str">
            <v>障害福祉課</v>
          </cell>
          <cell r="CW475">
            <v>2540</v>
          </cell>
          <cell r="CX475" t="str">
            <v>副主査</v>
          </cell>
          <cell r="CY475" t="str">
            <v>障害福祉課長</v>
          </cell>
        </row>
        <row r="476">
          <cell r="B476">
            <v>2675</v>
          </cell>
          <cell r="C476" t="str">
            <v>興生建設(株)</v>
          </cell>
          <cell r="D476" t="str">
            <v>0798-48-3450</v>
          </cell>
          <cell r="E476" t="str">
            <v>663-8179</v>
          </cell>
          <cell r="F476" t="str">
            <v>兵庫県西宮市甲子園九番町13-25</v>
          </cell>
          <cell r="G476" t="str">
            <v>西宮市</v>
          </cell>
          <cell r="H476" t="str">
            <v/>
          </cell>
          <cell r="I476" t="str">
            <v>代表取締役 山戸　一成</v>
          </cell>
          <cell r="J476" t="str">
            <v>本店</v>
          </cell>
          <cell r="K476" t="str">
            <v>0798-41-4665</v>
          </cell>
          <cell r="L476" t="str">
            <v>sales@kouseikensetsu.co.jp</v>
          </cell>
          <cell r="M476" t="str">
            <v>ｺｳｾｲｹﾝｾﾂ</v>
          </cell>
          <cell r="N476" t="str">
            <v>無</v>
          </cell>
          <cell r="O476">
            <v>50</v>
          </cell>
          <cell r="P476">
            <v>18</v>
          </cell>
          <cell r="Q476">
            <v>9140001068642</v>
          </cell>
          <cell r="R476">
            <v>88000</v>
          </cell>
          <cell r="S476">
            <v>685650</v>
          </cell>
          <cell r="T476">
            <v>1359953</v>
          </cell>
          <cell r="V476" t="str">
            <v>fd929395</v>
          </cell>
          <cell r="W476" t="str">
            <v>zx968999</v>
          </cell>
          <cell r="X476" t="str">
            <v>土と舗浚</v>
          </cell>
          <cell r="Y476" t="str">
            <v/>
          </cell>
          <cell r="Z476" t="str">
            <v>土と舗浚</v>
          </cell>
          <cell r="AA476" t="str">
            <v>土木一式</v>
          </cell>
          <cell r="AB476" t="str">
            <v>とび土工</v>
          </cell>
          <cell r="AC476" t="str">
            <v>舗装</v>
          </cell>
          <cell r="AD476" t="str">
            <v>浚渫</v>
          </cell>
          <cell r="AE476">
            <v>43251</v>
          </cell>
          <cell r="AF476" t="str">
            <v>希望しない</v>
          </cell>
          <cell r="AG476" t="str">
            <v>土木一式</v>
          </cell>
          <cell r="AH476" t="str">
            <v>特定</v>
          </cell>
          <cell r="AI476">
            <v>977</v>
          </cell>
          <cell r="AJ476">
            <v>1071995</v>
          </cell>
          <cell r="AK476" t="str">
            <v>9(9)/1/3</v>
          </cell>
          <cell r="AL476" t="str">
            <v>とび土工</v>
          </cell>
          <cell r="AM476" t="str">
            <v>特定</v>
          </cell>
          <cell r="AN476">
            <v>697</v>
          </cell>
          <cell r="AO476">
            <v>1675</v>
          </cell>
          <cell r="AP476" t="str">
            <v>0(0)/0/1</v>
          </cell>
          <cell r="AQ476" t="str">
            <v>舗装</v>
          </cell>
          <cell r="AR476" t="str">
            <v>特定</v>
          </cell>
          <cell r="AS476">
            <v>696</v>
          </cell>
          <cell r="AT476">
            <v>1176</v>
          </cell>
          <cell r="AU476" t="str">
            <v>0(0)/0/0</v>
          </cell>
          <cell r="AV476" t="str">
            <v>浚渫</v>
          </cell>
          <cell r="AW476" t="str">
            <v>特定</v>
          </cell>
          <cell r="AX476">
            <v>806</v>
          </cell>
          <cell r="AY476">
            <v>6125</v>
          </cell>
          <cell r="AZ476" t="str">
            <v>9(9)/1/4</v>
          </cell>
          <cell r="BA476" t="str">
            <v>兵庫県</v>
          </cell>
          <cell r="BB476">
            <v>0</v>
          </cell>
          <cell r="CR476">
            <v>5011</v>
          </cell>
          <cell r="CS476" t="str">
            <v>ﾔﾏﾅｶ ﾘﾕｳｼﾞ</v>
          </cell>
          <cell r="CT476" t="str">
            <v>山中  龍二</v>
          </cell>
          <cell r="CU476" t="str">
            <v>運輸サービス課</v>
          </cell>
          <cell r="CW476">
            <v>6737</v>
          </cell>
          <cell r="CX476" t="str">
            <v>主査</v>
          </cell>
          <cell r="CY476" t="str">
            <v>運輸サービス課長</v>
          </cell>
        </row>
        <row r="477">
          <cell r="B477">
            <v>2676</v>
          </cell>
          <cell r="C477" t="str">
            <v>公成建設(株)</v>
          </cell>
          <cell r="D477" t="str">
            <v>078-367-2520</v>
          </cell>
          <cell r="E477" t="str">
            <v>531-0076</v>
          </cell>
          <cell r="F477" t="str">
            <v>兵庫県神戸市中央区海岸通5-2-2-206</v>
          </cell>
          <cell r="G477" t="str">
            <v>京都市</v>
          </cell>
          <cell r="H477" t="str">
            <v>神戸営業所</v>
          </cell>
          <cell r="I477" t="str">
            <v>所長　 草ノ瀬　誠</v>
          </cell>
          <cell r="J477" t="str">
            <v>京都府京都市</v>
          </cell>
          <cell r="K477" t="str">
            <v>078-365-2521</v>
          </cell>
          <cell r="L477" t="str">
            <v>eigyou@kohsei-const.co.jp</v>
          </cell>
          <cell r="M477" t="str">
            <v>ｺｳｾｲｹﾝｾﾂ</v>
          </cell>
          <cell r="N477" t="str">
            <v>有</v>
          </cell>
          <cell r="O477">
            <v>68</v>
          </cell>
          <cell r="P477">
            <v>131</v>
          </cell>
          <cell r="Q477">
            <v>2130000000000</v>
          </cell>
          <cell r="R477">
            <v>450000</v>
          </cell>
          <cell r="S477">
            <v>3451031</v>
          </cell>
          <cell r="T477">
            <v>10563081</v>
          </cell>
          <cell r="V477" t="str">
            <v>am551435</v>
          </cell>
          <cell r="W477" t="str">
            <v>wf478671</v>
          </cell>
          <cell r="X477" t="str">
            <v>土と舗浚</v>
          </cell>
          <cell r="Y477" t="str">
            <v/>
          </cell>
          <cell r="Z477" t="str">
            <v>土と舗浚</v>
          </cell>
          <cell r="AA477" t="str">
            <v>土木一式</v>
          </cell>
          <cell r="AB477" t="str">
            <v>とび土工</v>
          </cell>
          <cell r="AC477" t="str">
            <v>鋼構造物</v>
          </cell>
          <cell r="AD477" t="str">
            <v>舗装</v>
          </cell>
          <cell r="AE477">
            <v>43190</v>
          </cell>
          <cell r="AF477" t="str">
            <v>ＳＰＲ工法</v>
          </cell>
          <cell r="AG477" t="str">
            <v>土木一式</v>
          </cell>
          <cell r="AH477" t="str">
            <v>特定</v>
          </cell>
          <cell r="AI477">
            <v>1208</v>
          </cell>
          <cell r="AJ477">
            <v>4961831</v>
          </cell>
          <cell r="AK477" t="str">
            <v>58(47)/4/0</v>
          </cell>
          <cell r="AL477" t="str">
            <v>とび土工</v>
          </cell>
          <cell r="AM477" t="str">
            <v>特定</v>
          </cell>
          <cell r="AN477">
            <v>932</v>
          </cell>
          <cell r="AO477">
            <v>25267</v>
          </cell>
          <cell r="AP477" t="str">
            <v>22(21)/0/0</v>
          </cell>
          <cell r="AQ477" t="str">
            <v>鋼構造物</v>
          </cell>
          <cell r="AR477" t="str">
            <v>特定</v>
          </cell>
          <cell r="AS477">
            <v>741</v>
          </cell>
          <cell r="AT477" t="str">
            <v/>
          </cell>
          <cell r="AU477" t="str">
            <v>1(0)/0/0</v>
          </cell>
          <cell r="AV477" t="str">
            <v>舗装</v>
          </cell>
          <cell r="AW477" t="str">
            <v>特定</v>
          </cell>
          <cell r="AX477">
            <v>1064</v>
          </cell>
          <cell r="AY477">
            <v>352455</v>
          </cell>
          <cell r="AZ477" t="str">
            <v>55(46)/4/0</v>
          </cell>
          <cell r="BA477" t="str">
            <v>京都府</v>
          </cell>
          <cell r="BB477">
            <v>0</v>
          </cell>
          <cell r="CR477">
            <v>5047</v>
          </cell>
          <cell r="CS477" t="str">
            <v>ｲﾅｶﾞｷ ﾖｼｺ</v>
          </cell>
          <cell r="CT477" t="str">
            <v>稲垣  好子</v>
          </cell>
          <cell r="CU477" t="str">
            <v>地域医療推進課</v>
          </cell>
          <cell r="CW477">
            <v>3852</v>
          </cell>
          <cell r="CX477" t="str">
            <v xml:space="preserve"> </v>
          </cell>
          <cell r="CY477" t="str">
            <v>地域医療推進課長</v>
          </cell>
        </row>
        <row r="478">
          <cell r="B478">
            <v>2679</v>
          </cell>
          <cell r="C478" t="str">
            <v>(株)弘電社</v>
          </cell>
          <cell r="D478" t="str">
            <v>06-6228-6002</v>
          </cell>
          <cell r="E478" t="str">
            <v>541-0047</v>
          </cell>
          <cell r="F478" t="str">
            <v>大阪府大阪市中央区淡路町1-7-3</v>
          </cell>
          <cell r="G478" t="str">
            <v/>
          </cell>
          <cell r="H478" t="str">
            <v>大阪支店</v>
          </cell>
          <cell r="I478" t="str">
            <v>取締役支店長 永嶋　靖史</v>
          </cell>
          <cell r="J478" t="str">
            <v>東京都</v>
          </cell>
          <cell r="K478" t="str">
            <v>06-6232-1526</v>
          </cell>
          <cell r="L478" t="str">
            <v>azumay@kk-kodensha.co.jp</v>
          </cell>
          <cell r="M478" t="str">
            <v>ｺｳﾃﾞﾝｼｬ</v>
          </cell>
          <cell r="N478" t="str">
            <v>有</v>
          </cell>
          <cell r="O478">
            <v>68</v>
          </cell>
          <cell r="P478">
            <v>614</v>
          </cell>
          <cell r="Q478">
            <v>3010001034778</v>
          </cell>
          <cell r="R478">
            <v>1520000</v>
          </cell>
          <cell r="S478">
            <v>14869000</v>
          </cell>
          <cell r="T478">
            <v>33983000</v>
          </cell>
          <cell r="V478" t="str">
            <v>bt837053</v>
          </cell>
          <cell r="W478" t="str">
            <v>vv869733</v>
          </cell>
          <cell r="X478" t="str">
            <v>消(電)(鋼)(塗)と電管鋼塗機通</v>
          </cell>
          <cell r="Y478" t="str">
            <v>消(電)(鋼)(塗)</v>
          </cell>
          <cell r="Z478" t="str">
            <v>と電管鋼塗機通</v>
          </cell>
          <cell r="AA478" t="str">
            <v>電気</v>
          </cell>
          <cell r="AB478" t="str">
            <v/>
          </cell>
          <cell r="AC478" t="str">
            <v/>
          </cell>
          <cell r="AD478" t="str">
            <v/>
          </cell>
          <cell r="AE478">
            <v>43190</v>
          </cell>
          <cell r="AF478" t="str">
            <v/>
          </cell>
          <cell r="AG478" t="str">
            <v>電気</v>
          </cell>
          <cell r="AH478" t="str">
            <v>特定</v>
          </cell>
          <cell r="AI478">
            <v>1564</v>
          </cell>
          <cell r="AJ478">
            <v>25611691</v>
          </cell>
          <cell r="AK478" t="str">
            <v>291(268)/12/12</v>
          </cell>
          <cell r="AL478" t="str">
            <v/>
          </cell>
          <cell r="AM478" t="str">
            <v/>
          </cell>
          <cell r="AN478" t="str">
            <v/>
          </cell>
          <cell r="AO478" t="str">
            <v/>
          </cell>
          <cell r="AP478" t="str">
            <v/>
          </cell>
          <cell r="AQ478" t="str">
            <v/>
          </cell>
          <cell r="AR478" t="str">
            <v/>
          </cell>
          <cell r="AS478" t="str">
            <v/>
          </cell>
          <cell r="AT478" t="str">
            <v/>
          </cell>
          <cell r="AU478" t="str">
            <v/>
          </cell>
          <cell r="AV478" t="str">
            <v/>
          </cell>
          <cell r="AW478" t="str">
            <v/>
          </cell>
          <cell r="AX478" t="str">
            <v/>
          </cell>
          <cell r="AY478" t="str">
            <v/>
          </cell>
          <cell r="AZ478" t="str">
            <v/>
          </cell>
          <cell r="BA478" t="str">
            <v>東京都</v>
          </cell>
          <cell r="BB478">
            <v>0</v>
          </cell>
          <cell r="CR478">
            <v>5071</v>
          </cell>
          <cell r="CS478" t="str">
            <v>ﾔﾏﾓﾄ ﾏｻﾕｷ</v>
          </cell>
          <cell r="CT478" t="str">
            <v>山本  正之</v>
          </cell>
          <cell r="CU478" t="str">
            <v xml:space="preserve"> </v>
          </cell>
          <cell r="CW478" t="str">
            <v xml:space="preserve"> </v>
          </cell>
          <cell r="CX478" t="str">
            <v>副院長</v>
          </cell>
          <cell r="CY478" t="str">
            <v>　</v>
          </cell>
        </row>
        <row r="479">
          <cell r="B479">
            <v>2680</v>
          </cell>
          <cell r="C479" t="str">
            <v>甲南電設工業(株)</v>
          </cell>
          <cell r="D479" t="str">
            <v>078-651-4040</v>
          </cell>
          <cell r="E479" t="str">
            <v>652-0882</v>
          </cell>
          <cell r="F479" t="str">
            <v>兵庫県神戸市兵庫区芦原通1-2-12</v>
          </cell>
          <cell r="G479" t="str">
            <v>神戸市</v>
          </cell>
          <cell r="H479" t="str">
            <v/>
          </cell>
          <cell r="I479" t="str">
            <v>代表取締役 塩出　浩一</v>
          </cell>
          <cell r="J479" t="str">
            <v>本店</v>
          </cell>
          <cell r="K479" t="str">
            <v>077-651-4045</v>
          </cell>
          <cell r="L479" t="str">
            <v>eigyou@kounanden.com</v>
          </cell>
          <cell r="M479" t="str">
            <v>ｺｳﾅﾝﾃﾞﾝｾﾂｺｳｷﾞｮｳ</v>
          </cell>
          <cell r="N479" t="str">
            <v>無</v>
          </cell>
          <cell r="O479">
            <v>69</v>
          </cell>
          <cell r="P479">
            <v>26</v>
          </cell>
          <cell r="Q479">
            <v>4140001013000</v>
          </cell>
          <cell r="R479">
            <v>25000</v>
          </cell>
          <cell r="S479">
            <v>529316</v>
          </cell>
          <cell r="T479">
            <v>1373154</v>
          </cell>
          <cell r="V479" t="str">
            <v>dp371451</v>
          </cell>
          <cell r="W479" t="str">
            <v>be760207</v>
          </cell>
          <cell r="X479" t="str">
            <v>通消電</v>
          </cell>
          <cell r="Y479" t="str">
            <v>通消</v>
          </cell>
          <cell r="Z479" t="str">
            <v>電</v>
          </cell>
          <cell r="AA479" t="str">
            <v>電気</v>
          </cell>
          <cell r="AB479" t="str">
            <v>電気通信</v>
          </cell>
          <cell r="AC479" t="str">
            <v>消防施設</v>
          </cell>
          <cell r="AD479" t="str">
            <v/>
          </cell>
          <cell r="AE479">
            <v>43585</v>
          </cell>
          <cell r="AF479" t="str">
            <v>希望しない</v>
          </cell>
          <cell r="AG479" t="str">
            <v>電気</v>
          </cell>
          <cell r="AH479" t="str">
            <v>特定</v>
          </cell>
          <cell r="AI479">
            <v>1025</v>
          </cell>
          <cell r="AJ479">
            <v>1446855</v>
          </cell>
          <cell r="AK479" t="str">
            <v>10(10)/1/4</v>
          </cell>
          <cell r="AL479" t="str">
            <v>電気通信</v>
          </cell>
          <cell r="AM479" t="str">
            <v>一般</v>
          </cell>
          <cell r="AN479">
            <v>770</v>
          </cell>
          <cell r="AO479">
            <v>13234</v>
          </cell>
          <cell r="AP479" t="str">
            <v>0(0)/0/4</v>
          </cell>
          <cell r="AQ479" t="str">
            <v>消防施設</v>
          </cell>
          <cell r="AR479" t="str">
            <v>一般</v>
          </cell>
          <cell r="AS479">
            <v>780</v>
          </cell>
          <cell r="AT479">
            <v>3743</v>
          </cell>
          <cell r="AU479" t="str">
            <v>0(0)/10/0</v>
          </cell>
          <cell r="AV479" t="str">
            <v/>
          </cell>
          <cell r="AW479" t="str">
            <v/>
          </cell>
          <cell r="AX479" t="str">
            <v/>
          </cell>
          <cell r="AY479" t="str">
            <v/>
          </cell>
          <cell r="AZ479" t="str">
            <v/>
          </cell>
          <cell r="BA479" t="str">
            <v>兵庫県</v>
          </cell>
        </row>
        <row r="480">
          <cell r="B480">
            <v>2681</v>
          </cell>
          <cell r="C480" t="str">
            <v>(株)鴻池組</v>
          </cell>
          <cell r="D480" t="str">
            <v>078-331-6857</v>
          </cell>
          <cell r="E480" t="str">
            <v>650-0024</v>
          </cell>
          <cell r="F480" t="str">
            <v>兵庫県神戸市中央区海岸通4番地</v>
          </cell>
          <cell r="G480" t="str">
            <v>大阪市</v>
          </cell>
          <cell r="H480" t="str">
            <v>神戸支店</v>
          </cell>
          <cell r="I480" t="str">
            <v>支店長 加藤　一哉</v>
          </cell>
          <cell r="J480" t="str">
            <v>大阪府大阪市</v>
          </cell>
          <cell r="K480" t="str">
            <v>078-331-4799</v>
          </cell>
          <cell r="L480" t="str">
            <v>kobe-eigyo@konoike.co.jp</v>
          </cell>
          <cell r="M480" t="str">
            <v>ｺｳﾉｲｹｸﾞﾐ</v>
          </cell>
          <cell r="N480" t="str">
            <v>有</v>
          </cell>
          <cell r="O480">
            <v>68</v>
          </cell>
          <cell r="P480">
            <v>1755</v>
          </cell>
          <cell r="Q480">
            <v>5120001026309</v>
          </cell>
          <cell r="R480">
            <v>5250000</v>
          </cell>
          <cell r="S480">
            <v>51810331</v>
          </cell>
          <cell r="T480">
            <v>221793465</v>
          </cell>
          <cell r="V480" t="str">
            <v>qx437464</v>
          </cell>
          <cell r="W480" t="str">
            <v>kq891703</v>
          </cell>
          <cell r="X480" t="str">
            <v>(清)(建)(大)(と)(石)(屋)(タ)(鋼)(舗)(浚)(内)(水)(解)土建大と石屋電管タ鋼舗浚塗防内機園水清解</v>
          </cell>
          <cell r="Y480" t="str">
            <v>(清)(建)(大)(と)(石)(屋)(タ)(鋼)(舗)(浚)(内)(水)(解)</v>
          </cell>
          <cell r="Z480" t="str">
            <v>土建大と石屋電管タ鋼舗浚塗防内機園水清解</v>
          </cell>
          <cell r="AA480" t="str">
            <v>建築一式</v>
          </cell>
          <cell r="AB480" t="str">
            <v>土木一式</v>
          </cell>
          <cell r="AC480" t="str">
            <v>浚渫</v>
          </cell>
          <cell r="AD480" t="str">
            <v>水道施設</v>
          </cell>
          <cell r="AE480">
            <v>43008</v>
          </cell>
          <cell r="AF480" t="str">
            <v>希望する</v>
          </cell>
          <cell r="AG480" t="str">
            <v>建築一式</v>
          </cell>
          <cell r="AH480" t="str">
            <v>特定</v>
          </cell>
          <cell r="AI480">
            <v>1890</v>
          </cell>
          <cell r="AJ480">
            <v>138483916</v>
          </cell>
          <cell r="AK480" t="str">
            <v>615(447)/12/88</v>
          </cell>
          <cell r="AL480" t="str">
            <v>土木一式</v>
          </cell>
          <cell r="AM480" t="str">
            <v>特定</v>
          </cell>
          <cell r="AN480">
            <v>1819</v>
          </cell>
          <cell r="AO480">
            <v>64966886</v>
          </cell>
          <cell r="AP480" t="str">
            <v>476(393)/3/23</v>
          </cell>
          <cell r="AQ480" t="str">
            <v>浚渫</v>
          </cell>
          <cell r="AR480" t="str">
            <v>特定</v>
          </cell>
          <cell r="AS480">
            <v>1121</v>
          </cell>
          <cell r="AT480">
            <v>209830</v>
          </cell>
          <cell r="AU480" t="str">
            <v>0(0)/0/0</v>
          </cell>
          <cell r="AV480" t="str">
            <v>水道施設</v>
          </cell>
          <cell r="AW480" t="str">
            <v>特定</v>
          </cell>
          <cell r="AX480">
            <v>1490</v>
          </cell>
          <cell r="AY480">
            <v>2247942</v>
          </cell>
          <cell r="AZ480" t="str">
            <v>298(244)/0/1</v>
          </cell>
          <cell r="BA480" t="str">
            <v>大阪府</v>
          </cell>
          <cell r="BB480">
            <v>0</v>
          </cell>
          <cell r="CR480">
            <v>5078</v>
          </cell>
          <cell r="CS480" t="str">
            <v>ｱﾅﾝ ｹｲｽｹ</v>
          </cell>
          <cell r="CT480" t="str">
            <v>阿南  圭典</v>
          </cell>
          <cell r="CU480" t="str">
            <v>生活支援課</v>
          </cell>
          <cell r="CW480">
            <v>2645</v>
          </cell>
          <cell r="CX480" t="str">
            <v>主査</v>
          </cell>
          <cell r="CY480" t="str">
            <v>生活支援課長</v>
          </cell>
        </row>
        <row r="481">
          <cell r="B481">
            <v>2682</v>
          </cell>
          <cell r="C481" t="str">
            <v>高分子(株)</v>
          </cell>
          <cell r="D481" t="str">
            <v>072-278-4157</v>
          </cell>
          <cell r="E481" t="str">
            <v>599-8271</v>
          </cell>
          <cell r="F481" t="str">
            <v>大阪府堺市中区深井北町3418-1</v>
          </cell>
          <cell r="G481" t="str">
            <v>堺市</v>
          </cell>
          <cell r="H481" t="str">
            <v/>
          </cell>
          <cell r="I481" t="str">
            <v>代表取締役 山口　朗</v>
          </cell>
          <cell r="J481" t="str">
            <v>本店</v>
          </cell>
          <cell r="K481" t="str">
            <v>072-277-4936</v>
          </cell>
          <cell r="L481" t="str">
            <v>denshi-n@kohbunshi.co.jp</v>
          </cell>
          <cell r="M481" t="str">
            <v>ｺｳﾌﾞﾝｼ</v>
          </cell>
          <cell r="N481" t="str">
            <v>無</v>
          </cell>
          <cell r="O481">
            <v>42</v>
          </cell>
          <cell r="P481">
            <v>40</v>
          </cell>
          <cell r="Q481">
            <v>4120101003150</v>
          </cell>
          <cell r="R481">
            <v>100000</v>
          </cell>
          <cell r="S481">
            <v>468720</v>
          </cell>
          <cell r="T481">
            <v>2576474</v>
          </cell>
          <cell r="V481" t="str">
            <v>ja337244</v>
          </cell>
          <cell r="W481" t="str">
            <v>tv161286</v>
          </cell>
          <cell r="X481" t="str">
            <v>土建大と石屋管タ鋼鉄舗板ガ塗防内熱具水解</v>
          </cell>
          <cell r="Y481" t="str">
            <v/>
          </cell>
          <cell r="Z481" t="str">
            <v>土建大と石屋管タ鋼鉄舗板ガ塗防内熱具水解</v>
          </cell>
          <cell r="AA481" t="str">
            <v>防水</v>
          </cell>
          <cell r="AB481" t="str">
            <v>塗装</v>
          </cell>
          <cell r="AC481" t="str">
            <v>建築一式</v>
          </cell>
          <cell r="AD481" t="str">
            <v>管</v>
          </cell>
          <cell r="AE481">
            <v>42998</v>
          </cell>
          <cell r="AF481" t="str">
            <v>希望しない</v>
          </cell>
          <cell r="AG481" t="str">
            <v>防水</v>
          </cell>
          <cell r="AH481" t="str">
            <v>特定</v>
          </cell>
          <cell r="AI481">
            <v>938</v>
          </cell>
          <cell r="AJ481">
            <v>524632</v>
          </cell>
          <cell r="AK481" t="str">
            <v>11(10)/7/4</v>
          </cell>
          <cell r="AL481" t="str">
            <v>塗装</v>
          </cell>
          <cell r="AM481" t="str">
            <v>特定</v>
          </cell>
          <cell r="AN481">
            <v>938</v>
          </cell>
          <cell r="AO481">
            <v>503311</v>
          </cell>
          <cell r="AP481" t="str">
            <v>10(9)/7/3</v>
          </cell>
          <cell r="AQ481" t="str">
            <v>建築一式</v>
          </cell>
          <cell r="AR481" t="str">
            <v>特定</v>
          </cell>
          <cell r="AS481">
            <v>937</v>
          </cell>
          <cell r="AT481">
            <v>1548531</v>
          </cell>
          <cell r="AU481" t="str">
            <v>2(2)/4/0</v>
          </cell>
          <cell r="AV481" t="str">
            <v>管</v>
          </cell>
          <cell r="AW481" t="str">
            <v>一般</v>
          </cell>
          <cell r="AX481">
            <v>673</v>
          </cell>
          <cell r="AY481" t="str">
            <v/>
          </cell>
          <cell r="AZ481" t="str">
            <v>0(0)/0/0</v>
          </cell>
          <cell r="BA481" t="str">
            <v>大阪府</v>
          </cell>
          <cell r="BB481">
            <v>0</v>
          </cell>
          <cell r="CR481">
            <v>5079</v>
          </cell>
          <cell r="CS481" t="str">
            <v>ｲﾄｳ ﾏｻﾋﾛ</v>
          </cell>
          <cell r="CT481" t="str">
            <v>伊藤  政浩</v>
          </cell>
          <cell r="CU481" t="str">
            <v>まちづくり推進課</v>
          </cell>
          <cell r="CW481">
            <v>2109</v>
          </cell>
          <cell r="CX481" t="str">
            <v>主査</v>
          </cell>
          <cell r="CY481" t="str">
            <v>まちづくり推進課長</v>
          </cell>
        </row>
        <row r="482">
          <cell r="B482">
            <v>2684</v>
          </cell>
          <cell r="C482" t="str">
            <v>神戸国際ステージサービス(株)</v>
          </cell>
          <cell r="D482" t="str">
            <v>078-994-1855</v>
          </cell>
          <cell r="E482" t="str">
            <v>651-2228</v>
          </cell>
          <cell r="F482" t="str">
            <v>兵庫県神戸市西区見津が丘1-16-2</v>
          </cell>
          <cell r="G482" t="str">
            <v>神戸市</v>
          </cell>
          <cell r="H482" t="str">
            <v/>
          </cell>
          <cell r="I482" t="str">
            <v>代表取締役 遠藤　卓男</v>
          </cell>
          <cell r="J482" t="str">
            <v>本店</v>
          </cell>
          <cell r="K482" t="str">
            <v>078-994-1856</v>
          </cell>
          <cell r="L482" t="str">
            <v>h-bid@kiss4u.co.jp</v>
          </cell>
          <cell r="M482" t="str">
            <v>ｺｳﾍﾞｺｸｻｲｽﾃｰｼﾞｻｰﾋﾞｽ</v>
          </cell>
          <cell r="N482" t="str">
            <v>無</v>
          </cell>
          <cell r="O482">
            <v>47</v>
          </cell>
          <cell r="P482">
            <v>89</v>
          </cell>
          <cell r="Q482">
            <v>3140001011938</v>
          </cell>
          <cell r="R482">
            <v>30000</v>
          </cell>
          <cell r="S482">
            <v>468994</v>
          </cell>
          <cell r="T482">
            <v>1287916</v>
          </cell>
          <cell r="V482" t="str">
            <v>zq480927</v>
          </cell>
          <cell r="W482" t="str">
            <v>vk816204</v>
          </cell>
          <cell r="X482" t="str">
            <v>電機</v>
          </cell>
          <cell r="Y482" t="str">
            <v>電機</v>
          </cell>
          <cell r="Z482" t="str">
            <v/>
          </cell>
          <cell r="AA482" t="str">
            <v>電気</v>
          </cell>
          <cell r="AB482" t="str">
            <v>機械器具</v>
          </cell>
          <cell r="AC482" t="str">
            <v/>
          </cell>
          <cell r="AD482" t="str">
            <v/>
          </cell>
          <cell r="AE482">
            <v>43190</v>
          </cell>
          <cell r="AF482" t="str">
            <v>希望しない</v>
          </cell>
          <cell r="AG482" t="str">
            <v>電気</v>
          </cell>
          <cell r="AH482" t="str">
            <v>一般</v>
          </cell>
          <cell r="AI482">
            <v>662</v>
          </cell>
          <cell r="AJ482">
            <v>94321</v>
          </cell>
          <cell r="AK482" t="str">
            <v>0(0)/0/6</v>
          </cell>
          <cell r="AL482" t="str">
            <v>機械器具</v>
          </cell>
          <cell r="AM482" t="str">
            <v>一般</v>
          </cell>
          <cell r="AN482">
            <v>601</v>
          </cell>
          <cell r="AO482">
            <v>9528</v>
          </cell>
          <cell r="AP482" t="str">
            <v>0(0)/0/5</v>
          </cell>
          <cell r="AQ482" t="str">
            <v/>
          </cell>
          <cell r="AR482" t="str">
            <v/>
          </cell>
          <cell r="AS482" t="str">
            <v/>
          </cell>
          <cell r="AT482" t="str">
            <v/>
          </cell>
          <cell r="AU482" t="str">
            <v/>
          </cell>
          <cell r="AV482" t="str">
            <v/>
          </cell>
          <cell r="AW482" t="str">
            <v/>
          </cell>
          <cell r="AX482" t="str">
            <v/>
          </cell>
          <cell r="AY482" t="str">
            <v/>
          </cell>
          <cell r="AZ482" t="str">
            <v/>
          </cell>
          <cell r="BA482" t="str">
            <v>兵庫県</v>
          </cell>
          <cell r="BB482">
            <v>0</v>
          </cell>
          <cell r="CR482">
            <v>5080</v>
          </cell>
          <cell r="CS482" t="str">
            <v>ｻｲﾄｳ ﾄﾓﾐ</v>
          </cell>
          <cell r="CT482" t="str">
            <v>斉藤  知美</v>
          </cell>
          <cell r="CU482" t="str">
            <v>市民課</v>
          </cell>
          <cell r="CW482">
            <v>2626</v>
          </cell>
          <cell r="CX482" t="str">
            <v>主査</v>
          </cell>
          <cell r="CY482" t="str">
            <v>市民課長</v>
          </cell>
        </row>
        <row r="483">
          <cell r="B483">
            <v>2685</v>
          </cell>
          <cell r="C483" t="str">
            <v>(株)神戸サンソ</v>
          </cell>
          <cell r="D483" t="str">
            <v>078-453-0081</v>
          </cell>
          <cell r="E483" t="str">
            <v>658-0025</v>
          </cell>
          <cell r="F483" t="str">
            <v>兵庫県神戸市東灘区魚崎南町3-2-2</v>
          </cell>
          <cell r="G483" t="str">
            <v>神戸市</v>
          </cell>
          <cell r="H483" t="str">
            <v/>
          </cell>
          <cell r="I483" t="str">
            <v>代表取締役 岡野　洋太郎</v>
          </cell>
          <cell r="J483" t="str">
            <v>本店</v>
          </cell>
          <cell r="K483" t="str">
            <v>078-453-0561</v>
          </cell>
          <cell r="L483" t="str">
            <v>generalaffairs@kobe-sanso.co.jp</v>
          </cell>
          <cell r="M483" t="str">
            <v>ｺｳﾍﾞｻﾝｿ</v>
          </cell>
          <cell r="N483" t="str">
            <v>無</v>
          </cell>
          <cell r="O483">
            <v>94</v>
          </cell>
          <cell r="P483">
            <v>38</v>
          </cell>
          <cell r="Q483">
            <v>5140001002852</v>
          </cell>
          <cell r="R483">
            <v>48000</v>
          </cell>
          <cell r="S483">
            <v>371525</v>
          </cell>
          <cell r="T483">
            <v>910366</v>
          </cell>
          <cell r="V483" t="str">
            <v>rn176646</v>
          </cell>
          <cell r="W483" t="str">
            <v>pn627717</v>
          </cell>
          <cell r="X483" t="str">
            <v>機管</v>
          </cell>
          <cell r="Y483" t="str">
            <v>機</v>
          </cell>
          <cell r="Z483" t="str">
            <v>管</v>
          </cell>
          <cell r="AA483" t="str">
            <v>管</v>
          </cell>
          <cell r="AB483" t="str">
            <v>機械器具</v>
          </cell>
          <cell r="AC483" t="str">
            <v/>
          </cell>
          <cell r="AD483" t="str">
            <v/>
          </cell>
          <cell r="AE483">
            <v>43343</v>
          </cell>
          <cell r="AF483" t="str">
            <v>希望しない</v>
          </cell>
          <cell r="AG483" t="str">
            <v>管</v>
          </cell>
          <cell r="AH483" t="str">
            <v>特定</v>
          </cell>
          <cell r="AI483">
            <v>734</v>
          </cell>
          <cell r="AJ483">
            <v>58103</v>
          </cell>
          <cell r="AK483" t="str">
            <v>1(0)/2/0</v>
          </cell>
          <cell r="AL483" t="str">
            <v>機械器具</v>
          </cell>
          <cell r="AM483" t="str">
            <v>一般</v>
          </cell>
          <cell r="AN483">
            <v>704</v>
          </cell>
          <cell r="AO483">
            <v>30514</v>
          </cell>
          <cell r="AP483" t="str">
            <v>0(0)/0/2</v>
          </cell>
          <cell r="AQ483" t="str">
            <v/>
          </cell>
          <cell r="AR483" t="str">
            <v/>
          </cell>
          <cell r="AS483" t="str">
            <v/>
          </cell>
          <cell r="AT483" t="str">
            <v/>
          </cell>
          <cell r="AU483" t="str">
            <v/>
          </cell>
          <cell r="AV483" t="str">
            <v/>
          </cell>
          <cell r="AW483" t="str">
            <v/>
          </cell>
          <cell r="AX483" t="str">
            <v/>
          </cell>
          <cell r="AY483" t="str">
            <v/>
          </cell>
          <cell r="AZ483" t="str">
            <v/>
          </cell>
          <cell r="BA483" t="str">
            <v>兵庫県</v>
          </cell>
          <cell r="BB483">
            <v>0</v>
          </cell>
          <cell r="CR483">
            <v>5081</v>
          </cell>
          <cell r="CS483" t="str">
            <v>ｳﾒﾓﾄ ﾄﾓﾔ</v>
          </cell>
          <cell r="CT483" t="str">
            <v>梅本  智也</v>
          </cell>
          <cell r="CU483" t="str">
            <v>議事課</v>
          </cell>
          <cell r="CW483">
            <v>3452</v>
          </cell>
          <cell r="CX483" t="str">
            <v>副主幹</v>
          </cell>
          <cell r="CY483" t="str">
            <v>議事課長</v>
          </cell>
        </row>
        <row r="484">
          <cell r="B484">
            <v>2689</v>
          </cell>
          <cell r="C484" t="str">
            <v>神戸電機工業(株)</v>
          </cell>
          <cell r="D484" t="str">
            <v>078-575-4278</v>
          </cell>
          <cell r="E484" t="str">
            <v>650-0025</v>
          </cell>
          <cell r="F484" t="str">
            <v>兵庫県神戸市中央区相生町5-16-10</v>
          </cell>
          <cell r="G484" t="str">
            <v>神戸市</v>
          </cell>
          <cell r="H484" t="str">
            <v/>
          </cell>
          <cell r="I484" t="str">
            <v>代表取締役 村迫　孝幸</v>
          </cell>
          <cell r="J484" t="str">
            <v>本店</v>
          </cell>
          <cell r="K484" t="str">
            <v>078-576-4251</v>
          </cell>
          <cell r="L484" t="str">
            <v>kbattery@siren.ocn.ne.jp</v>
          </cell>
          <cell r="M484" t="str">
            <v>ｺｳﾍﾞﾃﾞﾝｷｺｳｷﾞｮｳ</v>
          </cell>
          <cell r="N484" t="str">
            <v>無</v>
          </cell>
          <cell r="O484">
            <v>46</v>
          </cell>
          <cell r="P484">
            <v>8</v>
          </cell>
          <cell r="Q484">
            <v>8140001012056</v>
          </cell>
          <cell r="R484">
            <v>10000</v>
          </cell>
          <cell r="S484">
            <v>721272</v>
          </cell>
          <cell r="T484">
            <v>401181</v>
          </cell>
          <cell r="V484" t="str">
            <v>st797697</v>
          </cell>
          <cell r="W484" t="str">
            <v>cg768684</v>
          </cell>
          <cell r="X484" t="str">
            <v>電機</v>
          </cell>
          <cell r="Y484" t="str">
            <v>電機</v>
          </cell>
          <cell r="Z484" t="str">
            <v/>
          </cell>
          <cell r="AA484" t="str">
            <v>電気</v>
          </cell>
          <cell r="AB484" t="str">
            <v>機械器具</v>
          </cell>
          <cell r="AC484" t="str">
            <v/>
          </cell>
          <cell r="AD484" t="str">
            <v/>
          </cell>
          <cell r="AE484">
            <v>43301</v>
          </cell>
          <cell r="AF484" t="str">
            <v/>
          </cell>
          <cell r="AG484" t="str">
            <v>電気</v>
          </cell>
          <cell r="AH484" t="str">
            <v>一般</v>
          </cell>
          <cell r="AI484">
            <v>867</v>
          </cell>
          <cell r="AJ484">
            <v>308493</v>
          </cell>
          <cell r="AK484" t="str">
            <v>1(1)/1/3</v>
          </cell>
          <cell r="AL484" t="str">
            <v>機械器具</v>
          </cell>
          <cell r="AM484" t="str">
            <v>特定</v>
          </cell>
          <cell r="AN484">
            <v>785</v>
          </cell>
          <cell r="AO484">
            <v>57358</v>
          </cell>
          <cell r="AP484" t="str">
            <v>0(0)/0/2</v>
          </cell>
          <cell r="AQ484" t="str">
            <v/>
          </cell>
          <cell r="AR484" t="str">
            <v/>
          </cell>
          <cell r="AS484" t="str">
            <v/>
          </cell>
          <cell r="AT484" t="str">
            <v/>
          </cell>
          <cell r="AU484" t="str">
            <v/>
          </cell>
          <cell r="AV484" t="str">
            <v/>
          </cell>
          <cell r="AW484" t="str">
            <v/>
          </cell>
          <cell r="AX484" t="str">
            <v/>
          </cell>
          <cell r="AY484" t="str">
            <v/>
          </cell>
          <cell r="AZ484" t="str">
            <v/>
          </cell>
          <cell r="BA484" t="str">
            <v>兵庫県</v>
          </cell>
          <cell r="BB484">
            <v>0</v>
          </cell>
          <cell r="CR484">
            <v>5082</v>
          </cell>
          <cell r="CS484" t="str">
            <v>ﾔﾏﾜｷ ﾕﾐｺ</v>
          </cell>
          <cell r="CT484" t="str">
            <v>山脇  由美子</v>
          </cell>
          <cell r="CU484" t="str">
            <v>消費生活センター</v>
          </cell>
          <cell r="CW484" t="str">
            <v xml:space="preserve"> </v>
          </cell>
          <cell r="CX484" t="str">
            <v>副主査</v>
          </cell>
          <cell r="CY484" t="str">
            <v>消費生活センター長</v>
          </cell>
        </row>
        <row r="485">
          <cell r="B485">
            <v>2690</v>
          </cell>
          <cell r="C485" t="str">
            <v>神戸道路産業(株)</v>
          </cell>
          <cell r="D485" t="str">
            <v>078-871-3571</v>
          </cell>
          <cell r="E485" t="str">
            <v>657-0051</v>
          </cell>
          <cell r="F485" t="str">
            <v>兵庫県神戸市灘区八幡町4-9-17-101</v>
          </cell>
          <cell r="G485" t="str">
            <v>神戸市</v>
          </cell>
          <cell r="H485" t="str">
            <v/>
          </cell>
          <cell r="I485" t="str">
            <v>代表取締役 矢野　傅久</v>
          </cell>
          <cell r="J485" t="str">
            <v>本店</v>
          </cell>
          <cell r="K485" t="str">
            <v>078-871-3572</v>
          </cell>
          <cell r="L485" t="str">
            <v>kds@earth.ocn.ne.jp</v>
          </cell>
          <cell r="M485" t="str">
            <v>ｺｳﾍﾞﾄﾞｳﾛｻﾝｷﾞｮｳ</v>
          </cell>
          <cell r="N485" t="str">
            <v>無</v>
          </cell>
          <cell r="O485">
            <v>35</v>
          </cell>
          <cell r="P485">
            <v>5</v>
          </cell>
          <cell r="Q485">
            <v>7140001017155</v>
          </cell>
          <cell r="R485">
            <v>10000</v>
          </cell>
          <cell r="S485">
            <v>31326</v>
          </cell>
          <cell r="T485">
            <v>158778</v>
          </cell>
          <cell r="V485" t="str">
            <v>gu874242</v>
          </cell>
          <cell r="W485" t="str">
            <v>rh807796</v>
          </cell>
          <cell r="X485" t="str">
            <v>と舗塗</v>
          </cell>
          <cell r="Y485" t="str">
            <v>と舗塗</v>
          </cell>
          <cell r="Z485" t="str">
            <v/>
          </cell>
          <cell r="AA485" t="str">
            <v>塗装</v>
          </cell>
          <cell r="AB485" t="str">
            <v>とび土工</v>
          </cell>
          <cell r="AC485" t="str">
            <v/>
          </cell>
          <cell r="AD485" t="str">
            <v/>
          </cell>
          <cell r="AE485">
            <v>43008</v>
          </cell>
          <cell r="AF485" t="str">
            <v>希望しない</v>
          </cell>
          <cell r="AG485" t="str">
            <v>塗装</v>
          </cell>
          <cell r="AH485" t="str">
            <v>一般</v>
          </cell>
          <cell r="AI485">
            <v>633</v>
          </cell>
          <cell r="AJ485">
            <v>44073</v>
          </cell>
          <cell r="AK485" t="str">
            <v>1(1)/1/0</v>
          </cell>
          <cell r="AL485" t="str">
            <v>とび土工</v>
          </cell>
          <cell r="AM485" t="str">
            <v>一般</v>
          </cell>
          <cell r="AN485">
            <v>684</v>
          </cell>
          <cell r="AO485">
            <v>76759</v>
          </cell>
          <cell r="AP485" t="str">
            <v>1(1)/1/0</v>
          </cell>
          <cell r="AQ485" t="str">
            <v/>
          </cell>
          <cell r="AR485" t="str">
            <v/>
          </cell>
          <cell r="AS485" t="str">
            <v/>
          </cell>
          <cell r="AT485" t="str">
            <v/>
          </cell>
          <cell r="AU485" t="str">
            <v/>
          </cell>
          <cell r="AV485" t="str">
            <v/>
          </cell>
          <cell r="AW485" t="str">
            <v/>
          </cell>
          <cell r="AX485" t="str">
            <v/>
          </cell>
          <cell r="AY485" t="str">
            <v/>
          </cell>
          <cell r="AZ485" t="str">
            <v/>
          </cell>
          <cell r="BA485" t="str">
            <v>兵庫県</v>
          </cell>
          <cell r="BB485" t="str">
            <v>オックスフォードコート</v>
          </cell>
          <cell r="CR485">
            <v>5083</v>
          </cell>
          <cell r="CS485" t="str">
            <v>ﾀｶﾐ ｷｻｵ</v>
          </cell>
          <cell r="CT485" t="str">
            <v>高見  喜佐雄</v>
          </cell>
          <cell r="CU485" t="str">
            <v>住宅管理課</v>
          </cell>
          <cell r="CW485">
            <v>3308</v>
          </cell>
          <cell r="CX485" t="str">
            <v xml:space="preserve"> </v>
          </cell>
          <cell r="CY485" t="str">
            <v>住宅管理課長</v>
          </cell>
        </row>
        <row r="486">
          <cell r="B486">
            <v>2691</v>
          </cell>
          <cell r="C486" t="str">
            <v>(株)鴻友建設</v>
          </cell>
          <cell r="D486" t="str">
            <v>072-988-2157</v>
          </cell>
          <cell r="E486" t="str">
            <v>579-8065</v>
          </cell>
          <cell r="F486" t="str">
            <v>大阪府東大阪市新池島町3-9-8</v>
          </cell>
          <cell r="G486" t="str">
            <v>東大阪市</v>
          </cell>
          <cell r="H486" t="str">
            <v/>
          </cell>
          <cell r="I486" t="str">
            <v>代表取締役 小林　大介</v>
          </cell>
          <cell r="J486" t="str">
            <v>本店</v>
          </cell>
          <cell r="K486" t="str">
            <v>072-988-2107</v>
          </cell>
          <cell r="L486" t="str">
            <v>info@koyu-k.co.jp</v>
          </cell>
          <cell r="M486" t="str">
            <v>ｺｳﾕｳｹﾝｾﾂ</v>
          </cell>
          <cell r="N486" t="str">
            <v>無</v>
          </cell>
          <cell r="O486">
            <v>33</v>
          </cell>
          <cell r="P486">
            <v>19</v>
          </cell>
          <cell r="Q486">
            <v>5122001013815</v>
          </cell>
          <cell r="R486">
            <v>40000</v>
          </cell>
          <cell r="S486">
            <v>57671</v>
          </cell>
          <cell r="T486">
            <v>1448562</v>
          </cell>
          <cell r="V486" t="str">
            <v>hk941784</v>
          </cell>
          <cell r="W486" t="str">
            <v>be237647</v>
          </cell>
          <cell r="X486" t="str">
            <v>土建大と石屋タ鋼鉄舗浚板ガ塗防内熱具水解</v>
          </cell>
          <cell r="Y486" t="str">
            <v/>
          </cell>
          <cell r="Z486" t="str">
            <v>土建大と石屋タ鋼鉄舗浚板ガ塗防内熱具水解</v>
          </cell>
          <cell r="AA486" t="str">
            <v>建築一式</v>
          </cell>
          <cell r="AB486" t="str">
            <v>とび土工</v>
          </cell>
          <cell r="AC486" t="str">
            <v>解体</v>
          </cell>
          <cell r="AD486" t="str">
            <v>土木一式</v>
          </cell>
          <cell r="AE486">
            <v>43343</v>
          </cell>
          <cell r="AF486" t="str">
            <v>希望しない</v>
          </cell>
          <cell r="AG486" t="str">
            <v>建築一式</v>
          </cell>
          <cell r="AH486" t="str">
            <v>特定</v>
          </cell>
          <cell r="AI486">
            <v>901</v>
          </cell>
          <cell r="AJ486">
            <v>935091</v>
          </cell>
          <cell r="AK486" t="str">
            <v>5(5)/0/6</v>
          </cell>
          <cell r="AL486" t="str">
            <v>とび土工</v>
          </cell>
          <cell r="AM486" t="str">
            <v>特定</v>
          </cell>
          <cell r="AN486">
            <v>821</v>
          </cell>
          <cell r="AO486">
            <v>239397</v>
          </cell>
          <cell r="AP486" t="str">
            <v>4(4)/1/0</v>
          </cell>
          <cell r="AQ486" t="str">
            <v>解体</v>
          </cell>
          <cell r="AR486" t="str">
            <v>特定</v>
          </cell>
          <cell r="AS486">
            <v>771</v>
          </cell>
          <cell r="AT486">
            <v>47109</v>
          </cell>
          <cell r="AU486" t="str">
            <v>4(4)/1/0</v>
          </cell>
          <cell r="AV486" t="str">
            <v>土木一式</v>
          </cell>
          <cell r="AW486" t="str">
            <v>特定</v>
          </cell>
          <cell r="AX486">
            <v>828</v>
          </cell>
          <cell r="AY486">
            <v>226722</v>
          </cell>
          <cell r="AZ486" t="str">
            <v>4(4)/1/6</v>
          </cell>
          <cell r="BA486" t="str">
            <v>大阪府</v>
          </cell>
        </row>
        <row r="487">
          <cell r="B487">
            <v>2694</v>
          </cell>
          <cell r="C487" t="str">
            <v>(株)幸和</v>
          </cell>
          <cell r="D487" t="str">
            <v>06-6432-6271</v>
          </cell>
          <cell r="E487" t="str">
            <v>661-0026</v>
          </cell>
          <cell r="F487" t="str">
            <v>兵庫県尼崎市水堂町4丁目7-8</v>
          </cell>
          <cell r="G487" t="str">
            <v>尼崎市</v>
          </cell>
          <cell r="H487" t="str">
            <v/>
          </cell>
          <cell r="I487" t="str">
            <v>代表取締役 東山　亜憂樹</v>
          </cell>
          <cell r="J487" t="str">
            <v>本店</v>
          </cell>
          <cell r="K487" t="str">
            <v>06-6432-6272</v>
          </cell>
          <cell r="L487" t="str">
            <v>kouwa4649@nifty.com</v>
          </cell>
          <cell r="M487" t="str">
            <v>ｺｳﾜ</v>
          </cell>
          <cell r="N487" t="str">
            <v>無</v>
          </cell>
          <cell r="O487">
            <v>42</v>
          </cell>
          <cell r="P487">
            <v>31</v>
          </cell>
          <cell r="Q487">
            <v>3140001048732</v>
          </cell>
          <cell r="R487">
            <v>100000</v>
          </cell>
          <cell r="S487">
            <v>411984</v>
          </cell>
          <cell r="T487">
            <v>2015526</v>
          </cell>
          <cell r="V487" t="str">
            <v>gm665695</v>
          </cell>
          <cell r="W487" t="str">
            <v>jb309515</v>
          </cell>
          <cell r="X487" t="str">
            <v>建大と塗防内具</v>
          </cell>
          <cell r="Y487" t="str">
            <v/>
          </cell>
          <cell r="Z487" t="str">
            <v>建大と塗防内具</v>
          </cell>
          <cell r="AA487" t="str">
            <v>塗装</v>
          </cell>
          <cell r="AB487" t="str">
            <v>防水</v>
          </cell>
          <cell r="AC487" t="str">
            <v/>
          </cell>
          <cell r="AD487" t="str">
            <v/>
          </cell>
          <cell r="AE487">
            <v>43179</v>
          </cell>
          <cell r="AF487" t="str">
            <v>希望しない</v>
          </cell>
          <cell r="AG487" t="str">
            <v>塗装</v>
          </cell>
          <cell r="AH487" t="str">
            <v>特定</v>
          </cell>
          <cell r="AI487">
            <v>932</v>
          </cell>
          <cell r="AJ487">
            <v>561951</v>
          </cell>
          <cell r="AK487" t="str">
            <v>6(6)/1/4</v>
          </cell>
          <cell r="AL487" t="str">
            <v>防水</v>
          </cell>
          <cell r="AM487" t="str">
            <v>特定</v>
          </cell>
          <cell r="AN487">
            <v>915</v>
          </cell>
          <cell r="AO487">
            <v>566090</v>
          </cell>
          <cell r="AP487" t="str">
            <v>4(4)/0/5</v>
          </cell>
          <cell r="AQ487" t="str">
            <v/>
          </cell>
          <cell r="AR487" t="str">
            <v/>
          </cell>
          <cell r="AS487" t="str">
            <v/>
          </cell>
          <cell r="AT487" t="str">
            <v/>
          </cell>
          <cell r="AU487" t="str">
            <v/>
          </cell>
          <cell r="AV487" t="str">
            <v/>
          </cell>
          <cell r="AW487" t="str">
            <v/>
          </cell>
          <cell r="AX487" t="str">
            <v/>
          </cell>
          <cell r="AY487" t="str">
            <v/>
          </cell>
          <cell r="AZ487" t="str">
            <v/>
          </cell>
          <cell r="BA487" t="str">
            <v>兵庫県</v>
          </cell>
          <cell r="BB487">
            <v>0</v>
          </cell>
          <cell r="CR487">
            <v>5084</v>
          </cell>
          <cell r="CS487" t="str">
            <v>ﾀﾅｶ ﾋﾛｺ</v>
          </cell>
          <cell r="CT487" t="str">
            <v>田中  裕子</v>
          </cell>
          <cell r="CU487" t="str">
            <v>地域・高年福祉課</v>
          </cell>
          <cell r="CW487">
            <v>2726</v>
          </cell>
          <cell r="CX487" t="str">
            <v>副主幹</v>
          </cell>
          <cell r="CY487" t="str">
            <v>地域・高年福祉課長</v>
          </cell>
        </row>
        <row r="488">
          <cell r="B488">
            <v>2695</v>
          </cell>
          <cell r="C488" t="str">
            <v>(株)城南工建</v>
          </cell>
          <cell r="D488" t="str">
            <v>0774-53-3939</v>
          </cell>
          <cell r="E488" t="str">
            <v>610-0113</v>
          </cell>
          <cell r="F488" t="str">
            <v>京都府城陽市中芦原27-1</v>
          </cell>
          <cell r="G488" t="str">
            <v>城陽市</v>
          </cell>
          <cell r="H488" t="str">
            <v/>
          </cell>
          <cell r="I488" t="str">
            <v>代表取締役 古瀬　善啓</v>
          </cell>
          <cell r="J488" t="str">
            <v>本店</v>
          </cell>
          <cell r="K488" t="str">
            <v>0774-55-1172</v>
          </cell>
          <cell r="L488" t="str">
            <v>info@jyohnan.co.jp</v>
          </cell>
          <cell r="M488" t="str">
            <v>ｼﾞｮｳﾅﾝｺｳｹﾝ</v>
          </cell>
          <cell r="N488" t="str">
            <v>無</v>
          </cell>
          <cell r="O488">
            <v>51</v>
          </cell>
          <cell r="P488">
            <v>27</v>
          </cell>
          <cell r="Q488">
            <v>7130001038433</v>
          </cell>
          <cell r="R488">
            <v>22000</v>
          </cell>
          <cell r="S488">
            <v>648409</v>
          </cell>
          <cell r="T488">
            <v>1702489</v>
          </cell>
          <cell r="V488" t="str">
            <v>vs638284</v>
          </cell>
          <cell r="W488" t="str">
            <v>xh138415</v>
          </cell>
          <cell r="X488" t="str">
            <v>建土と石鋼舗浚塗園水</v>
          </cell>
          <cell r="Y488" t="str">
            <v>建</v>
          </cell>
          <cell r="Z488" t="str">
            <v>土と石鋼舗浚塗園水</v>
          </cell>
          <cell r="AA488" t="str">
            <v>水道施設</v>
          </cell>
          <cell r="AB488" t="str">
            <v/>
          </cell>
          <cell r="AC488" t="str">
            <v/>
          </cell>
          <cell r="AD488" t="str">
            <v/>
          </cell>
          <cell r="AE488">
            <v>42916</v>
          </cell>
          <cell r="AF488" t="str">
            <v>希望しない</v>
          </cell>
          <cell r="AG488" t="str">
            <v>水道施設</v>
          </cell>
          <cell r="AH488" t="str">
            <v>特定</v>
          </cell>
          <cell r="AI488">
            <v>880</v>
          </cell>
          <cell r="AJ488">
            <v>86271</v>
          </cell>
          <cell r="AK488" t="str">
            <v>4(4)/3/20</v>
          </cell>
          <cell r="AL488" t="str">
            <v/>
          </cell>
          <cell r="AM488" t="str">
            <v/>
          </cell>
          <cell r="AN488" t="str">
            <v/>
          </cell>
          <cell r="AO488" t="str">
            <v/>
          </cell>
          <cell r="AP488" t="str">
            <v/>
          </cell>
          <cell r="AQ488" t="str">
            <v/>
          </cell>
          <cell r="AR488" t="str">
            <v/>
          </cell>
          <cell r="AS488" t="str">
            <v/>
          </cell>
          <cell r="AT488" t="str">
            <v/>
          </cell>
          <cell r="AU488" t="str">
            <v/>
          </cell>
          <cell r="AV488" t="str">
            <v/>
          </cell>
          <cell r="AW488" t="str">
            <v/>
          </cell>
          <cell r="AX488" t="str">
            <v/>
          </cell>
          <cell r="AY488" t="str">
            <v/>
          </cell>
          <cell r="AZ488" t="str">
            <v/>
          </cell>
          <cell r="BA488" t="str">
            <v>京都府</v>
          </cell>
          <cell r="BB488">
            <v>0</v>
          </cell>
          <cell r="CR488">
            <v>5084</v>
          </cell>
          <cell r="CS488" t="str">
            <v>ﾀﾅｶ ﾕｳｺ</v>
          </cell>
          <cell r="CT488" t="str">
            <v>田中  裕子</v>
          </cell>
          <cell r="CU488" t="str">
            <v>後期医療福祉課</v>
          </cell>
          <cell r="CW488">
            <v>2767</v>
          </cell>
          <cell r="CX488" t="str">
            <v>主査</v>
          </cell>
          <cell r="CY488" t="str">
            <v>後期医療福祉課長</v>
          </cell>
        </row>
        <row r="489">
          <cell r="B489">
            <v>2698</v>
          </cell>
          <cell r="C489" t="str">
            <v>コーナンケンセツ(株)</v>
          </cell>
          <cell r="D489" t="str">
            <v>06-6399-0075</v>
          </cell>
          <cell r="E489" t="str">
            <v>532-0034</v>
          </cell>
          <cell r="F489" t="str">
            <v>大阪府大阪市淀川区野中北2丁目11番15号</v>
          </cell>
          <cell r="G489" t="str">
            <v>大阪市</v>
          </cell>
          <cell r="H489" t="str">
            <v/>
          </cell>
          <cell r="I489" t="str">
            <v>代表取締役 原　眞一</v>
          </cell>
          <cell r="J489" t="str">
            <v>本店</v>
          </cell>
          <cell r="K489" t="str">
            <v>06-6456-4352</v>
          </cell>
          <cell r="L489" t="str">
            <v>eigyo-1@cohnan.co.jp</v>
          </cell>
          <cell r="M489" t="str">
            <v>ｺｰﾅﾝｹﾝｾﾂ</v>
          </cell>
          <cell r="N489" t="str">
            <v>無</v>
          </cell>
          <cell r="O489">
            <v>68</v>
          </cell>
          <cell r="P489">
            <v>264</v>
          </cell>
          <cell r="Q489">
            <v>9120001055270</v>
          </cell>
          <cell r="R489">
            <v>485000</v>
          </cell>
          <cell r="S489">
            <v>4901615</v>
          </cell>
          <cell r="T489">
            <v>20699861</v>
          </cell>
          <cell r="V489" t="str">
            <v>ew886384</v>
          </cell>
          <cell r="W489" t="str">
            <v>zk884346</v>
          </cell>
          <cell r="X489" t="str">
            <v>土建</v>
          </cell>
          <cell r="Y489" t="str">
            <v/>
          </cell>
          <cell r="Z489" t="str">
            <v>土建</v>
          </cell>
          <cell r="AA489" t="str">
            <v>建築一式</v>
          </cell>
          <cell r="AB489" t="str">
            <v>土木一式</v>
          </cell>
          <cell r="AC489" t="str">
            <v/>
          </cell>
          <cell r="AD489" t="str">
            <v/>
          </cell>
          <cell r="AE489">
            <v>43190</v>
          </cell>
          <cell r="AF489" t="str">
            <v>希望しない</v>
          </cell>
          <cell r="AG489" t="str">
            <v>建築一式</v>
          </cell>
          <cell r="AH489" t="str">
            <v>特定</v>
          </cell>
          <cell r="AI489">
            <v>1696</v>
          </cell>
          <cell r="AJ489">
            <v>21294739</v>
          </cell>
          <cell r="AK489" t="str">
            <v>139(136)/10/15</v>
          </cell>
          <cell r="AL489" t="str">
            <v>土木一式</v>
          </cell>
          <cell r="AM489" t="str">
            <v>一般</v>
          </cell>
          <cell r="AN489">
            <v>567</v>
          </cell>
          <cell r="AO489">
            <v>18520</v>
          </cell>
          <cell r="AP489" t="str">
            <v>16(16)/4/0</v>
          </cell>
          <cell r="AQ489" t="str">
            <v/>
          </cell>
          <cell r="AR489" t="str">
            <v/>
          </cell>
          <cell r="AS489" t="str">
            <v/>
          </cell>
          <cell r="AT489" t="str">
            <v/>
          </cell>
          <cell r="AU489" t="str">
            <v/>
          </cell>
          <cell r="AV489" t="str">
            <v/>
          </cell>
          <cell r="AW489" t="str">
            <v/>
          </cell>
          <cell r="AX489" t="str">
            <v/>
          </cell>
          <cell r="AY489" t="str">
            <v/>
          </cell>
          <cell r="AZ489" t="str">
            <v/>
          </cell>
          <cell r="BA489" t="str">
            <v>大阪府</v>
          </cell>
          <cell r="BB489">
            <v>0</v>
          </cell>
          <cell r="CR489">
            <v>5085</v>
          </cell>
          <cell r="CS489" t="str">
            <v>ﾅｶﾀ ﾏｻﾋﾄ</v>
          </cell>
          <cell r="CT489" t="str">
            <v>中田  正仁</v>
          </cell>
          <cell r="CU489" t="str">
            <v>総務課</v>
          </cell>
          <cell r="CW489" t="str">
            <v xml:space="preserve"> </v>
          </cell>
          <cell r="CX489" t="str">
            <v>主査</v>
          </cell>
          <cell r="CY489" t="str">
            <v>総務課長</v>
          </cell>
        </row>
        <row r="490">
          <cell r="B490">
            <v>2704</v>
          </cell>
          <cell r="C490" t="str">
            <v>国土防災技術(株)</v>
          </cell>
          <cell r="D490" t="str">
            <v>078-221-2213</v>
          </cell>
          <cell r="E490" t="str">
            <v>651-0083</v>
          </cell>
          <cell r="F490" t="str">
            <v>兵庫県神戸市中央区浜辺通2-1-30</v>
          </cell>
          <cell r="G490" t="str">
            <v/>
          </cell>
          <cell r="H490" t="str">
            <v>神戸支店</v>
          </cell>
          <cell r="I490" t="str">
            <v>支店長 堂村　靖浩</v>
          </cell>
          <cell r="J490" t="str">
            <v>東京都</v>
          </cell>
          <cell r="K490" t="str">
            <v>078-221-2611</v>
          </cell>
          <cell r="L490" t="str">
            <v>kobe@jce.co.jp</v>
          </cell>
          <cell r="M490" t="str">
            <v>ｺｸﾄﾞﾎﾞｳｻｲｷﾞｼﾞｭﾂ</v>
          </cell>
          <cell r="N490" t="str">
            <v>有</v>
          </cell>
          <cell r="O490">
            <v>51</v>
          </cell>
          <cell r="P490">
            <v>393</v>
          </cell>
          <cell r="Q490">
            <v>9010401010035</v>
          </cell>
          <cell r="R490">
            <v>100000</v>
          </cell>
          <cell r="S490">
            <v>5260303</v>
          </cell>
          <cell r="T490">
            <v>7866422</v>
          </cell>
          <cell r="V490" t="str">
            <v>br636752</v>
          </cell>
          <cell r="W490" t="str">
            <v>wx306333</v>
          </cell>
          <cell r="X490" t="str">
            <v>通園(清)(と)(園)(井)土と井</v>
          </cell>
          <cell r="Y490" t="str">
            <v>通園(清)(と)(園)(井)</v>
          </cell>
          <cell r="Z490" t="str">
            <v>土と井</v>
          </cell>
          <cell r="AA490" t="str">
            <v>とび土工</v>
          </cell>
          <cell r="AB490" t="str">
            <v>土木一式</v>
          </cell>
          <cell r="AC490" t="str">
            <v>さく井</v>
          </cell>
          <cell r="AD490" t="str">
            <v>造園</v>
          </cell>
          <cell r="AE490">
            <v>43008</v>
          </cell>
          <cell r="AF490" t="str">
            <v>希望しない</v>
          </cell>
          <cell r="AG490" t="str">
            <v>とび土工</v>
          </cell>
          <cell r="AH490" t="str">
            <v>特定</v>
          </cell>
          <cell r="AI490">
            <v>1118</v>
          </cell>
          <cell r="AJ490">
            <v>582077</v>
          </cell>
          <cell r="AK490" t="str">
            <v>50(33)/5/11</v>
          </cell>
          <cell r="AL490" t="str">
            <v>土木一式</v>
          </cell>
          <cell r="AM490" t="str">
            <v>特定</v>
          </cell>
          <cell r="AN490">
            <v>1072</v>
          </cell>
          <cell r="AO490">
            <v>153172</v>
          </cell>
          <cell r="AP490" t="str">
            <v>56(38)/4/2</v>
          </cell>
          <cell r="AQ490" t="str">
            <v>さく井</v>
          </cell>
          <cell r="AR490" t="str">
            <v>特定</v>
          </cell>
          <cell r="AS490">
            <v>1037</v>
          </cell>
          <cell r="AT490">
            <v>785860</v>
          </cell>
          <cell r="AU490" t="str">
            <v>0(0)/3/41</v>
          </cell>
          <cell r="AV490" t="str">
            <v>造園</v>
          </cell>
          <cell r="AW490" t="str">
            <v>一般</v>
          </cell>
          <cell r="AX490">
            <v>877</v>
          </cell>
          <cell r="AY490" t="str">
            <v/>
          </cell>
          <cell r="AZ490" t="str">
            <v>14(7)/0/0</v>
          </cell>
          <cell r="BA490" t="str">
            <v>東京都</v>
          </cell>
          <cell r="BB490">
            <v>0</v>
          </cell>
          <cell r="CR490">
            <v>5086</v>
          </cell>
          <cell r="CS490" t="str">
            <v>ﾊﾏﾀﾞ ﾕｳｷ</v>
          </cell>
          <cell r="CT490" t="str">
            <v>濵田  雄生</v>
          </cell>
          <cell r="CU490" t="str">
            <v>企画課</v>
          </cell>
          <cell r="CW490" t="str">
            <v xml:space="preserve"> </v>
          </cell>
          <cell r="CX490" t="str">
            <v>課長</v>
          </cell>
          <cell r="CY490" t="str">
            <v>企画課長</v>
          </cell>
        </row>
        <row r="491">
          <cell r="B491">
            <v>2706</v>
          </cell>
          <cell r="C491" t="str">
            <v>五建工業(株)</v>
          </cell>
          <cell r="D491" t="str">
            <v>06-6341-5711</v>
          </cell>
          <cell r="E491" t="str">
            <v>553-0003</v>
          </cell>
          <cell r="F491" t="str">
            <v>大阪府大阪市福島区福島1-4-40</v>
          </cell>
          <cell r="G491" t="str">
            <v/>
          </cell>
          <cell r="H491" t="str">
            <v>大阪支店</v>
          </cell>
          <cell r="I491" t="str">
            <v>執行役員支店長 安田　実</v>
          </cell>
          <cell r="J491" t="str">
            <v>東京都</v>
          </cell>
          <cell r="K491" t="str">
            <v>06-6341-5716</v>
          </cell>
          <cell r="L491" t="str">
            <v>eigyou1@goken-os.jp</v>
          </cell>
          <cell r="M491" t="str">
            <v>ｺﾞｹﾝｺｳｷﾞｮｳ</v>
          </cell>
          <cell r="N491" t="str">
            <v>有</v>
          </cell>
          <cell r="O491">
            <v>71</v>
          </cell>
          <cell r="P491">
            <v>77</v>
          </cell>
          <cell r="Q491">
            <v>4010001015827</v>
          </cell>
          <cell r="R491">
            <v>280000</v>
          </cell>
          <cell r="S491">
            <v>1486124</v>
          </cell>
          <cell r="T491">
            <v>5142478</v>
          </cell>
          <cell r="V491" t="str">
            <v>wt308149</v>
          </cell>
          <cell r="W491" t="str">
            <v>ty571119</v>
          </cell>
          <cell r="X491" t="str">
            <v>消(管)建管機</v>
          </cell>
          <cell r="Y491" t="str">
            <v>消(管)</v>
          </cell>
          <cell r="Z491" t="str">
            <v>建管機</v>
          </cell>
          <cell r="AA491" t="str">
            <v>管</v>
          </cell>
          <cell r="AB491" t="str">
            <v/>
          </cell>
          <cell r="AC491" t="str">
            <v/>
          </cell>
          <cell r="AD491" t="str">
            <v/>
          </cell>
          <cell r="AE491">
            <v>43190</v>
          </cell>
          <cell r="AF491" t="str">
            <v>希望しない</v>
          </cell>
          <cell r="AG491" t="str">
            <v>管</v>
          </cell>
          <cell r="AH491" t="str">
            <v>特定</v>
          </cell>
          <cell r="AI491">
            <v>1200</v>
          </cell>
          <cell r="AJ491">
            <v>5447341</v>
          </cell>
          <cell r="AK491" t="str">
            <v>43(42)/18/</v>
          </cell>
          <cell r="AL491" t="str">
            <v/>
          </cell>
          <cell r="AM491" t="str">
            <v/>
          </cell>
          <cell r="AN491" t="str">
            <v/>
          </cell>
          <cell r="AO491" t="str">
            <v/>
          </cell>
          <cell r="AP491" t="str">
            <v/>
          </cell>
          <cell r="AQ491" t="str">
            <v/>
          </cell>
          <cell r="AR491" t="str">
            <v/>
          </cell>
          <cell r="AS491" t="str">
            <v/>
          </cell>
          <cell r="AT491" t="str">
            <v/>
          </cell>
          <cell r="AU491" t="str">
            <v/>
          </cell>
          <cell r="AV491" t="str">
            <v/>
          </cell>
          <cell r="AW491" t="str">
            <v/>
          </cell>
          <cell r="AX491" t="str">
            <v/>
          </cell>
          <cell r="AY491" t="str">
            <v/>
          </cell>
          <cell r="AZ491" t="str">
            <v/>
          </cell>
          <cell r="BA491" t="str">
            <v>東京都</v>
          </cell>
          <cell r="BB491">
            <v>0</v>
          </cell>
          <cell r="CR491">
            <v>5087</v>
          </cell>
          <cell r="CS491" t="str">
            <v>ﾌｼﾞﾓﾄ ｼｹﾞｵ</v>
          </cell>
          <cell r="CT491" t="str">
            <v>藤本  茂雄</v>
          </cell>
          <cell r="CU491" t="str">
            <v>国保年金課</v>
          </cell>
          <cell r="CW491">
            <v>2747</v>
          </cell>
          <cell r="CX491" t="str">
            <v>課長</v>
          </cell>
          <cell r="CY491" t="str">
            <v>国保年金課長</v>
          </cell>
        </row>
        <row r="492">
          <cell r="B492">
            <v>2708</v>
          </cell>
          <cell r="C492" t="str">
            <v>コスモエンジニアリング(株)</v>
          </cell>
          <cell r="D492" t="str">
            <v>06-6147-3080</v>
          </cell>
          <cell r="E492" t="str">
            <v>530-0001</v>
          </cell>
          <cell r="F492" t="str">
            <v>大阪府大阪市北区梅田1-1-3</v>
          </cell>
          <cell r="G492" t="str">
            <v>大阪市</v>
          </cell>
          <cell r="H492" t="str">
            <v/>
          </cell>
          <cell r="I492" t="str">
            <v>代表取締役 大中　孝二</v>
          </cell>
          <cell r="J492" t="str">
            <v>本店</v>
          </cell>
          <cell r="K492" t="str">
            <v>06-6147-3081</v>
          </cell>
          <cell r="L492" t="str">
            <v>info@kosmo-e.co.jp</v>
          </cell>
          <cell r="M492" t="str">
            <v>ｺｽﾓｴﾝｼﾞﾆｱﾘﾝｸﾞ</v>
          </cell>
          <cell r="N492" t="str">
            <v>無</v>
          </cell>
          <cell r="O492">
            <v>46</v>
          </cell>
          <cell r="P492">
            <v>221</v>
          </cell>
          <cell r="Q492">
            <v>2120001079383</v>
          </cell>
          <cell r="R492">
            <v>50000</v>
          </cell>
          <cell r="S492">
            <v>724479</v>
          </cell>
          <cell r="T492">
            <v>1868706</v>
          </cell>
          <cell r="V492" t="str">
            <v>we467377</v>
          </cell>
          <cell r="W492" t="str">
            <v>xm566604</v>
          </cell>
          <cell r="X492" t="str">
            <v>建内通消電管</v>
          </cell>
          <cell r="Y492" t="str">
            <v>建内通消</v>
          </cell>
          <cell r="Z492" t="str">
            <v>電管</v>
          </cell>
          <cell r="AA492" t="str">
            <v>電気</v>
          </cell>
          <cell r="AB492" t="str">
            <v>管</v>
          </cell>
          <cell r="AC492" t="str">
            <v>消防施設</v>
          </cell>
          <cell r="AD492" t="str">
            <v>電気通信</v>
          </cell>
          <cell r="AE492">
            <v>43190</v>
          </cell>
          <cell r="AF492" t="str">
            <v>希望しない</v>
          </cell>
          <cell r="AG492" t="str">
            <v>電気</v>
          </cell>
          <cell r="AH492" t="str">
            <v>特定</v>
          </cell>
          <cell r="AI492">
            <v>782</v>
          </cell>
          <cell r="AJ492">
            <v>171002</v>
          </cell>
          <cell r="AK492" t="str">
            <v>1(1)/4/1</v>
          </cell>
          <cell r="AL492" t="str">
            <v>管</v>
          </cell>
          <cell r="AM492" t="str">
            <v>特定</v>
          </cell>
          <cell r="AN492">
            <v>763</v>
          </cell>
          <cell r="AO492">
            <v>162469</v>
          </cell>
          <cell r="AP492" t="str">
            <v>1(1)/1/0</v>
          </cell>
          <cell r="AQ492" t="str">
            <v>消防施設</v>
          </cell>
          <cell r="AR492" t="str">
            <v>一般</v>
          </cell>
          <cell r="AS492">
            <v>727</v>
          </cell>
          <cell r="AT492">
            <v>78390</v>
          </cell>
          <cell r="AU492" t="str">
            <v>0(0)/2/0</v>
          </cell>
          <cell r="AV492" t="str">
            <v>電気通信</v>
          </cell>
          <cell r="AW492" t="str">
            <v>一般</v>
          </cell>
          <cell r="AX492">
            <v>668</v>
          </cell>
          <cell r="AY492">
            <v>18090</v>
          </cell>
          <cell r="AZ492" t="str">
            <v>0(0)/0/1</v>
          </cell>
          <cell r="BA492" t="str">
            <v>大阪府</v>
          </cell>
          <cell r="BB492">
            <v>0</v>
          </cell>
          <cell r="CR492">
            <v>5089</v>
          </cell>
          <cell r="CS492" t="str">
            <v>ﾑﾗｶﾐ ｾﾝﾀ</v>
          </cell>
          <cell r="CT492" t="str">
            <v>村上  仙太</v>
          </cell>
          <cell r="CU492" t="str">
            <v>住宅政策課</v>
          </cell>
          <cell r="CW492">
            <v>4143</v>
          </cell>
          <cell r="CX492" t="str">
            <v>主査</v>
          </cell>
          <cell r="CY492" t="str">
            <v>住宅政策課長</v>
          </cell>
        </row>
        <row r="493">
          <cell r="B493">
            <v>2709</v>
          </cell>
          <cell r="C493" t="str">
            <v>コスモ工機(株)</v>
          </cell>
          <cell r="D493" t="str">
            <v>06-6392-8111</v>
          </cell>
          <cell r="E493" t="str">
            <v>532-0004</v>
          </cell>
          <cell r="F493" t="str">
            <v>大阪府大阪市淀川区西宮原2-7-38</v>
          </cell>
          <cell r="G493" t="str">
            <v/>
          </cell>
          <cell r="H493" t="str">
            <v>大阪支店</v>
          </cell>
          <cell r="I493" t="str">
            <v>支店長 杉田　充</v>
          </cell>
          <cell r="J493" t="str">
            <v>東京都</v>
          </cell>
          <cell r="K493" t="str">
            <v>06-6392-8333</v>
          </cell>
          <cell r="L493" t="str">
            <v>JYoshida@cosmo-koki.co.jp</v>
          </cell>
          <cell r="M493" t="str">
            <v>ｺｽﾓｺｳｷ</v>
          </cell>
          <cell r="N493" t="str">
            <v>有</v>
          </cell>
          <cell r="O493">
            <v>43</v>
          </cell>
          <cell r="P493">
            <v>417</v>
          </cell>
          <cell r="Q493">
            <v>2010401040149</v>
          </cell>
          <cell r="R493">
            <v>498000</v>
          </cell>
          <cell r="S493">
            <v>15962129</v>
          </cell>
          <cell r="T493">
            <v>16170600</v>
          </cell>
          <cell r="V493" t="str">
            <v>sq166306</v>
          </cell>
          <cell r="W493" t="str">
            <v>wt491127</v>
          </cell>
          <cell r="X493" t="str">
            <v>管(清)(鋼)(水)土鋼水</v>
          </cell>
          <cell r="Y493" t="str">
            <v>管(清)(鋼)(水)</v>
          </cell>
          <cell r="Z493" t="str">
            <v>土鋼水</v>
          </cell>
          <cell r="AA493" t="str">
            <v>水道施設</v>
          </cell>
          <cell r="AB493" t="str">
            <v>鋼構造物</v>
          </cell>
          <cell r="AC493" t="str">
            <v>土木一式</v>
          </cell>
          <cell r="AD493" t="str">
            <v/>
          </cell>
          <cell r="AE493">
            <v>43190</v>
          </cell>
          <cell r="AF493" t="str">
            <v>希望しない</v>
          </cell>
          <cell r="AG493" t="str">
            <v>水道施設</v>
          </cell>
          <cell r="AH493" t="str">
            <v>特定</v>
          </cell>
          <cell r="AI493">
            <v>1329</v>
          </cell>
          <cell r="AJ493">
            <v>5792981</v>
          </cell>
          <cell r="AK493" t="str">
            <v>51(49)/28/10</v>
          </cell>
          <cell r="AL493" t="str">
            <v>鋼構造物</v>
          </cell>
          <cell r="AM493" t="str">
            <v>特定</v>
          </cell>
          <cell r="AN493">
            <v>1242</v>
          </cell>
          <cell r="AO493">
            <v>968376</v>
          </cell>
          <cell r="AP493" t="str">
            <v>50(47)/27/0</v>
          </cell>
          <cell r="AQ493" t="str">
            <v>土木一式</v>
          </cell>
          <cell r="AR493" t="str">
            <v>特定</v>
          </cell>
          <cell r="AS493">
            <v>916</v>
          </cell>
          <cell r="AT493" t="str">
            <v/>
          </cell>
          <cell r="AU493" t="str">
            <v>3(2)/2/0</v>
          </cell>
          <cell r="AV493" t="str">
            <v/>
          </cell>
          <cell r="AW493" t="str">
            <v/>
          </cell>
          <cell r="AX493" t="str">
            <v/>
          </cell>
          <cell r="AY493" t="str">
            <v/>
          </cell>
          <cell r="AZ493" t="str">
            <v/>
          </cell>
          <cell r="BA493" t="str">
            <v>東京都</v>
          </cell>
          <cell r="BB493">
            <v>0</v>
          </cell>
          <cell r="CR493">
            <v>5091</v>
          </cell>
          <cell r="CS493" t="str">
            <v>ｳﾀｶ ﾏｻﾊﾙ</v>
          </cell>
          <cell r="CT493" t="str">
            <v>宇高  正晴</v>
          </cell>
          <cell r="CU493" t="str">
            <v>工務課</v>
          </cell>
          <cell r="CW493" t="str">
            <v xml:space="preserve"> </v>
          </cell>
          <cell r="CX493" t="str">
            <v>課長</v>
          </cell>
          <cell r="CY493" t="str">
            <v>工務課長</v>
          </cell>
        </row>
        <row r="494">
          <cell r="B494">
            <v>2712</v>
          </cell>
          <cell r="C494" t="str">
            <v>(株)五藤光学研究所</v>
          </cell>
          <cell r="D494" t="str">
            <v>042-362-5311</v>
          </cell>
          <cell r="E494" t="str">
            <v>183-8530</v>
          </cell>
          <cell r="F494" t="str">
            <v>東京都府中市矢崎町4-16</v>
          </cell>
          <cell r="G494" t="str">
            <v>府中市</v>
          </cell>
          <cell r="H494" t="str">
            <v/>
          </cell>
          <cell r="I494" t="str">
            <v>取締役社長 五藤　信隆</v>
          </cell>
          <cell r="J494" t="str">
            <v>本店</v>
          </cell>
          <cell r="K494" t="str">
            <v>042-402-0123</v>
          </cell>
          <cell r="L494" t="str">
            <v>g_touroku@goto.co.jp</v>
          </cell>
          <cell r="M494" t="str">
            <v>ｺﾞﾄｳｺｳｶﾞｸｹﾝｷｭｳｼｮ</v>
          </cell>
          <cell r="N494" t="str">
            <v>無</v>
          </cell>
          <cell r="O494">
            <v>92</v>
          </cell>
          <cell r="P494">
            <v>196</v>
          </cell>
          <cell r="Q494">
            <v>4012401021009</v>
          </cell>
          <cell r="R494">
            <v>50000</v>
          </cell>
          <cell r="S494">
            <v>1583435</v>
          </cell>
          <cell r="T494">
            <v>2496751</v>
          </cell>
          <cell r="V494" t="str">
            <v>ug789693</v>
          </cell>
          <cell r="W494" t="str">
            <v>wh856246</v>
          </cell>
          <cell r="X494" t="str">
            <v>建機</v>
          </cell>
          <cell r="Y494" t="str">
            <v/>
          </cell>
          <cell r="Z494" t="str">
            <v>建機</v>
          </cell>
          <cell r="AA494" t="str">
            <v>建築一式</v>
          </cell>
          <cell r="AB494" t="str">
            <v>機械器具</v>
          </cell>
          <cell r="AC494" t="str">
            <v/>
          </cell>
          <cell r="AD494" t="str">
            <v/>
          </cell>
          <cell r="AE494">
            <v>43240</v>
          </cell>
          <cell r="AF494" t="str">
            <v/>
          </cell>
          <cell r="AG494" t="str">
            <v>建築一式</v>
          </cell>
          <cell r="AH494" t="str">
            <v>特定</v>
          </cell>
          <cell r="AI494">
            <v>805</v>
          </cell>
          <cell r="AJ494">
            <v>73493</v>
          </cell>
          <cell r="AK494" t="str">
            <v>6(6)/5/0</v>
          </cell>
          <cell r="AL494" t="str">
            <v>機械器具</v>
          </cell>
          <cell r="AM494" t="str">
            <v>特定</v>
          </cell>
          <cell r="AN494">
            <v>854</v>
          </cell>
          <cell r="AO494">
            <v>991609</v>
          </cell>
          <cell r="AP494" t="str">
            <v>0(0)/0/11</v>
          </cell>
          <cell r="AQ494" t="str">
            <v/>
          </cell>
          <cell r="AR494" t="str">
            <v/>
          </cell>
          <cell r="AS494" t="str">
            <v/>
          </cell>
          <cell r="AT494" t="str">
            <v/>
          </cell>
          <cell r="AU494" t="str">
            <v/>
          </cell>
          <cell r="AV494" t="str">
            <v/>
          </cell>
          <cell r="AW494" t="str">
            <v/>
          </cell>
          <cell r="AX494" t="str">
            <v/>
          </cell>
          <cell r="AY494" t="str">
            <v/>
          </cell>
          <cell r="AZ494" t="str">
            <v/>
          </cell>
          <cell r="BA494" t="str">
            <v>東京都</v>
          </cell>
          <cell r="BB494">
            <v>0</v>
          </cell>
          <cell r="CR494">
            <v>5092</v>
          </cell>
          <cell r="CS494" t="str">
            <v>ｶﾜｻｶ ﾖｼｵ</v>
          </cell>
          <cell r="CT494" t="str">
            <v>川阪  義雄</v>
          </cell>
          <cell r="CU494" t="str">
            <v>工務課</v>
          </cell>
          <cell r="CW494" t="str">
            <v xml:space="preserve"> </v>
          </cell>
          <cell r="CX494" t="str">
            <v>副主幹</v>
          </cell>
          <cell r="CY494" t="str">
            <v>工務課長</v>
          </cell>
        </row>
        <row r="495">
          <cell r="B495">
            <v>2713</v>
          </cell>
          <cell r="C495" t="str">
            <v>(株)コトブキ</v>
          </cell>
          <cell r="D495" t="str">
            <v>078-252-0376</v>
          </cell>
          <cell r="E495" t="str">
            <v>651-0086</v>
          </cell>
          <cell r="F495" t="str">
            <v>兵庫県神戸市中央区磯上通5-1-24</v>
          </cell>
          <cell r="G495" t="str">
            <v/>
          </cell>
          <cell r="H495" t="str">
            <v>神戸営業所</v>
          </cell>
          <cell r="I495" t="str">
            <v>所長 粟屋　常治</v>
          </cell>
          <cell r="J495" t="str">
            <v>東京都</v>
          </cell>
          <cell r="K495" t="str">
            <v>078-252-0377</v>
          </cell>
          <cell r="L495" t="str">
            <v/>
          </cell>
          <cell r="M495" t="str">
            <v>ｺﾄﾌﾞｷ</v>
          </cell>
          <cell r="N495" t="str">
            <v>有</v>
          </cell>
          <cell r="O495">
            <v>44</v>
          </cell>
          <cell r="P495">
            <v>310</v>
          </cell>
          <cell r="Q495">
            <v>4010001016602</v>
          </cell>
          <cell r="R495">
            <v>100000</v>
          </cell>
          <cell r="S495">
            <v>3141288</v>
          </cell>
          <cell r="T495">
            <v>6815811</v>
          </cell>
          <cell r="V495" t="str">
            <v>cv944562</v>
          </cell>
          <cell r="W495" t="str">
            <v>eh522187</v>
          </cell>
          <cell r="X495" t="str">
            <v>と鋼内機(と)土建大石屋タ舗塗園</v>
          </cell>
          <cell r="Y495" t="str">
            <v>と鋼内機(と)</v>
          </cell>
          <cell r="Z495" t="str">
            <v>土建大石屋タ舗塗園</v>
          </cell>
          <cell r="AA495" t="str">
            <v>とび土工</v>
          </cell>
          <cell r="AB495" t="str">
            <v/>
          </cell>
          <cell r="AC495" t="str">
            <v/>
          </cell>
          <cell r="AD495" t="str">
            <v/>
          </cell>
          <cell r="AE495">
            <v>42916</v>
          </cell>
          <cell r="AF495" t="str">
            <v>希望しない</v>
          </cell>
          <cell r="AG495" t="str">
            <v>とび土工</v>
          </cell>
          <cell r="AH495" t="str">
            <v>一般</v>
          </cell>
          <cell r="AI495">
            <v>1040</v>
          </cell>
          <cell r="AJ495">
            <v>1775591</v>
          </cell>
          <cell r="AK495" t="str">
            <v>13(3)/3/108</v>
          </cell>
          <cell r="AL495" t="str">
            <v/>
          </cell>
          <cell r="AM495" t="str">
            <v/>
          </cell>
          <cell r="AN495" t="str">
            <v/>
          </cell>
          <cell r="AO495" t="str">
            <v/>
          </cell>
          <cell r="AP495" t="str">
            <v/>
          </cell>
          <cell r="AQ495" t="str">
            <v/>
          </cell>
          <cell r="AR495" t="str">
            <v/>
          </cell>
          <cell r="AS495" t="str">
            <v/>
          </cell>
          <cell r="AT495" t="str">
            <v/>
          </cell>
          <cell r="AU495" t="str">
            <v/>
          </cell>
          <cell r="AV495" t="str">
            <v/>
          </cell>
          <cell r="AW495" t="str">
            <v/>
          </cell>
          <cell r="AX495" t="str">
            <v/>
          </cell>
          <cell r="AY495" t="str">
            <v/>
          </cell>
          <cell r="AZ495" t="str">
            <v/>
          </cell>
          <cell r="BA495" t="str">
            <v>東京都</v>
          </cell>
          <cell r="BB495">
            <v>0</v>
          </cell>
          <cell r="CR495">
            <v>5093</v>
          </cell>
          <cell r="CS495" t="str">
            <v>ﾀｶﾂ ｶｽﾞｵ</v>
          </cell>
          <cell r="CT495" t="str">
            <v>高津  一男</v>
          </cell>
          <cell r="CU495" t="str">
            <v>みどり自然課</v>
          </cell>
          <cell r="CW495">
            <v>2856</v>
          </cell>
          <cell r="CX495" t="str">
            <v>副主幹</v>
          </cell>
          <cell r="CY495" t="str">
            <v>みどり自然課長</v>
          </cell>
        </row>
        <row r="496">
          <cell r="B496">
            <v>2714</v>
          </cell>
          <cell r="C496" t="str">
            <v>コニカミノルタプラネタリウム(株)</v>
          </cell>
          <cell r="D496" t="str">
            <v>03-5985-1711</v>
          </cell>
          <cell r="E496" t="str">
            <v>170-8630</v>
          </cell>
          <cell r="F496" t="str">
            <v>東京都東京都豊島区東池袋3-1-3</v>
          </cell>
          <cell r="G496" t="str">
            <v/>
          </cell>
          <cell r="H496" t="str">
            <v/>
          </cell>
          <cell r="I496" t="str">
            <v>代表取締役社長 古瀬　弘康</v>
          </cell>
          <cell r="J496" t="str">
            <v>本店</v>
          </cell>
          <cell r="K496" t="str">
            <v>03-5985-1712</v>
          </cell>
          <cell r="L496" t="str">
            <v>kmpla-tokyo@pub.konicaminolta.jp</v>
          </cell>
          <cell r="M496" t="str">
            <v>ｺﾆｶﾐﾉﾙﾀﾌﾟﾗﾈﾀﾘｳﾑ</v>
          </cell>
          <cell r="N496" t="str">
            <v>無</v>
          </cell>
          <cell r="O496">
            <v>30</v>
          </cell>
          <cell r="P496">
            <v>100</v>
          </cell>
          <cell r="Q496">
            <v>7120001105548</v>
          </cell>
          <cell r="R496">
            <v>100000</v>
          </cell>
          <cell r="S496">
            <v>531869</v>
          </cell>
          <cell r="T496">
            <v>2828292</v>
          </cell>
          <cell r="V496" t="str">
            <v>qd653383</v>
          </cell>
          <cell r="W496" t="str">
            <v>qt165458</v>
          </cell>
          <cell r="X496" t="str">
            <v>内機建</v>
          </cell>
          <cell r="Y496" t="str">
            <v>内機</v>
          </cell>
          <cell r="Z496" t="str">
            <v>建</v>
          </cell>
          <cell r="AA496" t="str">
            <v>機械器具</v>
          </cell>
          <cell r="AB496" t="str">
            <v>建築一式</v>
          </cell>
          <cell r="AC496" t="str">
            <v>内装仕上</v>
          </cell>
          <cell r="AD496" t="str">
            <v/>
          </cell>
          <cell r="AE496">
            <v>43190</v>
          </cell>
          <cell r="AF496" t="str">
            <v/>
          </cell>
          <cell r="AG496" t="str">
            <v>機械器具</v>
          </cell>
          <cell r="AH496" t="str">
            <v>一般</v>
          </cell>
          <cell r="AI496">
            <v>807</v>
          </cell>
          <cell r="AJ496">
            <v>779818</v>
          </cell>
          <cell r="AK496" t="str">
            <v>0(0)/0/7</v>
          </cell>
          <cell r="AL496" t="str">
            <v>建築一式</v>
          </cell>
          <cell r="AM496" t="str">
            <v>特定</v>
          </cell>
          <cell r="AN496">
            <v>640</v>
          </cell>
          <cell r="AO496">
            <v>7735</v>
          </cell>
          <cell r="AP496" t="str">
            <v>0(0)/0/0</v>
          </cell>
          <cell r="AQ496" t="str">
            <v>内装仕上</v>
          </cell>
          <cell r="AR496" t="str">
            <v>一般</v>
          </cell>
          <cell r="AS496">
            <v>661</v>
          </cell>
          <cell r="AT496">
            <v>1000</v>
          </cell>
          <cell r="AU496" t="str">
            <v>4(4)/0/1</v>
          </cell>
          <cell r="AV496" t="str">
            <v/>
          </cell>
          <cell r="AW496" t="str">
            <v/>
          </cell>
          <cell r="AX496" t="str">
            <v/>
          </cell>
          <cell r="AY496" t="str">
            <v/>
          </cell>
          <cell r="AZ496" t="str">
            <v/>
          </cell>
          <cell r="BA496" t="str">
            <v>東京都</v>
          </cell>
          <cell r="BB496" t="str">
            <v>ワールドインポートマートビル６階</v>
          </cell>
          <cell r="CR496">
            <v>5094</v>
          </cell>
          <cell r="CS496" t="str">
            <v>ﾅｲﾄｳ ﾘﾕｳﾀ</v>
          </cell>
          <cell r="CT496" t="str">
            <v>内藤  竜太</v>
          </cell>
          <cell r="CU496" t="str">
            <v>水道局</v>
          </cell>
          <cell r="CW496" t="str">
            <v xml:space="preserve"> </v>
          </cell>
          <cell r="CX496" t="str">
            <v>主幹</v>
          </cell>
          <cell r="CY496" t="str">
            <v>　</v>
          </cell>
        </row>
        <row r="497">
          <cell r="B497">
            <v>2717</v>
          </cell>
          <cell r="C497" t="str">
            <v>(株)駒井ハルテック</v>
          </cell>
          <cell r="D497" t="str">
            <v>06-4391-0812</v>
          </cell>
          <cell r="E497" t="str">
            <v>550-0012</v>
          </cell>
          <cell r="F497" t="str">
            <v>大阪府大阪市西区立売堀4-2-21</v>
          </cell>
          <cell r="G497" t="str">
            <v>大阪市</v>
          </cell>
          <cell r="H497" t="str">
            <v/>
          </cell>
          <cell r="I497" t="str">
            <v>代表取締役 田中　進</v>
          </cell>
          <cell r="J497" t="str">
            <v>本店</v>
          </cell>
          <cell r="K497" t="str">
            <v>06-4391-0822</v>
          </cell>
          <cell r="L497" t="str">
            <v>osakab@komaihaltec.co.jp</v>
          </cell>
          <cell r="M497" t="str">
            <v>ｺﾏｲﾊﾙﾃｯｸ</v>
          </cell>
          <cell r="N497" t="str">
            <v>無</v>
          </cell>
          <cell r="O497">
            <v>68</v>
          </cell>
          <cell r="P497">
            <v>455</v>
          </cell>
          <cell r="Q497">
            <v>2120001028927</v>
          </cell>
          <cell r="R497">
            <v>6619942</v>
          </cell>
          <cell r="S497">
            <v>28512751</v>
          </cell>
          <cell r="T497">
            <v>36310000</v>
          </cell>
          <cell r="V497" t="str">
            <v>kx738668</v>
          </cell>
          <cell r="W497" t="str">
            <v>ye970765</v>
          </cell>
          <cell r="X497" t="str">
            <v>土建と電鋼塗水解</v>
          </cell>
          <cell r="Y497" t="str">
            <v/>
          </cell>
          <cell r="Z497" t="str">
            <v>土建と電鋼塗水解</v>
          </cell>
          <cell r="AA497" t="str">
            <v>鋼構造物</v>
          </cell>
          <cell r="AB497" t="str">
            <v/>
          </cell>
          <cell r="AC497" t="str">
            <v/>
          </cell>
          <cell r="AD497" t="str">
            <v/>
          </cell>
          <cell r="AE497">
            <v>43190</v>
          </cell>
          <cell r="AF497" t="str">
            <v>希望しない</v>
          </cell>
          <cell r="AG497" t="str">
            <v>鋼構造物</v>
          </cell>
          <cell r="AH497" t="str">
            <v>特定</v>
          </cell>
          <cell r="AI497">
            <v>1577</v>
          </cell>
          <cell r="AJ497">
            <v>31807571</v>
          </cell>
          <cell r="AK497" t="str">
            <v>207(188)/33/86</v>
          </cell>
          <cell r="AL497" t="str">
            <v/>
          </cell>
          <cell r="AM497" t="str">
            <v/>
          </cell>
          <cell r="AN497" t="str">
            <v/>
          </cell>
          <cell r="AO497" t="str">
            <v/>
          </cell>
          <cell r="AP497" t="str">
            <v/>
          </cell>
          <cell r="AQ497" t="str">
            <v/>
          </cell>
          <cell r="AR497" t="str">
            <v/>
          </cell>
          <cell r="AS497" t="str">
            <v/>
          </cell>
          <cell r="AT497" t="str">
            <v/>
          </cell>
          <cell r="AU497" t="str">
            <v/>
          </cell>
          <cell r="AV497" t="str">
            <v/>
          </cell>
          <cell r="AW497" t="str">
            <v/>
          </cell>
          <cell r="AX497" t="str">
            <v/>
          </cell>
          <cell r="AY497" t="str">
            <v/>
          </cell>
          <cell r="AZ497" t="str">
            <v/>
          </cell>
          <cell r="BA497" t="str">
            <v>大阪府</v>
          </cell>
          <cell r="BB497">
            <v>0</v>
          </cell>
          <cell r="CR497">
            <v>5095</v>
          </cell>
          <cell r="CS497" t="str">
            <v>ｱｶﾌｼﾞ ｻﾁｺ</v>
          </cell>
          <cell r="CT497" t="str">
            <v>赤藤  祥子</v>
          </cell>
          <cell r="CU497" t="str">
            <v>健康政策課</v>
          </cell>
          <cell r="CW497">
            <v>2554</v>
          </cell>
          <cell r="CX497" t="str">
            <v>主査</v>
          </cell>
          <cell r="CY497" t="str">
            <v>健康政策課長</v>
          </cell>
        </row>
        <row r="498">
          <cell r="B498">
            <v>2720</v>
          </cell>
          <cell r="C498" t="str">
            <v>(株)ミライト・テクノロジーズ</v>
          </cell>
          <cell r="D498" t="str">
            <v>078-940-4605</v>
          </cell>
          <cell r="E498" t="str">
            <v>658-0033</v>
          </cell>
          <cell r="F498" t="str">
            <v>兵庫県神戸市東灘区向洋町西3-1-10</v>
          </cell>
          <cell r="G498" t="str">
            <v>大阪市</v>
          </cell>
          <cell r="H498" t="str">
            <v>兵庫支店</v>
          </cell>
          <cell r="I498" t="str">
            <v>兵庫支店長 中見　和広</v>
          </cell>
          <cell r="J498" t="str">
            <v>大阪府大阪市</v>
          </cell>
          <cell r="K498" t="str">
            <v>078-940-4604</v>
          </cell>
          <cell r="L498" t="str">
            <v xml:space="preserve">mtc-hyogo.siten@mirait.co.jp </v>
          </cell>
          <cell r="M498" t="str">
            <v>ﾐﾗｲﾄﾃｸﾉﾛｼﾞｰｽﾞ</v>
          </cell>
          <cell r="N498" t="str">
            <v>有</v>
          </cell>
          <cell r="O498">
            <v>57</v>
          </cell>
          <cell r="P498">
            <v>1194</v>
          </cell>
          <cell r="Q498">
            <v>4120001048989</v>
          </cell>
          <cell r="R498">
            <v>3804034</v>
          </cell>
          <cell r="S498">
            <v>39378105</v>
          </cell>
          <cell r="T498">
            <v>75839311</v>
          </cell>
          <cell r="V498" t="str">
            <v>wq259163</v>
          </cell>
          <cell r="W498" t="str">
            <v>ud315352</v>
          </cell>
          <cell r="X498" t="str">
            <v>消(清)(と)(石)(鋼)(舗)(浚)(塗)(通)(水)土建大と石屋電管タ鋼舗浚塗内通水</v>
          </cell>
          <cell r="Y498" t="str">
            <v>消(清)(と)(石)(鋼)(舗)(浚)(塗)(通)(水)</v>
          </cell>
          <cell r="Z498" t="str">
            <v>土建大と石屋電管タ鋼舗浚塗内通水</v>
          </cell>
          <cell r="AA498" t="str">
            <v>電気通信</v>
          </cell>
          <cell r="AB498" t="str">
            <v>土木一式</v>
          </cell>
          <cell r="AC498" t="str">
            <v>舗装</v>
          </cell>
          <cell r="AD498" t="str">
            <v>水道施設</v>
          </cell>
          <cell r="AE498">
            <v>43190</v>
          </cell>
          <cell r="AF498" t="str">
            <v>希望しない</v>
          </cell>
          <cell r="AG498" t="str">
            <v>電気通信</v>
          </cell>
          <cell r="AH498" t="str">
            <v>特定</v>
          </cell>
          <cell r="AI498">
            <v>1553</v>
          </cell>
          <cell r="AJ498">
            <v>56452396</v>
          </cell>
          <cell r="AK498" t="str">
            <v>0(0)/0/359</v>
          </cell>
          <cell r="AL498" t="str">
            <v>土木一式</v>
          </cell>
          <cell r="AM498" t="str">
            <v>特定</v>
          </cell>
          <cell r="AN498">
            <v>1337</v>
          </cell>
          <cell r="AO498">
            <v>5570239</v>
          </cell>
          <cell r="AP498" t="str">
            <v>66(59)/8/21</v>
          </cell>
          <cell r="AQ498" t="str">
            <v>舗装</v>
          </cell>
          <cell r="AR498" t="str">
            <v>特定</v>
          </cell>
          <cell r="AS498">
            <v>1088</v>
          </cell>
          <cell r="AT498">
            <v>76003</v>
          </cell>
          <cell r="AU498" t="str">
            <v>29(25)/4/3</v>
          </cell>
          <cell r="AV498" t="str">
            <v>水道施設</v>
          </cell>
          <cell r="AW498" t="str">
            <v>特定</v>
          </cell>
          <cell r="AX498">
            <v>950</v>
          </cell>
          <cell r="AY498" t="str">
            <v/>
          </cell>
          <cell r="AZ498" t="str">
            <v>14(11)/1/0</v>
          </cell>
          <cell r="BA498" t="str">
            <v>大阪府</v>
          </cell>
          <cell r="BB498">
            <v>0</v>
          </cell>
          <cell r="CR498">
            <v>5098</v>
          </cell>
          <cell r="CS498" t="str">
            <v>ｺﾒﾑｽ ﾏｷｺ</v>
          </cell>
          <cell r="CT498" t="str">
            <v>米蒸  真生子</v>
          </cell>
          <cell r="CU498" t="str">
            <v>庶務課</v>
          </cell>
          <cell r="CW498">
            <v>3448</v>
          </cell>
          <cell r="CX498" t="str">
            <v xml:space="preserve"> </v>
          </cell>
          <cell r="CY498" t="str">
            <v>庶務課長</v>
          </cell>
        </row>
        <row r="499">
          <cell r="B499">
            <v>2721</v>
          </cell>
          <cell r="C499" t="str">
            <v>五洋建設(株)</v>
          </cell>
          <cell r="D499" t="str">
            <v>078-231-5005</v>
          </cell>
          <cell r="E499" t="str">
            <v>651-0083</v>
          </cell>
          <cell r="F499" t="str">
            <v>兵庫県神戸市神戸市中央区浜辺通4-1-11</v>
          </cell>
          <cell r="G499" t="str">
            <v/>
          </cell>
          <cell r="H499" t="str">
            <v>神戸営業所</v>
          </cell>
          <cell r="I499" t="str">
            <v>所長 樽谷　俊哉</v>
          </cell>
          <cell r="J499" t="str">
            <v>東京都</v>
          </cell>
          <cell r="K499" t="str">
            <v>078-231-1500</v>
          </cell>
          <cell r="L499" t="str">
            <v>noriko.aoyama@mail.penta-ocean.co.jp</v>
          </cell>
          <cell r="M499" t="str">
            <v>ｺﾞﾖｳｹﾝｾﾂ</v>
          </cell>
          <cell r="N499" t="str">
            <v>有</v>
          </cell>
          <cell r="O499">
            <v>68</v>
          </cell>
          <cell r="P499">
            <v>2884</v>
          </cell>
          <cell r="Q499">
            <v>1010001000006</v>
          </cell>
          <cell r="R499">
            <v>30449952</v>
          </cell>
          <cell r="S499">
            <v>100345066</v>
          </cell>
          <cell r="T499">
            <v>526902000</v>
          </cell>
          <cell r="V499" t="str">
            <v>gd204851</v>
          </cell>
          <cell r="W499" t="str">
            <v>qz577503</v>
          </cell>
          <cell r="X499" t="str">
            <v>(清)(建)(大)(と)(石)(屋)(タ)(鋼)(鉄)(舗)(浚)(内)(水)(解)土建大と石屋電管タ鋼鉄舗浚板ガ塗防内機園具水解</v>
          </cell>
          <cell r="Y499" t="str">
            <v>(清)(建)(大)(と)(石)(屋)(タ)(鋼)(鉄)(舗)(浚)(内)(水)(解)</v>
          </cell>
          <cell r="Z499" t="str">
            <v>土建大と石屋電管タ鋼鉄舗浚板ガ塗防内機園具水解</v>
          </cell>
          <cell r="AA499" t="str">
            <v>土木一式</v>
          </cell>
          <cell r="AB499" t="str">
            <v>建築一式</v>
          </cell>
          <cell r="AC499" t="str">
            <v>鋼構造物</v>
          </cell>
          <cell r="AD499" t="str">
            <v>解体</v>
          </cell>
          <cell r="AE499">
            <v>43190</v>
          </cell>
          <cell r="AF499" t="str">
            <v>希望しない</v>
          </cell>
          <cell r="AG499" t="str">
            <v>土木一式</v>
          </cell>
          <cell r="AH499" t="str">
            <v>特定</v>
          </cell>
          <cell r="AI499">
            <v>1958</v>
          </cell>
          <cell r="AJ499">
            <v>231548089</v>
          </cell>
          <cell r="AK499" t="str">
            <v>1067(885)/18/21</v>
          </cell>
          <cell r="AL499" t="str">
            <v>建築一式</v>
          </cell>
          <cell r="AM499" t="str">
            <v>特定</v>
          </cell>
          <cell r="AN499">
            <v>1930</v>
          </cell>
          <cell r="AO499">
            <v>209910625</v>
          </cell>
          <cell r="AP499" t="str">
            <v>619(401)/2/52</v>
          </cell>
          <cell r="AQ499" t="str">
            <v>鋼構造物</v>
          </cell>
          <cell r="AR499" t="str">
            <v>特定</v>
          </cell>
          <cell r="AS499">
            <v>1522</v>
          </cell>
          <cell r="AT499">
            <v>1112704</v>
          </cell>
          <cell r="AU499" t="str">
            <v>561(371)/2/0</v>
          </cell>
          <cell r="AV499" t="str">
            <v>解体</v>
          </cell>
          <cell r="AW499" t="str">
            <v>特定</v>
          </cell>
          <cell r="AX499">
            <v>1120</v>
          </cell>
          <cell r="AY499" t="str">
            <v/>
          </cell>
          <cell r="AZ499" t="str">
            <v>11(0)/0/0</v>
          </cell>
          <cell r="BA499" t="str">
            <v>東京都</v>
          </cell>
          <cell r="BB499">
            <v>0</v>
          </cell>
          <cell r="CR499">
            <v>5099</v>
          </cell>
          <cell r="CS499" t="str">
            <v>ｷﾝ ﾋﾔﾝｼﾞ</v>
          </cell>
          <cell r="CT499" t="str">
            <v>金  香織</v>
          </cell>
          <cell r="CU499" t="str">
            <v>都市安全企画課</v>
          </cell>
          <cell r="CW499">
            <v>2157</v>
          </cell>
          <cell r="CX499" t="str">
            <v xml:space="preserve"> </v>
          </cell>
          <cell r="CY499" t="str">
            <v>都市安全企画課長</v>
          </cell>
        </row>
        <row r="500">
          <cell r="B500">
            <v>2723</v>
          </cell>
          <cell r="C500" t="str">
            <v>(株)金剛組</v>
          </cell>
          <cell r="D500" t="str">
            <v>06-6779-7731</v>
          </cell>
          <cell r="E500" t="str">
            <v>543-0051</v>
          </cell>
          <cell r="F500" t="str">
            <v>大阪府大阪市天王寺区四天王寺1-14-29</v>
          </cell>
          <cell r="G500" t="str">
            <v>大阪市</v>
          </cell>
          <cell r="H500" t="str">
            <v/>
          </cell>
          <cell r="I500" t="str">
            <v>代表取締役社長 多田　俊彦</v>
          </cell>
          <cell r="J500" t="str">
            <v>本店</v>
          </cell>
          <cell r="K500" t="str">
            <v>06-6779-7133</v>
          </cell>
          <cell r="L500" t="str">
            <v>nyusatu@kongogumi.co.jp</v>
          </cell>
          <cell r="M500" t="str">
            <v>ｺﾝｺﾞｳｸﾞﾐ</v>
          </cell>
          <cell r="N500" t="str">
            <v>無</v>
          </cell>
          <cell r="O500">
            <v>63</v>
          </cell>
          <cell r="P500">
            <v>94</v>
          </cell>
          <cell r="Q500">
            <v>1120001112632</v>
          </cell>
          <cell r="R500">
            <v>300000</v>
          </cell>
          <cell r="S500">
            <v>622693</v>
          </cell>
          <cell r="T500">
            <v>2626765</v>
          </cell>
          <cell r="V500" t="str">
            <v>kb443116</v>
          </cell>
          <cell r="W500" t="str">
            <v>sx652560</v>
          </cell>
          <cell r="X500" t="str">
            <v>土建大と石屋鋼舗</v>
          </cell>
          <cell r="Y500" t="str">
            <v/>
          </cell>
          <cell r="Z500" t="str">
            <v>土建大と石屋鋼舗</v>
          </cell>
          <cell r="AA500" t="str">
            <v>建築一式</v>
          </cell>
          <cell r="AB500" t="str">
            <v/>
          </cell>
          <cell r="AC500" t="str">
            <v/>
          </cell>
          <cell r="AD500" t="str">
            <v/>
          </cell>
          <cell r="AE500">
            <v>43190</v>
          </cell>
          <cell r="AF500" t="str">
            <v>希望しない</v>
          </cell>
          <cell r="AG500" t="str">
            <v>建築一式</v>
          </cell>
          <cell r="AH500" t="str">
            <v>特定</v>
          </cell>
          <cell r="AI500">
            <v>1036</v>
          </cell>
          <cell r="AJ500">
            <v>2825036</v>
          </cell>
          <cell r="AK500" t="str">
            <v>38(29)/7/8</v>
          </cell>
          <cell r="AL500" t="str">
            <v/>
          </cell>
          <cell r="AM500" t="str">
            <v/>
          </cell>
          <cell r="AN500" t="str">
            <v/>
          </cell>
          <cell r="AO500" t="str">
            <v/>
          </cell>
          <cell r="AP500" t="str">
            <v/>
          </cell>
          <cell r="AQ500" t="str">
            <v/>
          </cell>
          <cell r="AR500" t="str">
            <v/>
          </cell>
          <cell r="AS500" t="str">
            <v/>
          </cell>
          <cell r="AT500" t="str">
            <v/>
          </cell>
          <cell r="AU500" t="str">
            <v/>
          </cell>
          <cell r="AV500" t="str">
            <v/>
          </cell>
          <cell r="AW500" t="str">
            <v/>
          </cell>
          <cell r="AX500" t="str">
            <v/>
          </cell>
          <cell r="AY500" t="str">
            <v/>
          </cell>
          <cell r="AZ500" t="str">
            <v/>
          </cell>
          <cell r="BA500" t="str">
            <v>大阪府</v>
          </cell>
          <cell r="BB500">
            <v>0</v>
          </cell>
          <cell r="CR500">
            <v>5101</v>
          </cell>
          <cell r="CS500" t="str">
            <v>ﾅｶﾞｻﾜ ﾄｼﾌﾐ</v>
          </cell>
          <cell r="CT500" t="str">
            <v>長澤  利文</v>
          </cell>
          <cell r="CU500" t="str">
            <v>中学校給食センター</v>
          </cell>
          <cell r="CW500" t="str">
            <v>784-8045</v>
          </cell>
          <cell r="CX500" t="str">
            <v>所長</v>
          </cell>
          <cell r="CY500" t="str">
            <v>中学校給食センター所長</v>
          </cell>
        </row>
        <row r="501">
          <cell r="B501">
            <v>2724</v>
          </cell>
          <cell r="C501" t="str">
            <v>(株)コンステック</v>
          </cell>
          <cell r="D501" t="str">
            <v>078-261-1501</v>
          </cell>
          <cell r="E501" t="str">
            <v>651-0087</v>
          </cell>
          <cell r="F501" t="str">
            <v>兵庫県神戸市中央区御幸通4-2-20</v>
          </cell>
          <cell r="G501" t="str">
            <v>大阪市</v>
          </cell>
          <cell r="H501" t="str">
            <v>神戸支店</v>
          </cell>
          <cell r="I501" t="str">
            <v>支店長 谷口　良平</v>
          </cell>
          <cell r="J501" t="str">
            <v>大阪府大阪市</v>
          </cell>
          <cell r="K501" t="str">
            <v>078-261-1502</v>
          </cell>
          <cell r="L501" t="str">
            <v>constec-kobe@cons-hd.co.jp</v>
          </cell>
          <cell r="M501" t="str">
            <v>ｺﾝｽﾃｯｸ</v>
          </cell>
          <cell r="N501" t="str">
            <v>有</v>
          </cell>
          <cell r="O501">
            <v>47</v>
          </cell>
          <cell r="P501">
            <v>265</v>
          </cell>
          <cell r="Q501">
            <v>1120001108515</v>
          </cell>
          <cell r="R501">
            <v>96000</v>
          </cell>
          <cell r="S501">
            <v>5402014</v>
          </cell>
          <cell r="T501">
            <v>16094506</v>
          </cell>
          <cell r="V501" t="str">
            <v>es868971</v>
          </cell>
          <cell r="W501" t="str">
            <v>ev479032</v>
          </cell>
          <cell r="X501" t="str">
            <v>(建)(左)(と)(タ)(鋼)(塗)(防)(内)(解)土建と電タ鋼塗防内園水解</v>
          </cell>
          <cell r="Y501" t="str">
            <v>(建)(左)(と)(タ)(鋼)(塗)(防)(内)(解)</v>
          </cell>
          <cell r="Z501" t="str">
            <v>土建と電タ鋼塗防内園水解</v>
          </cell>
          <cell r="AA501" t="str">
            <v>建築一式</v>
          </cell>
          <cell r="AB501" t="str">
            <v>土木一式</v>
          </cell>
          <cell r="AC501" t="str">
            <v>防水</v>
          </cell>
          <cell r="AD501" t="str">
            <v>左官</v>
          </cell>
          <cell r="AE501">
            <v>43210</v>
          </cell>
          <cell r="AF501" t="str">
            <v>希望しない</v>
          </cell>
          <cell r="AG501" t="str">
            <v>建築一式</v>
          </cell>
          <cell r="AH501" t="str">
            <v>特定</v>
          </cell>
          <cell r="AI501">
            <v>1264</v>
          </cell>
          <cell r="AJ501">
            <v>8741073</v>
          </cell>
          <cell r="AK501" t="str">
            <v>30(4)/24/32</v>
          </cell>
          <cell r="AL501" t="str">
            <v>土木一式</v>
          </cell>
          <cell r="AM501" t="str">
            <v>特定</v>
          </cell>
          <cell r="AN501">
            <v>1047</v>
          </cell>
          <cell r="AO501">
            <v>284368</v>
          </cell>
          <cell r="AP501" t="str">
            <v>16(7)/4/</v>
          </cell>
          <cell r="AQ501" t="str">
            <v>防水</v>
          </cell>
          <cell r="AR501" t="str">
            <v>特定</v>
          </cell>
          <cell r="AS501">
            <v>1065</v>
          </cell>
          <cell r="AT501">
            <v>409620</v>
          </cell>
          <cell r="AU501" t="str">
            <v>17(12)/6/</v>
          </cell>
          <cell r="AV501" t="str">
            <v>左官</v>
          </cell>
          <cell r="AW501" t="str">
            <v>特定</v>
          </cell>
          <cell r="AX501">
            <v>1109</v>
          </cell>
          <cell r="AY501">
            <v>831815</v>
          </cell>
          <cell r="AZ501" t="str">
            <v>29(17)//</v>
          </cell>
          <cell r="BA501" t="str">
            <v>大阪府</v>
          </cell>
          <cell r="BB501">
            <v>0</v>
          </cell>
          <cell r="CR501">
            <v>5102</v>
          </cell>
          <cell r="CS501" t="str">
            <v>ｶﾜｻｶ ﾕｷ</v>
          </cell>
          <cell r="CT501" t="str">
            <v>川阪  由紀</v>
          </cell>
          <cell r="CU501" t="str">
            <v>保育課</v>
          </cell>
          <cell r="CW501" t="str">
            <v xml:space="preserve"> </v>
          </cell>
          <cell r="CX501" t="str">
            <v>副所長</v>
          </cell>
          <cell r="CY501" t="str">
            <v>保育課長</v>
          </cell>
        </row>
        <row r="502">
          <cell r="B502">
            <v>2725</v>
          </cell>
          <cell r="C502" t="str">
            <v>(株)巨勢工務店</v>
          </cell>
          <cell r="D502" t="str">
            <v>0797-84-2621</v>
          </cell>
          <cell r="E502" t="str">
            <v>669-1102</v>
          </cell>
          <cell r="F502" t="str">
            <v>兵庫県西宮市生瀬町1-22-12</v>
          </cell>
          <cell r="G502" t="str">
            <v>西宮市</v>
          </cell>
          <cell r="H502" t="str">
            <v/>
          </cell>
          <cell r="I502" t="str">
            <v>代表取締役社長 高井　京浩</v>
          </cell>
          <cell r="J502" t="str">
            <v>本店</v>
          </cell>
          <cell r="K502" t="str">
            <v>0797-86-2092</v>
          </cell>
          <cell r="L502" t="str">
            <v>uchihashi-h.kose@sanyo-hn.co.jp</v>
          </cell>
          <cell r="M502" t="str">
            <v>ｺｾｺｳﾑﾃﾝ</v>
          </cell>
          <cell r="N502" t="str">
            <v>無</v>
          </cell>
          <cell r="O502">
            <v>48</v>
          </cell>
          <cell r="P502">
            <v>18</v>
          </cell>
          <cell r="Q502">
            <v>2140001068764</v>
          </cell>
          <cell r="R502">
            <v>80000</v>
          </cell>
          <cell r="S502">
            <v>1469130</v>
          </cell>
          <cell r="T502">
            <v>2286203</v>
          </cell>
          <cell r="V502" t="str">
            <v>dz721557</v>
          </cell>
          <cell r="W502" t="str">
            <v>vq363225</v>
          </cell>
          <cell r="X502" t="str">
            <v>土建</v>
          </cell>
          <cell r="Y502" t="str">
            <v/>
          </cell>
          <cell r="Z502" t="str">
            <v>土建</v>
          </cell>
          <cell r="AA502" t="str">
            <v>建築一式</v>
          </cell>
          <cell r="AB502" t="str">
            <v/>
          </cell>
          <cell r="AC502" t="str">
            <v/>
          </cell>
          <cell r="AD502" t="str">
            <v/>
          </cell>
          <cell r="AE502">
            <v>42978</v>
          </cell>
          <cell r="AF502" t="str">
            <v>希望しない</v>
          </cell>
          <cell r="AG502" t="str">
            <v>建築一式</v>
          </cell>
          <cell r="AH502" t="str">
            <v>特定</v>
          </cell>
          <cell r="AI502">
            <v>1024</v>
          </cell>
          <cell r="AJ502">
            <v>2123214</v>
          </cell>
          <cell r="AK502" t="str">
            <v>9(7)/4/0</v>
          </cell>
          <cell r="AL502" t="str">
            <v/>
          </cell>
          <cell r="AM502" t="str">
            <v/>
          </cell>
          <cell r="AN502" t="str">
            <v/>
          </cell>
          <cell r="AO502" t="str">
            <v/>
          </cell>
          <cell r="AP502" t="str">
            <v/>
          </cell>
          <cell r="AQ502" t="str">
            <v/>
          </cell>
          <cell r="AR502" t="str">
            <v/>
          </cell>
          <cell r="AS502" t="str">
            <v/>
          </cell>
          <cell r="AT502" t="str">
            <v/>
          </cell>
          <cell r="AU502" t="str">
            <v/>
          </cell>
          <cell r="AV502" t="str">
            <v/>
          </cell>
          <cell r="AW502" t="str">
            <v/>
          </cell>
          <cell r="AX502" t="str">
            <v/>
          </cell>
          <cell r="AY502" t="str">
            <v/>
          </cell>
          <cell r="AZ502" t="str">
            <v/>
          </cell>
          <cell r="BA502" t="str">
            <v>兵庫県</v>
          </cell>
          <cell r="BB502">
            <v>0</v>
          </cell>
          <cell r="CR502">
            <v>5105</v>
          </cell>
          <cell r="CS502" t="str">
            <v>ﾅｶﾆｼ ｷﾖｳｺ</v>
          </cell>
          <cell r="CT502" t="str">
            <v>中西  恭子</v>
          </cell>
          <cell r="CU502" t="str">
            <v>保育課</v>
          </cell>
          <cell r="CW502" t="str">
            <v xml:space="preserve"> </v>
          </cell>
          <cell r="CX502" t="str">
            <v xml:space="preserve"> </v>
          </cell>
          <cell r="CY502" t="str">
            <v>保育課長</v>
          </cell>
        </row>
        <row r="503">
          <cell r="B503">
            <v>2726</v>
          </cell>
          <cell r="C503" t="str">
            <v>広成建設(株)</v>
          </cell>
          <cell r="D503" t="str">
            <v>06-6885-2116</v>
          </cell>
          <cell r="E503" t="str">
            <v>532-0011</v>
          </cell>
          <cell r="F503" t="str">
            <v>大阪府大阪市淀川区西中島7-4-17</v>
          </cell>
          <cell r="G503" t="str">
            <v>広島市</v>
          </cell>
          <cell r="H503" t="str">
            <v>大阪営業支店</v>
          </cell>
          <cell r="I503" t="str">
            <v>支店長 田浦　敏邦</v>
          </cell>
          <cell r="J503" t="str">
            <v>広島県広島市</v>
          </cell>
          <cell r="K503" t="str">
            <v>06-6885-0447</v>
          </cell>
          <cell r="L503" t="str">
            <v>komuro@koseikensetsu.co.jp</v>
          </cell>
          <cell r="M503" t="str">
            <v>ｺｳｾｲｹﾝｾﾂ</v>
          </cell>
          <cell r="N503" t="str">
            <v>有</v>
          </cell>
          <cell r="O503">
            <v>68</v>
          </cell>
          <cell r="P503">
            <v>850</v>
          </cell>
          <cell r="Q503">
            <v>4240001003271</v>
          </cell>
          <cell r="R503">
            <v>780000</v>
          </cell>
          <cell r="S503">
            <v>25488585</v>
          </cell>
          <cell r="T503">
            <v>47811290</v>
          </cell>
          <cell r="V503" t="str">
            <v>ay412326</v>
          </cell>
          <cell r="W503" t="str">
            <v>wv152649</v>
          </cell>
          <cell r="X503" t="str">
            <v>(清)(建)(大)(左)(と)(石)(屋)(タ)(鋼)(鉄)(舗)(浚)(板)(ガ)(塗)(防)(内)(熱)(具)(水)(解)土建大と石屋電タ鋼鉄舗浚板ガ塗防内熱園具水解</v>
          </cell>
          <cell r="Y503" t="str">
            <v>(清)(建)(大)(左)(と)(石)(屋)(タ)(鋼)(鉄)(舗)(浚)(板)(ガ)(塗)(防)(内)(熱)(具)(水)(解)</v>
          </cell>
          <cell r="Z503" t="str">
            <v>土建大と石屋電タ鋼鉄舗浚板ガ塗防内熱園具水解</v>
          </cell>
          <cell r="AA503" t="str">
            <v>建築一式</v>
          </cell>
          <cell r="AB503" t="str">
            <v>土木一式</v>
          </cell>
          <cell r="AC503" t="str">
            <v>鋼構造物</v>
          </cell>
          <cell r="AD503" t="str">
            <v>水道施設</v>
          </cell>
          <cell r="AE503">
            <v>43190</v>
          </cell>
          <cell r="AF503" t="str">
            <v/>
          </cell>
          <cell r="AG503" t="str">
            <v>建築一式</v>
          </cell>
          <cell r="AH503" t="str">
            <v/>
          </cell>
          <cell r="AI503">
            <v>1504</v>
          </cell>
          <cell r="AJ503">
            <v>14577031</v>
          </cell>
          <cell r="AK503" t="str">
            <v>115(106)/10/11</v>
          </cell>
          <cell r="AL503" t="str">
            <v>土木一式</v>
          </cell>
          <cell r="AM503" t="str">
            <v/>
          </cell>
          <cell r="AN503">
            <v>1629</v>
          </cell>
          <cell r="AO503">
            <v>30117984</v>
          </cell>
          <cell r="AP503" t="str">
            <v>317(277)/28/119</v>
          </cell>
          <cell r="AQ503" t="str">
            <v>鋼構造物</v>
          </cell>
          <cell r="AR503" t="str">
            <v/>
          </cell>
          <cell r="AS503">
            <v>1186</v>
          </cell>
          <cell r="AT503">
            <v>61112</v>
          </cell>
          <cell r="AU503" t="str">
            <v>71(67)/3/0</v>
          </cell>
          <cell r="AV503" t="str">
            <v>水道施設</v>
          </cell>
          <cell r="AW503" t="str">
            <v/>
          </cell>
          <cell r="AX503">
            <v>1225</v>
          </cell>
          <cell r="AY503">
            <v>53356</v>
          </cell>
          <cell r="AZ503" t="str">
            <v>172(157)/14/0</v>
          </cell>
          <cell r="BA503" t="str">
            <v>広島県</v>
          </cell>
          <cell r="BB503">
            <v>0</v>
          </cell>
          <cell r="CR503">
            <v>5106</v>
          </cell>
          <cell r="CS503" t="str">
            <v>ﾂｷｵｶ ｶｵﾙ</v>
          </cell>
          <cell r="CT503" t="str">
            <v>月岡  薫</v>
          </cell>
          <cell r="CU503" t="str">
            <v>保育課</v>
          </cell>
          <cell r="CW503" t="str">
            <v xml:space="preserve"> </v>
          </cell>
          <cell r="CX503" t="str">
            <v xml:space="preserve"> </v>
          </cell>
          <cell r="CY503" t="str">
            <v>保育課長</v>
          </cell>
        </row>
        <row r="504">
          <cell r="B504">
            <v>2733</v>
          </cell>
          <cell r="C504" t="str">
            <v>(株)コジョウテックス</v>
          </cell>
          <cell r="D504" t="str">
            <v>06-6911-6986</v>
          </cell>
          <cell r="E504" t="str">
            <v>538-0031</v>
          </cell>
          <cell r="F504" t="str">
            <v>大阪府大阪市鶴見区茨田大宮2‐2‐39</v>
          </cell>
          <cell r="G504" t="str">
            <v>大阪市</v>
          </cell>
          <cell r="H504" t="str">
            <v/>
          </cell>
          <cell r="I504" t="str">
            <v>代表取締役 小城　孝次</v>
          </cell>
          <cell r="J504" t="str">
            <v>本店</v>
          </cell>
          <cell r="K504" t="str">
            <v>06-6911-9046</v>
          </cell>
          <cell r="L504" t="str">
            <v>info@kojyo.jp</v>
          </cell>
          <cell r="M504" t="str">
            <v>ｺｼﾞｮｳﾃｯｸｽ</v>
          </cell>
          <cell r="N504" t="str">
            <v>無</v>
          </cell>
          <cell r="O504">
            <v>41</v>
          </cell>
          <cell r="P504">
            <v>16</v>
          </cell>
          <cell r="Q504">
            <v>9120001001836</v>
          </cell>
          <cell r="R504">
            <v>30000</v>
          </cell>
          <cell r="S504">
            <v>160950</v>
          </cell>
          <cell r="T504">
            <v>417029</v>
          </cell>
          <cell r="V504" t="str">
            <v>kd583225</v>
          </cell>
          <cell r="W504" t="str">
            <v>ud167476</v>
          </cell>
          <cell r="X504" t="str">
            <v>土建大と石屋タ鋼鉄舗浚板ガ塗防内熱具水</v>
          </cell>
          <cell r="Y504" t="str">
            <v/>
          </cell>
          <cell r="Z504" t="str">
            <v>土建大と石屋タ鋼鉄舗浚板ガ塗防内熱具水</v>
          </cell>
          <cell r="AA504" t="str">
            <v>塗装</v>
          </cell>
          <cell r="AB504" t="str">
            <v>鋼構造物</v>
          </cell>
          <cell r="AC504" t="str">
            <v>防水</v>
          </cell>
          <cell r="AD504" t="str">
            <v>土木一式</v>
          </cell>
          <cell r="AE504">
            <v>42978</v>
          </cell>
          <cell r="AF504" t="str">
            <v>希望しない</v>
          </cell>
          <cell r="AG504" t="str">
            <v>塗装</v>
          </cell>
          <cell r="AH504" t="str">
            <v>特定</v>
          </cell>
          <cell r="AI504">
            <v>901</v>
          </cell>
          <cell r="AJ504">
            <v>340230</v>
          </cell>
          <cell r="AK504" t="str">
            <v>3(3)/1/0</v>
          </cell>
          <cell r="AL504" t="str">
            <v>鋼構造物</v>
          </cell>
          <cell r="AM504" t="str">
            <v>特定</v>
          </cell>
          <cell r="AN504">
            <v>826</v>
          </cell>
          <cell r="AO504">
            <v>62164</v>
          </cell>
          <cell r="AP504" t="str">
            <v>4(0)/0/0</v>
          </cell>
          <cell r="AQ504" t="str">
            <v>防水</v>
          </cell>
          <cell r="AR504" t="str">
            <v>特定</v>
          </cell>
          <cell r="AS504">
            <v>720</v>
          </cell>
          <cell r="AT504" t="str">
            <v/>
          </cell>
          <cell r="AU504" t="str">
            <v>1(1)/0/0</v>
          </cell>
          <cell r="AV504" t="str">
            <v>土木一式</v>
          </cell>
          <cell r="AW504" t="str">
            <v>特定</v>
          </cell>
          <cell r="AX504">
            <v>705</v>
          </cell>
          <cell r="AY504" t="str">
            <v/>
          </cell>
          <cell r="AZ504" t="str">
            <v>0(0)/0/0</v>
          </cell>
          <cell r="BA504" t="str">
            <v>大阪府</v>
          </cell>
          <cell r="BB504">
            <v>0</v>
          </cell>
          <cell r="CR504">
            <v>5108</v>
          </cell>
          <cell r="CS504" t="str">
            <v>ﾅｶｶﾞﾜ ｶｵﾘ</v>
          </cell>
          <cell r="CT504" t="str">
            <v>中川  香織</v>
          </cell>
          <cell r="CU504" t="str">
            <v>公民館</v>
          </cell>
          <cell r="CW504">
            <v>5818</v>
          </cell>
          <cell r="CX504" t="str">
            <v>主任</v>
          </cell>
          <cell r="CY504" t="str">
            <v>公民館長</v>
          </cell>
        </row>
        <row r="505">
          <cell r="B505">
            <v>2734</v>
          </cell>
          <cell r="C505" t="str">
            <v>郡リース(株)</v>
          </cell>
          <cell r="D505" t="str">
            <v>06-6444-2161</v>
          </cell>
          <cell r="E505" t="str">
            <v>550-0002</v>
          </cell>
          <cell r="F505" t="str">
            <v>大阪府大阪市西区江戸堀3-3-2</v>
          </cell>
          <cell r="G505" t="str">
            <v/>
          </cell>
          <cell r="H505" t="str">
            <v>大阪支店</v>
          </cell>
          <cell r="I505" t="str">
            <v>支店長 杉山　博美</v>
          </cell>
          <cell r="J505" t="str">
            <v>東京都</v>
          </cell>
          <cell r="K505" t="str">
            <v>06-6445-1680</v>
          </cell>
          <cell r="L505" t="str">
            <v>osaka@kohri.co.jp</v>
          </cell>
          <cell r="M505" t="str">
            <v>ｺｵﾘﾘｰｽ</v>
          </cell>
          <cell r="N505" t="str">
            <v>有</v>
          </cell>
          <cell r="O505">
            <v>48</v>
          </cell>
          <cell r="P505">
            <v>329</v>
          </cell>
          <cell r="Q505">
            <v>6010401009996</v>
          </cell>
          <cell r="R505">
            <v>86400</v>
          </cell>
          <cell r="S505">
            <v>33819092</v>
          </cell>
          <cell r="T505">
            <v>29300966</v>
          </cell>
          <cell r="V505" t="str">
            <v>ed791898</v>
          </cell>
          <cell r="W505" t="str">
            <v>an317623</v>
          </cell>
          <cell r="X505" t="str">
            <v>(建)(屋)(タ)(鋼)(内)土建大と石屋管タ鋼鉄舗浚板ガ塗防内熱具水</v>
          </cell>
          <cell r="Y505" t="str">
            <v>(建)(屋)(タ)(鋼)(内)</v>
          </cell>
          <cell r="Z505" t="str">
            <v>土建大と石屋管タ鋼鉄舗浚板ガ塗防内熱具水</v>
          </cell>
          <cell r="AA505" t="str">
            <v>建築一式</v>
          </cell>
          <cell r="AB505" t="str">
            <v/>
          </cell>
          <cell r="AC505" t="str">
            <v/>
          </cell>
          <cell r="AD505" t="str">
            <v/>
          </cell>
          <cell r="AE505">
            <v>43190</v>
          </cell>
          <cell r="AF505" t="str">
            <v/>
          </cell>
          <cell r="AG505" t="str">
            <v>建築一式</v>
          </cell>
          <cell r="AH505" t="str">
            <v>特定</v>
          </cell>
          <cell r="AI505">
            <v>1302</v>
          </cell>
          <cell r="AJ505">
            <v>44666550</v>
          </cell>
          <cell r="AK505" t="str">
            <v>61(42)/18/36</v>
          </cell>
          <cell r="AL505" t="str">
            <v/>
          </cell>
          <cell r="AM505" t="str">
            <v/>
          </cell>
          <cell r="AN505" t="str">
            <v/>
          </cell>
          <cell r="AO505" t="str">
            <v/>
          </cell>
          <cell r="AP505" t="str">
            <v/>
          </cell>
          <cell r="AQ505" t="str">
            <v/>
          </cell>
          <cell r="AR505" t="str">
            <v/>
          </cell>
          <cell r="AS505" t="str">
            <v/>
          </cell>
          <cell r="AT505" t="str">
            <v/>
          </cell>
          <cell r="AU505" t="str">
            <v/>
          </cell>
          <cell r="AV505" t="str">
            <v/>
          </cell>
          <cell r="AW505" t="str">
            <v/>
          </cell>
          <cell r="AX505" t="str">
            <v/>
          </cell>
          <cell r="AY505" t="str">
            <v/>
          </cell>
          <cell r="AZ505" t="str">
            <v/>
          </cell>
          <cell r="BA505" t="str">
            <v>東京都</v>
          </cell>
          <cell r="BB505">
            <v>0</v>
          </cell>
          <cell r="CR505">
            <v>5110</v>
          </cell>
          <cell r="CS505" t="str">
            <v>ﾖｼﾉ ﾕﾘｺ</v>
          </cell>
          <cell r="CT505" t="str">
            <v>吉野  百合子</v>
          </cell>
          <cell r="CU505" t="str">
            <v>保育課</v>
          </cell>
          <cell r="CW505" t="str">
            <v xml:space="preserve"> </v>
          </cell>
          <cell r="CX505" t="str">
            <v xml:space="preserve"> </v>
          </cell>
          <cell r="CY505" t="str">
            <v>保育課長</v>
          </cell>
        </row>
        <row r="506">
          <cell r="B506">
            <v>2737</v>
          </cell>
          <cell r="C506" t="str">
            <v>コウフ・フィールド(株)</v>
          </cell>
          <cell r="D506" t="str">
            <v>06-6399-8207</v>
          </cell>
          <cell r="E506" t="str">
            <v>541-0053</v>
          </cell>
          <cell r="F506" t="str">
            <v>大阪府大阪市淀川区西宮原3-2-1 新大阪ﾋﾞｼﾞﾈｽ第2ﾆｯｹﾝﾏﾝｼｮﾝ103</v>
          </cell>
          <cell r="G506" t="str">
            <v>福岡市</v>
          </cell>
          <cell r="H506" t="str">
            <v>関西支店</v>
          </cell>
          <cell r="I506" t="str">
            <v>支店長　 五十嵐　洋介</v>
          </cell>
          <cell r="J506" t="str">
            <v>福岡県福岡市</v>
          </cell>
          <cell r="K506" t="str">
            <v>06-6399-8191</v>
          </cell>
          <cell r="L506" t="str">
            <v>kansai@kofu-field.com</v>
          </cell>
          <cell r="M506" t="str">
            <v>ｺｳﾌ.ﾌｲ-ﾙﾄﾞ</v>
          </cell>
          <cell r="N506" t="str">
            <v>有</v>
          </cell>
          <cell r="O506">
            <v>45</v>
          </cell>
          <cell r="P506">
            <v>44</v>
          </cell>
          <cell r="Q506">
            <v>7290000000000</v>
          </cell>
          <cell r="R506">
            <v>40000</v>
          </cell>
          <cell r="S506">
            <v>306867</v>
          </cell>
          <cell r="T506">
            <v>1410786</v>
          </cell>
          <cell r="V506" t="str">
            <v>qq930376</v>
          </cell>
          <cell r="W506" t="str">
            <v>kc768903</v>
          </cell>
          <cell r="X506" t="str">
            <v>(建)(屋)(タ)(鋼)(内)土建大と石屋管タ鋼鉄舗浚板ガ塗防内熱具水</v>
          </cell>
          <cell r="Y506" t="str">
            <v>(建)(屋)(タ)(鋼)(内)</v>
          </cell>
          <cell r="Z506" t="str">
            <v>土建大と石屋管タ鋼鉄舗浚板ガ塗防内熱具水</v>
          </cell>
          <cell r="AA506" t="str">
            <v>土木一式</v>
          </cell>
          <cell r="AB506" t="str">
            <v>造園</v>
          </cell>
          <cell r="AC506" t="str">
            <v>とび土工</v>
          </cell>
          <cell r="AD506" t="str">
            <v>舗装</v>
          </cell>
          <cell r="AE506">
            <v>42916</v>
          </cell>
          <cell r="AF506" t="str">
            <v>希望しない</v>
          </cell>
          <cell r="AG506" t="str">
            <v>土木一式</v>
          </cell>
          <cell r="AH506" t="str">
            <v>特定</v>
          </cell>
          <cell r="AI506">
            <v>911</v>
          </cell>
          <cell r="AJ506">
            <v>224928</v>
          </cell>
          <cell r="AK506" t="str">
            <v>14(13)/6/0</v>
          </cell>
          <cell r="AL506" t="str">
            <v>造園</v>
          </cell>
          <cell r="AM506" t="str">
            <v>特定</v>
          </cell>
          <cell r="AN506">
            <v>908</v>
          </cell>
          <cell r="AO506">
            <v>703719</v>
          </cell>
          <cell r="AP506" t="str">
            <v>7(6)/0/1</v>
          </cell>
          <cell r="AQ506" t="str">
            <v>とび土工</v>
          </cell>
          <cell r="AR506" t="str">
            <v>特定</v>
          </cell>
          <cell r="AS506">
            <v>703</v>
          </cell>
          <cell r="AT506">
            <v>18911</v>
          </cell>
          <cell r="AU506" t="str">
            <v>0(0)/0/0</v>
          </cell>
          <cell r="AV506" t="str">
            <v>舗装</v>
          </cell>
          <cell r="AW506" t="str">
            <v>特定</v>
          </cell>
          <cell r="AX506">
            <v>888</v>
          </cell>
          <cell r="AY506">
            <v>327445</v>
          </cell>
          <cell r="AZ506" t="str">
            <v>6(6)/6/0</v>
          </cell>
          <cell r="BA506" t="str">
            <v>福岡県</v>
          </cell>
          <cell r="BB506">
            <v>0</v>
          </cell>
          <cell r="CR506">
            <v>5111</v>
          </cell>
          <cell r="CS506" t="str">
            <v>ｵｵﾀﾆ ﾄｼｱｷ</v>
          </cell>
          <cell r="CT506" t="str">
            <v>大谷  利明</v>
          </cell>
          <cell r="CU506" t="str">
            <v>生活環境課</v>
          </cell>
          <cell r="CW506">
            <v>2812</v>
          </cell>
          <cell r="CX506" t="str">
            <v>主査</v>
          </cell>
          <cell r="CY506" t="str">
            <v>生活環境課長</v>
          </cell>
        </row>
        <row r="507">
          <cell r="B507">
            <v>2740</v>
          </cell>
          <cell r="C507" t="str">
            <v>壽環境機材(株)</v>
          </cell>
          <cell r="D507" t="str">
            <v>06-6352-5880</v>
          </cell>
          <cell r="E507" t="str">
            <v>530-0043</v>
          </cell>
          <cell r="F507" t="str">
            <v>大阪府大阪市北区天満1-19-4</v>
          </cell>
          <cell r="G507" t="str">
            <v>大阪市</v>
          </cell>
          <cell r="H507" t="str">
            <v/>
          </cell>
          <cell r="I507" t="str">
            <v>代表取締役 高木　眞敏</v>
          </cell>
          <cell r="J507" t="str">
            <v>本店</v>
          </cell>
          <cell r="K507" t="str">
            <v>06-6352-9367</v>
          </cell>
          <cell r="L507" t="str">
            <v>k.kitano@kotobukikk.com</v>
          </cell>
          <cell r="M507" t="str">
            <v>ｺﾄﾌﾞｷｶﾝｷｮｳｷｻﾞｲ</v>
          </cell>
          <cell r="N507" t="str">
            <v>無</v>
          </cell>
          <cell r="O507">
            <v>31</v>
          </cell>
          <cell r="P507">
            <v>68</v>
          </cell>
          <cell r="Q507">
            <v>9120001063918</v>
          </cell>
          <cell r="R507">
            <v>32000</v>
          </cell>
          <cell r="S507">
            <v>779343</v>
          </cell>
          <cell r="T507">
            <v>2573730</v>
          </cell>
          <cell r="V507" t="str">
            <v>mg835708</v>
          </cell>
          <cell r="W507" t="str">
            <v>ch543708</v>
          </cell>
          <cell r="X507" t="str">
            <v>建機土と石管鋼舗塗水</v>
          </cell>
          <cell r="Y507" t="str">
            <v>建機</v>
          </cell>
          <cell r="Z507" t="str">
            <v>土と石管鋼舗塗水</v>
          </cell>
          <cell r="AA507" t="str">
            <v>機械器具</v>
          </cell>
          <cell r="AB507" t="str">
            <v>管</v>
          </cell>
          <cell r="AC507" t="str">
            <v>建築一式</v>
          </cell>
          <cell r="AD507" t="str">
            <v>塗装</v>
          </cell>
          <cell r="AE507">
            <v>43159</v>
          </cell>
          <cell r="AF507" t="str">
            <v>希望しない</v>
          </cell>
          <cell r="AG507" t="str">
            <v>機械器具</v>
          </cell>
          <cell r="AH507" t="str">
            <v>一般</v>
          </cell>
          <cell r="AI507">
            <v>874</v>
          </cell>
          <cell r="AJ507">
            <v>1291536</v>
          </cell>
          <cell r="AK507" t="str">
            <v>0(0)/0/20</v>
          </cell>
          <cell r="AL507" t="str">
            <v>管</v>
          </cell>
          <cell r="AM507" t="str">
            <v>特定</v>
          </cell>
          <cell r="AN507">
            <v>725</v>
          </cell>
          <cell r="AO507">
            <v>16704</v>
          </cell>
          <cell r="AP507" t="str">
            <v>4(2)/1/2</v>
          </cell>
          <cell r="AQ507" t="str">
            <v>建築一式</v>
          </cell>
          <cell r="AR507" t="str">
            <v>一般</v>
          </cell>
          <cell r="AS507">
            <v>723</v>
          </cell>
          <cell r="AT507">
            <v>87811</v>
          </cell>
          <cell r="AU507" t="str">
            <v>0(0)/1/0</v>
          </cell>
          <cell r="AV507" t="str">
            <v>塗装</v>
          </cell>
          <cell r="AW507" t="str">
            <v>特定</v>
          </cell>
          <cell r="AX507">
            <v>660</v>
          </cell>
          <cell r="AY507">
            <v>12124</v>
          </cell>
          <cell r="AZ507" t="str">
            <v>0(0)/0/0</v>
          </cell>
          <cell r="BA507" t="str">
            <v>大阪府</v>
          </cell>
          <cell r="BB507">
            <v>0</v>
          </cell>
          <cell r="CR507">
            <v>5112</v>
          </cell>
          <cell r="CS507" t="str">
            <v>ｵｶﾀﾞ ﾏｻﾓﾄ</v>
          </cell>
          <cell r="CT507" t="str">
            <v>岡田  眞基</v>
          </cell>
          <cell r="CU507" t="str">
            <v>管理課</v>
          </cell>
          <cell r="CW507" t="str">
            <v xml:space="preserve"> </v>
          </cell>
          <cell r="CX507" t="str">
            <v>主査</v>
          </cell>
          <cell r="CY507" t="str">
            <v>管理課長</v>
          </cell>
        </row>
        <row r="508">
          <cell r="B508">
            <v>2742</v>
          </cell>
          <cell r="C508" t="str">
            <v>(株)幸和道路管理</v>
          </cell>
          <cell r="D508" t="str">
            <v>078-731-1144</v>
          </cell>
          <cell r="E508" t="str">
            <v>653-0052</v>
          </cell>
          <cell r="F508" t="str">
            <v>兵庫県神戸市長田区海運町8丁目4番8号</v>
          </cell>
          <cell r="G508" t="str">
            <v>神戸市</v>
          </cell>
          <cell r="H508" t="str">
            <v/>
          </cell>
          <cell r="I508" t="str">
            <v>代表取締役 谷山　和義</v>
          </cell>
          <cell r="J508" t="str">
            <v>本店</v>
          </cell>
          <cell r="K508" t="str">
            <v>078-731-1190</v>
          </cell>
          <cell r="L508" t="str">
            <v>kowa@r5.dion.ne.jp</v>
          </cell>
          <cell r="M508" t="str">
            <v>ｺｳﾜﾄﾞｳﾛｶﾝﾘ</v>
          </cell>
          <cell r="N508" t="str">
            <v>無</v>
          </cell>
          <cell r="O508">
            <v>20</v>
          </cell>
          <cell r="P508">
            <v>15</v>
          </cell>
          <cell r="Q508">
            <v>2140001034254</v>
          </cell>
          <cell r="R508">
            <v>30000</v>
          </cell>
          <cell r="S508">
            <v>65228</v>
          </cell>
          <cell r="T508">
            <v>456273</v>
          </cell>
          <cell r="V508" t="str">
            <v>nq704321</v>
          </cell>
          <cell r="W508" t="str">
            <v>xb147793</v>
          </cell>
          <cell r="X508" t="str">
            <v>管土と石鋼舗浚塗水解</v>
          </cell>
          <cell r="Y508" t="str">
            <v>管</v>
          </cell>
          <cell r="Z508" t="str">
            <v>土と石鋼舗浚塗水解</v>
          </cell>
          <cell r="AA508" t="str">
            <v>土木一式</v>
          </cell>
          <cell r="AB508" t="str">
            <v>とび土工</v>
          </cell>
          <cell r="AC508" t="str">
            <v>舗装</v>
          </cell>
          <cell r="AD508" t="str">
            <v>浚渫</v>
          </cell>
          <cell r="AE508">
            <v>43190</v>
          </cell>
          <cell r="AF508" t="str">
            <v>希望する</v>
          </cell>
          <cell r="AG508" t="str">
            <v>土木一式</v>
          </cell>
          <cell r="AH508" t="str">
            <v>特定</v>
          </cell>
          <cell r="AI508">
            <v>754</v>
          </cell>
          <cell r="AJ508">
            <v>52791</v>
          </cell>
          <cell r="AK508" t="str">
            <v>2(2)/5/0</v>
          </cell>
          <cell r="AL508" t="str">
            <v>とび土工</v>
          </cell>
          <cell r="AM508" t="str">
            <v>特定</v>
          </cell>
          <cell r="AN508">
            <v>619</v>
          </cell>
          <cell r="AO508">
            <v>709</v>
          </cell>
          <cell r="AP508" t="str">
            <v>0(0)/0/0</v>
          </cell>
          <cell r="AQ508" t="str">
            <v>舗装</v>
          </cell>
          <cell r="AR508" t="str">
            <v>特定</v>
          </cell>
          <cell r="AS508">
            <v>670</v>
          </cell>
          <cell r="AT508">
            <v>544</v>
          </cell>
          <cell r="AU508" t="str">
            <v>2(2)/5/0</v>
          </cell>
          <cell r="AV508" t="str">
            <v>浚渫</v>
          </cell>
          <cell r="AW508" t="str">
            <v>特定</v>
          </cell>
          <cell r="AX508">
            <v>616</v>
          </cell>
          <cell r="AY508">
            <v>65</v>
          </cell>
          <cell r="AZ508" t="str">
            <v>0(0)/0/0</v>
          </cell>
          <cell r="BA508" t="str">
            <v>兵庫県</v>
          </cell>
          <cell r="BB508" t="str">
            <v>江本ビル</v>
          </cell>
          <cell r="CR508">
            <v>5113</v>
          </cell>
          <cell r="CS508" t="str">
            <v>ｵｶﾞﾀ ｶﾂﾐ</v>
          </cell>
          <cell r="CT508" t="str">
            <v>緒方  克美</v>
          </cell>
          <cell r="CU508" t="str">
            <v>管理課</v>
          </cell>
          <cell r="CW508" t="str">
            <v xml:space="preserve"> </v>
          </cell>
          <cell r="CX508" t="str">
            <v>業務主任</v>
          </cell>
          <cell r="CY508" t="str">
            <v>管理課長</v>
          </cell>
        </row>
        <row r="509">
          <cell r="B509">
            <v>2745</v>
          </cell>
          <cell r="C509" t="str">
            <v>恒栄ポンプ(株)</v>
          </cell>
          <cell r="D509" t="str">
            <v>0798-44-0286</v>
          </cell>
          <cell r="E509" t="str">
            <v>663-8114</v>
          </cell>
          <cell r="F509" t="str">
            <v>兵庫県西宮市上甲子園3-6-15</v>
          </cell>
          <cell r="G509" t="str">
            <v>西宮市</v>
          </cell>
          <cell r="H509" t="str">
            <v/>
          </cell>
          <cell r="I509" t="str">
            <v>代表取締役 佐伯　昭光</v>
          </cell>
          <cell r="J509" t="str">
            <v>本店</v>
          </cell>
          <cell r="K509" t="str">
            <v>0798-44-0287</v>
          </cell>
          <cell r="L509" t="str">
            <v>koeipump@leto.eonet.ne.jp</v>
          </cell>
          <cell r="M509" t="str">
            <v>ｺｳｴｲﾎﾟﾝﾌﾟ</v>
          </cell>
          <cell r="N509" t="str">
            <v>無</v>
          </cell>
          <cell r="O509">
            <v>17</v>
          </cell>
          <cell r="P509">
            <v>9</v>
          </cell>
          <cell r="Q509">
            <v>9140001072487</v>
          </cell>
          <cell r="R509">
            <v>3000</v>
          </cell>
          <cell r="S509">
            <v>5678</v>
          </cell>
          <cell r="T509">
            <v>139842</v>
          </cell>
          <cell r="V509" t="str">
            <v>vr944332</v>
          </cell>
          <cell r="W509" t="str">
            <v>mf118146</v>
          </cell>
          <cell r="X509" t="str">
            <v>電管機</v>
          </cell>
          <cell r="Y509" t="str">
            <v>電管機</v>
          </cell>
          <cell r="Z509" t="str">
            <v/>
          </cell>
          <cell r="AA509" t="str">
            <v>機械器具</v>
          </cell>
          <cell r="AB509" t="str">
            <v>管</v>
          </cell>
          <cell r="AC509" t="str">
            <v>電気</v>
          </cell>
          <cell r="AD509" t="str">
            <v/>
          </cell>
          <cell r="AE509">
            <v>43190</v>
          </cell>
          <cell r="AF509" t="str">
            <v>希望しない</v>
          </cell>
          <cell r="AG509" t="str">
            <v>機械器具</v>
          </cell>
          <cell r="AH509" t="str">
            <v>一般</v>
          </cell>
          <cell r="AI509">
            <v>640</v>
          </cell>
          <cell r="AJ509">
            <v>103509</v>
          </cell>
          <cell r="AK509" t="str">
            <v>0(0)/0/0</v>
          </cell>
          <cell r="AL509" t="str">
            <v>管</v>
          </cell>
          <cell r="AM509" t="str">
            <v>一般</v>
          </cell>
          <cell r="AN509">
            <v>628</v>
          </cell>
          <cell r="AO509">
            <v>22128</v>
          </cell>
          <cell r="AP509" t="str">
            <v>1(0)/6/1</v>
          </cell>
          <cell r="AQ509" t="str">
            <v>電気</v>
          </cell>
          <cell r="AR509" t="str">
            <v>一般</v>
          </cell>
          <cell r="AS509">
            <v>546</v>
          </cell>
          <cell r="AT509">
            <v>3384</v>
          </cell>
          <cell r="AU509" t="str">
            <v>0(0)/1/0</v>
          </cell>
          <cell r="AV509" t="str">
            <v/>
          </cell>
          <cell r="AW509" t="str">
            <v/>
          </cell>
          <cell r="AX509" t="str">
            <v/>
          </cell>
          <cell r="AY509" t="str">
            <v/>
          </cell>
          <cell r="AZ509" t="str">
            <v/>
          </cell>
          <cell r="BA509" t="str">
            <v>兵庫県</v>
          </cell>
          <cell r="BB509">
            <v>0</v>
          </cell>
          <cell r="CR509">
            <v>5114</v>
          </cell>
          <cell r="CS509" t="str">
            <v>ｼﾊﾞﾀ ｻﾄｼ</v>
          </cell>
          <cell r="CT509" t="str">
            <v>柴田  敏</v>
          </cell>
          <cell r="CU509" t="str">
            <v>業務課</v>
          </cell>
          <cell r="CW509" t="str">
            <v xml:space="preserve"> </v>
          </cell>
          <cell r="CX509" t="str">
            <v xml:space="preserve"> </v>
          </cell>
          <cell r="CY509" t="str">
            <v>業務課長</v>
          </cell>
        </row>
        <row r="510">
          <cell r="B510">
            <v>2748</v>
          </cell>
          <cell r="C510" t="str">
            <v>(株)コンパスサービス</v>
          </cell>
          <cell r="D510" t="str">
            <v>03-5920-7031</v>
          </cell>
          <cell r="E510" t="str">
            <v>174-0064</v>
          </cell>
          <cell r="F510" t="str">
            <v>東京都板橋区中台2-15-8-104</v>
          </cell>
          <cell r="G510" t="str">
            <v/>
          </cell>
          <cell r="H510" t="str">
            <v/>
          </cell>
          <cell r="I510" t="str">
            <v>代表取締役 池上　貴久</v>
          </cell>
          <cell r="J510" t="str">
            <v>本店</v>
          </cell>
          <cell r="K510" t="str">
            <v>03-5920-7032</v>
          </cell>
          <cell r="L510" t="str">
            <v>mail@kompass.co.jp</v>
          </cell>
          <cell r="M510" t="str">
            <v>ｺﾝﾊﾟｽｻｰﾋﾞｽ</v>
          </cell>
          <cell r="N510" t="str">
            <v>無</v>
          </cell>
          <cell r="O510">
            <v>29</v>
          </cell>
          <cell r="P510">
            <v>14</v>
          </cell>
          <cell r="Q510" t="str">
            <v/>
          </cell>
          <cell r="R510">
            <v>13000</v>
          </cell>
          <cell r="S510">
            <v>36829</v>
          </cell>
          <cell r="T510">
            <v>762257</v>
          </cell>
          <cell r="V510" t="str">
            <v>wy594159</v>
          </cell>
          <cell r="W510" t="str">
            <v>ap585859</v>
          </cell>
          <cell r="X510" t="str">
            <v>と石鋼舗園</v>
          </cell>
          <cell r="Y510" t="str">
            <v>と石鋼舗園</v>
          </cell>
          <cell r="Z510" t="str">
            <v/>
          </cell>
          <cell r="AA510" t="str">
            <v>造園</v>
          </cell>
          <cell r="AB510" t="str">
            <v/>
          </cell>
          <cell r="AC510" t="str">
            <v/>
          </cell>
          <cell r="AD510" t="str">
            <v/>
          </cell>
          <cell r="AE510">
            <v>42308</v>
          </cell>
          <cell r="AF510" t="str">
            <v>希望しない</v>
          </cell>
          <cell r="AG510" t="str">
            <v>造園</v>
          </cell>
          <cell r="AH510" t="str">
            <v>一般</v>
          </cell>
          <cell r="AI510">
            <v>638</v>
          </cell>
          <cell r="AJ510">
            <v>118547</v>
          </cell>
          <cell r="AK510" t="str">
            <v>1()/1/5</v>
          </cell>
          <cell r="AL510" t="str">
            <v/>
          </cell>
          <cell r="AM510" t="str">
            <v/>
          </cell>
          <cell r="AN510" t="str">
            <v/>
          </cell>
          <cell r="AO510" t="str">
            <v/>
          </cell>
          <cell r="AP510" t="str">
            <v/>
          </cell>
          <cell r="AQ510" t="str">
            <v/>
          </cell>
          <cell r="AR510" t="str">
            <v/>
          </cell>
          <cell r="AS510" t="str">
            <v/>
          </cell>
          <cell r="AT510" t="str">
            <v/>
          </cell>
          <cell r="AU510" t="str">
            <v/>
          </cell>
          <cell r="AV510" t="str">
            <v/>
          </cell>
          <cell r="AW510" t="str">
            <v/>
          </cell>
          <cell r="AX510" t="str">
            <v/>
          </cell>
          <cell r="AY510" t="str">
            <v/>
          </cell>
          <cell r="AZ510" t="str">
            <v/>
          </cell>
          <cell r="BA510" t="str">
            <v>東京都</v>
          </cell>
        </row>
        <row r="511">
          <cell r="B511">
            <v>2749</v>
          </cell>
          <cell r="C511" t="str">
            <v>(株)神防社</v>
          </cell>
          <cell r="D511" t="str">
            <v>078-241-3505</v>
          </cell>
          <cell r="E511" t="str">
            <v>651-0079</v>
          </cell>
          <cell r="F511" t="str">
            <v>兵庫県神戸市中央区東雲通3-4-3</v>
          </cell>
          <cell r="G511" t="str">
            <v>神戸市</v>
          </cell>
          <cell r="H511" t="str">
            <v/>
          </cell>
          <cell r="I511" t="str">
            <v>代表取締役 辻　真一</v>
          </cell>
          <cell r="J511" t="str">
            <v>本店</v>
          </cell>
          <cell r="K511" t="str">
            <v>078-241-3506</v>
          </cell>
          <cell r="L511" t="str">
            <v>tanaka@kobosha.com</v>
          </cell>
          <cell r="M511" t="str">
            <v>ｺｳﾎﾞｳｼｬ</v>
          </cell>
          <cell r="N511" t="str">
            <v>無</v>
          </cell>
          <cell r="O511">
            <v>8</v>
          </cell>
          <cell r="P511">
            <v>62</v>
          </cell>
          <cell r="Q511">
            <v>1140001030329</v>
          </cell>
          <cell r="R511">
            <v>20000</v>
          </cell>
          <cell r="S511">
            <v>235123</v>
          </cell>
          <cell r="T511">
            <v>1222762</v>
          </cell>
          <cell r="V511" t="str">
            <v>mq693655</v>
          </cell>
          <cell r="W511" t="str">
            <v>kd583225</v>
          </cell>
          <cell r="X511" t="str">
            <v>消管</v>
          </cell>
          <cell r="Y511" t="str">
            <v>消</v>
          </cell>
          <cell r="Z511" t="str">
            <v>管</v>
          </cell>
          <cell r="AA511" t="str">
            <v>消防施設</v>
          </cell>
          <cell r="AB511" t="str">
            <v>管</v>
          </cell>
          <cell r="AC511" t="str">
            <v/>
          </cell>
          <cell r="AD511" t="str">
            <v/>
          </cell>
          <cell r="AE511">
            <v>43039</v>
          </cell>
          <cell r="AF511" t="str">
            <v>希望しない</v>
          </cell>
          <cell r="AG511" t="str">
            <v>消防施設</v>
          </cell>
          <cell r="AH511" t="str">
            <v>一般</v>
          </cell>
          <cell r="AI511">
            <v>837</v>
          </cell>
          <cell r="AJ511">
            <v>387424</v>
          </cell>
          <cell r="AK511" t="str">
            <v>0(0)/12/2</v>
          </cell>
          <cell r="AL511" t="str">
            <v>管</v>
          </cell>
          <cell r="AM511" t="str">
            <v>特定</v>
          </cell>
          <cell r="AN511">
            <v>868</v>
          </cell>
          <cell r="AO511">
            <v>665626</v>
          </cell>
          <cell r="AP511" t="str">
            <v>3(3)/2/0</v>
          </cell>
          <cell r="AQ511" t="str">
            <v/>
          </cell>
          <cell r="AR511" t="str">
            <v/>
          </cell>
          <cell r="AS511" t="str">
            <v/>
          </cell>
          <cell r="AT511" t="str">
            <v/>
          </cell>
          <cell r="AU511" t="str">
            <v/>
          </cell>
          <cell r="AV511" t="str">
            <v/>
          </cell>
          <cell r="AW511" t="str">
            <v/>
          </cell>
          <cell r="AX511" t="str">
            <v/>
          </cell>
          <cell r="AY511" t="str">
            <v/>
          </cell>
          <cell r="AZ511" t="str">
            <v/>
          </cell>
          <cell r="BA511" t="str">
            <v>兵庫県</v>
          </cell>
          <cell r="BB511">
            <v>0</v>
          </cell>
          <cell r="CR511">
            <v>5115</v>
          </cell>
          <cell r="CS511" t="str">
            <v>ﾀﾆ ｼｹﾞｷ</v>
          </cell>
          <cell r="CT511" t="str">
            <v>谷  茂樹</v>
          </cell>
          <cell r="CU511" t="str">
            <v>生活環境課</v>
          </cell>
          <cell r="CW511">
            <v>2841</v>
          </cell>
          <cell r="CX511" t="str">
            <v>主査</v>
          </cell>
          <cell r="CY511" t="str">
            <v>生活環境課長</v>
          </cell>
        </row>
        <row r="512">
          <cell r="B512">
            <v>2750</v>
          </cell>
          <cell r="C512" t="str">
            <v>弘安建設(株)</v>
          </cell>
          <cell r="D512" t="str">
            <v>073-422-7151</v>
          </cell>
          <cell r="E512" t="str">
            <v>640-8343</v>
          </cell>
          <cell r="F512" t="str">
            <v>和歌山県和歌山市吉田563-1</v>
          </cell>
          <cell r="G512" t="str">
            <v>和歌山市</v>
          </cell>
          <cell r="H512" t="str">
            <v/>
          </cell>
          <cell r="I512" t="str">
            <v>代表取締役 池上　元一</v>
          </cell>
          <cell r="J512" t="str">
            <v>本店</v>
          </cell>
          <cell r="K512" t="str">
            <v>073-422-7152</v>
          </cell>
          <cell r="L512" t="str">
            <v>kouan@oak.ocn.ne.jp</v>
          </cell>
          <cell r="M512" t="str">
            <v>ｺｳｱﾝｹﾝｾﾂ</v>
          </cell>
          <cell r="N512" t="str">
            <v>無</v>
          </cell>
          <cell r="O512">
            <v>59</v>
          </cell>
          <cell r="P512">
            <v>20</v>
          </cell>
          <cell r="Q512">
            <v>4170001001191</v>
          </cell>
          <cell r="R512">
            <v>35000</v>
          </cell>
          <cell r="S512">
            <v>148248</v>
          </cell>
          <cell r="T512">
            <v>1308940</v>
          </cell>
          <cell r="V512" t="str">
            <v>cg768684</v>
          </cell>
          <cell r="W512" t="str">
            <v>ed791898</v>
          </cell>
          <cell r="X512" t="str">
            <v>電土建大と石屋管タ鋼鉄舗浚板ガ塗防内熱園具水解</v>
          </cell>
          <cell r="Y512" t="str">
            <v>電</v>
          </cell>
          <cell r="Z512" t="str">
            <v>土建大と石屋管タ鋼鉄舗浚板ガ塗防内熱園具水解</v>
          </cell>
          <cell r="AA512" t="str">
            <v>土木一式</v>
          </cell>
          <cell r="AB512" t="str">
            <v>舗装</v>
          </cell>
          <cell r="AC512" t="str">
            <v>造園</v>
          </cell>
          <cell r="AD512" t="str">
            <v>とび土工</v>
          </cell>
          <cell r="AE512">
            <v>43190</v>
          </cell>
          <cell r="AF512" t="str">
            <v>希望しない</v>
          </cell>
          <cell r="AG512" t="str">
            <v>土木一式</v>
          </cell>
          <cell r="AH512" t="str">
            <v>特定</v>
          </cell>
          <cell r="AI512">
            <v>1011</v>
          </cell>
          <cell r="AJ512">
            <v>946133</v>
          </cell>
          <cell r="AK512" t="str">
            <v>12(12)/1/0</v>
          </cell>
          <cell r="AL512" t="str">
            <v>舗装</v>
          </cell>
          <cell r="AM512" t="str">
            <v>特定</v>
          </cell>
          <cell r="AN512">
            <v>831</v>
          </cell>
          <cell r="AO512">
            <v>73817</v>
          </cell>
          <cell r="AP512" t="str">
            <v>3(3)/1/0</v>
          </cell>
          <cell r="AQ512" t="str">
            <v>造園</v>
          </cell>
          <cell r="AR512" t="str">
            <v>特定</v>
          </cell>
          <cell r="AS512">
            <v>735</v>
          </cell>
          <cell r="AT512">
            <v>2406</v>
          </cell>
          <cell r="AU512" t="str">
            <v>1(1)/0/0</v>
          </cell>
          <cell r="AV512" t="str">
            <v>とび土工</v>
          </cell>
          <cell r="AW512" t="str">
            <v>特定</v>
          </cell>
          <cell r="AX512">
            <v>736</v>
          </cell>
          <cell r="AY512">
            <v>3090</v>
          </cell>
          <cell r="AZ512" t="str">
            <v>1(1)/0/0</v>
          </cell>
          <cell r="BA512" t="str">
            <v>和歌山県</v>
          </cell>
          <cell r="BB512">
            <v>0</v>
          </cell>
          <cell r="CR512">
            <v>5116</v>
          </cell>
          <cell r="CS512" t="str">
            <v>ﾌｼﾞﾓﾄ ﾉﾌﾞｵ</v>
          </cell>
          <cell r="CT512" t="str">
            <v>藤本  伸雄</v>
          </cell>
          <cell r="CU512" t="str">
            <v>業務課</v>
          </cell>
          <cell r="CW512" t="str">
            <v xml:space="preserve"> </v>
          </cell>
          <cell r="CX512" t="str">
            <v>主査</v>
          </cell>
          <cell r="CY512" t="str">
            <v>業務課長</v>
          </cell>
        </row>
        <row r="513">
          <cell r="B513">
            <v>2751</v>
          </cell>
          <cell r="C513" t="str">
            <v>(株)コボリ</v>
          </cell>
          <cell r="D513" t="str">
            <v>078-961-3346</v>
          </cell>
          <cell r="E513" t="str">
            <v>654-0073</v>
          </cell>
          <cell r="F513" t="str">
            <v>兵庫県神戸市須磨区関守町3-7-34</v>
          </cell>
          <cell r="G513" t="str">
            <v>神戸市</v>
          </cell>
          <cell r="H513" t="str">
            <v/>
          </cell>
          <cell r="I513" t="str">
            <v>代表取締役 小堀　謙一</v>
          </cell>
          <cell r="J513" t="str">
            <v>本店</v>
          </cell>
          <cell r="K513" t="str">
            <v>078-961-3347</v>
          </cell>
          <cell r="L513" t="str">
            <v>kobori85@ion.ocn.ne.jp</v>
          </cell>
          <cell r="M513" t="str">
            <v>ｺﾎﾞﾘ</v>
          </cell>
          <cell r="N513" t="str">
            <v>無</v>
          </cell>
          <cell r="O513">
            <v>11</v>
          </cell>
          <cell r="P513">
            <v>5</v>
          </cell>
          <cell r="Q513">
            <v>1140001030378</v>
          </cell>
          <cell r="R513">
            <v>40000</v>
          </cell>
          <cell r="S513">
            <v>69327</v>
          </cell>
          <cell r="T513">
            <v>677667</v>
          </cell>
          <cell r="V513" t="str">
            <v>kc768903</v>
          </cell>
          <cell r="W513" t="str">
            <v>es352626</v>
          </cell>
          <cell r="X513" t="str">
            <v>土と石鋼舗浚塗園</v>
          </cell>
          <cell r="Y513" t="str">
            <v/>
          </cell>
          <cell r="Z513" t="str">
            <v>土と石鋼舗浚塗園</v>
          </cell>
          <cell r="AA513" t="str">
            <v>造園</v>
          </cell>
          <cell r="AB513" t="str">
            <v>鋼構造物</v>
          </cell>
          <cell r="AC513" t="str">
            <v>舗装</v>
          </cell>
          <cell r="AD513" t="str">
            <v>土木一式</v>
          </cell>
          <cell r="AE513">
            <v>43404</v>
          </cell>
          <cell r="AF513" t="str">
            <v>希望しない</v>
          </cell>
          <cell r="AG513" t="str">
            <v>造園</v>
          </cell>
          <cell r="AH513" t="str">
            <v>特定</v>
          </cell>
          <cell r="AI513">
            <v>661</v>
          </cell>
          <cell r="AJ513">
            <v>271373</v>
          </cell>
          <cell r="AK513" t="str">
            <v>1(1)/0/0</v>
          </cell>
          <cell r="AL513" t="str">
            <v>鋼構造物</v>
          </cell>
          <cell r="AM513" t="str">
            <v>特定</v>
          </cell>
          <cell r="AN513">
            <v>634</v>
          </cell>
          <cell r="AO513">
            <v>126547</v>
          </cell>
          <cell r="AP513" t="str">
            <v>1(0)/1/0</v>
          </cell>
          <cell r="AQ513" t="str">
            <v>舗装</v>
          </cell>
          <cell r="AR513" t="str">
            <v>特定</v>
          </cell>
          <cell r="AS513">
            <v>586</v>
          </cell>
          <cell r="AT513">
            <v>7392</v>
          </cell>
          <cell r="AU513" t="str">
            <v>2(1)/1/0</v>
          </cell>
          <cell r="AV513" t="str">
            <v>土木一式</v>
          </cell>
          <cell r="AW513" t="str">
            <v>特定</v>
          </cell>
          <cell r="AX513">
            <v>626</v>
          </cell>
          <cell r="AY513">
            <v>98765</v>
          </cell>
          <cell r="AZ513" t="str">
            <v>0(0)/0/0</v>
          </cell>
          <cell r="BA513" t="str">
            <v>兵庫県</v>
          </cell>
        </row>
        <row r="514">
          <cell r="B514">
            <v>2752</v>
          </cell>
          <cell r="C514" t="str">
            <v>コスモ電子通信(株)</v>
          </cell>
          <cell r="D514" t="str">
            <v>072-335-2230</v>
          </cell>
          <cell r="E514" t="str">
            <v>580-0034</v>
          </cell>
          <cell r="F514" t="str">
            <v>大阪府松原市天美西4-175-4</v>
          </cell>
          <cell r="G514" t="str">
            <v>松原市</v>
          </cell>
          <cell r="H514" t="str">
            <v/>
          </cell>
          <cell r="I514" t="str">
            <v>代表取締役　 土橋　和美</v>
          </cell>
          <cell r="J514" t="str">
            <v>本店</v>
          </cell>
          <cell r="K514" t="str">
            <v>072-336-9988</v>
          </cell>
          <cell r="L514" t="str">
            <v>cosmo.21@nifty.com</v>
          </cell>
          <cell r="M514" t="str">
            <v>ｺｽﾓﾃﾞﾝｼﾂｳｼﾝ</v>
          </cell>
          <cell r="N514" t="str">
            <v>無</v>
          </cell>
          <cell r="O514">
            <v>34</v>
          </cell>
          <cell r="P514">
            <v>5</v>
          </cell>
          <cell r="Q514">
            <v>8120101030059</v>
          </cell>
          <cell r="R514">
            <v>10000</v>
          </cell>
          <cell r="S514">
            <v>66503</v>
          </cell>
          <cell r="T514">
            <v>63301</v>
          </cell>
          <cell r="V514" t="str">
            <v>ij116564</v>
          </cell>
          <cell r="W514" t="str">
            <v>ag145686</v>
          </cell>
          <cell r="X514" t="str">
            <v>通</v>
          </cell>
          <cell r="Y514" t="str">
            <v>通</v>
          </cell>
          <cell r="Z514" t="str">
            <v/>
          </cell>
          <cell r="AA514" t="str">
            <v>電気通信</v>
          </cell>
          <cell r="AB514" t="str">
            <v/>
          </cell>
          <cell r="AC514" t="str">
            <v/>
          </cell>
          <cell r="AD514" t="str">
            <v/>
          </cell>
          <cell r="AE514">
            <v>43179</v>
          </cell>
          <cell r="AF514" t="str">
            <v>希望しない</v>
          </cell>
          <cell r="AG514" t="str">
            <v>電気通信</v>
          </cell>
          <cell r="AH514" t="str">
            <v>一般</v>
          </cell>
          <cell r="AI514">
            <v>624</v>
          </cell>
          <cell r="AJ514">
            <v>48066</v>
          </cell>
          <cell r="AK514" t="str">
            <v>0(0)/0/1</v>
          </cell>
          <cell r="AL514" t="str">
            <v/>
          </cell>
          <cell r="AM514" t="str">
            <v/>
          </cell>
          <cell r="AN514" t="str">
            <v/>
          </cell>
          <cell r="AO514" t="str">
            <v/>
          </cell>
          <cell r="AP514" t="str">
            <v/>
          </cell>
          <cell r="AQ514" t="str">
            <v/>
          </cell>
          <cell r="AR514" t="str">
            <v/>
          </cell>
          <cell r="AS514" t="str">
            <v/>
          </cell>
          <cell r="AT514" t="str">
            <v/>
          </cell>
          <cell r="AU514" t="str">
            <v/>
          </cell>
          <cell r="AV514" t="str">
            <v/>
          </cell>
          <cell r="AW514" t="str">
            <v/>
          </cell>
          <cell r="AX514" t="str">
            <v/>
          </cell>
          <cell r="AY514" t="str">
            <v/>
          </cell>
          <cell r="AZ514" t="str">
            <v/>
          </cell>
          <cell r="BA514" t="str">
            <v>大阪府</v>
          </cell>
          <cell r="BB514">
            <v>0</v>
          </cell>
          <cell r="CR514">
            <v>5117</v>
          </cell>
          <cell r="CS514" t="str">
            <v>ﾔﾏｳﾁ ﾘﾕｳｼﾞ</v>
          </cell>
          <cell r="CT514" t="str">
            <v>山内  隆治</v>
          </cell>
          <cell r="CU514" t="str">
            <v>業務課</v>
          </cell>
          <cell r="CW514" t="str">
            <v xml:space="preserve"> </v>
          </cell>
          <cell r="CX514" t="str">
            <v>業務主任</v>
          </cell>
          <cell r="CY514" t="str">
            <v>業務課長</v>
          </cell>
        </row>
        <row r="515">
          <cell r="B515">
            <v>2753</v>
          </cell>
          <cell r="C515" t="str">
            <v>神戸造園土木(株)</v>
          </cell>
          <cell r="D515" t="str">
            <v>078-851-0661</v>
          </cell>
          <cell r="E515" t="str">
            <v>657-0026</v>
          </cell>
          <cell r="F515" t="str">
            <v>兵庫県神戸市灘区弓木町3-3-15-307号</v>
          </cell>
          <cell r="G515" t="str">
            <v>神戸市</v>
          </cell>
          <cell r="H515" t="str">
            <v/>
          </cell>
          <cell r="I515" t="str">
            <v>代表取締役 筒井　教夫</v>
          </cell>
          <cell r="J515" t="str">
            <v>本店</v>
          </cell>
          <cell r="K515" t="str">
            <v>078-851-0662</v>
          </cell>
          <cell r="L515" t="str">
            <v>landscape@koubezd.co.jp</v>
          </cell>
          <cell r="M515" t="str">
            <v>ｺｳﾍﾞｿﾞｳｴﾝﾄﾞﾎﾞｸ</v>
          </cell>
          <cell r="N515" t="str">
            <v>無</v>
          </cell>
          <cell r="O515">
            <v>32</v>
          </cell>
          <cell r="P515">
            <v>4</v>
          </cell>
          <cell r="Q515">
            <v>4140001005559</v>
          </cell>
          <cell r="R515">
            <v>20000</v>
          </cell>
          <cell r="S515">
            <v>84405</v>
          </cell>
          <cell r="T515">
            <v>71966</v>
          </cell>
          <cell r="V515" t="str">
            <v>gv147301</v>
          </cell>
          <cell r="W515" t="str">
            <v>gq179622</v>
          </cell>
          <cell r="X515" t="str">
            <v>土と石鋼舗浚塗園水解</v>
          </cell>
          <cell r="Y515" t="str">
            <v/>
          </cell>
          <cell r="Z515" t="str">
            <v>土と石鋼舗浚塗園水解</v>
          </cell>
          <cell r="AA515" t="str">
            <v>造園</v>
          </cell>
          <cell r="AB515" t="str">
            <v>土木一式</v>
          </cell>
          <cell r="AC515" t="str">
            <v>とび土工</v>
          </cell>
          <cell r="AD515" t="str">
            <v>舗装</v>
          </cell>
          <cell r="AE515">
            <v>43039</v>
          </cell>
          <cell r="AF515" t="str">
            <v>希望しない</v>
          </cell>
          <cell r="AG515" t="str">
            <v>造園</v>
          </cell>
          <cell r="AH515" t="str">
            <v>特定</v>
          </cell>
          <cell r="AI515">
            <v>725</v>
          </cell>
          <cell r="AJ515">
            <v>73329</v>
          </cell>
          <cell r="AK515" t="str">
            <v>3(0)/0/0</v>
          </cell>
          <cell r="AL515" t="str">
            <v>土木一式</v>
          </cell>
          <cell r="AM515" t="str">
            <v>特定</v>
          </cell>
          <cell r="AN515">
            <v>674</v>
          </cell>
          <cell r="AO515">
            <v>5797</v>
          </cell>
          <cell r="AP515" t="str">
            <v>4(3)/0/0</v>
          </cell>
          <cell r="AQ515" t="str">
            <v>とび土工</v>
          </cell>
          <cell r="AR515" t="str">
            <v>特定</v>
          </cell>
          <cell r="AS515">
            <v>656</v>
          </cell>
          <cell r="AT515">
            <v>26892</v>
          </cell>
          <cell r="AU515" t="str">
            <v>1(1)/0/0</v>
          </cell>
          <cell r="AV515" t="str">
            <v>舗装</v>
          </cell>
          <cell r="AW515" t="str">
            <v>特定</v>
          </cell>
          <cell r="AX515">
            <v>592</v>
          </cell>
          <cell r="AY515">
            <v>3927</v>
          </cell>
          <cell r="AZ515" t="str">
            <v>0(0)/0/0</v>
          </cell>
          <cell r="BA515" t="str">
            <v>兵庫県</v>
          </cell>
          <cell r="BB515">
            <v>0</v>
          </cell>
          <cell r="CR515">
            <v>5118</v>
          </cell>
          <cell r="CS515" t="str">
            <v>ﾑﾗｳﾁ ﾋﾃﾞｷ</v>
          </cell>
          <cell r="CT515" t="str">
            <v>六楽内  英樹</v>
          </cell>
          <cell r="CU515" t="str">
            <v>消防総務課</v>
          </cell>
          <cell r="CW515" t="str">
            <v xml:space="preserve"> </v>
          </cell>
          <cell r="CX515" t="str">
            <v>副主幹</v>
          </cell>
          <cell r="CY515" t="str">
            <v>消防総務課長</v>
          </cell>
        </row>
        <row r="516">
          <cell r="B516">
            <v>2754</v>
          </cell>
          <cell r="C516" t="str">
            <v>(株)合田工務店</v>
          </cell>
          <cell r="D516" t="str">
            <v>087-861-9155</v>
          </cell>
          <cell r="E516" t="str">
            <v>760-0018</v>
          </cell>
          <cell r="F516" t="str">
            <v>香川県高松市天神前9-5</v>
          </cell>
          <cell r="G516" t="str">
            <v>高松市</v>
          </cell>
          <cell r="H516" t="str">
            <v/>
          </cell>
          <cell r="I516" t="str">
            <v>代表取締役 森田　紘一</v>
          </cell>
          <cell r="J516" t="str">
            <v>本店</v>
          </cell>
          <cell r="K516" t="str">
            <v>087-861-9169</v>
          </cell>
          <cell r="L516" t="str">
            <v>ka.okada@goda.co.jp</v>
          </cell>
          <cell r="M516" t="str">
            <v>ｺﾞｳﾀﾞｺｳﾑﾃﾝ</v>
          </cell>
          <cell r="N516" t="str">
            <v>無</v>
          </cell>
          <cell r="O516">
            <v>66</v>
          </cell>
          <cell r="P516">
            <v>335</v>
          </cell>
          <cell r="Q516">
            <v>8470001001447</v>
          </cell>
          <cell r="R516">
            <v>450000</v>
          </cell>
          <cell r="S516">
            <v>17236140</v>
          </cell>
          <cell r="T516">
            <v>49269090</v>
          </cell>
          <cell r="V516" t="str">
            <v>vd155825</v>
          </cell>
          <cell r="W516" t="str">
            <v>uf116861</v>
          </cell>
          <cell r="X516" t="str">
            <v>(建)大と石電管タ鋼鉄舗浚板ガ塗防内機熱園具消清(建)</v>
          </cell>
          <cell r="Y516" t="str">
            <v>(建)</v>
          </cell>
          <cell r="Z516" t="str">
            <v>大と石電管タ鋼鉄舗浚板ガ塗防内機熱園具消清(建)</v>
          </cell>
          <cell r="AA516" t="str">
            <v/>
          </cell>
          <cell r="AB516">
            <v>15</v>
          </cell>
          <cell r="AC516">
            <v>3</v>
          </cell>
          <cell r="AD516">
            <v>1</v>
          </cell>
          <cell r="AE516">
            <v>15</v>
          </cell>
          <cell r="AF516">
            <v>43190</v>
          </cell>
          <cell r="AG516" t="str">
            <v/>
          </cell>
          <cell r="AH516" t="str">
            <v/>
          </cell>
          <cell r="AI516" t="str">
            <v>建築一式</v>
          </cell>
          <cell r="AJ516" t="str">
            <v>特定</v>
          </cell>
          <cell r="AK516" t="str">
            <v/>
          </cell>
          <cell r="AL516">
            <v>15</v>
          </cell>
          <cell r="AM516">
            <v>41</v>
          </cell>
          <cell r="AN516" t="str">
            <v>解体</v>
          </cell>
          <cell r="AO516" t="str">
            <v>特定</v>
          </cell>
          <cell r="AP516" t="str">
            <v>1030/177185/0(0)</v>
          </cell>
          <cell r="AQ516">
            <v>3</v>
          </cell>
          <cell r="AR516" t="str">
            <v/>
          </cell>
          <cell r="AS516" t="str">
            <v>土木一式</v>
          </cell>
          <cell r="AT516" t="str">
            <v>特定</v>
          </cell>
          <cell r="AU516" t="str">
            <v>1106/213882/8(5)</v>
          </cell>
          <cell r="AV516">
            <v>1</v>
          </cell>
          <cell r="AW516" t="str">
            <v/>
          </cell>
          <cell r="AX516" t="str">
            <v/>
          </cell>
          <cell r="AY516" t="str">
            <v/>
          </cell>
          <cell r="AZ516" t="str">
            <v>//()</v>
          </cell>
          <cell r="BA516" t="str">
            <v>香川県</v>
          </cell>
          <cell r="BB516">
            <v>0</v>
          </cell>
          <cell r="CR516">
            <v>5119</v>
          </cell>
          <cell r="CS516" t="str">
            <v>ﾜﾀﾅﾍﾞ ﾏｺﾄ</v>
          </cell>
          <cell r="CT516" t="str">
            <v>渡邉  誠</v>
          </cell>
          <cell r="CU516" t="str">
            <v>警防課</v>
          </cell>
          <cell r="CW516">
            <v>6680223</v>
          </cell>
          <cell r="CX516" t="str">
            <v>主査</v>
          </cell>
          <cell r="CY516" t="str">
            <v>警防課長</v>
          </cell>
        </row>
        <row r="517">
          <cell r="B517">
            <v>2755</v>
          </cell>
          <cell r="C517" t="str">
            <v>コスモ化学(株)</v>
          </cell>
          <cell r="D517" t="str">
            <v>078-903-6171</v>
          </cell>
          <cell r="E517" t="str">
            <v>651-1421</v>
          </cell>
          <cell r="F517" t="str">
            <v>兵庫県西宮市山口町上山口4-20-8</v>
          </cell>
          <cell r="G517" t="str">
            <v>西宮市</v>
          </cell>
          <cell r="H517" t="str">
            <v/>
          </cell>
          <cell r="I517" t="str">
            <v>代表取締役 山口　拓平</v>
          </cell>
          <cell r="J517" t="str">
            <v>本店</v>
          </cell>
          <cell r="K517" t="str">
            <v>06-6417-4701</v>
          </cell>
          <cell r="L517" t="str">
            <v>tappei@cosmo-c.jp</v>
          </cell>
          <cell r="M517" t="str">
            <v>ｺｽﾓｶｶﾞｸ</v>
          </cell>
          <cell r="N517" t="str">
            <v>無</v>
          </cell>
          <cell r="O517">
            <v>43</v>
          </cell>
          <cell r="P517">
            <v>3</v>
          </cell>
          <cell r="Q517">
            <v>7140001068768</v>
          </cell>
          <cell r="R517">
            <v>12150</v>
          </cell>
          <cell r="S517">
            <v>7646</v>
          </cell>
          <cell r="T517">
            <v>140485</v>
          </cell>
          <cell r="V517" t="str">
            <v>rv155967</v>
          </cell>
          <cell r="W517" t="str">
            <v>bh141299</v>
          </cell>
          <cell r="X517" t="str">
            <v>塗防</v>
          </cell>
          <cell r="Y517" t="str">
            <v>塗防</v>
          </cell>
          <cell r="Z517" t="str">
            <v/>
          </cell>
          <cell r="AA517" t="str">
            <v>防水</v>
          </cell>
          <cell r="AB517" t="str">
            <v>塗装</v>
          </cell>
          <cell r="AC517" t="str">
            <v/>
          </cell>
          <cell r="AD517" t="str">
            <v/>
          </cell>
          <cell r="AE517">
            <v>43179</v>
          </cell>
          <cell r="AF517" t="str">
            <v>希望しない</v>
          </cell>
          <cell r="AG517" t="str">
            <v>防水</v>
          </cell>
          <cell r="AH517" t="str">
            <v>一般</v>
          </cell>
          <cell r="AI517">
            <v>627</v>
          </cell>
          <cell r="AJ517">
            <v>123448</v>
          </cell>
          <cell r="AK517" t="str">
            <v>0(0)/1/1</v>
          </cell>
          <cell r="AL517" t="str">
            <v>塗装</v>
          </cell>
          <cell r="AM517" t="str">
            <v>一般</v>
          </cell>
          <cell r="AN517">
            <v>562</v>
          </cell>
          <cell r="AO517">
            <v>19825</v>
          </cell>
          <cell r="AP517" t="str">
            <v>0(0)/1/0</v>
          </cell>
          <cell r="AQ517" t="str">
            <v/>
          </cell>
          <cell r="AR517" t="str">
            <v/>
          </cell>
          <cell r="AS517" t="str">
            <v/>
          </cell>
          <cell r="AT517" t="str">
            <v/>
          </cell>
          <cell r="AU517" t="str">
            <v/>
          </cell>
          <cell r="AV517" t="str">
            <v/>
          </cell>
          <cell r="AW517" t="str">
            <v/>
          </cell>
          <cell r="AX517" t="str">
            <v/>
          </cell>
          <cell r="AY517" t="str">
            <v/>
          </cell>
          <cell r="AZ517" t="str">
            <v/>
          </cell>
          <cell r="BA517" t="str">
            <v>兵庫県</v>
          </cell>
          <cell r="BB517">
            <v>0</v>
          </cell>
          <cell r="CR517">
            <v>5122</v>
          </cell>
          <cell r="CS517" t="str">
            <v>ﾋﾗﾏﾂ ﾏｻﾐﾂ</v>
          </cell>
          <cell r="CT517" t="str">
            <v>平松  正光</v>
          </cell>
          <cell r="CU517" t="str">
            <v>運輸サービス課</v>
          </cell>
          <cell r="CW517">
            <v>6736</v>
          </cell>
          <cell r="CX517" t="str">
            <v>副主査</v>
          </cell>
          <cell r="CY517" t="str">
            <v>運輸サービス課長</v>
          </cell>
        </row>
        <row r="518">
          <cell r="B518">
            <v>2756</v>
          </cell>
          <cell r="C518" t="str">
            <v>興隆産業(株)</v>
          </cell>
          <cell r="D518" t="str">
            <v>078-391-5531</v>
          </cell>
          <cell r="E518" t="str">
            <v>655-0029</v>
          </cell>
          <cell r="F518" t="str">
            <v>兵庫県神戸市中央区三宮町1-1-1</v>
          </cell>
          <cell r="G518" t="str">
            <v>神戸市</v>
          </cell>
          <cell r="H518" t="str">
            <v/>
          </cell>
          <cell r="I518" t="str">
            <v>代表取締役社長 中川　真治</v>
          </cell>
          <cell r="J518" t="str">
            <v>本店</v>
          </cell>
          <cell r="K518" t="str">
            <v>079-391-5536</v>
          </cell>
          <cell r="L518" t="str">
            <v>kouryu-i@io.ocn.ne.jp</v>
          </cell>
          <cell r="M518" t="str">
            <v>ｺｳﾘｭｳｻﾝｷﾞｮｳ</v>
          </cell>
          <cell r="N518" t="str">
            <v>無</v>
          </cell>
          <cell r="O518">
            <v>39</v>
          </cell>
          <cell r="P518">
            <v>34</v>
          </cell>
          <cell r="Q518">
            <v>9140001007617</v>
          </cell>
          <cell r="R518">
            <v>20000</v>
          </cell>
          <cell r="S518">
            <v>325194</v>
          </cell>
          <cell r="T518">
            <v>730624</v>
          </cell>
          <cell r="V518" t="str">
            <v>jn143006</v>
          </cell>
          <cell r="W518" t="str">
            <v>rx166090</v>
          </cell>
          <cell r="X518" t="str">
            <v>土建左と石屋タ鋼舗板ガ塗防熱園具水解</v>
          </cell>
          <cell r="Y518" t="str">
            <v>土建左と石屋タ鋼舗板ガ塗防熱園具水解</v>
          </cell>
          <cell r="Z518" t="str">
            <v/>
          </cell>
          <cell r="AA518" t="str">
            <v/>
          </cell>
          <cell r="AB518" t="str">
            <v/>
          </cell>
          <cell r="AC518" t="str">
            <v/>
          </cell>
          <cell r="AD518" t="str">
            <v/>
          </cell>
          <cell r="AE518" t="str">
            <v/>
          </cell>
          <cell r="AF518" t="str">
            <v>希望しない</v>
          </cell>
          <cell r="AG518" t="str">
            <v/>
          </cell>
          <cell r="AH518" t="str">
            <v/>
          </cell>
          <cell r="AI518" t="str">
            <v/>
          </cell>
          <cell r="AJ518" t="str">
            <v/>
          </cell>
          <cell r="AK518" t="str">
            <v/>
          </cell>
          <cell r="AL518" t="str">
            <v/>
          </cell>
          <cell r="AM518" t="str">
            <v/>
          </cell>
          <cell r="AN518" t="str">
            <v/>
          </cell>
          <cell r="AO518" t="str">
            <v/>
          </cell>
          <cell r="AP518" t="str">
            <v/>
          </cell>
          <cell r="AQ518" t="str">
            <v/>
          </cell>
          <cell r="AR518" t="str">
            <v/>
          </cell>
          <cell r="AS518" t="str">
            <v/>
          </cell>
          <cell r="AT518" t="str">
            <v/>
          </cell>
          <cell r="AU518" t="str">
            <v/>
          </cell>
          <cell r="AV518" t="str">
            <v/>
          </cell>
          <cell r="AW518" t="str">
            <v/>
          </cell>
          <cell r="AX518" t="str">
            <v/>
          </cell>
          <cell r="AY518" t="str">
            <v/>
          </cell>
          <cell r="AZ518" t="str">
            <v/>
          </cell>
          <cell r="BA518" t="str">
            <v>兵庫県</v>
          </cell>
          <cell r="BB518" t="str">
            <v>新神戸ビル</v>
          </cell>
          <cell r="CR518">
            <v>5123</v>
          </cell>
          <cell r="CS518" t="str">
            <v>ｻﾀﾞｲ ﾏｻﾄｼ</v>
          </cell>
          <cell r="CT518" t="str">
            <v>定井  正俊</v>
          </cell>
          <cell r="CU518" t="str">
            <v>公園課</v>
          </cell>
          <cell r="CW518" t="str">
            <v xml:space="preserve"> </v>
          </cell>
          <cell r="CX518" t="str">
            <v>主査</v>
          </cell>
          <cell r="CY518" t="str">
            <v>公園課長</v>
          </cell>
        </row>
        <row r="519">
          <cell r="B519">
            <v>2757</v>
          </cell>
          <cell r="C519" t="str">
            <v>近藤建設工業(株)</v>
          </cell>
          <cell r="D519" t="str">
            <v>06-6993-3431</v>
          </cell>
          <cell r="E519" t="str">
            <v>570-0095</v>
          </cell>
          <cell r="F519" t="str">
            <v>大阪府守口市八島町1-12</v>
          </cell>
          <cell r="G519" t="str">
            <v>守口市</v>
          </cell>
          <cell r="H519" t="str">
            <v/>
          </cell>
          <cell r="I519" t="str">
            <v>代表取締役 近藤　良一</v>
          </cell>
          <cell r="J519" t="str">
            <v>本店</v>
          </cell>
          <cell r="K519" t="str">
            <v>06-6993-3410</v>
          </cell>
          <cell r="L519" t="str">
            <v>yamakado@kondoproperty.co.jp</v>
          </cell>
          <cell r="M519" t="str">
            <v>ｺﾝﾄﾞｳｹﾝｾﾂｺｳｷﾞｮｳ</v>
          </cell>
          <cell r="N519" t="str">
            <v>無</v>
          </cell>
          <cell r="O519">
            <v>41</v>
          </cell>
          <cell r="P519">
            <v>12</v>
          </cell>
          <cell r="Q519">
            <v>3120001155737</v>
          </cell>
          <cell r="R519">
            <v>80000</v>
          </cell>
          <cell r="S519">
            <v>292874</v>
          </cell>
          <cell r="T519">
            <v>3514999</v>
          </cell>
          <cell r="V519" t="str">
            <v>rz183296</v>
          </cell>
          <cell r="W519" t="str">
            <v>tp133072</v>
          </cell>
          <cell r="X519" t="str">
            <v>土と舗建大石屋鉄塗防内具解</v>
          </cell>
          <cell r="Y519" t="str">
            <v>土と舗</v>
          </cell>
          <cell r="Z519" t="str">
            <v>建大石屋鉄塗防内具解</v>
          </cell>
          <cell r="AA519" t="str">
            <v>建築一式</v>
          </cell>
          <cell r="AB519" t="str">
            <v>内装仕上</v>
          </cell>
          <cell r="AC519" t="str">
            <v>防水</v>
          </cell>
          <cell r="AD519" t="str">
            <v/>
          </cell>
          <cell r="AE519">
            <v>43496</v>
          </cell>
          <cell r="AF519" t="str">
            <v/>
          </cell>
          <cell r="AG519" t="str">
            <v>建築一式</v>
          </cell>
          <cell r="AH519" t="str">
            <v>特定</v>
          </cell>
          <cell r="AI519">
            <v>839</v>
          </cell>
          <cell r="AJ519">
            <v>262458</v>
          </cell>
          <cell r="AK519" t="str">
            <v>3(3)/3/0</v>
          </cell>
          <cell r="AL519" t="str">
            <v>内装仕上</v>
          </cell>
          <cell r="AM519" t="str">
            <v>特定</v>
          </cell>
          <cell r="AN519">
            <v>748</v>
          </cell>
          <cell r="AO519">
            <v>70297</v>
          </cell>
          <cell r="AP519" t="str">
            <v>0(0)/2/0</v>
          </cell>
          <cell r="AQ519" t="str">
            <v>防水</v>
          </cell>
          <cell r="AR519" t="str">
            <v>特定</v>
          </cell>
          <cell r="AS519">
            <v>644</v>
          </cell>
          <cell r="AT519">
            <v>686</v>
          </cell>
          <cell r="AU519" t="str">
            <v>0(0)/0/0</v>
          </cell>
          <cell r="AV519" t="str">
            <v/>
          </cell>
          <cell r="AW519" t="str">
            <v/>
          </cell>
          <cell r="AX519" t="str">
            <v/>
          </cell>
          <cell r="AY519" t="str">
            <v/>
          </cell>
          <cell r="AZ519" t="str">
            <v/>
          </cell>
          <cell r="BA519" t="str">
            <v>大阪府</v>
          </cell>
        </row>
        <row r="520">
          <cell r="B520">
            <v>2759</v>
          </cell>
          <cell r="C520" t="str">
            <v>三愛物産(株)</v>
          </cell>
          <cell r="D520" t="str">
            <v>06-6306-6791</v>
          </cell>
          <cell r="E520" t="str">
            <v>532-0025</v>
          </cell>
          <cell r="F520" t="str">
            <v>大阪府大阪市淀川区西中島5-11-10 第3中島ﾋﾞﾙ9階</v>
          </cell>
          <cell r="G520" t="str">
            <v>名古屋市</v>
          </cell>
          <cell r="H520" t="str">
            <v>関西支店</v>
          </cell>
          <cell r="I520" t="str">
            <v>支店長　 宮川　信善</v>
          </cell>
          <cell r="J520" t="str">
            <v>愛知県名古屋市</v>
          </cell>
          <cell r="K520" t="str">
            <v>06-6306-6797</v>
          </cell>
          <cell r="L520" t="str">
            <v>hinata@sann-ai.co.jp</v>
          </cell>
          <cell r="M520" t="str">
            <v>ｻﾝｱｲﾌﾞﾂｻﾝ</v>
          </cell>
          <cell r="N520" t="str">
            <v>有</v>
          </cell>
          <cell r="O520">
            <v>70</v>
          </cell>
          <cell r="P520">
            <v>82</v>
          </cell>
          <cell r="Q520">
            <v>4180000000000</v>
          </cell>
          <cell r="R520">
            <v>50000</v>
          </cell>
          <cell r="S520">
            <v>1472493</v>
          </cell>
          <cell r="T520">
            <v>5789663</v>
          </cell>
          <cell r="V520" t="str">
            <v>oj114696</v>
          </cell>
          <cell r="W520" t="str">
            <v>az121290</v>
          </cell>
          <cell r="X520" t="str">
            <v>土と舗建大石屋鉄塗防内具解</v>
          </cell>
          <cell r="Y520" t="str">
            <v>土と舗</v>
          </cell>
          <cell r="Z520" t="str">
            <v>建大石屋鉄塗防内具解</v>
          </cell>
          <cell r="AA520" t="str">
            <v>機械器具</v>
          </cell>
          <cell r="AB520" t="str">
            <v>電気</v>
          </cell>
          <cell r="AC520" t="str">
            <v/>
          </cell>
          <cell r="AD520" t="str">
            <v/>
          </cell>
          <cell r="AE520">
            <v>43190</v>
          </cell>
          <cell r="AF520" t="str">
            <v>希望しない</v>
          </cell>
          <cell r="AG520" t="str">
            <v>機械器具</v>
          </cell>
          <cell r="AH520" t="str">
            <v>特定</v>
          </cell>
          <cell r="AI520">
            <v>1113</v>
          </cell>
          <cell r="AJ520">
            <v>1923655</v>
          </cell>
          <cell r="AK520" t="str">
            <v>25/10/4</v>
          </cell>
          <cell r="AL520" t="str">
            <v>電気</v>
          </cell>
          <cell r="AM520" t="str">
            <v>特定</v>
          </cell>
          <cell r="AN520">
            <v>972</v>
          </cell>
          <cell r="AO520">
            <v>825515</v>
          </cell>
          <cell r="AP520" t="str">
            <v>0(0)/0/47</v>
          </cell>
          <cell r="AQ520" t="str">
            <v/>
          </cell>
          <cell r="AR520" t="str">
            <v/>
          </cell>
          <cell r="AS520" t="str">
            <v/>
          </cell>
          <cell r="AT520" t="str">
            <v/>
          </cell>
          <cell r="AU520" t="str">
            <v/>
          </cell>
          <cell r="AV520" t="str">
            <v/>
          </cell>
          <cell r="AW520" t="str">
            <v/>
          </cell>
          <cell r="AX520" t="str">
            <v/>
          </cell>
          <cell r="AY520" t="str">
            <v/>
          </cell>
          <cell r="AZ520" t="str">
            <v/>
          </cell>
          <cell r="BA520" t="str">
            <v>愛知県</v>
          </cell>
          <cell r="BB520">
            <v>0</v>
          </cell>
          <cell r="CR520">
            <v>5124</v>
          </cell>
          <cell r="CS520" t="str">
            <v>ｲｲﾂﾞｶ ｶﾂﾋｻ</v>
          </cell>
          <cell r="CT520" t="str">
            <v>飯塚  勝久</v>
          </cell>
          <cell r="CU520" t="str">
            <v>地域・高年福祉課</v>
          </cell>
          <cell r="CW520">
            <v>4152</v>
          </cell>
          <cell r="CX520" t="str">
            <v>主査</v>
          </cell>
          <cell r="CY520" t="str">
            <v>地域・高年福祉課長</v>
          </cell>
        </row>
        <row r="521">
          <cell r="B521">
            <v>2760</v>
          </cell>
          <cell r="C521" t="str">
            <v>(株)三田工務店</v>
          </cell>
          <cell r="D521" t="str">
            <v>06-6412-7607</v>
          </cell>
          <cell r="E521" t="str">
            <v>660-0083</v>
          </cell>
          <cell r="F521" t="str">
            <v>兵庫県尼崎市道意町3-1</v>
          </cell>
          <cell r="G521" t="str">
            <v>尼崎市</v>
          </cell>
          <cell r="H521" t="str">
            <v/>
          </cell>
          <cell r="I521" t="str">
            <v>代表取締役 三田　恭男</v>
          </cell>
          <cell r="J521" t="str">
            <v>本店</v>
          </cell>
          <cell r="K521" t="str">
            <v>06-6413-1267</v>
          </cell>
          <cell r="L521" t="str">
            <v>kei@sanda-ko.com</v>
          </cell>
          <cell r="M521" t="str">
            <v>ｻﾝﾀﾞｺｳﾑﾃﾝ</v>
          </cell>
          <cell r="N521" t="str">
            <v>無</v>
          </cell>
          <cell r="O521">
            <v>44</v>
          </cell>
          <cell r="P521">
            <v>16</v>
          </cell>
          <cell r="Q521">
            <v>3140001048971</v>
          </cell>
          <cell r="R521">
            <v>20000</v>
          </cell>
          <cell r="S521">
            <v>370644</v>
          </cell>
          <cell r="T521">
            <v>1612856</v>
          </cell>
          <cell r="V521" t="str">
            <v>xu150455</v>
          </cell>
          <cell r="W521" t="str">
            <v>pk178577</v>
          </cell>
          <cell r="X521" t="str">
            <v>土建大と石屋タ鋼鉄舗浚板ガ塗防内熱具水</v>
          </cell>
          <cell r="Y521" t="str">
            <v/>
          </cell>
          <cell r="Z521" t="str">
            <v>土建大と石屋タ鋼鉄舗浚板ガ塗防内熱具水</v>
          </cell>
          <cell r="AA521" t="str">
            <v>建築一式</v>
          </cell>
          <cell r="AB521" t="str">
            <v>土木一式</v>
          </cell>
          <cell r="AC521" t="str">
            <v>鉄筋</v>
          </cell>
          <cell r="AD521" t="str">
            <v>建具</v>
          </cell>
          <cell r="AE521">
            <v>43220</v>
          </cell>
          <cell r="AF521" t="str">
            <v>希望しない</v>
          </cell>
          <cell r="AG521" t="str">
            <v>建築一式</v>
          </cell>
          <cell r="AH521" t="str">
            <v>特定</v>
          </cell>
          <cell r="AI521">
            <v>985</v>
          </cell>
          <cell r="AJ521">
            <v>1398021</v>
          </cell>
          <cell r="AK521" t="str">
            <v>9(9)/3/0</v>
          </cell>
          <cell r="AL521" t="str">
            <v>土木一式</v>
          </cell>
          <cell r="AM521" t="str">
            <v>特定</v>
          </cell>
          <cell r="AN521">
            <v>702</v>
          </cell>
          <cell r="AO521">
            <v>915</v>
          </cell>
          <cell r="AP521" t="str">
            <v>2(2)/0/0</v>
          </cell>
          <cell r="AQ521" t="str">
            <v>鉄筋</v>
          </cell>
          <cell r="AR521" t="str">
            <v>特定</v>
          </cell>
          <cell r="AS521" t="str">
            <v/>
          </cell>
          <cell r="AT521" t="str">
            <v/>
          </cell>
          <cell r="AU521" t="str">
            <v>0(0)/0/0</v>
          </cell>
          <cell r="AV521" t="str">
            <v>建具</v>
          </cell>
          <cell r="AW521" t="str">
            <v>特定</v>
          </cell>
          <cell r="AX521" t="str">
            <v/>
          </cell>
          <cell r="AY521" t="str">
            <v/>
          </cell>
          <cell r="AZ521" t="str">
            <v>0(0)/0/0</v>
          </cell>
          <cell r="BA521" t="str">
            <v>兵庫県</v>
          </cell>
          <cell r="BB521">
            <v>0</v>
          </cell>
          <cell r="CR521">
            <v>5126</v>
          </cell>
          <cell r="CS521" t="str">
            <v>ｶｷｳﾁ ﾄｼﾛｳ</v>
          </cell>
          <cell r="CT521" t="str">
            <v>垣内  敏朗</v>
          </cell>
          <cell r="CU521" t="str">
            <v>運輸サービス課</v>
          </cell>
          <cell r="CW521">
            <v>6751</v>
          </cell>
          <cell r="CX521" t="str">
            <v xml:space="preserve"> </v>
          </cell>
          <cell r="CY521" t="str">
            <v>運輸サービス課長</v>
          </cell>
        </row>
        <row r="522">
          <cell r="B522">
            <v>2761</v>
          </cell>
          <cell r="C522" t="str">
            <v>斎久工業(株)</v>
          </cell>
          <cell r="D522" t="str">
            <v>06-6357-3113</v>
          </cell>
          <cell r="E522" t="str">
            <v>530-6013</v>
          </cell>
          <cell r="F522" t="str">
            <v>大阪府大阪市北区天満橋1-8-30(OAPﾀﾜｰ)</v>
          </cell>
          <cell r="G522" t="str">
            <v/>
          </cell>
          <cell r="H522" t="str">
            <v>関西支社</v>
          </cell>
          <cell r="I522" t="str">
            <v>上席執行役員支社長 浅井　克巳</v>
          </cell>
          <cell r="J522" t="str">
            <v>東京都</v>
          </cell>
          <cell r="K522" t="str">
            <v>06-6882-3193</v>
          </cell>
          <cell r="L522" t="str">
            <v>eigyo-1@saikyu.co.jp</v>
          </cell>
          <cell r="M522" t="str">
            <v>ｻｲｷｭｳｺｳｷﾞｮｳ</v>
          </cell>
          <cell r="N522" t="str">
            <v>有</v>
          </cell>
          <cell r="O522">
            <v>67</v>
          </cell>
          <cell r="P522">
            <v>534</v>
          </cell>
          <cell r="Q522">
            <v>2010001017552</v>
          </cell>
          <cell r="R522">
            <v>1481250</v>
          </cell>
          <cell r="S522">
            <v>21413103</v>
          </cell>
          <cell r="T522">
            <v>42945509</v>
          </cell>
          <cell r="V522" t="str">
            <v>rg913915</v>
          </cell>
          <cell r="W522" t="str">
            <v>du614154</v>
          </cell>
          <cell r="X522" t="str">
            <v>(管)土建電管機水消</v>
          </cell>
          <cell r="Y522" t="str">
            <v>(管)</v>
          </cell>
          <cell r="Z522" t="str">
            <v>土建電管機水消</v>
          </cell>
          <cell r="AA522" t="str">
            <v>管</v>
          </cell>
          <cell r="AB522" t="str">
            <v/>
          </cell>
          <cell r="AC522" t="str">
            <v/>
          </cell>
          <cell r="AD522" t="str">
            <v/>
          </cell>
          <cell r="AE522">
            <v>43190</v>
          </cell>
          <cell r="AF522" t="str">
            <v>希望しない</v>
          </cell>
          <cell r="AG522" t="str">
            <v>管</v>
          </cell>
          <cell r="AH522" t="str">
            <v>特定</v>
          </cell>
          <cell r="AI522">
            <v>1640</v>
          </cell>
          <cell r="AJ522">
            <v>41502300</v>
          </cell>
          <cell r="AK522" t="str">
            <v>339(335)/52/37</v>
          </cell>
          <cell r="AL522" t="str">
            <v/>
          </cell>
          <cell r="AM522" t="str">
            <v/>
          </cell>
          <cell r="AN522" t="str">
            <v/>
          </cell>
          <cell r="AO522" t="str">
            <v/>
          </cell>
          <cell r="AP522" t="str">
            <v/>
          </cell>
          <cell r="AQ522" t="str">
            <v/>
          </cell>
          <cell r="AR522" t="str">
            <v/>
          </cell>
          <cell r="AS522" t="str">
            <v/>
          </cell>
          <cell r="AT522" t="str">
            <v/>
          </cell>
          <cell r="AU522" t="str">
            <v/>
          </cell>
          <cell r="AV522" t="str">
            <v/>
          </cell>
          <cell r="AW522" t="str">
            <v/>
          </cell>
          <cell r="AX522" t="str">
            <v/>
          </cell>
          <cell r="AY522" t="str">
            <v/>
          </cell>
          <cell r="AZ522" t="str">
            <v/>
          </cell>
          <cell r="BA522" t="str">
            <v>東京都</v>
          </cell>
          <cell r="BB522" t="str">
            <v>丸の内パークビル</v>
          </cell>
          <cell r="CR522">
            <v>5168</v>
          </cell>
          <cell r="CS522" t="str">
            <v>ﾊﾔｼ ﾋﾃﾞｶｽﾞ</v>
          </cell>
          <cell r="CT522" t="str">
            <v>林  秀和</v>
          </cell>
          <cell r="CU522" t="str">
            <v>営業課</v>
          </cell>
          <cell r="CW522" t="str">
            <v xml:space="preserve"> </v>
          </cell>
          <cell r="CX522" t="str">
            <v>課長</v>
          </cell>
          <cell r="CY522" t="str">
            <v>営業課長</v>
          </cell>
        </row>
        <row r="523">
          <cell r="B523">
            <v>2762</v>
          </cell>
          <cell r="C523" t="str">
            <v>(株)斉藤鐵工所</v>
          </cell>
          <cell r="D523" t="str">
            <v>0791-72-8385</v>
          </cell>
          <cell r="E523" t="str">
            <v>679-4016</v>
          </cell>
          <cell r="F523" t="str">
            <v>兵庫県たつの市揖西町南山3-43-1</v>
          </cell>
          <cell r="G523" t="str">
            <v>大阪市</v>
          </cell>
          <cell r="H523" t="str">
            <v>兵庫支店</v>
          </cell>
          <cell r="I523" t="str">
            <v>支店長 安室　裕史</v>
          </cell>
          <cell r="J523" t="str">
            <v>大阪府大阪市</v>
          </cell>
          <cell r="K523" t="str">
            <v>0791-72-8162</v>
          </cell>
          <cell r="L523" t="str">
            <v>sit.himeji_eigyou@e-saitoh.co.jp</v>
          </cell>
          <cell r="M523" t="str">
            <v>ｻｲﾄｳﾃｯｺｳｼｮ</v>
          </cell>
          <cell r="N523" t="str">
            <v>有</v>
          </cell>
          <cell r="O523">
            <v>41</v>
          </cell>
          <cell r="P523">
            <v>91</v>
          </cell>
          <cell r="Q523">
            <v>1120001030702</v>
          </cell>
          <cell r="R523">
            <v>54750</v>
          </cell>
          <cell r="S523">
            <v>471688</v>
          </cell>
          <cell r="T523">
            <v>1758996</v>
          </cell>
          <cell r="V523" t="str">
            <v>jy328289</v>
          </cell>
          <cell r="W523" t="str">
            <v>cq156813</v>
          </cell>
          <cell r="X523" t="str">
            <v>管機(清)(鋼)(機)(水)土鋼水</v>
          </cell>
          <cell r="Y523" t="str">
            <v>管機(清)(鋼)(機)(水)</v>
          </cell>
          <cell r="Z523" t="str">
            <v>土鋼水</v>
          </cell>
          <cell r="AA523" t="str">
            <v>鋼構造物</v>
          </cell>
          <cell r="AB523" t="str">
            <v>機械器具</v>
          </cell>
          <cell r="AC523" t="str">
            <v/>
          </cell>
          <cell r="AD523" t="str">
            <v/>
          </cell>
          <cell r="AE523">
            <v>42978</v>
          </cell>
          <cell r="AF523" t="str">
            <v>希望しない</v>
          </cell>
          <cell r="AG523" t="str">
            <v>鋼構造物</v>
          </cell>
          <cell r="AH523" t="str">
            <v>特定</v>
          </cell>
          <cell r="AI523">
            <v>882</v>
          </cell>
          <cell r="AJ523">
            <v>1060879</v>
          </cell>
          <cell r="AK523" t="str">
            <v>10(9)/13/2</v>
          </cell>
          <cell r="AL523" t="str">
            <v>機械器具</v>
          </cell>
          <cell r="AM523" t="str">
            <v>一般</v>
          </cell>
          <cell r="AN523">
            <v>779</v>
          </cell>
          <cell r="AO523">
            <v>336844</v>
          </cell>
          <cell r="AP523" t="str">
            <v>0(0)/0/27</v>
          </cell>
          <cell r="AQ523" t="str">
            <v/>
          </cell>
          <cell r="AR523" t="str">
            <v/>
          </cell>
          <cell r="AS523" t="str">
            <v/>
          </cell>
          <cell r="AT523" t="str">
            <v/>
          </cell>
          <cell r="AU523" t="str">
            <v/>
          </cell>
          <cell r="AV523" t="str">
            <v/>
          </cell>
          <cell r="AW523" t="str">
            <v/>
          </cell>
          <cell r="AX523" t="str">
            <v/>
          </cell>
          <cell r="AY523" t="str">
            <v/>
          </cell>
          <cell r="AZ523" t="str">
            <v/>
          </cell>
          <cell r="BA523" t="str">
            <v>大阪府</v>
          </cell>
          <cell r="BB523">
            <v>0</v>
          </cell>
          <cell r="CR523">
            <v>5170</v>
          </cell>
          <cell r="CS523" t="str">
            <v>ﾀﾑﾗ ﾖｼｵ</v>
          </cell>
          <cell r="CT523" t="str">
            <v>田村  芳雄</v>
          </cell>
          <cell r="CU523" t="str">
            <v xml:space="preserve"> </v>
          </cell>
          <cell r="CW523" t="str">
            <v xml:space="preserve"> </v>
          </cell>
          <cell r="CX523" t="str">
            <v>副参事</v>
          </cell>
          <cell r="CY523" t="str">
            <v>　</v>
          </cell>
        </row>
        <row r="524">
          <cell r="B524">
            <v>2764</v>
          </cell>
          <cell r="C524" t="str">
            <v>あおみ建設(株)</v>
          </cell>
          <cell r="D524" t="str">
            <v>078-811-3044</v>
          </cell>
          <cell r="E524" t="str">
            <v>658-0041</v>
          </cell>
          <cell r="F524" t="str">
            <v>兵庫県神戸市東灘区住吉南町4-6-5</v>
          </cell>
          <cell r="G524" t="str">
            <v/>
          </cell>
          <cell r="H524" t="str">
            <v>神戸営業所</v>
          </cell>
          <cell r="I524" t="str">
            <v>所長 桑名　公一</v>
          </cell>
          <cell r="J524" t="str">
            <v>東京都</v>
          </cell>
          <cell r="K524" t="str">
            <v>078-811-3433</v>
          </cell>
          <cell r="L524" t="str">
            <v>o_eigyo@aomi.co.jp</v>
          </cell>
          <cell r="M524" t="str">
            <v>ｱｵﾐｹﾝｾﾂ</v>
          </cell>
          <cell r="N524" t="str">
            <v>有</v>
          </cell>
          <cell r="O524">
            <v>68</v>
          </cell>
          <cell r="P524">
            <v>343</v>
          </cell>
          <cell r="Q524">
            <v>6010401076946</v>
          </cell>
          <cell r="R524">
            <v>355050</v>
          </cell>
          <cell r="S524">
            <v>19736356</v>
          </cell>
          <cell r="T524">
            <v>30471279</v>
          </cell>
          <cell r="V524" t="str">
            <v>yz238866</v>
          </cell>
          <cell r="W524" t="str">
            <v>zx199904</v>
          </cell>
          <cell r="X524" t="str">
            <v>(清)(と)(石)(鋼)(舗)(浚)(水)土建大と石屋タ鋼舗浚内園水</v>
          </cell>
          <cell r="Y524" t="str">
            <v>(清)(と)(石)(鋼)(舗)(浚)(水)</v>
          </cell>
          <cell r="Z524" t="str">
            <v>土建大と石屋タ鋼舗浚内園水</v>
          </cell>
          <cell r="AA524" t="str">
            <v>土木一式</v>
          </cell>
          <cell r="AB524" t="str">
            <v>水道施設</v>
          </cell>
          <cell r="AC524" t="str">
            <v>舗装</v>
          </cell>
          <cell r="AD524" t="str">
            <v>鋼構造物</v>
          </cell>
          <cell r="AE524">
            <v>43190</v>
          </cell>
          <cell r="AF524" t="str">
            <v>希望しない</v>
          </cell>
          <cell r="AG524" t="str">
            <v>土木一式</v>
          </cell>
          <cell r="AH524" t="str">
            <v>特定</v>
          </cell>
          <cell r="AI524">
            <v>1611</v>
          </cell>
          <cell r="AJ524">
            <v>27946306</v>
          </cell>
          <cell r="AK524" t="str">
            <v>204(188)/18/7</v>
          </cell>
          <cell r="AL524" t="str">
            <v>水道施設</v>
          </cell>
          <cell r="AM524" t="str">
            <v>特定</v>
          </cell>
          <cell r="AN524">
            <v>1201</v>
          </cell>
          <cell r="AO524">
            <v>1226934</v>
          </cell>
          <cell r="AP524" t="str">
            <v>6(6)/0/0</v>
          </cell>
          <cell r="AQ524" t="str">
            <v>舗装</v>
          </cell>
          <cell r="AR524" t="str">
            <v>特定</v>
          </cell>
          <cell r="AS524">
            <v>957</v>
          </cell>
          <cell r="AT524" t="str">
            <v/>
          </cell>
          <cell r="AU524" t="str">
            <v>2(2)/2/0</v>
          </cell>
          <cell r="AV524" t="str">
            <v>鋼構造物</v>
          </cell>
          <cell r="AW524" t="str">
            <v>特定</v>
          </cell>
          <cell r="AX524">
            <v>1294</v>
          </cell>
          <cell r="AY524">
            <v>1049152</v>
          </cell>
          <cell r="AZ524" t="str">
            <v>42(41)/16/0</v>
          </cell>
          <cell r="BA524" t="str">
            <v>東京都</v>
          </cell>
          <cell r="BB524" t="str">
            <v>ブライトイースト芝浦</v>
          </cell>
          <cell r="CR524">
            <v>5182</v>
          </cell>
          <cell r="CS524" t="str">
            <v>ｲｹﾀﾞ ﾏｻﾋﾛ</v>
          </cell>
          <cell r="CT524" t="str">
            <v>池田  昌弘</v>
          </cell>
          <cell r="CU524" t="str">
            <v>庶務課</v>
          </cell>
          <cell r="CW524">
            <v>3450</v>
          </cell>
          <cell r="CX524" t="str">
            <v>課長</v>
          </cell>
          <cell r="CY524" t="str">
            <v>庶務課長</v>
          </cell>
        </row>
        <row r="525">
          <cell r="B525">
            <v>2765</v>
          </cell>
          <cell r="C525" t="str">
            <v>サカイ安全工業(株)</v>
          </cell>
          <cell r="D525" t="str">
            <v>072-840-2221</v>
          </cell>
          <cell r="E525" t="str">
            <v>573-0004</v>
          </cell>
          <cell r="F525" t="str">
            <v>大阪府枚方市中宮大池3-25-8</v>
          </cell>
          <cell r="G525" t="str">
            <v>枚方市</v>
          </cell>
          <cell r="H525" t="str">
            <v/>
          </cell>
          <cell r="I525" t="str">
            <v>代表取締役 山内　昌文</v>
          </cell>
          <cell r="J525" t="str">
            <v>本店</v>
          </cell>
          <cell r="K525" t="str">
            <v>072-840-2333</v>
          </cell>
          <cell r="L525" t="str">
            <v>sakai@giga.ocn.ne.jp</v>
          </cell>
          <cell r="M525" t="str">
            <v>ｻｶｲｱﾝｾﾞﾝｺｳｷﾞｮｳ</v>
          </cell>
          <cell r="N525" t="str">
            <v>無</v>
          </cell>
          <cell r="O525">
            <v>32</v>
          </cell>
          <cell r="P525">
            <v>5</v>
          </cell>
          <cell r="Q525">
            <v>3120001153476</v>
          </cell>
          <cell r="R525">
            <v>10000</v>
          </cell>
          <cell r="S525">
            <v>20060</v>
          </cell>
          <cell r="T525">
            <v>32181</v>
          </cell>
          <cell r="V525" t="str">
            <v>uk864914</v>
          </cell>
          <cell r="W525" t="str">
            <v>bz942508</v>
          </cell>
          <cell r="X525" t="str">
            <v>と塗</v>
          </cell>
          <cell r="Y525" t="str">
            <v>と塗</v>
          </cell>
          <cell r="Z525" t="str">
            <v/>
          </cell>
          <cell r="AA525" t="str">
            <v>塗装</v>
          </cell>
          <cell r="AB525" t="str">
            <v>とび土工</v>
          </cell>
          <cell r="AC525" t="str">
            <v/>
          </cell>
          <cell r="AD525" t="str">
            <v/>
          </cell>
          <cell r="AE525">
            <v>43008</v>
          </cell>
          <cell r="AF525" t="str">
            <v>希望しない</v>
          </cell>
          <cell r="AG525" t="str">
            <v>塗装</v>
          </cell>
          <cell r="AH525" t="str">
            <v>一般</v>
          </cell>
          <cell r="AI525">
            <v>643</v>
          </cell>
          <cell r="AJ525">
            <v>29347</v>
          </cell>
          <cell r="AK525" t="str">
            <v>0(0)/1/3</v>
          </cell>
          <cell r="AL525" t="str">
            <v>とび土工</v>
          </cell>
          <cell r="AM525" t="str">
            <v>一般</v>
          </cell>
          <cell r="AN525">
            <v>595</v>
          </cell>
          <cell r="AO525">
            <v>6087</v>
          </cell>
          <cell r="AP525" t="str">
            <v>0(0)/0/3</v>
          </cell>
          <cell r="AQ525" t="str">
            <v/>
          </cell>
          <cell r="AR525" t="str">
            <v/>
          </cell>
          <cell r="AS525" t="str">
            <v/>
          </cell>
          <cell r="AT525" t="str">
            <v/>
          </cell>
          <cell r="AU525" t="str">
            <v/>
          </cell>
          <cell r="AV525" t="str">
            <v/>
          </cell>
          <cell r="AW525" t="str">
            <v/>
          </cell>
          <cell r="AX525" t="str">
            <v/>
          </cell>
          <cell r="AY525" t="str">
            <v/>
          </cell>
          <cell r="AZ525" t="str">
            <v/>
          </cell>
          <cell r="BA525" t="str">
            <v>大阪府</v>
          </cell>
          <cell r="BB525">
            <v>0</v>
          </cell>
          <cell r="CR525">
            <v>5183</v>
          </cell>
          <cell r="CS525" t="str">
            <v>ｵｵﾉ ｻﾄｺ</v>
          </cell>
          <cell r="CT525" t="str">
            <v>大野  智子</v>
          </cell>
          <cell r="CU525" t="str">
            <v>市民課</v>
          </cell>
          <cell r="CW525">
            <v>2606</v>
          </cell>
          <cell r="CX525" t="str">
            <v>主査</v>
          </cell>
          <cell r="CY525" t="str">
            <v>市民課長</v>
          </cell>
        </row>
        <row r="526">
          <cell r="B526">
            <v>2770</v>
          </cell>
          <cell r="C526" t="str">
            <v>佐藤工業(株)</v>
          </cell>
          <cell r="D526" t="str">
            <v>078-333-8311</v>
          </cell>
          <cell r="E526" t="str">
            <v>650-0032</v>
          </cell>
          <cell r="F526" t="str">
            <v>兵庫県神戸市中央区伊藤町119</v>
          </cell>
          <cell r="G526" t="str">
            <v/>
          </cell>
          <cell r="H526" t="str">
            <v>神戸営業所</v>
          </cell>
          <cell r="I526" t="str">
            <v>所長 小池　周史</v>
          </cell>
          <cell r="J526" t="str">
            <v>東京都</v>
          </cell>
          <cell r="K526" t="str">
            <v>078-333-8315</v>
          </cell>
          <cell r="L526" t="str">
            <v>s.shibuya@satokogyo.co.jp</v>
          </cell>
          <cell r="M526" t="str">
            <v>ｻﾄｳｺｳｷﾞｮｳ</v>
          </cell>
          <cell r="N526" t="str">
            <v>有</v>
          </cell>
          <cell r="O526">
            <v>68</v>
          </cell>
          <cell r="P526">
            <v>1235</v>
          </cell>
          <cell r="Q526">
            <v>2230001001055</v>
          </cell>
          <cell r="R526">
            <v>3000000</v>
          </cell>
          <cell r="S526">
            <v>57490589</v>
          </cell>
          <cell r="T526">
            <v>125575406</v>
          </cell>
          <cell r="V526" t="str">
            <v>hr933193</v>
          </cell>
          <cell r="W526" t="str">
            <v>dd616235</v>
          </cell>
          <cell r="X526" t="str">
            <v>(清)(建)(大)(左)(と)(石)(屋)(タ)(鋼)(舗)(浚)(塗)(防)(内)(水)(解)土建大と石屋電管タ鋼舗浚塗防内園水解</v>
          </cell>
          <cell r="Y526" t="str">
            <v>(清)(建)(大)(左)(と)(石)(屋)(タ)(鋼)(舗)(浚)(塗)(防)(内)(水)(解)</v>
          </cell>
          <cell r="Z526" t="str">
            <v>土建大と石屋電管タ鋼舗浚塗防内園水解</v>
          </cell>
          <cell r="AA526" t="str">
            <v>建築一式</v>
          </cell>
          <cell r="AB526" t="str">
            <v>土木一式</v>
          </cell>
          <cell r="AC526" t="str">
            <v>水道施設</v>
          </cell>
          <cell r="AD526" t="str">
            <v>鋼構造物</v>
          </cell>
          <cell r="AE526">
            <v>43281</v>
          </cell>
          <cell r="AF526" t="str">
            <v/>
          </cell>
          <cell r="AG526" t="str">
            <v>建築一式</v>
          </cell>
          <cell r="AH526" t="str">
            <v/>
          </cell>
          <cell r="AI526">
            <v>1755</v>
          </cell>
          <cell r="AJ526">
            <v>63143897</v>
          </cell>
          <cell r="AK526" t="str">
            <v>415(312)/8/50</v>
          </cell>
          <cell r="AL526" t="str">
            <v>土木一式</v>
          </cell>
          <cell r="AM526" t="str">
            <v/>
          </cell>
          <cell r="AN526">
            <v>1732</v>
          </cell>
          <cell r="AO526">
            <v>51482387</v>
          </cell>
          <cell r="AP526" t="str">
            <v>432(373)/2/22</v>
          </cell>
          <cell r="AQ526" t="str">
            <v>水道施設</v>
          </cell>
          <cell r="AR526" t="str">
            <v/>
          </cell>
          <cell r="AS526">
            <v>1346</v>
          </cell>
          <cell r="AT526">
            <v>701170</v>
          </cell>
          <cell r="AU526" t="str">
            <v>135(119)/0/0</v>
          </cell>
          <cell r="AV526" t="str">
            <v>鋼構造物</v>
          </cell>
          <cell r="AW526" t="str">
            <v/>
          </cell>
          <cell r="AX526">
            <v>1095</v>
          </cell>
          <cell r="AY526">
            <v>1925</v>
          </cell>
          <cell r="AZ526" t="str">
            <v>32(7)/0/0</v>
          </cell>
          <cell r="BA526" t="str">
            <v>東京都</v>
          </cell>
          <cell r="BB526">
            <v>0</v>
          </cell>
          <cell r="CR526">
            <v>5184</v>
          </cell>
          <cell r="CS526" t="str">
            <v>ｸﾎﾞ ﾋﾃﾞｷ</v>
          </cell>
          <cell r="CT526" t="str">
            <v>久保  英樹</v>
          </cell>
          <cell r="CU526" t="str">
            <v>国際・平和課</v>
          </cell>
          <cell r="CW526">
            <v>2172</v>
          </cell>
          <cell r="CX526" t="str">
            <v>主査</v>
          </cell>
          <cell r="CY526" t="str">
            <v>国際・平和課長</v>
          </cell>
        </row>
        <row r="527">
          <cell r="B527">
            <v>2777</v>
          </cell>
          <cell r="C527" t="str">
            <v>(株)三英空調</v>
          </cell>
          <cell r="D527" t="str">
            <v>072-787-4156</v>
          </cell>
          <cell r="E527" t="str">
            <v>664-0002</v>
          </cell>
          <cell r="F527" t="str">
            <v>兵庫県伊丹市荻野8-5-1</v>
          </cell>
          <cell r="G527" t="str">
            <v>伊丹市</v>
          </cell>
          <cell r="H527" t="str">
            <v/>
          </cell>
          <cell r="I527" t="str">
            <v>代表取締役 大西　克己</v>
          </cell>
          <cell r="J527" t="str">
            <v>本店</v>
          </cell>
          <cell r="K527" t="str">
            <v>072-770-3927</v>
          </cell>
          <cell r="L527" t="str">
            <v>sanei-kutyou@nifty.com</v>
          </cell>
          <cell r="M527" t="str">
            <v>ｻﾝｴｲｸｳﾁｮｳ</v>
          </cell>
          <cell r="N527" t="str">
            <v>無</v>
          </cell>
          <cell r="O527">
            <v>25</v>
          </cell>
          <cell r="P527">
            <v>6</v>
          </cell>
          <cell r="Q527">
            <v>8140001066366</v>
          </cell>
          <cell r="R527">
            <v>10000</v>
          </cell>
          <cell r="S527">
            <v>65384</v>
          </cell>
          <cell r="T527">
            <v>134214</v>
          </cell>
          <cell r="V527" t="str">
            <v>rb365186</v>
          </cell>
          <cell r="W527" t="str">
            <v>ac644297</v>
          </cell>
          <cell r="X527" t="str">
            <v>管</v>
          </cell>
          <cell r="Y527" t="str">
            <v>管</v>
          </cell>
          <cell r="Z527" t="str">
            <v/>
          </cell>
          <cell r="AA527" t="str">
            <v>管</v>
          </cell>
          <cell r="AB527" t="str">
            <v/>
          </cell>
          <cell r="AC527" t="str">
            <v/>
          </cell>
          <cell r="AD527" t="str">
            <v/>
          </cell>
          <cell r="AE527">
            <v>43008</v>
          </cell>
          <cell r="AF527" t="str">
            <v>希望しない</v>
          </cell>
          <cell r="AG527" t="str">
            <v>管</v>
          </cell>
          <cell r="AH527" t="str">
            <v>一般</v>
          </cell>
          <cell r="AI527">
            <v>681</v>
          </cell>
          <cell r="AJ527">
            <v>129727</v>
          </cell>
          <cell r="AK527" t="str">
            <v>0(0)/3/1</v>
          </cell>
          <cell r="AL527" t="str">
            <v/>
          </cell>
          <cell r="AM527" t="str">
            <v/>
          </cell>
          <cell r="AN527" t="str">
            <v/>
          </cell>
          <cell r="AO527" t="str">
            <v/>
          </cell>
          <cell r="AP527" t="str">
            <v/>
          </cell>
          <cell r="AQ527" t="str">
            <v/>
          </cell>
          <cell r="AR527" t="str">
            <v/>
          </cell>
          <cell r="AS527" t="str">
            <v/>
          </cell>
          <cell r="AT527" t="str">
            <v/>
          </cell>
          <cell r="AU527" t="str">
            <v/>
          </cell>
          <cell r="AV527" t="str">
            <v/>
          </cell>
          <cell r="AW527" t="str">
            <v/>
          </cell>
          <cell r="AX527" t="str">
            <v/>
          </cell>
          <cell r="AY527" t="str">
            <v/>
          </cell>
          <cell r="AZ527" t="str">
            <v/>
          </cell>
          <cell r="BA527" t="str">
            <v>伊丹市</v>
          </cell>
          <cell r="BB527" t="str">
            <v/>
          </cell>
          <cell r="CR527">
            <v>5185</v>
          </cell>
          <cell r="CS527" t="str">
            <v>ｺﾐﾔ ﾏｻｱｷ</v>
          </cell>
          <cell r="CT527" t="str">
            <v>小宮  正照</v>
          </cell>
          <cell r="CU527" t="str">
            <v>参画協働施策推進</v>
          </cell>
          <cell r="CW527">
            <v>2107</v>
          </cell>
          <cell r="CX527" t="str">
            <v>主幹</v>
          </cell>
          <cell r="CY527" t="str">
            <v>　</v>
          </cell>
        </row>
        <row r="528">
          <cell r="B528">
            <v>2783</v>
          </cell>
          <cell r="C528" t="str">
            <v>三機工業(株)</v>
          </cell>
          <cell r="D528" t="str">
            <v>06-6350-8101</v>
          </cell>
          <cell r="E528" t="str">
            <v>532-0003</v>
          </cell>
          <cell r="F528" t="str">
            <v>大阪府大阪市淀川区宮原3-4-30</v>
          </cell>
          <cell r="G528" t="str">
            <v/>
          </cell>
          <cell r="H528" t="str">
            <v>関西支社</v>
          </cell>
          <cell r="I528" t="str">
            <v>常務執行役員支社長 白木　博之</v>
          </cell>
          <cell r="J528" t="str">
            <v>東京都</v>
          </cell>
          <cell r="K528" t="str">
            <v>06-6350-7804</v>
          </cell>
          <cell r="L528" t="str">
            <v>kobe-nyusatsu@tec.sanki.co.jp</v>
          </cell>
          <cell r="M528" t="str">
            <v>ｻﾝｷｺｳｷﾞｮｳ</v>
          </cell>
          <cell r="N528" t="str">
            <v>有</v>
          </cell>
          <cell r="O528">
            <v>68</v>
          </cell>
          <cell r="P528">
            <v>1922</v>
          </cell>
          <cell r="Q528">
            <v>2010001008683</v>
          </cell>
          <cell r="R528">
            <v>8105185</v>
          </cell>
          <cell r="S528">
            <v>80549500</v>
          </cell>
          <cell r="T528">
            <v>170157000</v>
          </cell>
          <cell r="V528" t="str">
            <v>nj823315</v>
          </cell>
          <cell r="W528" t="str">
            <v>nd694475</v>
          </cell>
          <cell r="X528" t="str">
            <v>具(建)(電)(管)(タ)(機)(通)(水)(消)土建と電管タ内機通水消清</v>
          </cell>
          <cell r="Y528" t="str">
            <v>具(建)(電)(管)(タ)(機)(通)(水)(消)</v>
          </cell>
          <cell r="Z528" t="str">
            <v>土建と電管タ内機通水消清</v>
          </cell>
          <cell r="AA528" t="str">
            <v>管</v>
          </cell>
          <cell r="AB528" t="str">
            <v>電気</v>
          </cell>
          <cell r="AC528" t="str">
            <v>水道施設</v>
          </cell>
          <cell r="AD528" t="str">
            <v>機械器具</v>
          </cell>
          <cell r="AE528">
            <v>43190</v>
          </cell>
          <cell r="AF528" t="str">
            <v>希望する</v>
          </cell>
          <cell r="AG528" t="str">
            <v>管</v>
          </cell>
          <cell r="AH528" t="str">
            <v>特定</v>
          </cell>
          <cell r="AI528">
            <v>1856</v>
          </cell>
          <cell r="AJ528">
            <v>106999924</v>
          </cell>
          <cell r="AK528" t="str">
            <v>772(657)/10/48</v>
          </cell>
          <cell r="AL528" t="str">
            <v>電気</v>
          </cell>
          <cell r="AM528" t="str">
            <v>特定</v>
          </cell>
          <cell r="AN528">
            <v>1598</v>
          </cell>
          <cell r="AO528">
            <v>21064115</v>
          </cell>
          <cell r="AP528" t="str">
            <v>156(138)/10/49</v>
          </cell>
          <cell r="AQ528" t="str">
            <v>水道施設</v>
          </cell>
          <cell r="AR528" t="str">
            <v>特定</v>
          </cell>
          <cell r="AS528">
            <v>1300</v>
          </cell>
          <cell r="AT528">
            <v>293149</v>
          </cell>
          <cell r="AU528" t="str">
            <v>72(62)/4/21</v>
          </cell>
          <cell r="AV528" t="str">
            <v>機械器具</v>
          </cell>
          <cell r="AW528" t="str">
            <v>特定</v>
          </cell>
          <cell r="AX528">
            <v>1440</v>
          </cell>
          <cell r="AY528">
            <v>9421792</v>
          </cell>
          <cell r="AZ528" t="str">
            <v>4(3)/0/127</v>
          </cell>
          <cell r="BA528" t="str">
            <v>東京都</v>
          </cell>
          <cell r="BB528">
            <v>0</v>
          </cell>
          <cell r="CR528">
            <v>5186</v>
          </cell>
          <cell r="CS528" t="str">
            <v>ｻｶｳｴ ﾓﾄﾖｼ</v>
          </cell>
          <cell r="CT528" t="str">
            <v>阪上  元良</v>
          </cell>
          <cell r="CU528" t="str">
            <v>空港政策課</v>
          </cell>
          <cell r="CW528">
            <v>2834</v>
          </cell>
          <cell r="CX528" t="str">
            <v>課長</v>
          </cell>
          <cell r="CY528" t="str">
            <v>空港政策課長</v>
          </cell>
        </row>
        <row r="529">
          <cell r="B529">
            <v>2784</v>
          </cell>
          <cell r="C529" t="str">
            <v>三基工業(株)</v>
          </cell>
          <cell r="D529" t="str">
            <v>0566-36-5057</v>
          </cell>
          <cell r="E529" t="str">
            <v>448-0007</v>
          </cell>
          <cell r="F529" t="str">
            <v>愛知県刈谷市東境町住吉65-2</v>
          </cell>
          <cell r="G529" t="str">
            <v>刈谷市</v>
          </cell>
          <cell r="H529" t="str">
            <v/>
          </cell>
          <cell r="I529" t="str">
            <v>代表取締役 神谷　浩基</v>
          </cell>
          <cell r="J529" t="str">
            <v>本店</v>
          </cell>
          <cell r="K529" t="str">
            <v>0566-36-5344</v>
          </cell>
          <cell r="L529" t="str">
            <v>sanki-7@themis.ocn.ne.jp</v>
          </cell>
          <cell r="M529" t="str">
            <v>ｻﾝｷｺｳｷﾞｮｳ</v>
          </cell>
          <cell r="N529" t="str">
            <v>無</v>
          </cell>
          <cell r="O529">
            <v>44</v>
          </cell>
          <cell r="P529">
            <v>70</v>
          </cell>
          <cell r="Q529">
            <v>6180301013990</v>
          </cell>
          <cell r="R529">
            <v>45000</v>
          </cell>
          <cell r="S529">
            <v>399573</v>
          </cell>
          <cell r="T529">
            <v>1866365</v>
          </cell>
          <cell r="V529" t="str">
            <v>ag547689</v>
          </cell>
          <cell r="W529" t="str">
            <v>em278279</v>
          </cell>
          <cell r="X529" t="str">
            <v>土鋼機水</v>
          </cell>
          <cell r="Y529" t="str">
            <v/>
          </cell>
          <cell r="Z529" t="str">
            <v>土鋼機水</v>
          </cell>
          <cell r="AA529" t="str">
            <v>鋼構造物</v>
          </cell>
          <cell r="AB529" t="str">
            <v>機械器具</v>
          </cell>
          <cell r="AC529" t="str">
            <v>土木一式</v>
          </cell>
          <cell r="AD529" t="str">
            <v>水道施設</v>
          </cell>
          <cell r="AE529">
            <v>43008</v>
          </cell>
          <cell r="AF529" t="str">
            <v>希望しない</v>
          </cell>
          <cell r="AG529" t="str">
            <v>鋼構造物</v>
          </cell>
          <cell r="AH529" t="str">
            <v>特定</v>
          </cell>
          <cell r="AI529">
            <v>1022</v>
          </cell>
          <cell r="AJ529">
            <v>1113051</v>
          </cell>
          <cell r="AK529" t="str">
            <v>27(27)/4/6</v>
          </cell>
          <cell r="AL529" t="str">
            <v>機械器具</v>
          </cell>
          <cell r="AM529" t="str">
            <v>特定</v>
          </cell>
          <cell r="AN529">
            <v>938</v>
          </cell>
          <cell r="AO529">
            <v>746075</v>
          </cell>
          <cell r="AP529" t="str">
            <v>0(0)/0/50</v>
          </cell>
          <cell r="AQ529" t="str">
            <v>土木一式</v>
          </cell>
          <cell r="AR529" t="str">
            <v>特定</v>
          </cell>
          <cell r="AS529">
            <v>692</v>
          </cell>
          <cell r="AT529" t="str">
            <v/>
          </cell>
          <cell r="AU529" t="str">
            <v>1(1)/1/0</v>
          </cell>
          <cell r="AV529" t="str">
            <v>水道施設</v>
          </cell>
          <cell r="AW529" t="str">
            <v>特定</v>
          </cell>
          <cell r="AX529">
            <v>672</v>
          </cell>
          <cell r="AY529" t="str">
            <v/>
          </cell>
          <cell r="AZ529" t="str">
            <v>0(0)/0/0</v>
          </cell>
          <cell r="BA529" t="str">
            <v>愛知県</v>
          </cell>
          <cell r="BB529">
            <v>0</v>
          </cell>
          <cell r="CR529">
            <v>5188</v>
          </cell>
          <cell r="CS529" t="str">
            <v>ｲｹﾀﾞ ﾏｻﾋﾛ</v>
          </cell>
          <cell r="CT529" t="str">
            <v>池田  昌寛</v>
          </cell>
          <cell r="CU529" t="str">
            <v>政策室</v>
          </cell>
          <cell r="CW529">
            <v>2206</v>
          </cell>
          <cell r="CX529" t="str">
            <v>主幹</v>
          </cell>
          <cell r="CY529" t="str">
            <v>政策室長</v>
          </cell>
        </row>
        <row r="530">
          <cell r="B530">
            <v>2786</v>
          </cell>
          <cell r="C530" t="str">
            <v>三協工業(株)</v>
          </cell>
          <cell r="D530" t="str">
            <v>06-6260-7521</v>
          </cell>
          <cell r="E530" t="str">
            <v>542-0081</v>
          </cell>
          <cell r="F530" t="str">
            <v>大阪府大阪市中央区南船場2-5-8</v>
          </cell>
          <cell r="G530" t="str">
            <v/>
          </cell>
          <cell r="H530" t="str">
            <v>大阪支社</v>
          </cell>
          <cell r="I530" t="str">
            <v>支社長 塩谷　惠一</v>
          </cell>
          <cell r="J530" t="str">
            <v>東京都</v>
          </cell>
          <cell r="K530" t="str">
            <v>06-6260-7522</v>
          </cell>
          <cell r="L530" t="str">
            <v>osaka@sankyo-kogyo.co.jp</v>
          </cell>
          <cell r="M530" t="str">
            <v>ｻﾝｷｮｳｺｳｷﾞｮｳ</v>
          </cell>
          <cell r="N530" t="str">
            <v>有</v>
          </cell>
          <cell r="O530">
            <v>68</v>
          </cell>
          <cell r="P530">
            <v>105</v>
          </cell>
          <cell r="Q530">
            <v>9010701003886</v>
          </cell>
          <cell r="R530">
            <v>50000</v>
          </cell>
          <cell r="S530">
            <v>1181447</v>
          </cell>
          <cell r="T530">
            <v>2455227</v>
          </cell>
          <cell r="V530" t="str">
            <v>ez122747</v>
          </cell>
          <cell r="W530" t="str">
            <v>ua763602</v>
          </cell>
          <cell r="X530" t="str">
            <v>(電)(管)(機)(井)(水)電管機井水</v>
          </cell>
          <cell r="Y530" t="str">
            <v>(電)(管)(機)(井)(水)</v>
          </cell>
          <cell r="Z530" t="str">
            <v>電管機井水</v>
          </cell>
          <cell r="AA530" t="str">
            <v>さく井</v>
          </cell>
          <cell r="AB530" t="str">
            <v>機械器具</v>
          </cell>
          <cell r="AC530" t="str">
            <v>水道施設</v>
          </cell>
          <cell r="AD530" t="str">
            <v>電気</v>
          </cell>
          <cell r="AE530">
            <v>43190</v>
          </cell>
          <cell r="AF530" t="str">
            <v>希望しない</v>
          </cell>
          <cell r="AG530" t="str">
            <v>さく井</v>
          </cell>
          <cell r="AH530" t="str">
            <v>特定</v>
          </cell>
          <cell r="AI530">
            <v>912</v>
          </cell>
          <cell r="AJ530">
            <v>708625</v>
          </cell>
          <cell r="AK530" t="str">
            <v>0(0)/16/3</v>
          </cell>
          <cell r="AL530" t="str">
            <v>機械器具</v>
          </cell>
          <cell r="AM530" t="str">
            <v>特定</v>
          </cell>
          <cell r="AN530">
            <v>857</v>
          </cell>
          <cell r="AO530">
            <v>422203</v>
          </cell>
          <cell r="AP530" t="str">
            <v>0(0)/0/16</v>
          </cell>
          <cell r="AQ530" t="str">
            <v>水道施設</v>
          </cell>
          <cell r="AR530" t="str">
            <v>特定</v>
          </cell>
          <cell r="AS530">
            <v>950</v>
          </cell>
          <cell r="AT530">
            <v>325272</v>
          </cell>
          <cell r="AU530" t="str">
            <v>22(22)/6/2</v>
          </cell>
          <cell r="AV530" t="str">
            <v>電気</v>
          </cell>
          <cell r="AW530" t="str">
            <v>特定</v>
          </cell>
          <cell r="AX530">
            <v>983</v>
          </cell>
          <cell r="AY530">
            <v>804149</v>
          </cell>
          <cell r="AZ530" t="str">
            <v>21(20)/6/1</v>
          </cell>
          <cell r="BA530" t="str">
            <v>東京都</v>
          </cell>
          <cell r="BB530">
            <v>0</v>
          </cell>
          <cell r="CR530">
            <v>5189</v>
          </cell>
          <cell r="CS530" t="str">
            <v>ﾀﾂﾐ ｶｽﾞﾖｼ</v>
          </cell>
          <cell r="CT530" t="str">
            <v>巽  一嘉</v>
          </cell>
          <cell r="CU530" t="str">
            <v>都市デザイン課</v>
          </cell>
          <cell r="CW530">
            <v>2919</v>
          </cell>
          <cell r="CX530" t="str">
            <v>課長</v>
          </cell>
          <cell r="CY530" t="str">
            <v>都市デザイン課長</v>
          </cell>
        </row>
        <row r="531">
          <cell r="B531">
            <v>2787</v>
          </cell>
          <cell r="C531" t="str">
            <v>三協工材(株)</v>
          </cell>
          <cell r="D531" t="str">
            <v>06-6441-2315</v>
          </cell>
          <cell r="E531" t="str">
            <v>550-0004</v>
          </cell>
          <cell r="F531" t="str">
            <v>大阪府大阪市西区靭本町2-5-15</v>
          </cell>
          <cell r="G531" t="str">
            <v>大阪市</v>
          </cell>
          <cell r="H531" t="str">
            <v/>
          </cell>
          <cell r="I531" t="str">
            <v>代表取締役 山本　秀和</v>
          </cell>
          <cell r="J531" t="str">
            <v>本店</v>
          </cell>
          <cell r="K531" t="str">
            <v>06-6441-2355</v>
          </cell>
          <cell r="L531" t="str">
            <v>sankozai66542@peach.ocn.ne.jp</v>
          </cell>
          <cell r="M531" t="str">
            <v>ｻﾝｷｮｳｺｳｻﾞｲ</v>
          </cell>
          <cell r="N531" t="str">
            <v>無</v>
          </cell>
          <cell r="O531">
            <v>52</v>
          </cell>
          <cell r="P531">
            <v>11</v>
          </cell>
          <cell r="Q531">
            <v>1120001043605</v>
          </cell>
          <cell r="R531">
            <v>30000</v>
          </cell>
          <cell r="S531">
            <v>300333</v>
          </cell>
          <cell r="T531">
            <v>311963</v>
          </cell>
          <cell r="V531" t="str">
            <v>qg423742</v>
          </cell>
          <cell r="W531" t="str">
            <v>au985946</v>
          </cell>
          <cell r="X531" t="str">
            <v>土左建と塗防内</v>
          </cell>
          <cell r="Y531" t="str">
            <v>土左</v>
          </cell>
          <cell r="Z531" t="str">
            <v>建と塗防内</v>
          </cell>
          <cell r="AA531" t="str">
            <v>防水</v>
          </cell>
          <cell r="AB531" t="str">
            <v>塗装</v>
          </cell>
          <cell r="AC531" t="str">
            <v/>
          </cell>
          <cell r="AD531" t="str">
            <v/>
          </cell>
          <cell r="AE531">
            <v>43312</v>
          </cell>
          <cell r="AF531" t="str">
            <v>希望しない</v>
          </cell>
          <cell r="AG531" t="str">
            <v>防水</v>
          </cell>
          <cell r="AH531" t="str">
            <v>特定</v>
          </cell>
          <cell r="AI531">
            <v>857</v>
          </cell>
          <cell r="AJ531">
            <v>309223</v>
          </cell>
          <cell r="AK531" t="str">
            <v>2(1)/4/</v>
          </cell>
          <cell r="AL531" t="str">
            <v>塗装</v>
          </cell>
          <cell r="AM531" t="str">
            <v>特定</v>
          </cell>
          <cell r="AN531">
            <v>714</v>
          </cell>
          <cell r="AO531">
            <v>2740</v>
          </cell>
          <cell r="AP531" t="str">
            <v>2(1)/3/</v>
          </cell>
          <cell r="AQ531" t="str">
            <v/>
          </cell>
          <cell r="AR531" t="str">
            <v/>
          </cell>
          <cell r="AS531" t="str">
            <v/>
          </cell>
          <cell r="AT531" t="str">
            <v/>
          </cell>
          <cell r="AU531" t="str">
            <v/>
          </cell>
          <cell r="AV531" t="str">
            <v/>
          </cell>
          <cell r="AW531" t="str">
            <v/>
          </cell>
          <cell r="AX531" t="str">
            <v/>
          </cell>
          <cell r="AY531" t="str">
            <v/>
          </cell>
          <cell r="AZ531" t="str">
            <v/>
          </cell>
          <cell r="BA531" t="str">
            <v>大阪府</v>
          </cell>
          <cell r="BB531">
            <v>0</v>
          </cell>
          <cell r="CR531">
            <v>5190</v>
          </cell>
          <cell r="CS531" t="str">
            <v>ﾐﾔｹ ﾋﾛﾄﾓ</v>
          </cell>
          <cell r="CT531" t="str">
            <v>三宅  弘智</v>
          </cell>
          <cell r="CU531" t="str">
            <v>都市計画課</v>
          </cell>
          <cell r="CW531">
            <v>3255</v>
          </cell>
          <cell r="CX531" t="str">
            <v>主査</v>
          </cell>
          <cell r="CY531" t="str">
            <v>都市計画課長</v>
          </cell>
        </row>
        <row r="532">
          <cell r="B532">
            <v>2790</v>
          </cell>
          <cell r="C532" t="str">
            <v>(株)サンケン・エンジニアリング</v>
          </cell>
          <cell r="D532" t="str">
            <v>06-6338-8052</v>
          </cell>
          <cell r="E532" t="str">
            <v>564-0054</v>
          </cell>
          <cell r="F532" t="str">
            <v>大阪府吹田市芳野町2-8</v>
          </cell>
          <cell r="G532" t="str">
            <v>福岡市</v>
          </cell>
          <cell r="H532" t="str">
            <v>大阪支店</v>
          </cell>
          <cell r="I532" t="str">
            <v>支店長 中沢　秀記</v>
          </cell>
          <cell r="J532" t="str">
            <v>福岡県福岡市</v>
          </cell>
          <cell r="K532" t="str">
            <v>06-6338-8053</v>
          </cell>
          <cell r="L532" t="str">
            <v>bidders_o@sanken-eng.com</v>
          </cell>
          <cell r="M532" t="str">
            <v>ｻﾝｹﾝｴﾝｼﾞﾆｱﾘﾝｸﾞ</v>
          </cell>
          <cell r="N532" t="str">
            <v>有</v>
          </cell>
          <cell r="O532">
            <v>49</v>
          </cell>
          <cell r="P532">
            <v>86</v>
          </cell>
          <cell r="Q532">
            <v>8290001001283</v>
          </cell>
          <cell r="R532">
            <v>90000</v>
          </cell>
          <cell r="S532">
            <v>871610</v>
          </cell>
          <cell r="T532">
            <v>1269764</v>
          </cell>
          <cell r="V532" t="str">
            <v>gy751150</v>
          </cell>
          <cell r="W532" t="str">
            <v>ts114198</v>
          </cell>
          <cell r="X532" t="str">
            <v>機</v>
          </cell>
          <cell r="Y532" t="str">
            <v/>
          </cell>
          <cell r="Z532" t="str">
            <v>機</v>
          </cell>
          <cell r="AA532" t="str">
            <v>機械器具</v>
          </cell>
          <cell r="AB532" t="str">
            <v/>
          </cell>
          <cell r="AC532" t="str">
            <v/>
          </cell>
          <cell r="AD532" t="str">
            <v/>
          </cell>
          <cell r="AE532">
            <v>43190</v>
          </cell>
          <cell r="AF532" t="str">
            <v/>
          </cell>
          <cell r="AG532" t="str">
            <v>機械器具</v>
          </cell>
          <cell r="AH532" t="str">
            <v>特定</v>
          </cell>
          <cell r="AI532">
            <v>934</v>
          </cell>
          <cell r="AJ532">
            <v>1455046</v>
          </cell>
          <cell r="AK532" t="str">
            <v>0(0)/0/42</v>
          </cell>
          <cell r="AL532" t="str">
            <v/>
          </cell>
          <cell r="AM532" t="str">
            <v/>
          </cell>
          <cell r="AN532" t="str">
            <v/>
          </cell>
          <cell r="AO532" t="str">
            <v/>
          </cell>
          <cell r="AP532" t="str">
            <v/>
          </cell>
          <cell r="AQ532" t="str">
            <v/>
          </cell>
          <cell r="AR532" t="str">
            <v/>
          </cell>
          <cell r="AS532" t="str">
            <v/>
          </cell>
          <cell r="AT532" t="str">
            <v/>
          </cell>
          <cell r="AU532" t="str">
            <v/>
          </cell>
          <cell r="AV532" t="str">
            <v/>
          </cell>
          <cell r="AW532" t="str">
            <v/>
          </cell>
          <cell r="AX532" t="str">
            <v/>
          </cell>
          <cell r="AY532" t="str">
            <v/>
          </cell>
          <cell r="AZ532" t="str">
            <v/>
          </cell>
          <cell r="BA532" t="str">
            <v>福岡県</v>
          </cell>
          <cell r="BB532">
            <v>0</v>
          </cell>
          <cell r="CR532">
            <v>5191</v>
          </cell>
          <cell r="CS532" t="str">
            <v>ｲﾓﾄ ｻﾄｼ</v>
          </cell>
          <cell r="CT532" t="str">
            <v>井本  聡</v>
          </cell>
          <cell r="CU532" t="str">
            <v>浄水課</v>
          </cell>
          <cell r="CW532" t="str">
            <v xml:space="preserve"> </v>
          </cell>
          <cell r="CX532" t="str">
            <v>副主査</v>
          </cell>
          <cell r="CY532" t="str">
            <v>浄水課長</v>
          </cell>
        </row>
        <row r="533">
          <cell r="B533">
            <v>2791</v>
          </cell>
          <cell r="C533" t="str">
            <v>三建設備工業(株)</v>
          </cell>
          <cell r="D533" t="str">
            <v>06-6467-8714</v>
          </cell>
          <cell r="E533" t="str">
            <v>530-0004</v>
          </cell>
          <cell r="F533" t="str">
            <v>大阪府大阪市北区堂島浜1-4-16</v>
          </cell>
          <cell r="G533" t="str">
            <v/>
          </cell>
          <cell r="H533" t="str">
            <v>大阪支店</v>
          </cell>
          <cell r="I533" t="str">
            <v>取締役常務執行役員支店長 後藤　逸文</v>
          </cell>
          <cell r="J533" t="str">
            <v>東京都</v>
          </cell>
          <cell r="K533" t="str">
            <v>06-6467-8715</v>
          </cell>
          <cell r="L533" t="str">
            <v>f-otagiri@skk.jp</v>
          </cell>
          <cell r="M533" t="str">
            <v>ｻﾝｹﾝｾﾂﾋﾞｺｳｷﾞｮｳ</v>
          </cell>
          <cell r="N533" t="str">
            <v>有</v>
          </cell>
          <cell r="O533">
            <v>69</v>
          </cell>
          <cell r="P533">
            <v>967</v>
          </cell>
          <cell r="Q533">
            <v>6010001044155</v>
          </cell>
          <cell r="R533">
            <v>739954</v>
          </cell>
          <cell r="S533">
            <v>20831571</v>
          </cell>
          <cell r="T533">
            <v>76962579</v>
          </cell>
          <cell r="V533" t="str">
            <v>wd993796</v>
          </cell>
          <cell r="W533" t="str">
            <v>kz385097</v>
          </cell>
          <cell r="X533" t="str">
            <v>消(管)(消)建大と石屋電管タ鋼鉄板ガ塗防内機熱具</v>
          </cell>
          <cell r="Y533" t="str">
            <v>消(管)(消)</v>
          </cell>
          <cell r="Z533" t="str">
            <v>建大と石屋電管タ鋼鉄板ガ塗防内機熱具</v>
          </cell>
          <cell r="AA533" t="str">
            <v>管</v>
          </cell>
          <cell r="AB533" t="str">
            <v/>
          </cell>
          <cell r="AC533" t="str">
            <v/>
          </cell>
          <cell r="AD533" t="str">
            <v/>
          </cell>
          <cell r="AE533">
            <v>43555</v>
          </cell>
          <cell r="AF533" t="str">
            <v/>
          </cell>
          <cell r="AG533" t="str">
            <v>管</v>
          </cell>
          <cell r="AH533" t="str">
            <v>特定</v>
          </cell>
          <cell r="AI533">
            <v>1747</v>
          </cell>
          <cell r="AJ533">
            <v>76207012</v>
          </cell>
          <cell r="AK533" t="str">
            <v>619(565)/19/21</v>
          </cell>
          <cell r="AL533" t="str">
            <v/>
          </cell>
          <cell r="AM533" t="str">
            <v/>
          </cell>
          <cell r="AN533" t="str">
            <v/>
          </cell>
          <cell r="AO533" t="str">
            <v/>
          </cell>
          <cell r="AP533" t="str">
            <v/>
          </cell>
          <cell r="AQ533" t="str">
            <v/>
          </cell>
          <cell r="AR533" t="str">
            <v/>
          </cell>
          <cell r="AS533" t="str">
            <v/>
          </cell>
          <cell r="AT533" t="str">
            <v/>
          </cell>
          <cell r="AU533" t="str">
            <v/>
          </cell>
          <cell r="AV533" t="str">
            <v/>
          </cell>
          <cell r="AW533" t="str">
            <v/>
          </cell>
          <cell r="AX533" t="str">
            <v/>
          </cell>
          <cell r="AY533" t="str">
            <v/>
          </cell>
          <cell r="AZ533" t="str">
            <v/>
          </cell>
          <cell r="BA533" t="str">
            <v>東京都</v>
          </cell>
        </row>
        <row r="534">
          <cell r="B534">
            <v>2792</v>
          </cell>
          <cell r="C534" t="str">
            <v>(株)三晃空調</v>
          </cell>
          <cell r="D534" t="str">
            <v>078-393-5291</v>
          </cell>
          <cell r="E534" t="str">
            <v>650-0021</v>
          </cell>
          <cell r="F534" t="str">
            <v>兵庫県神戸市中央区三宮町1-5-1</v>
          </cell>
          <cell r="G534" t="str">
            <v>大阪市</v>
          </cell>
          <cell r="H534" t="str">
            <v>神戸支店</v>
          </cell>
          <cell r="I534" t="str">
            <v>支店長 南　宏典</v>
          </cell>
          <cell r="J534" t="str">
            <v>大阪府大阪市</v>
          </cell>
          <cell r="K534" t="str">
            <v>078-393-5298</v>
          </cell>
          <cell r="L534" t="str">
            <v>kobe@sanko-air.co.jp</v>
          </cell>
          <cell r="M534" t="str">
            <v>ｻﾝｺｳｸｳﾁｮｳ</v>
          </cell>
          <cell r="N534" t="str">
            <v>有</v>
          </cell>
          <cell r="O534">
            <v>68</v>
          </cell>
          <cell r="P534">
            <v>440</v>
          </cell>
          <cell r="Q534">
            <v>6120001064571</v>
          </cell>
          <cell r="R534">
            <v>1236176</v>
          </cell>
          <cell r="S534">
            <v>12252227</v>
          </cell>
          <cell r="T534">
            <v>33985542</v>
          </cell>
          <cell r="V534" t="str">
            <v>fb574968</v>
          </cell>
          <cell r="W534" t="str">
            <v>qa860750</v>
          </cell>
          <cell r="X534" t="str">
            <v>(管)建管機消</v>
          </cell>
          <cell r="Y534" t="str">
            <v>(管)</v>
          </cell>
          <cell r="Z534" t="str">
            <v>建管機消</v>
          </cell>
          <cell r="AA534" t="str">
            <v>管</v>
          </cell>
          <cell r="AB534" t="str">
            <v/>
          </cell>
          <cell r="AC534" t="str">
            <v/>
          </cell>
          <cell r="AD534" t="str">
            <v/>
          </cell>
          <cell r="AE534">
            <v>43190</v>
          </cell>
          <cell r="AF534" t="str">
            <v>希望しない</v>
          </cell>
          <cell r="AG534" t="str">
            <v>管</v>
          </cell>
          <cell r="AH534" t="str">
            <v>特定</v>
          </cell>
          <cell r="AI534">
            <v>1521</v>
          </cell>
          <cell r="AJ534">
            <v>32037935</v>
          </cell>
          <cell r="AK534" t="str">
            <v>262(219)/85/3</v>
          </cell>
          <cell r="AL534" t="str">
            <v/>
          </cell>
          <cell r="AM534" t="str">
            <v/>
          </cell>
          <cell r="AN534" t="str">
            <v/>
          </cell>
          <cell r="AO534" t="str">
            <v/>
          </cell>
          <cell r="AP534" t="str">
            <v/>
          </cell>
          <cell r="AQ534" t="str">
            <v/>
          </cell>
          <cell r="AR534" t="str">
            <v/>
          </cell>
          <cell r="AS534" t="str">
            <v/>
          </cell>
          <cell r="AT534" t="str">
            <v/>
          </cell>
          <cell r="AU534" t="str">
            <v/>
          </cell>
          <cell r="AV534" t="str">
            <v/>
          </cell>
          <cell r="AW534" t="str">
            <v/>
          </cell>
          <cell r="AX534" t="str">
            <v/>
          </cell>
          <cell r="AY534" t="str">
            <v/>
          </cell>
          <cell r="AZ534" t="str">
            <v/>
          </cell>
          <cell r="BA534" t="str">
            <v>大阪府</v>
          </cell>
          <cell r="BB534" t="str">
            <v>ＡＳビル</v>
          </cell>
          <cell r="CR534">
            <v>5193</v>
          </cell>
          <cell r="CS534" t="str">
            <v>ﾁﾊﾞ ｼﾞﾕﾝｺ</v>
          </cell>
          <cell r="CT534" t="str">
            <v>千葉  純子</v>
          </cell>
          <cell r="CU534" t="str">
            <v>健康政策課</v>
          </cell>
          <cell r="CW534">
            <v>2564</v>
          </cell>
          <cell r="CX534" t="str">
            <v>副主幹</v>
          </cell>
          <cell r="CY534" t="str">
            <v>健康政策課長</v>
          </cell>
        </row>
        <row r="535">
          <cell r="B535">
            <v>2793</v>
          </cell>
          <cell r="C535" t="str">
            <v>三晃工業(株)</v>
          </cell>
          <cell r="D535" t="str">
            <v>06-6555-7052</v>
          </cell>
          <cell r="E535" t="str">
            <v>551-0023</v>
          </cell>
          <cell r="F535" t="str">
            <v>大阪府大阪市大正区鶴町2-15-26</v>
          </cell>
          <cell r="G535" t="str">
            <v>大阪市</v>
          </cell>
          <cell r="H535" t="str">
            <v/>
          </cell>
          <cell r="I535" t="str">
            <v>代表取締役 山梶　章</v>
          </cell>
          <cell r="J535" t="str">
            <v>本店</v>
          </cell>
          <cell r="K535" t="str">
            <v>06-6555-7080</v>
          </cell>
          <cell r="L535" t="str">
            <v>k.hashigami@sankou-kougy.co.jp</v>
          </cell>
          <cell r="M535" t="str">
            <v>ｻﾝｺｳｺｳｷﾞｮｳ</v>
          </cell>
          <cell r="N535" t="str">
            <v>無</v>
          </cell>
          <cell r="O535">
            <v>46</v>
          </cell>
          <cell r="P535">
            <v>10</v>
          </cell>
          <cell r="Q535">
            <v>5140001068836</v>
          </cell>
          <cell r="R535">
            <v>35000</v>
          </cell>
          <cell r="S535">
            <v>136737</v>
          </cell>
          <cell r="T535">
            <v>553253</v>
          </cell>
          <cell r="V535" t="str">
            <v>um464774</v>
          </cell>
          <cell r="W535" t="str">
            <v>nq582513</v>
          </cell>
          <cell r="X535" t="str">
            <v>機</v>
          </cell>
          <cell r="Y535" t="str">
            <v/>
          </cell>
          <cell r="Z535" t="str">
            <v>機</v>
          </cell>
          <cell r="AA535" t="str">
            <v>機械器具</v>
          </cell>
          <cell r="AB535" t="str">
            <v/>
          </cell>
          <cell r="AC535" t="str">
            <v/>
          </cell>
          <cell r="AD535" t="str">
            <v/>
          </cell>
          <cell r="AE535">
            <v>43190</v>
          </cell>
          <cell r="AF535" t="str">
            <v>希望しない</v>
          </cell>
          <cell r="AG535" t="str">
            <v>機械器具</v>
          </cell>
          <cell r="AH535" t="str">
            <v>特定</v>
          </cell>
          <cell r="AI535">
            <v>815</v>
          </cell>
          <cell r="AJ535">
            <v>305111</v>
          </cell>
          <cell r="AK535" t="str">
            <v>0(0)/0/7</v>
          </cell>
          <cell r="AL535" t="str">
            <v/>
          </cell>
          <cell r="AM535" t="str">
            <v/>
          </cell>
          <cell r="AN535" t="str">
            <v/>
          </cell>
          <cell r="AO535" t="str">
            <v/>
          </cell>
          <cell r="AP535" t="str">
            <v/>
          </cell>
          <cell r="AQ535" t="str">
            <v/>
          </cell>
          <cell r="AR535" t="str">
            <v/>
          </cell>
          <cell r="AS535" t="str">
            <v/>
          </cell>
          <cell r="AT535" t="str">
            <v/>
          </cell>
          <cell r="AU535" t="str">
            <v/>
          </cell>
          <cell r="AV535" t="str">
            <v/>
          </cell>
          <cell r="AW535" t="str">
            <v/>
          </cell>
          <cell r="AX535" t="str">
            <v/>
          </cell>
          <cell r="AY535" t="str">
            <v/>
          </cell>
          <cell r="AZ535" t="str">
            <v/>
          </cell>
          <cell r="BA535" t="str">
            <v>大阪府</v>
          </cell>
          <cell r="BB535">
            <v>0</v>
          </cell>
          <cell r="CR535">
            <v>5194</v>
          </cell>
          <cell r="CS535" t="str">
            <v>ｲﾇｲ ﾖｼｱｷ</v>
          </cell>
          <cell r="CT535" t="str">
            <v>乾  義昭</v>
          </cell>
          <cell r="CU535" t="str">
            <v>教育総務課</v>
          </cell>
          <cell r="CW535">
            <v>3605</v>
          </cell>
          <cell r="CX535" t="str">
            <v>副主幹</v>
          </cell>
          <cell r="CY535" t="str">
            <v>教育総務課長</v>
          </cell>
        </row>
        <row r="536">
          <cell r="B536">
            <v>2795</v>
          </cell>
          <cell r="C536" t="str">
            <v>三神工業(株)</v>
          </cell>
          <cell r="D536" t="str">
            <v>078-231-1234</v>
          </cell>
          <cell r="E536" t="str">
            <v>651-0084</v>
          </cell>
          <cell r="F536" t="str">
            <v>兵庫県神戸市中央区磯辺通2-1-11</v>
          </cell>
          <cell r="G536" t="str">
            <v>神戸市</v>
          </cell>
          <cell r="H536" t="str">
            <v/>
          </cell>
          <cell r="I536" t="str">
            <v>代表取締役 髙谷　俊則</v>
          </cell>
          <cell r="J536" t="str">
            <v>本店</v>
          </cell>
          <cell r="K536" t="str">
            <v>078-251-5203</v>
          </cell>
          <cell r="L536" t="str">
            <v>ns@sanshinkogyo.com</v>
          </cell>
          <cell r="M536" t="str">
            <v>ｻﾝｼﾝｺｳｷﾞｮｳ</v>
          </cell>
          <cell r="N536" t="str">
            <v>無</v>
          </cell>
          <cell r="O536">
            <v>69</v>
          </cell>
          <cell r="P536">
            <v>56</v>
          </cell>
          <cell r="Q536">
            <v>2140001007912</v>
          </cell>
          <cell r="R536">
            <v>40000</v>
          </cell>
          <cell r="S536">
            <v>865854</v>
          </cell>
          <cell r="T536">
            <v>3792943</v>
          </cell>
          <cell r="V536" t="str">
            <v>ra367592</v>
          </cell>
          <cell r="W536" t="str">
            <v>fg843770</v>
          </cell>
          <cell r="X536" t="str">
            <v>管</v>
          </cell>
          <cell r="Y536" t="str">
            <v/>
          </cell>
          <cell r="Z536" t="str">
            <v>管</v>
          </cell>
          <cell r="AA536" t="str">
            <v>管</v>
          </cell>
          <cell r="AB536" t="str">
            <v/>
          </cell>
          <cell r="AC536" t="str">
            <v/>
          </cell>
          <cell r="AD536" t="str">
            <v/>
          </cell>
          <cell r="AE536">
            <v>43373</v>
          </cell>
          <cell r="AF536" t="str">
            <v>希望しない</v>
          </cell>
          <cell r="AG536" t="str">
            <v>管</v>
          </cell>
          <cell r="AH536" t="str">
            <v>特定</v>
          </cell>
          <cell r="AI536">
            <v>1085</v>
          </cell>
          <cell r="AJ536">
            <v>3792943</v>
          </cell>
          <cell r="AK536" t="str">
            <v>28(24)/5/4</v>
          </cell>
          <cell r="AL536" t="str">
            <v/>
          </cell>
          <cell r="AM536" t="str">
            <v/>
          </cell>
          <cell r="AN536" t="str">
            <v/>
          </cell>
          <cell r="AO536" t="str">
            <v/>
          </cell>
          <cell r="AP536" t="str">
            <v/>
          </cell>
          <cell r="AQ536" t="str">
            <v/>
          </cell>
          <cell r="AR536" t="str">
            <v/>
          </cell>
          <cell r="AS536" t="str">
            <v/>
          </cell>
          <cell r="AT536" t="str">
            <v/>
          </cell>
          <cell r="AU536" t="str">
            <v/>
          </cell>
          <cell r="AV536" t="str">
            <v/>
          </cell>
          <cell r="AW536" t="str">
            <v/>
          </cell>
          <cell r="AX536" t="str">
            <v/>
          </cell>
          <cell r="AY536" t="str">
            <v/>
          </cell>
          <cell r="AZ536" t="str">
            <v/>
          </cell>
          <cell r="BA536" t="str">
            <v>兵庫県</v>
          </cell>
        </row>
        <row r="537">
          <cell r="B537">
            <v>2796</v>
          </cell>
          <cell r="C537" t="str">
            <v>(株)三進ろ過工業</v>
          </cell>
          <cell r="D537" t="str">
            <v>052-452-3301</v>
          </cell>
          <cell r="E537" t="str">
            <v>453-0013</v>
          </cell>
          <cell r="F537" t="str">
            <v>愛知県名古屋市中村区亀島2-22-2</v>
          </cell>
          <cell r="G537" t="str">
            <v>名古屋市</v>
          </cell>
          <cell r="H537" t="str">
            <v/>
          </cell>
          <cell r="I537" t="str">
            <v>代表取締役 柳下　幸一</v>
          </cell>
          <cell r="J537" t="str">
            <v>本店</v>
          </cell>
          <cell r="K537" t="str">
            <v>052-452-1512</v>
          </cell>
          <cell r="L537" t="str">
            <v>kanri@sanshin-rokakougyou.co.jp</v>
          </cell>
          <cell r="M537" t="str">
            <v>ｻﾝｼﾝﾛｶｺｳｷﾞｮｳ</v>
          </cell>
          <cell r="N537" t="str">
            <v>無</v>
          </cell>
          <cell r="O537">
            <v>46</v>
          </cell>
          <cell r="P537">
            <v>31</v>
          </cell>
          <cell r="Q537">
            <v>4180001030314</v>
          </cell>
          <cell r="R537">
            <v>30000</v>
          </cell>
          <cell r="S537">
            <v>304199</v>
          </cell>
          <cell r="T537">
            <v>1066291</v>
          </cell>
          <cell r="V537" t="str">
            <v>bt401040</v>
          </cell>
          <cell r="W537" t="str">
            <v>ap239427</v>
          </cell>
          <cell r="X537" t="str">
            <v>管機</v>
          </cell>
          <cell r="Y537" t="str">
            <v>管機</v>
          </cell>
          <cell r="Z537" t="str">
            <v/>
          </cell>
          <cell r="AA537" t="str">
            <v>機械器具</v>
          </cell>
          <cell r="AB537" t="str">
            <v>管</v>
          </cell>
          <cell r="AC537" t="str">
            <v/>
          </cell>
          <cell r="AD537" t="str">
            <v/>
          </cell>
          <cell r="AE537">
            <v>43190</v>
          </cell>
          <cell r="AF537" t="str">
            <v>希望しない</v>
          </cell>
          <cell r="AG537" t="str">
            <v>機械器具</v>
          </cell>
          <cell r="AH537" t="str">
            <v>一般</v>
          </cell>
          <cell r="AI537">
            <v>850</v>
          </cell>
          <cell r="AJ537">
            <v>500624</v>
          </cell>
          <cell r="AK537" t="str">
            <v>()//12</v>
          </cell>
          <cell r="AL537" t="str">
            <v>管</v>
          </cell>
          <cell r="AM537" t="str">
            <v>一般</v>
          </cell>
          <cell r="AN537">
            <v>860</v>
          </cell>
          <cell r="AO537">
            <v>225528</v>
          </cell>
          <cell r="AP537" t="str">
            <v>4(2)/3/5</v>
          </cell>
          <cell r="AQ537" t="str">
            <v/>
          </cell>
          <cell r="AR537" t="str">
            <v/>
          </cell>
          <cell r="AS537" t="str">
            <v/>
          </cell>
          <cell r="AT537" t="str">
            <v/>
          </cell>
          <cell r="AU537" t="str">
            <v/>
          </cell>
          <cell r="AV537" t="str">
            <v/>
          </cell>
          <cell r="AW537" t="str">
            <v/>
          </cell>
          <cell r="AX537" t="str">
            <v/>
          </cell>
          <cell r="AY537" t="str">
            <v/>
          </cell>
          <cell r="AZ537" t="str">
            <v/>
          </cell>
          <cell r="BA537" t="str">
            <v>愛知県</v>
          </cell>
          <cell r="BB537">
            <v>0</v>
          </cell>
          <cell r="CR537">
            <v>5195</v>
          </cell>
          <cell r="CS537" t="str">
            <v>ｵｵﾅﾘ ﾁｴｺ</v>
          </cell>
          <cell r="CT537" t="str">
            <v>大成  智恵子</v>
          </cell>
          <cell r="CU537" t="str">
            <v>こども発達支援センター</v>
          </cell>
          <cell r="CW537">
            <v>4413</v>
          </cell>
          <cell r="CX537" t="str">
            <v xml:space="preserve"> </v>
          </cell>
          <cell r="CY537" t="str">
            <v>こども発達支援センター長</v>
          </cell>
        </row>
        <row r="538">
          <cell r="B538">
            <v>2797</v>
          </cell>
          <cell r="C538" t="str">
            <v>三精テクノロジーズ(株)</v>
          </cell>
          <cell r="D538" t="str">
            <v>06-6393-5661</v>
          </cell>
          <cell r="E538" t="str">
            <v>532-0003</v>
          </cell>
          <cell r="F538" t="str">
            <v>大阪府大阪市淀川区宮原4-3-29</v>
          </cell>
          <cell r="G538" t="str">
            <v>大阪市</v>
          </cell>
          <cell r="H538" t="str">
            <v/>
          </cell>
          <cell r="I538" t="str">
            <v>代表取締役 良知　昇</v>
          </cell>
          <cell r="J538" t="str">
            <v>本店</v>
          </cell>
          <cell r="K538" t="str">
            <v>06-6393-5704</v>
          </cell>
          <cell r="L538" t="str">
            <v>osakaeigyo@sansei-technologies.com</v>
          </cell>
          <cell r="M538" t="str">
            <v>ｻﾝｾｲﾃｸﾉﾛｼﾞｰｽﾞ</v>
          </cell>
          <cell r="N538" t="str">
            <v>無</v>
          </cell>
          <cell r="O538">
            <v>66</v>
          </cell>
          <cell r="P538">
            <v>341</v>
          </cell>
          <cell r="Q538">
            <v>3120901006634</v>
          </cell>
          <cell r="R538">
            <v>3251279</v>
          </cell>
          <cell r="S538">
            <v>20820863</v>
          </cell>
          <cell r="T538">
            <v>15978729</v>
          </cell>
          <cell r="V538" t="str">
            <v>tj445910</v>
          </cell>
          <cell r="W538" t="str">
            <v>ov167535</v>
          </cell>
          <cell r="X538" t="str">
            <v>電機</v>
          </cell>
          <cell r="Y538" t="str">
            <v/>
          </cell>
          <cell r="Z538" t="str">
            <v>電機</v>
          </cell>
          <cell r="AA538" t="str">
            <v>機械器具</v>
          </cell>
          <cell r="AB538" t="str">
            <v/>
          </cell>
          <cell r="AC538" t="str">
            <v/>
          </cell>
          <cell r="AD538" t="str">
            <v/>
          </cell>
          <cell r="AE538">
            <v>43190</v>
          </cell>
          <cell r="AF538" t="str">
            <v>希望しない</v>
          </cell>
          <cell r="AG538" t="str">
            <v>機械器具</v>
          </cell>
          <cell r="AH538" t="str">
            <v>特定</v>
          </cell>
          <cell r="AI538">
            <v>1360</v>
          </cell>
          <cell r="AJ538">
            <v>13936896</v>
          </cell>
          <cell r="AK538" t="str">
            <v>0(0)/0/200</v>
          </cell>
          <cell r="AL538" t="str">
            <v/>
          </cell>
          <cell r="AM538" t="str">
            <v/>
          </cell>
          <cell r="AN538" t="str">
            <v/>
          </cell>
          <cell r="AO538" t="str">
            <v/>
          </cell>
          <cell r="AP538" t="str">
            <v/>
          </cell>
          <cell r="AQ538" t="str">
            <v/>
          </cell>
          <cell r="AR538" t="str">
            <v/>
          </cell>
          <cell r="AS538" t="str">
            <v/>
          </cell>
          <cell r="AT538" t="str">
            <v/>
          </cell>
          <cell r="AU538" t="str">
            <v/>
          </cell>
          <cell r="AV538" t="str">
            <v/>
          </cell>
          <cell r="AW538" t="str">
            <v/>
          </cell>
          <cell r="AX538" t="str">
            <v/>
          </cell>
          <cell r="AY538" t="str">
            <v/>
          </cell>
          <cell r="AZ538" t="str">
            <v/>
          </cell>
          <cell r="BA538" t="str">
            <v>大阪府</v>
          </cell>
          <cell r="BB538">
            <v>0</v>
          </cell>
          <cell r="CR538">
            <v>5199</v>
          </cell>
          <cell r="CS538" t="str">
            <v>ﾔﾏﾀﾞ ｻﾕﾘ</v>
          </cell>
          <cell r="CT538" t="str">
            <v>山田  小百合</v>
          </cell>
          <cell r="CU538" t="str">
            <v>保育課</v>
          </cell>
          <cell r="CW538" t="str">
            <v xml:space="preserve"> </v>
          </cell>
          <cell r="CX538" t="str">
            <v xml:space="preserve"> </v>
          </cell>
          <cell r="CY538" t="str">
            <v>保育課長</v>
          </cell>
        </row>
        <row r="539">
          <cell r="B539">
            <v>2799</v>
          </cell>
          <cell r="C539" t="str">
            <v>(株)サンダ</v>
          </cell>
          <cell r="D539" t="str">
            <v>078-230-8130</v>
          </cell>
          <cell r="E539" t="str">
            <v>651-0073</v>
          </cell>
          <cell r="F539" t="str">
            <v>兵庫県神戸市中央区脇浜海岸通2-88</v>
          </cell>
          <cell r="G539" t="str">
            <v>堺市</v>
          </cell>
          <cell r="H539" t="str">
            <v>神戸支店</v>
          </cell>
          <cell r="I539" t="str">
            <v>支店長 三田　龍次</v>
          </cell>
          <cell r="J539" t="str">
            <v>大阪府堺市</v>
          </cell>
          <cell r="K539" t="str">
            <v>078-230-8130</v>
          </cell>
          <cell r="L539" t="str">
            <v>y.tanaka@sanda-g.co.jp</v>
          </cell>
          <cell r="M539" t="str">
            <v>ｻﾝﾀﾞ</v>
          </cell>
          <cell r="N539" t="str">
            <v>有</v>
          </cell>
          <cell r="O539">
            <v>46</v>
          </cell>
          <cell r="P539">
            <v>13</v>
          </cell>
          <cell r="Q539">
            <v>6120101002910</v>
          </cell>
          <cell r="R539">
            <v>48000</v>
          </cell>
          <cell r="S539">
            <v>180566</v>
          </cell>
          <cell r="T539">
            <v>1176745</v>
          </cell>
          <cell r="V539" t="str">
            <v>sz508894</v>
          </cell>
          <cell r="W539" t="str">
            <v>fc917260</v>
          </cell>
          <cell r="X539" t="str">
            <v>建管消(清)(建)土と舗浚水解</v>
          </cell>
          <cell r="Y539" t="str">
            <v>建管消(清)(建)</v>
          </cell>
          <cell r="Z539" t="str">
            <v>土と舗浚水解</v>
          </cell>
          <cell r="AA539" t="str">
            <v>土木一式</v>
          </cell>
          <cell r="AB539" t="str">
            <v/>
          </cell>
          <cell r="AC539" t="str">
            <v/>
          </cell>
          <cell r="AD539" t="str">
            <v/>
          </cell>
          <cell r="AE539">
            <v>43190</v>
          </cell>
          <cell r="AF539" t="str">
            <v>希望する</v>
          </cell>
          <cell r="AG539" t="str">
            <v>土木一式</v>
          </cell>
          <cell r="AH539" t="str">
            <v>特定</v>
          </cell>
          <cell r="AI539">
            <v>820</v>
          </cell>
          <cell r="AJ539">
            <v>291380</v>
          </cell>
          <cell r="AK539" t="str">
            <v>3(3)/4/2</v>
          </cell>
          <cell r="AL539" t="str">
            <v/>
          </cell>
          <cell r="AM539" t="str">
            <v/>
          </cell>
          <cell r="AN539" t="str">
            <v/>
          </cell>
          <cell r="AO539" t="str">
            <v/>
          </cell>
          <cell r="AP539" t="str">
            <v/>
          </cell>
          <cell r="AQ539" t="str">
            <v/>
          </cell>
          <cell r="AR539" t="str">
            <v/>
          </cell>
          <cell r="AS539" t="str">
            <v/>
          </cell>
          <cell r="AT539" t="str">
            <v/>
          </cell>
          <cell r="AU539" t="str">
            <v/>
          </cell>
          <cell r="AV539" t="str">
            <v/>
          </cell>
          <cell r="AW539" t="str">
            <v/>
          </cell>
          <cell r="AX539" t="str">
            <v/>
          </cell>
          <cell r="AY539" t="str">
            <v/>
          </cell>
          <cell r="AZ539" t="str">
            <v/>
          </cell>
          <cell r="BA539" t="str">
            <v>大阪府</v>
          </cell>
          <cell r="BB539">
            <v>0</v>
          </cell>
          <cell r="CR539">
            <v>5200</v>
          </cell>
          <cell r="CS539" t="str">
            <v>ｶﾜｼﾏ ﾁｱｷ</v>
          </cell>
          <cell r="CT539" t="str">
            <v>川島  千秋</v>
          </cell>
          <cell r="CU539" t="str">
            <v>保育課</v>
          </cell>
          <cell r="CW539" t="str">
            <v xml:space="preserve"> </v>
          </cell>
          <cell r="CX539" t="str">
            <v>主任</v>
          </cell>
          <cell r="CY539" t="str">
            <v>保育課長</v>
          </cell>
        </row>
        <row r="540">
          <cell r="B540">
            <v>2801</v>
          </cell>
          <cell r="C540" t="str">
            <v>(株)サンテック</v>
          </cell>
          <cell r="D540" t="str">
            <v>06-6372-1664</v>
          </cell>
          <cell r="E540" t="str">
            <v>531-0071</v>
          </cell>
          <cell r="F540" t="str">
            <v>大阪府大阪市北区中津1-7-8</v>
          </cell>
          <cell r="G540" t="str">
            <v/>
          </cell>
          <cell r="H540" t="str">
            <v>大阪支社</v>
          </cell>
          <cell r="I540" t="str">
            <v>支社長 元原　雅治</v>
          </cell>
          <cell r="J540" t="str">
            <v>東京都</v>
          </cell>
          <cell r="K540" t="str">
            <v>06-6372-1935</v>
          </cell>
          <cell r="L540" t="str">
            <v>eigyou51@suntec-sec.co.jp</v>
          </cell>
          <cell r="M540" t="str">
            <v>ｻﾝﾃｯｸ</v>
          </cell>
          <cell r="N540" t="str">
            <v>有</v>
          </cell>
          <cell r="O540">
            <v>68</v>
          </cell>
          <cell r="P540">
            <v>668</v>
          </cell>
          <cell r="Q540">
            <v>4010001008681</v>
          </cell>
          <cell r="R540">
            <v>1190250</v>
          </cell>
          <cell r="S540">
            <v>28823988</v>
          </cell>
          <cell r="T540">
            <v>40882058</v>
          </cell>
          <cell r="V540" t="str">
            <v>by395543</v>
          </cell>
          <cell r="W540" t="str">
            <v>hu231166</v>
          </cell>
          <cell r="X540" t="str">
            <v>消(電)土電管鋼塗通</v>
          </cell>
          <cell r="Y540" t="str">
            <v>消(電)</v>
          </cell>
          <cell r="Z540" t="str">
            <v>土電管鋼塗通</v>
          </cell>
          <cell r="AA540" t="str">
            <v>電気</v>
          </cell>
          <cell r="AB540" t="str">
            <v/>
          </cell>
          <cell r="AC540" t="str">
            <v/>
          </cell>
          <cell r="AD540" t="str">
            <v/>
          </cell>
          <cell r="AE540">
            <v>43190</v>
          </cell>
          <cell r="AF540" t="str">
            <v/>
          </cell>
          <cell r="AG540" t="str">
            <v>電気</v>
          </cell>
          <cell r="AH540" t="str">
            <v>特定</v>
          </cell>
          <cell r="AI540">
            <v>1570</v>
          </cell>
          <cell r="AJ540">
            <v>28205157</v>
          </cell>
          <cell r="AK540" t="str">
            <v>225(185)/22/15</v>
          </cell>
          <cell r="AL540" t="str">
            <v/>
          </cell>
          <cell r="AM540" t="str">
            <v/>
          </cell>
          <cell r="AN540" t="str">
            <v/>
          </cell>
          <cell r="AO540" t="str">
            <v/>
          </cell>
          <cell r="AP540" t="str">
            <v/>
          </cell>
          <cell r="AQ540" t="str">
            <v/>
          </cell>
          <cell r="AR540" t="str">
            <v/>
          </cell>
          <cell r="AS540" t="str">
            <v/>
          </cell>
          <cell r="AT540" t="str">
            <v/>
          </cell>
          <cell r="AU540" t="str">
            <v/>
          </cell>
          <cell r="AV540" t="str">
            <v/>
          </cell>
          <cell r="AW540" t="str">
            <v/>
          </cell>
          <cell r="AX540" t="str">
            <v/>
          </cell>
          <cell r="AY540" t="str">
            <v/>
          </cell>
          <cell r="AZ540" t="str">
            <v/>
          </cell>
          <cell r="BA540" t="str">
            <v>東京都</v>
          </cell>
          <cell r="BB540">
            <v>0</v>
          </cell>
          <cell r="CR540">
            <v>5201</v>
          </cell>
          <cell r="CS540" t="str">
            <v>ｲｹﾀﾞ ﾕｳｺ</v>
          </cell>
          <cell r="CT540" t="str">
            <v>池田  優子</v>
          </cell>
          <cell r="CU540" t="str">
            <v>保育課</v>
          </cell>
          <cell r="CW540" t="str">
            <v xml:space="preserve"> </v>
          </cell>
          <cell r="CX540" t="str">
            <v xml:space="preserve"> </v>
          </cell>
          <cell r="CY540" t="str">
            <v>保育課長</v>
          </cell>
        </row>
        <row r="541">
          <cell r="B541">
            <v>2802</v>
          </cell>
          <cell r="C541" t="str">
            <v>三王機工(株)</v>
          </cell>
          <cell r="D541" t="str">
            <v>078-382-0320</v>
          </cell>
          <cell r="E541" t="str">
            <v>650-0017</v>
          </cell>
          <cell r="F541" t="str">
            <v>兵庫県神戸市中央区楠町5-1-6</v>
          </cell>
          <cell r="G541" t="str">
            <v>神戸市</v>
          </cell>
          <cell r="H541" t="str">
            <v/>
          </cell>
          <cell r="I541" t="str">
            <v>代表取締役 田中　照秀</v>
          </cell>
          <cell r="J541" t="str">
            <v>本店</v>
          </cell>
          <cell r="K541" t="str">
            <v>078-382-0340</v>
          </cell>
          <cell r="L541" t="str">
            <v>tadao.imai@sannou-kikou.co.jp</v>
          </cell>
          <cell r="M541" t="str">
            <v>ｻﾝﾉｳｷｺｳ</v>
          </cell>
          <cell r="N541" t="str">
            <v>無</v>
          </cell>
          <cell r="O541">
            <v>47</v>
          </cell>
          <cell r="P541">
            <v>54</v>
          </cell>
          <cell r="Q541">
            <v>6140001007982</v>
          </cell>
          <cell r="R541">
            <v>50000</v>
          </cell>
          <cell r="S541">
            <v>107317</v>
          </cell>
          <cell r="T541">
            <v>1363824</v>
          </cell>
          <cell r="V541" t="str">
            <v>gm740727</v>
          </cell>
          <cell r="W541" t="str">
            <v>sy907338</v>
          </cell>
          <cell r="X541" t="str">
            <v>機消電</v>
          </cell>
          <cell r="Y541" t="str">
            <v>機消</v>
          </cell>
          <cell r="Z541" t="str">
            <v>電</v>
          </cell>
          <cell r="AA541" t="str">
            <v>電気</v>
          </cell>
          <cell r="AB541" t="str">
            <v>機械器具</v>
          </cell>
          <cell r="AC541" t="str">
            <v>消防施設</v>
          </cell>
          <cell r="AD541" t="str">
            <v/>
          </cell>
          <cell r="AE541">
            <v>43131</v>
          </cell>
          <cell r="AF541" t="str">
            <v>希望しない</v>
          </cell>
          <cell r="AG541" t="str">
            <v>電気</v>
          </cell>
          <cell r="AH541" t="str">
            <v>特定</v>
          </cell>
          <cell r="AI541">
            <v>933</v>
          </cell>
          <cell r="AJ541">
            <v>1145920</v>
          </cell>
          <cell r="AK541" t="str">
            <v>6(6)/0/24</v>
          </cell>
          <cell r="AL541" t="str">
            <v>機械器具</v>
          </cell>
          <cell r="AM541" t="str">
            <v>一般</v>
          </cell>
          <cell r="AN541">
            <v>728</v>
          </cell>
          <cell r="AO541">
            <v>114678</v>
          </cell>
          <cell r="AP541" t="str">
            <v>0(0)/0/1</v>
          </cell>
          <cell r="AQ541" t="str">
            <v>消防施設</v>
          </cell>
          <cell r="AR541" t="str">
            <v>一般</v>
          </cell>
          <cell r="AS541">
            <v>674</v>
          </cell>
          <cell r="AT541">
            <v>259</v>
          </cell>
          <cell r="AU541" t="str">
            <v>0(0)/6/0</v>
          </cell>
          <cell r="AV541" t="str">
            <v/>
          </cell>
          <cell r="AW541" t="str">
            <v/>
          </cell>
          <cell r="AX541" t="str">
            <v/>
          </cell>
          <cell r="AY541" t="str">
            <v/>
          </cell>
          <cell r="AZ541" t="str">
            <v/>
          </cell>
          <cell r="BA541" t="str">
            <v>兵庫県</v>
          </cell>
          <cell r="BB541">
            <v>0</v>
          </cell>
          <cell r="CR541">
            <v>5203</v>
          </cell>
          <cell r="CS541" t="str">
            <v>ﾉﾀﾞ ﾅｵﾐ</v>
          </cell>
          <cell r="CT541" t="str">
            <v>野田  直美</v>
          </cell>
          <cell r="CU541" t="str">
            <v>学校給食センター</v>
          </cell>
          <cell r="CW541" t="str">
            <v xml:space="preserve"> </v>
          </cell>
          <cell r="CX541" t="str">
            <v>業務主任</v>
          </cell>
          <cell r="CY541" t="str">
            <v>学校給食センター長</v>
          </cell>
        </row>
        <row r="542">
          <cell r="B542">
            <v>2805</v>
          </cell>
          <cell r="C542" t="str">
            <v>三宝電機(株)</v>
          </cell>
          <cell r="D542" t="str">
            <v>06-6451-3311</v>
          </cell>
          <cell r="E542" t="str">
            <v>531-0076</v>
          </cell>
          <cell r="F542" t="str">
            <v>大阪府大阪市北区大淀中1-5-1</v>
          </cell>
          <cell r="G542" t="str">
            <v>大阪市</v>
          </cell>
          <cell r="H542" t="str">
            <v/>
          </cell>
          <cell r="I542" t="str">
            <v>代表取締役社長 嘉納　秀一</v>
          </cell>
          <cell r="J542" t="str">
            <v>本店</v>
          </cell>
          <cell r="K542" t="str">
            <v>06-6451-3391</v>
          </cell>
          <cell r="L542" t="str">
            <v>ecpub-osa@seamec.co.jp</v>
          </cell>
          <cell r="M542" t="str">
            <v>ｻﾝﾎﾟｳﾃﾞﾝｷ</v>
          </cell>
          <cell r="N542" t="str">
            <v>無</v>
          </cell>
          <cell r="O542">
            <v>67</v>
          </cell>
          <cell r="P542">
            <v>253</v>
          </cell>
          <cell r="Q542">
            <v>7120001064637</v>
          </cell>
          <cell r="R542">
            <v>90000</v>
          </cell>
          <cell r="S542">
            <v>5716982</v>
          </cell>
          <cell r="T542">
            <v>11805550</v>
          </cell>
          <cell r="V542" t="str">
            <v>rb984024</v>
          </cell>
          <cell r="W542" t="str">
            <v>zp475966</v>
          </cell>
          <cell r="X542" t="str">
            <v>消建電管通</v>
          </cell>
          <cell r="Y542" t="str">
            <v>消</v>
          </cell>
          <cell r="Z542" t="str">
            <v>建電管通</v>
          </cell>
          <cell r="AA542" t="str">
            <v>電気</v>
          </cell>
          <cell r="AB542" t="str">
            <v>管</v>
          </cell>
          <cell r="AC542" t="str">
            <v>消防施設</v>
          </cell>
          <cell r="AD542" t="str">
            <v>電気通信</v>
          </cell>
          <cell r="AE542">
            <v>43069</v>
          </cell>
          <cell r="AF542" t="str">
            <v/>
          </cell>
          <cell r="AG542" t="str">
            <v>電気</v>
          </cell>
          <cell r="AH542" t="str">
            <v>特定</v>
          </cell>
          <cell r="AI542">
            <v>1273</v>
          </cell>
          <cell r="AJ542">
            <v>8853507</v>
          </cell>
          <cell r="AK542" t="str">
            <v>71(67)/12/19</v>
          </cell>
          <cell r="AL542" t="str">
            <v>管</v>
          </cell>
          <cell r="AM542" t="str">
            <v>特定</v>
          </cell>
          <cell r="AN542">
            <v>1158</v>
          </cell>
          <cell r="AO542">
            <v>2389201</v>
          </cell>
          <cell r="AP542" t="str">
            <v>39(38)/2/8</v>
          </cell>
          <cell r="AQ542" t="str">
            <v>消防施設</v>
          </cell>
          <cell r="AR542" t="str">
            <v>一般</v>
          </cell>
          <cell r="AS542">
            <v>971</v>
          </cell>
          <cell r="AT542">
            <v>79478</v>
          </cell>
          <cell r="AU542" t="str">
            <v>0(0)/56/0</v>
          </cell>
          <cell r="AV542" t="str">
            <v>電気通信</v>
          </cell>
          <cell r="AW542" t="str">
            <v>特定</v>
          </cell>
          <cell r="AX542">
            <v>829</v>
          </cell>
          <cell r="AY542">
            <v>1185</v>
          </cell>
          <cell r="AZ542" t="str">
            <v>3(3)/0/21</v>
          </cell>
          <cell r="BA542" t="str">
            <v>大阪府</v>
          </cell>
          <cell r="BB542">
            <v>0</v>
          </cell>
          <cell r="CR542">
            <v>5204</v>
          </cell>
          <cell r="CS542" t="str">
            <v>ｻﾞｲｷ ﾄﾖｶｽﾞ</v>
          </cell>
          <cell r="CT542" t="str">
            <v>材木  豊和</v>
          </cell>
          <cell r="CU542" t="str">
            <v>業務課</v>
          </cell>
          <cell r="CW542" t="str">
            <v xml:space="preserve"> </v>
          </cell>
          <cell r="CX542" t="str">
            <v>主査</v>
          </cell>
          <cell r="CY542" t="str">
            <v>業務課長</v>
          </cell>
        </row>
        <row r="543">
          <cell r="B543">
            <v>2807</v>
          </cell>
          <cell r="C543" t="str">
            <v>山陽建材工事(株)</v>
          </cell>
          <cell r="D543" t="str">
            <v>078-881-8841</v>
          </cell>
          <cell r="E543" t="str">
            <v>532-0003</v>
          </cell>
          <cell r="F543" t="str">
            <v>兵庫県神戸市篠原本町4-5-22</v>
          </cell>
          <cell r="G543" t="str">
            <v>神戸市</v>
          </cell>
          <cell r="H543" t="str">
            <v/>
          </cell>
          <cell r="I543" t="str">
            <v>代表取締役　 中村　彦士</v>
          </cell>
          <cell r="J543" t="str">
            <v>本店</v>
          </cell>
          <cell r="K543" t="str">
            <v>078-881-8843</v>
          </cell>
          <cell r="L543" t="str">
            <v>info@sanken-koji.co.jp</v>
          </cell>
          <cell r="M543" t="str">
            <v>ｻﾝﾖｳｹﾝｻﾞｲｺｳｼﾞ</v>
          </cell>
          <cell r="N543" t="str">
            <v>無</v>
          </cell>
          <cell r="O543">
            <v>48</v>
          </cell>
          <cell r="P543">
            <v>17</v>
          </cell>
          <cell r="Q543">
            <v>1140000000000</v>
          </cell>
          <cell r="R543">
            <v>70000</v>
          </cell>
          <cell r="S543">
            <v>540040</v>
          </cell>
          <cell r="T543">
            <v>656039</v>
          </cell>
          <cell r="V543" t="str">
            <v>mz297281</v>
          </cell>
          <cell r="W543" t="str">
            <v>ym648675</v>
          </cell>
          <cell r="X543" t="str">
            <v>消建電管通</v>
          </cell>
          <cell r="Y543" t="str">
            <v>消</v>
          </cell>
          <cell r="Z543" t="str">
            <v>建電管通</v>
          </cell>
          <cell r="AA543" t="str">
            <v>建築一式</v>
          </cell>
          <cell r="AB543" t="str">
            <v>防水</v>
          </cell>
          <cell r="AC543" t="str">
            <v>塗装</v>
          </cell>
          <cell r="AD543" t="str">
            <v/>
          </cell>
          <cell r="AE543">
            <v>43343</v>
          </cell>
          <cell r="AF543" t="str">
            <v>希望しない</v>
          </cell>
          <cell r="AG543" t="str">
            <v>建築一式</v>
          </cell>
          <cell r="AH543" t="str">
            <v>特定</v>
          </cell>
          <cell r="AI543">
            <v>902</v>
          </cell>
          <cell r="AJ543">
            <v>587568</v>
          </cell>
          <cell r="AK543" t="str">
            <v>3(2)/0/0</v>
          </cell>
          <cell r="AL543" t="str">
            <v>防水</v>
          </cell>
          <cell r="AM543" t="str">
            <v>特定</v>
          </cell>
          <cell r="AN543">
            <v>868</v>
          </cell>
          <cell r="AO543">
            <v>177986</v>
          </cell>
          <cell r="AP543" t="str">
            <v>3(2)/5/1</v>
          </cell>
          <cell r="AQ543" t="str">
            <v>塗装</v>
          </cell>
          <cell r="AR543" t="str">
            <v>特定</v>
          </cell>
          <cell r="AS543">
            <v>800</v>
          </cell>
          <cell r="AT543">
            <v>61555</v>
          </cell>
          <cell r="AU543" t="str">
            <v>0(0)/5/1</v>
          </cell>
          <cell r="AV543" t="str">
            <v/>
          </cell>
          <cell r="AW543" t="str">
            <v/>
          </cell>
          <cell r="AX543" t="str">
            <v/>
          </cell>
          <cell r="AY543" t="str">
            <v/>
          </cell>
          <cell r="AZ543" t="str">
            <v/>
          </cell>
          <cell r="BA543" t="str">
            <v>兵庫県</v>
          </cell>
          <cell r="BB543">
            <v>0</v>
          </cell>
          <cell r="CR543">
            <v>5205</v>
          </cell>
          <cell r="CS543" t="str">
            <v>ﾀﾏﾙ ﾖｳｼﾞ</v>
          </cell>
          <cell r="CT543" t="str">
            <v>田丸  洋二</v>
          </cell>
          <cell r="CU543" t="str">
            <v>危機管理室</v>
          </cell>
          <cell r="CW543">
            <v>4163</v>
          </cell>
          <cell r="CX543" t="str">
            <v xml:space="preserve"> </v>
          </cell>
          <cell r="CY543" t="str">
            <v>危機管理室</v>
          </cell>
        </row>
        <row r="544">
          <cell r="B544">
            <v>2811</v>
          </cell>
          <cell r="C544" t="str">
            <v>(株)山洋塗工</v>
          </cell>
          <cell r="D544" t="str">
            <v>06-6696-2139</v>
          </cell>
          <cell r="E544" t="str">
            <v>546-0024</v>
          </cell>
          <cell r="F544" t="str">
            <v>大阪府大阪市東住吉区公園南矢田2-17-5</v>
          </cell>
          <cell r="G544" t="str">
            <v>大阪市</v>
          </cell>
          <cell r="H544" t="str">
            <v/>
          </cell>
          <cell r="I544" t="str">
            <v>代表取締役　 山本　孔之</v>
          </cell>
          <cell r="J544" t="str">
            <v>本店</v>
          </cell>
          <cell r="K544" t="str">
            <v>06-6698-8416</v>
          </cell>
          <cell r="L544" t="str">
            <v>sanyo1@energy.ocn.ne.jp</v>
          </cell>
          <cell r="M544" t="str">
            <v>ｻﾝﾖｳﾄｺｳ</v>
          </cell>
          <cell r="N544" t="str">
            <v>無</v>
          </cell>
          <cell r="O544">
            <v>37</v>
          </cell>
          <cell r="P544">
            <v>4</v>
          </cell>
          <cell r="Q544">
            <v>2120000000000</v>
          </cell>
          <cell r="R544">
            <v>30000</v>
          </cell>
          <cell r="S544">
            <v>10674</v>
          </cell>
          <cell r="T544">
            <v>99079</v>
          </cell>
          <cell r="V544" t="str">
            <v>zv442185</v>
          </cell>
          <cell r="W544" t="str">
            <v>dv128145</v>
          </cell>
          <cell r="X544" t="str">
            <v>消建電管通</v>
          </cell>
          <cell r="Y544" t="str">
            <v>消</v>
          </cell>
          <cell r="Z544" t="str">
            <v>建電管通</v>
          </cell>
          <cell r="AA544" t="str">
            <v>塗装</v>
          </cell>
          <cell r="AB544" t="str">
            <v>建築一式</v>
          </cell>
          <cell r="AC544" t="str">
            <v>防水</v>
          </cell>
          <cell r="AD544" t="str">
            <v>とび土工</v>
          </cell>
          <cell r="AE544">
            <v>43131</v>
          </cell>
          <cell r="AF544" t="str">
            <v>希望しない</v>
          </cell>
          <cell r="AG544" t="str">
            <v>塗装</v>
          </cell>
          <cell r="AH544" t="str">
            <v>一般</v>
          </cell>
          <cell r="AI544">
            <v>699</v>
          </cell>
          <cell r="AJ544">
            <v>89287</v>
          </cell>
          <cell r="AK544" t="str">
            <v>0(0)/2/0</v>
          </cell>
          <cell r="AL544" t="str">
            <v>建築一式</v>
          </cell>
          <cell r="AM544" t="str">
            <v>一般</v>
          </cell>
          <cell r="AN544">
            <v>458</v>
          </cell>
          <cell r="AO544">
            <v>4715</v>
          </cell>
          <cell r="AP544" t="str">
            <v>0(0)/0/0</v>
          </cell>
          <cell r="AQ544" t="str">
            <v>防水</v>
          </cell>
          <cell r="AR544" t="str">
            <v>一般</v>
          </cell>
          <cell r="AS544">
            <v>463</v>
          </cell>
          <cell r="AT544">
            <v>463</v>
          </cell>
          <cell r="AU544" t="str">
            <v>0(0)/2/0</v>
          </cell>
          <cell r="AV544" t="str">
            <v>とび土工</v>
          </cell>
          <cell r="AW544" t="str">
            <v>一般</v>
          </cell>
          <cell r="AX544">
            <v>397</v>
          </cell>
          <cell r="AY544" t="str">
            <v/>
          </cell>
          <cell r="AZ544" t="str">
            <v>0(0)/0/1</v>
          </cell>
          <cell r="BA544" t="str">
            <v>大阪府</v>
          </cell>
          <cell r="BB544">
            <v>0</v>
          </cell>
          <cell r="CR544">
            <v>5206</v>
          </cell>
          <cell r="CS544" t="str">
            <v>ﾄｳｼﾞﾖｳ ﾏﾅﾌﾞ</v>
          </cell>
          <cell r="CT544" t="str">
            <v>東條  学</v>
          </cell>
          <cell r="CU544" t="str">
            <v>環境クリーンセンター業務課</v>
          </cell>
          <cell r="CW544" t="str">
            <v xml:space="preserve"> </v>
          </cell>
          <cell r="CX544" t="str">
            <v xml:space="preserve"> </v>
          </cell>
          <cell r="CY544" t="str">
            <v>業務課長</v>
          </cell>
        </row>
        <row r="545">
          <cell r="B545">
            <v>2814</v>
          </cell>
          <cell r="C545" t="str">
            <v>(株)三和建設</v>
          </cell>
          <cell r="D545" t="str">
            <v>0797-84-3434</v>
          </cell>
          <cell r="E545" t="str">
            <v>551-0021</v>
          </cell>
          <cell r="F545" t="str">
            <v>兵庫県宝塚市小浜3-11-11</v>
          </cell>
          <cell r="G545" t="str">
            <v>宝塚市</v>
          </cell>
          <cell r="H545" t="str">
            <v/>
          </cell>
          <cell r="I545" t="str">
            <v>代表取締役 中村　きく枝</v>
          </cell>
          <cell r="J545" t="str">
            <v>本店</v>
          </cell>
          <cell r="K545" t="str">
            <v>0797-84-5589</v>
          </cell>
          <cell r="L545" t="str">
            <v>shuichi_tanabe@sanwakensetsu.co.jp</v>
          </cell>
          <cell r="M545" t="str">
            <v>ｻﾝﾜｹﾝｾﾂ</v>
          </cell>
          <cell r="N545" t="str">
            <v>無</v>
          </cell>
          <cell r="O545">
            <v>50</v>
          </cell>
          <cell r="P545">
            <v>85</v>
          </cell>
          <cell r="Q545">
            <v>1140000000000</v>
          </cell>
          <cell r="R545">
            <v>99840</v>
          </cell>
          <cell r="S545">
            <v>2534941</v>
          </cell>
          <cell r="T545">
            <v>3640473</v>
          </cell>
          <cell r="V545" t="str">
            <v>du746992</v>
          </cell>
          <cell r="W545" t="str">
            <v>fq337665</v>
          </cell>
          <cell r="X545" t="str">
            <v>消建電管通</v>
          </cell>
          <cell r="Y545" t="str">
            <v>消</v>
          </cell>
          <cell r="Z545" t="str">
            <v>建電管通</v>
          </cell>
          <cell r="AA545" t="str">
            <v>建築一式</v>
          </cell>
          <cell r="AB545" t="str">
            <v>土木一式</v>
          </cell>
          <cell r="AC545" t="str">
            <v/>
          </cell>
          <cell r="AD545" t="str">
            <v/>
          </cell>
          <cell r="AE545">
            <v>43100</v>
          </cell>
          <cell r="AF545" t="str">
            <v>希望しない</v>
          </cell>
          <cell r="AG545" t="str">
            <v>建築一式</v>
          </cell>
          <cell r="AH545" t="str">
            <v>特定</v>
          </cell>
          <cell r="AI545">
            <v>1101</v>
          </cell>
          <cell r="AJ545">
            <v>2927763</v>
          </cell>
          <cell r="AK545" t="str">
            <v>24(5)/17/0</v>
          </cell>
          <cell r="AL545" t="str">
            <v>土木一式</v>
          </cell>
          <cell r="AM545" t="str">
            <v>特定</v>
          </cell>
          <cell r="AN545">
            <v>772</v>
          </cell>
          <cell r="AO545">
            <v>17457</v>
          </cell>
          <cell r="AP545" t="str">
            <v>1(0)/1/0</v>
          </cell>
          <cell r="AQ545" t="str">
            <v/>
          </cell>
          <cell r="AR545" t="str">
            <v/>
          </cell>
          <cell r="AS545" t="str">
            <v/>
          </cell>
          <cell r="AT545" t="str">
            <v/>
          </cell>
          <cell r="AU545" t="str">
            <v/>
          </cell>
          <cell r="AV545" t="str">
            <v/>
          </cell>
          <cell r="AW545" t="str">
            <v/>
          </cell>
          <cell r="AX545" t="str">
            <v/>
          </cell>
          <cell r="AY545" t="str">
            <v/>
          </cell>
          <cell r="AZ545" t="str">
            <v/>
          </cell>
          <cell r="BA545" t="str">
            <v>兵庫県</v>
          </cell>
          <cell r="BB545">
            <v>0</v>
          </cell>
          <cell r="CR545">
            <v>5207</v>
          </cell>
          <cell r="CS545" t="str">
            <v>ﾅｶﾆｼ ﾋﾛﾕｷ</v>
          </cell>
          <cell r="CT545" t="str">
            <v>中西  博之</v>
          </cell>
          <cell r="CU545" t="str">
            <v>業務課</v>
          </cell>
          <cell r="CW545" t="str">
            <v xml:space="preserve"> </v>
          </cell>
          <cell r="CX545" t="str">
            <v>業務主任</v>
          </cell>
          <cell r="CY545" t="str">
            <v>業務課長</v>
          </cell>
        </row>
        <row r="546">
          <cell r="B546">
            <v>2816</v>
          </cell>
          <cell r="C546" t="str">
            <v>三和シヤッター工業(株)</v>
          </cell>
          <cell r="D546" t="str">
            <v>06-6421-3720</v>
          </cell>
          <cell r="E546" t="str">
            <v>661-0003</v>
          </cell>
          <cell r="F546" t="str">
            <v>兵庫県尼崎市富松町1-36-5</v>
          </cell>
          <cell r="G546" t="str">
            <v/>
          </cell>
          <cell r="H546" t="str">
            <v>尼崎営業所</v>
          </cell>
          <cell r="I546" t="str">
            <v>所長 力石　恭伸</v>
          </cell>
          <cell r="J546" t="str">
            <v>東京都</v>
          </cell>
          <cell r="K546" t="str">
            <v>06-6421-4083</v>
          </cell>
          <cell r="L546" t="str">
            <v>kansai01@sip.sanwa-ss.co.jp</v>
          </cell>
          <cell r="M546" t="str">
            <v>ｻﾝﾜｼﾔｯﾀｰｺｳｷﾞｮｳ</v>
          </cell>
          <cell r="N546" t="str">
            <v>有</v>
          </cell>
          <cell r="O546">
            <v>59</v>
          </cell>
          <cell r="P546">
            <v>2951</v>
          </cell>
          <cell r="Q546">
            <v>7011401012519</v>
          </cell>
          <cell r="R546">
            <v>500000</v>
          </cell>
          <cell r="S546">
            <v>36989565</v>
          </cell>
          <cell r="T546">
            <v>187388040</v>
          </cell>
          <cell r="V546" t="str">
            <v>pd790841</v>
          </cell>
          <cell r="W546" t="str">
            <v>ba579964</v>
          </cell>
          <cell r="X546" t="str">
            <v>大屋タ鋼内具消(大)(屋)(タ)(内)(具)建</v>
          </cell>
          <cell r="Y546" t="str">
            <v>大屋タ鋼内具消(大)(屋)(タ)(内)(具)</v>
          </cell>
          <cell r="Z546" t="str">
            <v>建</v>
          </cell>
          <cell r="AA546" t="str">
            <v>建具</v>
          </cell>
          <cell r="AB546" t="str">
            <v>内装仕上</v>
          </cell>
          <cell r="AC546" t="str">
            <v/>
          </cell>
          <cell r="AD546" t="str">
            <v/>
          </cell>
          <cell r="AE546">
            <v>43190</v>
          </cell>
          <cell r="AF546" t="str">
            <v/>
          </cell>
          <cell r="AG546" t="str">
            <v>建具</v>
          </cell>
          <cell r="AH546" t="str">
            <v>一般</v>
          </cell>
          <cell r="AI546">
            <v>1841</v>
          </cell>
          <cell r="AJ546">
            <v>2245500</v>
          </cell>
          <cell r="AK546" t="str">
            <v>30(15)/457/265</v>
          </cell>
          <cell r="AL546" t="str">
            <v>内装仕上</v>
          </cell>
          <cell r="AM546" t="str">
            <v>一般</v>
          </cell>
          <cell r="AN546">
            <v>1441</v>
          </cell>
          <cell r="AO546">
            <v>160458000</v>
          </cell>
          <cell r="AP546" t="str">
            <v>25(17)/415/794</v>
          </cell>
          <cell r="AQ546" t="str">
            <v/>
          </cell>
          <cell r="AR546" t="str">
            <v/>
          </cell>
          <cell r="AS546" t="str">
            <v/>
          </cell>
          <cell r="AT546" t="str">
            <v/>
          </cell>
          <cell r="AU546" t="str">
            <v/>
          </cell>
          <cell r="AV546" t="str">
            <v/>
          </cell>
          <cell r="AW546" t="str">
            <v/>
          </cell>
          <cell r="AX546" t="str">
            <v/>
          </cell>
          <cell r="AY546" t="str">
            <v/>
          </cell>
          <cell r="AZ546" t="str">
            <v/>
          </cell>
          <cell r="BA546" t="str">
            <v>東京都</v>
          </cell>
          <cell r="BB546">
            <v>0</v>
          </cell>
          <cell r="CR546">
            <v>5211</v>
          </cell>
          <cell r="CS546" t="str">
            <v>ﾅｶﾀﾆ ﾐﾂﾋﾛ</v>
          </cell>
          <cell r="CT546" t="str">
            <v>仲谷  三浩</v>
          </cell>
          <cell r="CU546" t="str">
            <v xml:space="preserve"> </v>
          </cell>
          <cell r="CW546">
            <v>3159</v>
          </cell>
          <cell r="CX546" t="str">
            <v>（兼）副主幹</v>
          </cell>
          <cell r="CY546" t="str">
            <v>　</v>
          </cell>
        </row>
        <row r="547">
          <cell r="B547">
            <v>2817</v>
          </cell>
          <cell r="C547" t="str">
            <v>三和電気土木工事(株)</v>
          </cell>
          <cell r="D547" t="str">
            <v>06-6361-6451</v>
          </cell>
          <cell r="E547" t="str">
            <v>530-0054</v>
          </cell>
          <cell r="F547" t="str">
            <v>大阪府大阪市北区南森町1-4-19</v>
          </cell>
          <cell r="G547" t="str">
            <v>大阪市</v>
          </cell>
          <cell r="H547" t="str">
            <v/>
          </cell>
          <cell r="I547" t="str">
            <v>代表取締役社長 森　博明</v>
          </cell>
          <cell r="J547" t="str">
            <v>本店</v>
          </cell>
          <cell r="K547" t="str">
            <v>06-6361-6948</v>
          </cell>
          <cell r="L547" t="str">
            <v>s-odahara@sanwa-e.co.jp</v>
          </cell>
          <cell r="M547" t="str">
            <v>ｻﾝﾜﾃﾞﾝｷﾄﾞﾎﾞｸｺｳｼﾞ</v>
          </cell>
          <cell r="N547" t="str">
            <v>無</v>
          </cell>
          <cell r="O547">
            <v>67</v>
          </cell>
          <cell r="P547">
            <v>180</v>
          </cell>
          <cell r="Q547">
            <v>6120001059646</v>
          </cell>
          <cell r="R547">
            <v>143750</v>
          </cell>
          <cell r="S547">
            <v>1704972</v>
          </cell>
          <cell r="T547">
            <v>7494115</v>
          </cell>
          <cell r="V547" t="str">
            <v>zz977517</v>
          </cell>
          <cell r="W547" t="str">
            <v>pn935058</v>
          </cell>
          <cell r="X547" t="str">
            <v>通消土電管</v>
          </cell>
          <cell r="Y547" t="str">
            <v>通消</v>
          </cell>
          <cell r="Z547" t="str">
            <v>土電管</v>
          </cell>
          <cell r="AA547" t="str">
            <v>電気</v>
          </cell>
          <cell r="AB547" t="str">
            <v/>
          </cell>
          <cell r="AC547" t="str">
            <v/>
          </cell>
          <cell r="AD547" t="str">
            <v/>
          </cell>
          <cell r="AE547">
            <v>43008</v>
          </cell>
          <cell r="AF547" t="str">
            <v>希望しない</v>
          </cell>
          <cell r="AG547" t="str">
            <v>電気</v>
          </cell>
          <cell r="AH547" t="str">
            <v>特定</v>
          </cell>
          <cell r="AI547">
            <v>1229</v>
          </cell>
          <cell r="AJ547">
            <v>7599632</v>
          </cell>
          <cell r="AK547" t="str">
            <v>56(55)/23/15</v>
          </cell>
          <cell r="AL547" t="str">
            <v/>
          </cell>
          <cell r="AM547" t="str">
            <v/>
          </cell>
          <cell r="AN547" t="str">
            <v/>
          </cell>
          <cell r="AO547" t="str">
            <v/>
          </cell>
          <cell r="AP547" t="str">
            <v/>
          </cell>
          <cell r="AQ547" t="str">
            <v/>
          </cell>
          <cell r="AR547" t="str">
            <v/>
          </cell>
          <cell r="AS547" t="str">
            <v/>
          </cell>
          <cell r="AT547" t="str">
            <v/>
          </cell>
          <cell r="AU547" t="str">
            <v/>
          </cell>
          <cell r="AV547" t="str">
            <v/>
          </cell>
          <cell r="AW547" t="str">
            <v/>
          </cell>
          <cell r="AX547" t="str">
            <v/>
          </cell>
          <cell r="AY547" t="str">
            <v/>
          </cell>
          <cell r="AZ547" t="str">
            <v/>
          </cell>
          <cell r="BA547" t="str">
            <v>大阪府</v>
          </cell>
          <cell r="BB547">
            <v>0</v>
          </cell>
          <cell r="CR547">
            <v>5211</v>
          </cell>
          <cell r="CS547" t="str">
            <v>ﾅｶﾀﾆ ﾐﾂﾋﾛ</v>
          </cell>
          <cell r="CT547" t="str">
            <v>仲谷  三浩</v>
          </cell>
          <cell r="CU547" t="str">
            <v>消防総務課</v>
          </cell>
          <cell r="CW547" t="str">
            <v xml:space="preserve"> </v>
          </cell>
          <cell r="CX547" t="str">
            <v>副主幹</v>
          </cell>
          <cell r="CY547" t="str">
            <v>消防総務課長</v>
          </cell>
        </row>
        <row r="548">
          <cell r="B548">
            <v>2818</v>
          </cell>
          <cell r="C548" t="str">
            <v>(株)三和ライン</v>
          </cell>
          <cell r="D548" t="str">
            <v>079-427-7731</v>
          </cell>
          <cell r="E548" t="str">
            <v>675-0103</v>
          </cell>
          <cell r="F548" t="str">
            <v>兵庫県加古川市平岡町高畑336-1</v>
          </cell>
          <cell r="G548" t="str">
            <v>加古川市</v>
          </cell>
          <cell r="H548" t="str">
            <v/>
          </cell>
          <cell r="I548" t="str">
            <v>代表取締役 井上　孝明</v>
          </cell>
          <cell r="J548" t="str">
            <v>本店</v>
          </cell>
          <cell r="K548" t="str">
            <v>079-427-7732</v>
          </cell>
          <cell r="L548" t="str">
            <v>n-sato@sanwa-line.com</v>
          </cell>
          <cell r="M548" t="str">
            <v>ｻﾝﾜﾗｲﾝ</v>
          </cell>
          <cell r="N548" t="str">
            <v>無</v>
          </cell>
          <cell r="O548">
            <v>41</v>
          </cell>
          <cell r="P548">
            <v>15</v>
          </cell>
          <cell r="Q548">
            <v>9140001044775</v>
          </cell>
          <cell r="R548">
            <v>10000</v>
          </cell>
          <cell r="S548">
            <v>18391</v>
          </cell>
          <cell r="T548">
            <v>195559</v>
          </cell>
          <cell r="V548" t="str">
            <v>ng170055</v>
          </cell>
          <cell r="W548" t="str">
            <v>sd322589</v>
          </cell>
          <cell r="X548" t="str">
            <v>土と塗</v>
          </cell>
          <cell r="Y548" t="str">
            <v>土と塗</v>
          </cell>
          <cell r="Z548" t="str">
            <v/>
          </cell>
          <cell r="AA548" t="str">
            <v>塗装</v>
          </cell>
          <cell r="AB548" t="str">
            <v>とび土工</v>
          </cell>
          <cell r="AC548" t="str">
            <v/>
          </cell>
          <cell r="AD548" t="str">
            <v/>
          </cell>
          <cell r="AE548">
            <v>43312</v>
          </cell>
          <cell r="AF548" t="str">
            <v>希望しない</v>
          </cell>
          <cell r="AG548" t="str">
            <v>塗装</v>
          </cell>
          <cell r="AH548" t="str">
            <v>一般</v>
          </cell>
          <cell r="AI548">
            <v>774</v>
          </cell>
          <cell r="AJ548">
            <v>200782</v>
          </cell>
          <cell r="AK548" t="str">
            <v>2(2)/5/0</v>
          </cell>
          <cell r="AL548" t="str">
            <v>とび土工</v>
          </cell>
          <cell r="AM548" t="str">
            <v>一般</v>
          </cell>
          <cell r="AN548">
            <v>675</v>
          </cell>
          <cell r="AO548">
            <v>17081</v>
          </cell>
          <cell r="AP548" t="str">
            <v>1(1)/3/0</v>
          </cell>
          <cell r="AQ548" t="str">
            <v/>
          </cell>
          <cell r="AR548" t="str">
            <v/>
          </cell>
          <cell r="AS548" t="str">
            <v/>
          </cell>
          <cell r="AT548" t="str">
            <v/>
          </cell>
          <cell r="AU548" t="str">
            <v/>
          </cell>
          <cell r="AV548" t="str">
            <v/>
          </cell>
          <cell r="AW548" t="str">
            <v/>
          </cell>
          <cell r="AX548" t="str">
            <v/>
          </cell>
          <cell r="AY548" t="str">
            <v/>
          </cell>
          <cell r="AZ548" t="str">
            <v/>
          </cell>
          <cell r="BA548" t="str">
            <v>兵庫県</v>
          </cell>
          <cell r="BB548">
            <v>0</v>
          </cell>
          <cell r="CR548">
            <v>5214</v>
          </cell>
          <cell r="CS548" t="str">
            <v>ﾆｼｶﾜ ﾏｻｼ</v>
          </cell>
          <cell r="CT548" t="str">
            <v>西川  将司</v>
          </cell>
          <cell r="CU548" t="str">
            <v>情報管理課</v>
          </cell>
          <cell r="CW548">
            <v>6671361</v>
          </cell>
          <cell r="CX548" t="str">
            <v>主査</v>
          </cell>
          <cell r="CY548" t="str">
            <v>情報管理課長</v>
          </cell>
        </row>
        <row r="549">
          <cell r="B549">
            <v>2820</v>
          </cell>
          <cell r="C549" t="str">
            <v>(有)三協商事</v>
          </cell>
          <cell r="D549" t="str">
            <v>06-6577-9501</v>
          </cell>
          <cell r="E549" t="str">
            <v>552-0007</v>
          </cell>
          <cell r="F549" t="str">
            <v>大阪府大阪市港区弁天6-5-40</v>
          </cell>
          <cell r="G549" t="str">
            <v>大阪市</v>
          </cell>
          <cell r="H549" t="str">
            <v/>
          </cell>
          <cell r="I549" t="str">
            <v>代表取締役 桐島　道衞</v>
          </cell>
          <cell r="J549" t="str">
            <v>本店</v>
          </cell>
          <cell r="K549" t="str">
            <v>06-6572-8058</v>
          </cell>
          <cell r="L549" t="str">
            <v>sugihara@e-sankyoshoji.co.jp</v>
          </cell>
          <cell r="M549" t="str">
            <v>ｻﾝｷｮｳｼｮｳｼﾞ</v>
          </cell>
          <cell r="N549" t="str">
            <v>無</v>
          </cell>
          <cell r="O549">
            <v>34</v>
          </cell>
          <cell r="P549">
            <v>8</v>
          </cell>
          <cell r="Q549">
            <v>4120002015526</v>
          </cell>
          <cell r="R549">
            <v>3000</v>
          </cell>
          <cell r="S549">
            <v>6634</v>
          </cell>
          <cell r="T549">
            <v>89702</v>
          </cell>
          <cell r="V549" t="str">
            <v>pr201756</v>
          </cell>
          <cell r="W549" t="str">
            <v>wj426637</v>
          </cell>
          <cell r="X549" t="str">
            <v>と管解</v>
          </cell>
          <cell r="Y549" t="str">
            <v>と管解</v>
          </cell>
          <cell r="Z549" t="str">
            <v/>
          </cell>
          <cell r="AA549" t="str">
            <v>管</v>
          </cell>
          <cell r="AB549" t="str">
            <v>解体</v>
          </cell>
          <cell r="AC549" t="str">
            <v>とび土工</v>
          </cell>
          <cell r="AD549" t="str">
            <v/>
          </cell>
          <cell r="AE549">
            <v>43069</v>
          </cell>
          <cell r="AF549" t="str">
            <v/>
          </cell>
          <cell r="AG549" t="str">
            <v>管</v>
          </cell>
          <cell r="AH549" t="str">
            <v>一般</v>
          </cell>
          <cell r="AI549">
            <v>691</v>
          </cell>
          <cell r="AJ549">
            <v>79880</v>
          </cell>
          <cell r="AK549" t="str">
            <v>0()/1/4</v>
          </cell>
          <cell r="AL549" t="str">
            <v>解体</v>
          </cell>
          <cell r="AM549" t="str">
            <v>一般</v>
          </cell>
          <cell r="AN549">
            <v>592</v>
          </cell>
          <cell r="AO549" t="str">
            <v/>
          </cell>
          <cell r="AP549" t="str">
            <v>0()/0/1</v>
          </cell>
          <cell r="AQ549" t="str">
            <v>とび土工</v>
          </cell>
          <cell r="AR549" t="str">
            <v>一般</v>
          </cell>
          <cell r="AS549">
            <v>590</v>
          </cell>
          <cell r="AT549" t="str">
            <v/>
          </cell>
          <cell r="AU549" t="str">
            <v>0()/0/3</v>
          </cell>
          <cell r="AV549" t="str">
            <v/>
          </cell>
          <cell r="AW549" t="str">
            <v/>
          </cell>
          <cell r="AX549" t="str">
            <v/>
          </cell>
          <cell r="AY549" t="str">
            <v/>
          </cell>
          <cell r="AZ549" t="str">
            <v/>
          </cell>
          <cell r="BA549" t="str">
            <v>大阪府</v>
          </cell>
          <cell r="BB549">
            <v>0</v>
          </cell>
          <cell r="CR549">
            <v>5220</v>
          </cell>
          <cell r="CS549" t="str">
            <v>ｸﾜﾊﾗ ｼﾝｺﾞ</v>
          </cell>
          <cell r="CT549" t="str">
            <v>桑原  慎吾</v>
          </cell>
          <cell r="CU549" t="str">
            <v>運輸サービス課</v>
          </cell>
          <cell r="CW549">
            <v>6736</v>
          </cell>
          <cell r="CX549" t="str">
            <v>主査</v>
          </cell>
          <cell r="CY549" t="str">
            <v>運輸サービス課長</v>
          </cell>
        </row>
        <row r="550">
          <cell r="B550">
            <v>2825</v>
          </cell>
          <cell r="C550" t="str">
            <v>サンワコムシスエンジニアリング(株)</v>
          </cell>
          <cell r="D550" t="str">
            <v>06-6533-1262</v>
          </cell>
          <cell r="E550" t="str">
            <v>550-0014</v>
          </cell>
          <cell r="F550" t="str">
            <v>大阪府大阪市西区北堀江2-5-24</v>
          </cell>
          <cell r="G550" t="str">
            <v/>
          </cell>
          <cell r="H550" t="str">
            <v>関西支店</v>
          </cell>
          <cell r="I550" t="str">
            <v>執行役員支店長 宮井　直樹</v>
          </cell>
          <cell r="J550" t="str">
            <v>東京都</v>
          </cell>
          <cell r="K550" t="str">
            <v>06-6533-1361</v>
          </cell>
          <cell r="L550" t="str">
            <v>t-hirata@sancom-eng.co.jp</v>
          </cell>
          <cell r="M550" t="str">
            <v>ｻﾝﾜｺﾑｼｽｴﾝｼﾞﾆｱﾘﾝｸﾞ</v>
          </cell>
          <cell r="N550" t="str">
            <v>有</v>
          </cell>
          <cell r="O550">
            <v>68</v>
          </cell>
          <cell r="P550">
            <v>747</v>
          </cell>
          <cell r="Q550">
            <v>7011301014037</v>
          </cell>
          <cell r="R550">
            <v>3624712</v>
          </cell>
          <cell r="S550">
            <v>19631318</v>
          </cell>
          <cell r="T550">
            <v>39670085</v>
          </cell>
          <cell r="V550" t="str">
            <v>gs603914</v>
          </cell>
          <cell r="W550" t="str">
            <v>cz475620</v>
          </cell>
          <cell r="X550" t="str">
            <v>管消(電)(通)(消)土と電鋼舗塗通</v>
          </cell>
          <cell r="Y550" t="str">
            <v>管消(電)(通)(消)</v>
          </cell>
          <cell r="Z550" t="str">
            <v>土と電鋼舗塗通</v>
          </cell>
          <cell r="AA550" t="str">
            <v>電気</v>
          </cell>
          <cell r="AB550" t="str">
            <v>電気通信</v>
          </cell>
          <cell r="AC550" t="str">
            <v/>
          </cell>
          <cell r="AD550" t="str">
            <v/>
          </cell>
          <cell r="AE550">
            <v>43190</v>
          </cell>
          <cell r="AF550" t="str">
            <v/>
          </cell>
          <cell r="AG550" t="str">
            <v>電気</v>
          </cell>
          <cell r="AH550" t="str">
            <v>特定</v>
          </cell>
          <cell r="AI550">
            <v>1433</v>
          </cell>
          <cell r="AJ550">
            <v>6345043</v>
          </cell>
          <cell r="AK550" t="str">
            <v>102(77)/56/74</v>
          </cell>
          <cell r="AL550" t="str">
            <v>電気通信</v>
          </cell>
          <cell r="AM550" t="str">
            <v>特定</v>
          </cell>
          <cell r="AN550">
            <v>1520</v>
          </cell>
          <cell r="AO550">
            <v>33325041</v>
          </cell>
          <cell r="AP550" t="str">
            <v>0(0)/0/219</v>
          </cell>
          <cell r="AQ550" t="str">
            <v/>
          </cell>
          <cell r="AR550" t="str">
            <v/>
          </cell>
          <cell r="AS550" t="str">
            <v/>
          </cell>
          <cell r="AT550" t="str">
            <v/>
          </cell>
          <cell r="AU550" t="str">
            <v/>
          </cell>
          <cell r="AV550" t="str">
            <v/>
          </cell>
          <cell r="AW550" t="str">
            <v/>
          </cell>
          <cell r="AX550" t="str">
            <v/>
          </cell>
          <cell r="AY550" t="str">
            <v/>
          </cell>
          <cell r="AZ550" t="str">
            <v/>
          </cell>
          <cell r="BA550" t="str">
            <v>東京都</v>
          </cell>
          <cell r="BB550">
            <v>0</v>
          </cell>
          <cell r="CR550">
            <v>5286</v>
          </cell>
          <cell r="CS550" t="str">
            <v>ﾉﾓﾄ ｷﾖｼ</v>
          </cell>
          <cell r="CT550" t="str">
            <v>野元  清</v>
          </cell>
          <cell r="CU550" t="str">
            <v>運輸サービス課</v>
          </cell>
          <cell r="CW550">
            <v>6736</v>
          </cell>
          <cell r="CX550" t="str">
            <v>主査</v>
          </cell>
          <cell r="CY550" t="str">
            <v>運輸サービス課長</v>
          </cell>
        </row>
        <row r="551">
          <cell r="B551">
            <v>2826</v>
          </cell>
          <cell r="C551" t="str">
            <v>三和道路工業(株)</v>
          </cell>
          <cell r="D551" t="str">
            <v>072-643-4399</v>
          </cell>
          <cell r="E551" t="str">
            <v>567-0007</v>
          </cell>
          <cell r="F551" t="str">
            <v>大阪府茨木市南安威3-1-23</v>
          </cell>
          <cell r="G551" t="str">
            <v>茨木市</v>
          </cell>
          <cell r="H551" t="str">
            <v/>
          </cell>
          <cell r="I551" t="str">
            <v>代表取締役 空　芳徳</v>
          </cell>
          <cell r="J551" t="str">
            <v>本店</v>
          </cell>
          <cell r="K551" t="str">
            <v>072-643-4396</v>
          </cell>
          <cell r="L551" t="str">
            <v>sdkkk4201sanwadourokougyo.co.jp</v>
          </cell>
          <cell r="M551" t="str">
            <v>ｻﾝﾜﾄﾞｳﾛｺｳｷﾞｮｳ</v>
          </cell>
          <cell r="N551" t="str">
            <v>無</v>
          </cell>
          <cell r="O551">
            <v>50</v>
          </cell>
          <cell r="P551">
            <v>5</v>
          </cell>
          <cell r="Q551">
            <v>7120901013593</v>
          </cell>
          <cell r="R551">
            <v>10000</v>
          </cell>
          <cell r="S551">
            <v>1047</v>
          </cell>
          <cell r="T551">
            <v>42379</v>
          </cell>
          <cell r="V551" t="str">
            <v>mv913755</v>
          </cell>
          <cell r="W551" t="str">
            <v>xj934245</v>
          </cell>
          <cell r="X551" t="str">
            <v>と塗</v>
          </cell>
          <cell r="Y551" t="str">
            <v>と塗</v>
          </cell>
          <cell r="Z551" t="str">
            <v/>
          </cell>
          <cell r="AA551" t="str">
            <v>とび土工</v>
          </cell>
          <cell r="AB551" t="str">
            <v>塗装</v>
          </cell>
          <cell r="AC551" t="str">
            <v/>
          </cell>
          <cell r="AD551" t="str">
            <v/>
          </cell>
          <cell r="AE551">
            <v>43069</v>
          </cell>
          <cell r="AF551" t="str">
            <v/>
          </cell>
          <cell r="AG551" t="str">
            <v>とび土工</v>
          </cell>
          <cell r="AH551" t="str">
            <v>一般</v>
          </cell>
          <cell r="AI551">
            <v>712</v>
          </cell>
          <cell r="AJ551">
            <v>34027</v>
          </cell>
          <cell r="AK551" t="str">
            <v>2(1)/0/1</v>
          </cell>
          <cell r="AL551" t="str">
            <v>塗装</v>
          </cell>
          <cell r="AM551" t="str">
            <v>一般</v>
          </cell>
          <cell r="AN551">
            <v>628</v>
          </cell>
          <cell r="AO551">
            <v>1347</v>
          </cell>
          <cell r="AP551" t="str">
            <v>1(0)/0/0</v>
          </cell>
          <cell r="AQ551" t="str">
            <v/>
          </cell>
          <cell r="AR551" t="str">
            <v/>
          </cell>
          <cell r="AS551" t="str">
            <v/>
          </cell>
          <cell r="AT551" t="str">
            <v/>
          </cell>
          <cell r="AU551" t="str">
            <v/>
          </cell>
          <cell r="AV551" t="str">
            <v/>
          </cell>
          <cell r="AW551" t="str">
            <v/>
          </cell>
          <cell r="AX551" t="str">
            <v/>
          </cell>
          <cell r="AY551" t="str">
            <v/>
          </cell>
          <cell r="AZ551" t="str">
            <v/>
          </cell>
          <cell r="BA551" t="str">
            <v>大阪府</v>
          </cell>
          <cell r="BB551">
            <v>0</v>
          </cell>
          <cell r="CR551">
            <v>5302</v>
          </cell>
          <cell r="CS551" t="str">
            <v>ｲﾃﾞ ﾉﾘﾋﾛ</v>
          </cell>
          <cell r="CT551" t="str">
            <v>井手  規博</v>
          </cell>
          <cell r="CU551" t="str">
            <v>法制課</v>
          </cell>
          <cell r="CW551">
            <v>2382</v>
          </cell>
          <cell r="CX551" t="str">
            <v>課長</v>
          </cell>
          <cell r="CY551" t="str">
            <v>法制課長</v>
          </cell>
        </row>
        <row r="552">
          <cell r="B552">
            <v>2827</v>
          </cell>
          <cell r="C552" t="str">
            <v>(株)杉優</v>
          </cell>
          <cell r="D552" t="str">
            <v>06-6722-1008</v>
          </cell>
          <cell r="E552" t="str">
            <v>577-0806</v>
          </cell>
          <cell r="F552" t="str">
            <v>大阪府東大阪市上小阪4-3-1</v>
          </cell>
          <cell r="G552" t="str">
            <v>東大阪市</v>
          </cell>
          <cell r="H552" t="str">
            <v/>
          </cell>
          <cell r="I552" t="str">
            <v>代表取締役 杉浦　邦和</v>
          </cell>
          <cell r="J552" t="str">
            <v>本店</v>
          </cell>
          <cell r="K552" t="str">
            <v>06-6722-1108</v>
          </cell>
          <cell r="L552" t="str">
            <v>cpdij505@hct.zaq.ne.jp</v>
          </cell>
          <cell r="M552" t="str">
            <v>ｻﾝﾕｳ</v>
          </cell>
          <cell r="N552" t="str">
            <v>無</v>
          </cell>
          <cell r="O552">
            <v>23</v>
          </cell>
          <cell r="P552">
            <v>7</v>
          </cell>
          <cell r="Q552">
            <v>2122001003950</v>
          </cell>
          <cell r="R552">
            <v>32500</v>
          </cell>
          <cell r="S552">
            <v>40122</v>
          </cell>
          <cell r="T552">
            <v>135647</v>
          </cell>
          <cell r="V552" t="str">
            <v>zy927438</v>
          </cell>
          <cell r="W552" t="str">
            <v>ug991243</v>
          </cell>
          <cell r="X552" t="str">
            <v>土と舗浚塗水</v>
          </cell>
          <cell r="Y552" t="str">
            <v/>
          </cell>
          <cell r="Z552" t="str">
            <v>土と舗浚塗水</v>
          </cell>
          <cell r="AA552" t="str">
            <v>土木一式</v>
          </cell>
          <cell r="AB552" t="str">
            <v>浚渫</v>
          </cell>
          <cell r="AC552" t="str">
            <v/>
          </cell>
          <cell r="AD552" t="str">
            <v/>
          </cell>
          <cell r="AE552">
            <v>43251</v>
          </cell>
          <cell r="AF552" t="str">
            <v>希望する</v>
          </cell>
          <cell r="AG552" t="str">
            <v>土木一式</v>
          </cell>
          <cell r="AH552" t="str">
            <v>特定</v>
          </cell>
          <cell r="AI552">
            <v>708</v>
          </cell>
          <cell r="AJ552">
            <v>32013</v>
          </cell>
          <cell r="AK552" t="str">
            <v>2(2)/2/0</v>
          </cell>
          <cell r="AL552" t="str">
            <v>浚渫</v>
          </cell>
          <cell r="AM552" t="str">
            <v>特定</v>
          </cell>
          <cell r="AN552">
            <v>735</v>
          </cell>
          <cell r="AO552">
            <v>93278</v>
          </cell>
          <cell r="AP552" t="str">
            <v>2(2)/2/1</v>
          </cell>
          <cell r="AQ552" t="str">
            <v/>
          </cell>
          <cell r="AR552" t="str">
            <v/>
          </cell>
          <cell r="AS552" t="str">
            <v/>
          </cell>
          <cell r="AT552" t="str">
            <v/>
          </cell>
          <cell r="AU552" t="str">
            <v/>
          </cell>
          <cell r="AV552" t="str">
            <v/>
          </cell>
          <cell r="AW552" t="str">
            <v/>
          </cell>
          <cell r="AX552" t="str">
            <v/>
          </cell>
          <cell r="AY552" t="str">
            <v/>
          </cell>
          <cell r="AZ552" t="str">
            <v/>
          </cell>
          <cell r="BA552" t="str">
            <v>大阪府</v>
          </cell>
          <cell r="BB552">
            <v>0</v>
          </cell>
          <cell r="CR552">
            <v>5303</v>
          </cell>
          <cell r="CS552" t="str">
            <v>ｵｵﾑﾗ ﾄｼｶｽﾞ</v>
          </cell>
          <cell r="CT552" t="str">
            <v>大村  寿一</v>
          </cell>
          <cell r="CU552" t="str">
            <v>学校改革・学事課</v>
          </cell>
          <cell r="CW552">
            <v>3657</v>
          </cell>
          <cell r="CX552" t="str">
            <v>課長</v>
          </cell>
          <cell r="CY552" t="str">
            <v>学校改革・学事課長</v>
          </cell>
        </row>
        <row r="553">
          <cell r="B553">
            <v>2831</v>
          </cell>
          <cell r="C553" t="str">
            <v>三精工事サービス(株)</v>
          </cell>
          <cell r="D553" t="str">
            <v>06-6356-0374</v>
          </cell>
          <cell r="E553" t="str">
            <v>530-0033</v>
          </cell>
          <cell r="F553" t="str">
            <v>大阪府大阪市北区池田町1-43三精ﾋﾞﾙ</v>
          </cell>
          <cell r="G553" t="str">
            <v>大阪市</v>
          </cell>
          <cell r="H553" t="str">
            <v/>
          </cell>
          <cell r="I553" t="str">
            <v>代表取締役 畑中　祐介</v>
          </cell>
          <cell r="J553" t="str">
            <v>本店</v>
          </cell>
          <cell r="K553" t="str">
            <v>06-6356-0427</v>
          </cell>
          <cell r="L553" t="str">
            <v>info@sanseikoji.co.jp</v>
          </cell>
          <cell r="M553" t="str">
            <v>ｻﾝｾｲｺｳｼﾞｻｰﾋﾞｽ</v>
          </cell>
          <cell r="N553" t="str">
            <v>無</v>
          </cell>
          <cell r="O553">
            <v>51</v>
          </cell>
          <cell r="P553">
            <v>25</v>
          </cell>
          <cell r="Q553">
            <v>5120001112851</v>
          </cell>
          <cell r="R553">
            <v>20000</v>
          </cell>
          <cell r="S553">
            <v>73678</v>
          </cell>
          <cell r="T553">
            <v>681906</v>
          </cell>
          <cell r="V553" t="str">
            <v>tb751304</v>
          </cell>
          <cell r="W553" t="str">
            <v>ae293526</v>
          </cell>
          <cell r="X553" t="str">
            <v>機</v>
          </cell>
          <cell r="Y553" t="str">
            <v/>
          </cell>
          <cell r="Z553" t="str">
            <v>機</v>
          </cell>
          <cell r="AA553" t="str">
            <v>機械器具</v>
          </cell>
          <cell r="AB553" t="str">
            <v/>
          </cell>
          <cell r="AC553" t="str">
            <v/>
          </cell>
          <cell r="AD553" t="str">
            <v/>
          </cell>
          <cell r="AE553">
            <v>42947</v>
          </cell>
          <cell r="AF553" t="str">
            <v>希望しない</v>
          </cell>
          <cell r="AG553" t="str">
            <v>機械器具</v>
          </cell>
          <cell r="AH553" t="str">
            <v>特定</v>
          </cell>
          <cell r="AI553">
            <v>903</v>
          </cell>
          <cell r="AJ553">
            <v>677430</v>
          </cell>
          <cell r="AK553" t="str">
            <v>0(0)/0/21</v>
          </cell>
          <cell r="AL553" t="str">
            <v/>
          </cell>
          <cell r="AM553" t="str">
            <v/>
          </cell>
          <cell r="AN553" t="str">
            <v/>
          </cell>
          <cell r="AO553" t="str">
            <v/>
          </cell>
          <cell r="AP553" t="str">
            <v/>
          </cell>
          <cell r="AQ553" t="str">
            <v/>
          </cell>
          <cell r="AR553" t="str">
            <v/>
          </cell>
          <cell r="AS553" t="str">
            <v/>
          </cell>
          <cell r="AT553" t="str">
            <v/>
          </cell>
          <cell r="AU553" t="str">
            <v/>
          </cell>
          <cell r="AV553" t="str">
            <v/>
          </cell>
          <cell r="AW553" t="str">
            <v/>
          </cell>
          <cell r="AX553" t="str">
            <v/>
          </cell>
          <cell r="AY553" t="str">
            <v/>
          </cell>
          <cell r="AZ553" t="str">
            <v/>
          </cell>
          <cell r="BA553" t="str">
            <v>大阪府</v>
          </cell>
          <cell r="BB553">
            <v>0</v>
          </cell>
          <cell r="CR553">
            <v>5304</v>
          </cell>
          <cell r="CS553" t="str">
            <v>ｻﾄｳ ﾅｵｺ</v>
          </cell>
          <cell r="CT553" t="str">
            <v>佐藤  直子</v>
          </cell>
          <cell r="CU553" t="str">
            <v>人権啓発センター</v>
          </cell>
          <cell r="CW553" t="str">
            <v>781-6006</v>
          </cell>
          <cell r="CX553" t="str">
            <v>副主幹</v>
          </cell>
          <cell r="CY553" t="str">
            <v>人権啓発センター長</v>
          </cell>
        </row>
        <row r="554">
          <cell r="B554">
            <v>2832</v>
          </cell>
          <cell r="C554" t="str">
            <v>(株)三精エンジニアリング</v>
          </cell>
          <cell r="D554" t="str">
            <v>06-6357-0791</v>
          </cell>
          <cell r="E554" t="str">
            <v>530-0033</v>
          </cell>
          <cell r="F554" t="str">
            <v>大阪府大阪市北区池田町1-43</v>
          </cell>
          <cell r="G554" t="str">
            <v>大阪市</v>
          </cell>
          <cell r="H554" t="str">
            <v/>
          </cell>
          <cell r="I554" t="str">
            <v>代表取締役 高岡　岳史</v>
          </cell>
          <cell r="J554" t="str">
            <v>本店</v>
          </cell>
          <cell r="K554" t="str">
            <v>06-6356-0427</v>
          </cell>
          <cell r="L554" t="str">
            <v>info@sansei-eng.jp</v>
          </cell>
          <cell r="M554" t="str">
            <v>ｻﾝｾｲｴﾝｼﾞﾆｱﾘﾝｸﾞ</v>
          </cell>
          <cell r="N554" t="str">
            <v>無</v>
          </cell>
          <cell r="O554">
            <v>24</v>
          </cell>
          <cell r="P554">
            <v>14</v>
          </cell>
          <cell r="Q554">
            <v>9120001132441</v>
          </cell>
          <cell r="R554">
            <v>20000</v>
          </cell>
          <cell r="S554">
            <v>191429</v>
          </cell>
          <cell r="T554">
            <v>702891</v>
          </cell>
          <cell r="V554" t="str">
            <v>nf943799</v>
          </cell>
          <cell r="W554" t="str">
            <v>db676023</v>
          </cell>
          <cell r="X554" t="str">
            <v>機</v>
          </cell>
          <cell r="Y554" t="str">
            <v/>
          </cell>
          <cell r="Z554" t="str">
            <v>機</v>
          </cell>
          <cell r="AA554" t="str">
            <v>機械器具</v>
          </cell>
          <cell r="AB554" t="str">
            <v/>
          </cell>
          <cell r="AC554" t="str">
            <v/>
          </cell>
          <cell r="AD554" t="str">
            <v/>
          </cell>
          <cell r="AE554">
            <v>43220</v>
          </cell>
          <cell r="AF554" t="str">
            <v>希望しない</v>
          </cell>
          <cell r="AG554" t="str">
            <v>機械器具</v>
          </cell>
          <cell r="AH554" t="str">
            <v>特定</v>
          </cell>
          <cell r="AI554">
            <v>830</v>
          </cell>
          <cell r="AJ554">
            <v>549938</v>
          </cell>
          <cell r="AK554" t="str">
            <v>0(0)/0/12</v>
          </cell>
          <cell r="AL554" t="str">
            <v/>
          </cell>
          <cell r="AM554" t="str">
            <v/>
          </cell>
          <cell r="AN554" t="str">
            <v/>
          </cell>
          <cell r="AO554" t="str">
            <v/>
          </cell>
          <cell r="AP554" t="str">
            <v/>
          </cell>
          <cell r="AQ554" t="str">
            <v/>
          </cell>
          <cell r="AR554" t="str">
            <v/>
          </cell>
          <cell r="AS554" t="str">
            <v/>
          </cell>
          <cell r="AT554" t="str">
            <v/>
          </cell>
          <cell r="AU554" t="str">
            <v/>
          </cell>
          <cell r="AV554" t="str">
            <v/>
          </cell>
          <cell r="AW554" t="str">
            <v/>
          </cell>
          <cell r="AX554" t="str">
            <v/>
          </cell>
          <cell r="AY554" t="str">
            <v/>
          </cell>
          <cell r="AZ554" t="str">
            <v/>
          </cell>
          <cell r="BA554" t="str">
            <v>大阪府</v>
          </cell>
          <cell r="BB554" t="str">
            <v>三精ビル</v>
          </cell>
          <cell r="CR554">
            <v>5305</v>
          </cell>
          <cell r="CS554" t="str">
            <v>ｶﾄｳ ﾉﾌﾞﾋﾛ</v>
          </cell>
          <cell r="CT554" t="str">
            <v>加藤  伸広</v>
          </cell>
          <cell r="CU554" t="str">
            <v>監査委員事務局</v>
          </cell>
          <cell r="CW554">
            <v>3516</v>
          </cell>
          <cell r="CX554" t="str">
            <v>主査</v>
          </cell>
          <cell r="CY554" t="str">
            <v>監査委員事務局長</v>
          </cell>
        </row>
        <row r="555">
          <cell r="B555">
            <v>2833</v>
          </cell>
          <cell r="C555" t="str">
            <v>三福電設(株)</v>
          </cell>
          <cell r="D555" t="str">
            <v>072-727-2530</v>
          </cell>
          <cell r="E555" t="str">
            <v>562-0023</v>
          </cell>
          <cell r="F555" t="str">
            <v>大阪府箕面市粟生間谷西3-25-3</v>
          </cell>
          <cell r="G555" t="str">
            <v>箕面市</v>
          </cell>
          <cell r="H555" t="str">
            <v/>
          </cell>
          <cell r="I555" t="str">
            <v>代表取締役 福井　裕司</v>
          </cell>
          <cell r="J555" t="str">
            <v>本店</v>
          </cell>
          <cell r="K555" t="str">
            <v>072-727-2560</v>
          </cell>
          <cell r="L555" t="str">
            <v>sat0317@sanpuku.com</v>
          </cell>
          <cell r="M555" t="str">
            <v>ｻﾝﾌﾟｸﾃﾞﾝｾﾂ</v>
          </cell>
          <cell r="N555" t="str">
            <v>無</v>
          </cell>
          <cell r="O555">
            <v>22</v>
          </cell>
          <cell r="P555">
            <v>9</v>
          </cell>
          <cell r="Q555">
            <v>8120901020531</v>
          </cell>
          <cell r="R555">
            <v>25000</v>
          </cell>
          <cell r="S555">
            <v>71607</v>
          </cell>
          <cell r="T555">
            <v>274019</v>
          </cell>
          <cell r="V555" t="str">
            <v>ce487747</v>
          </cell>
          <cell r="W555" t="str">
            <v>gs419208</v>
          </cell>
          <cell r="X555" t="str">
            <v>消電</v>
          </cell>
          <cell r="Y555" t="str">
            <v>消</v>
          </cell>
          <cell r="Z555" t="str">
            <v>電</v>
          </cell>
          <cell r="AA555" t="str">
            <v>電気</v>
          </cell>
          <cell r="AB555" t="str">
            <v/>
          </cell>
          <cell r="AC555" t="str">
            <v/>
          </cell>
          <cell r="AD555" t="str">
            <v/>
          </cell>
          <cell r="AE555">
            <v>43251</v>
          </cell>
          <cell r="AF555" t="str">
            <v>希望しない</v>
          </cell>
          <cell r="AG555" t="str">
            <v>電気</v>
          </cell>
          <cell r="AH555" t="str">
            <v>特定</v>
          </cell>
          <cell r="AI555">
            <v>869</v>
          </cell>
          <cell r="AJ555">
            <v>274019</v>
          </cell>
          <cell r="AK555" t="str">
            <v>3(3)/6/0</v>
          </cell>
          <cell r="AL555" t="str">
            <v/>
          </cell>
          <cell r="AM555" t="str">
            <v/>
          </cell>
          <cell r="AN555" t="str">
            <v/>
          </cell>
          <cell r="AO555" t="str">
            <v/>
          </cell>
          <cell r="AP555" t="str">
            <v/>
          </cell>
          <cell r="AQ555" t="str">
            <v/>
          </cell>
          <cell r="AR555" t="str">
            <v/>
          </cell>
          <cell r="AS555" t="str">
            <v/>
          </cell>
          <cell r="AT555" t="str">
            <v/>
          </cell>
          <cell r="AU555" t="str">
            <v/>
          </cell>
          <cell r="AV555" t="str">
            <v/>
          </cell>
          <cell r="AW555" t="str">
            <v/>
          </cell>
          <cell r="AX555" t="str">
            <v/>
          </cell>
          <cell r="AY555" t="str">
            <v/>
          </cell>
          <cell r="AZ555" t="str">
            <v/>
          </cell>
          <cell r="BA555" t="str">
            <v>大阪府</v>
          </cell>
          <cell r="BB555">
            <v>0</v>
          </cell>
          <cell r="CR555">
            <v>5306</v>
          </cell>
          <cell r="CS555" t="str">
            <v>ｶﾏﾀﾞ ｶｽﾞﾃﾙ</v>
          </cell>
          <cell r="CT555" t="str">
            <v>鎌田  一輝</v>
          </cell>
          <cell r="CU555" t="str">
            <v>総務課</v>
          </cell>
          <cell r="CW555" t="str">
            <v xml:space="preserve"> </v>
          </cell>
          <cell r="CX555" t="str">
            <v>主査</v>
          </cell>
          <cell r="CY555" t="str">
            <v>総務課長</v>
          </cell>
        </row>
        <row r="556">
          <cell r="B556">
            <v>2835</v>
          </cell>
          <cell r="C556" t="str">
            <v>三和通信工業(株)</v>
          </cell>
          <cell r="D556" t="str">
            <v>06-6266-3211</v>
          </cell>
          <cell r="E556" t="str">
            <v>541-0057</v>
          </cell>
          <cell r="F556" t="str">
            <v>大阪府大阪市中央区北久宝寺町1-9-1</v>
          </cell>
          <cell r="G556" t="str">
            <v>大阪市</v>
          </cell>
          <cell r="H556" t="str">
            <v/>
          </cell>
          <cell r="I556" t="str">
            <v>代表取締役 岸村　智志</v>
          </cell>
          <cell r="J556" t="str">
            <v>本店</v>
          </cell>
          <cell r="K556" t="str">
            <v>06-6266-3223</v>
          </cell>
          <cell r="L556" t="str">
            <v>yuichi_yamashita@santsu.co.jp</v>
          </cell>
          <cell r="M556" t="str">
            <v>ｻﾝﾜﾂｳｼﾝｺｳｷﾞｮｳ</v>
          </cell>
          <cell r="N556" t="str">
            <v>無</v>
          </cell>
          <cell r="O556">
            <v>59</v>
          </cell>
          <cell r="P556">
            <v>68</v>
          </cell>
          <cell r="Q556">
            <v>9120001080649</v>
          </cell>
          <cell r="R556">
            <v>10000</v>
          </cell>
          <cell r="S556">
            <v>457015</v>
          </cell>
          <cell r="T556">
            <v>1415726</v>
          </cell>
          <cell r="V556" t="str">
            <v>gr114245</v>
          </cell>
          <cell r="W556" t="str">
            <v>pg752157</v>
          </cell>
          <cell r="X556" t="str">
            <v>通</v>
          </cell>
          <cell r="Y556" t="str">
            <v>通</v>
          </cell>
          <cell r="Z556" t="str">
            <v/>
          </cell>
          <cell r="AA556" t="str">
            <v>電気通信</v>
          </cell>
          <cell r="AB556" t="str">
            <v/>
          </cell>
          <cell r="AC556" t="str">
            <v/>
          </cell>
          <cell r="AD556" t="str">
            <v/>
          </cell>
          <cell r="AE556">
            <v>42947</v>
          </cell>
          <cell r="AF556" t="str">
            <v>希望しない</v>
          </cell>
          <cell r="AG556" t="str">
            <v>電気通信</v>
          </cell>
          <cell r="AH556" t="str">
            <v>一般</v>
          </cell>
          <cell r="AI556">
            <v>877</v>
          </cell>
          <cell r="AJ556">
            <v>1367443</v>
          </cell>
          <cell r="AK556" t="str">
            <v>()//32</v>
          </cell>
          <cell r="AL556" t="str">
            <v/>
          </cell>
          <cell r="AM556" t="str">
            <v/>
          </cell>
          <cell r="AN556" t="str">
            <v/>
          </cell>
          <cell r="AO556" t="str">
            <v/>
          </cell>
          <cell r="AP556" t="str">
            <v/>
          </cell>
          <cell r="AQ556" t="str">
            <v/>
          </cell>
          <cell r="AR556" t="str">
            <v/>
          </cell>
          <cell r="AS556" t="str">
            <v/>
          </cell>
          <cell r="AT556" t="str">
            <v/>
          </cell>
          <cell r="AU556" t="str">
            <v/>
          </cell>
          <cell r="AV556" t="str">
            <v/>
          </cell>
          <cell r="AW556" t="str">
            <v/>
          </cell>
          <cell r="AX556" t="str">
            <v/>
          </cell>
          <cell r="AY556" t="str">
            <v/>
          </cell>
          <cell r="AZ556" t="str">
            <v/>
          </cell>
          <cell r="BA556" t="str">
            <v>大阪府</v>
          </cell>
          <cell r="BB556" t="str">
            <v>セントピアビル５階</v>
          </cell>
          <cell r="CR556">
            <v>5308</v>
          </cell>
          <cell r="CS556" t="str">
            <v>ｺｳﾗ ﾀﾂﾔ</v>
          </cell>
          <cell r="CT556" t="str">
            <v>小宇羅  達也</v>
          </cell>
          <cell r="CU556" t="str">
            <v>地域・高年福祉課</v>
          </cell>
          <cell r="CW556">
            <v>2507</v>
          </cell>
          <cell r="CX556" t="str">
            <v>主査</v>
          </cell>
          <cell r="CY556" t="str">
            <v>地域・高年福祉課長</v>
          </cell>
        </row>
        <row r="557">
          <cell r="B557">
            <v>2838</v>
          </cell>
          <cell r="C557" t="str">
            <v>(株)三機サービス</v>
          </cell>
          <cell r="D557" t="str">
            <v>06-6380-0211</v>
          </cell>
          <cell r="E557" t="str">
            <v>564-0043</v>
          </cell>
          <cell r="F557" t="str">
            <v>大阪府吹田市南吹田5‐22‐10</v>
          </cell>
          <cell r="G557" t="str">
            <v>姫路市</v>
          </cell>
          <cell r="H557" t="str">
            <v>大阪センター</v>
          </cell>
          <cell r="I557" t="str">
            <v>所長 沖田　富雄</v>
          </cell>
          <cell r="J557" t="str">
            <v>兵庫県姫路市</v>
          </cell>
          <cell r="K557" t="str">
            <v>06-6380-0212</v>
          </cell>
          <cell r="L557" t="str">
            <v>maekawa@sanki-s.co.jp</v>
          </cell>
          <cell r="M557" t="str">
            <v>ｻﾝｷｻｰﾋﾞｽ</v>
          </cell>
          <cell r="N557" t="str">
            <v>有</v>
          </cell>
          <cell r="O557">
            <v>26</v>
          </cell>
          <cell r="P557">
            <v>358</v>
          </cell>
          <cell r="Q557">
            <v>3140001059036</v>
          </cell>
          <cell r="R557">
            <v>550628</v>
          </cell>
          <cell r="S557">
            <v>2431682</v>
          </cell>
          <cell r="T557">
            <v>11148841</v>
          </cell>
          <cell r="V557" t="str">
            <v>jn513662</v>
          </cell>
          <cell r="W557" t="str">
            <v>xs786307</v>
          </cell>
          <cell r="X557" t="str">
            <v>電(電)(管)管</v>
          </cell>
          <cell r="Y557" t="str">
            <v>電(電)(管)</v>
          </cell>
          <cell r="Z557" t="str">
            <v>管</v>
          </cell>
          <cell r="AA557" t="str">
            <v>管</v>
          </cell>
          <cell r="AB557" t="str">
            <v>電気</v>
          </cell>
          <cell r="AC557" t="str">
            <v/>
          </cell>
          <cell r="AD557" t="str">
            <v/>
          </cell>
          <cell r="AE557">
            <v>43251</v>
          </cell>
          <cell r="AF557" t="str">
            <v>希望しない</v>
          </cell>
          <cell r="AG557" t="str">
            <v>管</v>
          </cell>
          <cell r="AH557" t="str">
            <v>特定</v>
          </cell>
          <cell r="AI557">
            <v>1117</v>
          </cell>
          <cell r="AJ557">
            <v>3422498</v>
          </cell>
          <cell r="AK557" t="str">
            <v>()/3/29</v>
          </cell>
          <cell r="AL557" t="str">
            <v>電気</v>
          </cell>
          <cell r="AM557" t="str">
            <v>一般</v>
          </cell>
          <cell r="AN557">
            <v>931</v>
          </cell>
          <cell r="AO557">
            <v>408028</v>
          </cell>
          <cell r="AP557" t="str">
            <v>14(8)/11/77</v>
          </cell>
          <cell r="AQ557" t="str">
            <v/>
          </cell>
          <cell r="AR557" t="str">
            <v/>
          </cell>
          <cell r="AS557" t="str">
            <v/>
          </cell>
          <cell r="AT557" t="str">
            <v/>
          </cell>
          <cell r="AU557" t="str">
            <v/>
          </cell>
          <cell r="AV557" t="str">
            <v/>
          </cell>
          <cell r="AW557" t="str">
            <v/>
          </cell>
          <cell r="AX557" t="str">
            <v/>
          </cell>
          <cell r="AY557" t="str">
            <v/>
          </cell>
          <cell r="AZ557" t="str">
            <v/>
          </cell>
          <cell r="BA557" t="str">
            <v>兵庫県</v>
          </cell>
          <cell r="BB557">
            <v>0</v>
          </cell>
          <cell r="CR557">
            <v>5309</v>
          </cell>
          <cell r="CS557" t="str">
            <v>ｺﾒﾀﾆ ｻﾄｼ</v>
          </cell>
          <cell r="CT557" t="str">
            <v>米谷  智</v>
          </cell>
          <cell r="CU557" t="str">
            <v>会計室</v>
          </cell>
          <cell r="CW557">
            <v>3406</v>
          </cell>
          <cell r="CX557" t="str">
            <v>主幹</v>
          </cell>
          <cell r="CY557" t="str">
            <v>会計室長</v>
          </cell>
        </row>
        <row r="558">
          <cell r="B558">
            <v>2839</v>
          </cell>
          <cell r="C558" t="str">
            <v>堺土建(株)</v>
          </cell>
          <cell r="D558" t="str">
            <v>072-262-1388</v>
          </cell>
          <cell r="E558" t="str">
            <v>593-8321</v>
          </cell>
          <cell r="F558" t="str">
            <v>大阪府堺市西区宮下町12-1</v>
          </cell>
          <cell r="G558" t="str">
            <v/>
          </cell>
          <cell r="H558" t="str">
            <v/>
          </cell>
          <cell r="I558" t="str">
            <v>代表取締役　 下川　好隆</v>
          </cell>
          <cell r="J558" t="str">
            <v>本店</v>
          </cell>
          <cell r="K558" t="str">
            <v>072-265-2709</v>
          </cell>
          <cell r="L558" t="str">
            <v>eigyo@sakaidoken.co.jp</v>
          </cell>
          <cell r="M558" t="str">
            <v>ｻｶｲﾄﾞｹﾝ</v>
          </cell>
          <cell r="N558" t="str">
            <v>無</v>
          </cell>
          <cell r="O558">
            <v>67</v>
          </cell>
          <cell r="P558">
            <v>43</v>
          </cell>
          <cell r="Q558">
            <v>8120100000000</v>
          </cell>
          <cell r="R558">
            <v>90000</v>
          </cell>
          <cell r="S558">
            <v>653060</v>
          </cell>
          <cell r="T558">
            <v>4465000</v>
          </cell>
          <cell r="V558" t="str">
            <v>en278279</v>
          </cell>
          <cell r="W558" t="str">
            <v>hs888259</v>
          </cell>
          <cell r="X558" t="str">
            <v>電(電)(管)管</v>
          </cell>
          <cell r="Y558" t="str">
            <v>電(電)(管)</v>
          </cell>
          <cell r="Z558" t="str">
            <v>管</v>
          </cell>
          <cell r="AA558" t="str">
            <v>建築一式</v>
          </cell>
          <cell r="AB558" t="str">
            <v>土木一式</v>
          </cell>
          <cell r="AC558" t="str">
            <v/>
          </cell>
          <cell r="AD558" t="str">
            <v/>
          </cell>
          <cell r="AE558">
            <v>43028</v>
          </cell>
          <cell r="AF558" t="str">
            <v>パルテム・フローリ</v>
          </cell>
          <cell r="AG558" t="str">
            <v>建築一式</v>
          </cell>
          <cell r="AH558" t="str">
            <v>特定</v>
          </cell>
          <cell r="AI558">
            <v>1223</v>
          </cell>
          <cell r="AJ558">
            <v>4052591</v>
          </cell>
          <cell r="AK558" t="str">
            <v>17(17)/6/4</v>
          </cell>
          <cell r="AL558" t="str">
            <v>土木一式</v>
          </cell>
          <cell r="AM558" t="str">
            <v>特定</v>
          </cell>
          <cell r="AN558">
            <v>1017</v>
          </cell>
          <cell r="AO558">
            <v>368678</v>
          </cell>
          <cell r="AP558" t="str">
            <v>7(7)/8/11</v>
          </cell>
          <cell r="AQ558" t="str">
            <v/>
          </cell>
          <cell r="AR558" t="str">
            <v/>
          </cell>
          <cell r="AS558" t="str">
            <v/>
          </cell>
          <cell r="AT558" t="str">
            <v/>
          </cell>
          <cell r="AU558" t="str">
            <v/>
          </cell>
          <cell r="AV558" t="str">
            <v/>
          </cell>
          <cell r="AW558" t="str">
            <v/>
          </cell>
          <cell r="AX558" t="str">
            <v/>
          </cell>
          <cell r="AY558" t="str">
            <v/>
          </cell>
          <cell r="AZ558" t="str">
            <v/>
          </cell>
          <cell r="BA558" t="str">
            <v>大阪府</v>
          </cell>
          <cell r="BB558">
            <v>0</v>
          </cell>
          <cell r="CR558">
            <v>5310</v>
          </cell>
          <cell r="CS558" t="str">
            <v>ｻｶﾍﾞ ﾋﾛﾉﾘ</v>
          </cell>
          <cell r="CT558" t="str">
            <v>阪部  広典</v>
          </cell>
          <cell r="CU558" t="str">
            <v>農業政策課</v>
          </cell>
          <cell r="CW558" t="str">
            <v xml:space="preserve"> </v>
          </cell>
          <cell r="CX558" t="str">
            <v>場長</v>
          </cell>
          <cell r="CY558" t="str">
            <v>農業政策課長</v>
          </cell>
        </row>
        <row r="559">
          <cell r="B559">
            <v>2841</v>
          </cell>
          <cell r="C559" t="str">
            <v>サンセイ(株)</v>
          </cell>
          <cell r="D559" t="str">
            <v>06-6395-2231</v>
          </cell>
          <cell r="E559" t="str">
            <v>532-0004</v>
          </cell>
          <cell r="F559" t="str">
            <v>大阪府大阪市淀川区西宮原1-6-2</v>
          </cell>
          <cell r="G559" t="str">
            <v>大阪市</v>
          </cell>
          <cell r="H559" t="str">
            <v/>
          </cell>
          <cell r="I559" t="str">
            <v>代表取締役 小嶋　敦</v>
          </cell>
          <cell r="J559" t="str">
            <v>本店</v>
          </cell>
          <cell r="K559" t="str">
            <v>06-6395-2266</v>
          </cell>
          <cell r="L559" t="str">
            <v>mc.osaka@sansei-group.co.jp</v>
          </cell>
          <cell r="M559" t="str">
            <v>ｻﾝｾｲ</v>
          </cell>
          <cell r="N559" t="str">
            <v>無</v>
          </cell>
          <cell r="O559">
            <v>58</v>
          </cell>
          <cell r="P559">
            <v>187</v>
          </cell>
          <cell r="Q559">
            <v>3120001055482</v>
          </cell>
          <cell r="R559">
            <v>890437</v>
          </cell>
          <cell r="S559">
            <v>3482591</v>
          </cell>
          <cell r="T559">
            <v>4873432</v>
          </cell>
          <cell r="V559" t="str">
            <v>ac644297</v>
          </cell>
          <cell r="W559" t="str">
            <v>ud791527</v>
          </cell>
          <cell r="X559" t="str">
            <v>と機</v>
          </cell>
          <cell r="Y559" t="str">
            <v>と機</v>
          </cell>
          <cell r="Z559" t="str">
            <v/>
          </cell>
          <cell r="AA559" t="str">
            <v>機械器具</v>
          </cell>
          <cell r="AB559" t="str">
            <v/>
          </cell>
          <cell r="AC559" t="str">
            <v/>
          </cell>
          <cell r="AD559" t="str">
            <v/>
          </cell>
          <cell r="AE559">
            <v>43190</v>
          </cell>
          <cell r="AF559" t="str">
            <v>希望しない</v>
          </cell>
          <cell r="AG559" t="str">
            <v>機械器具</v>
          </cell>
          <cell r="AH559" t="str">
            <v>一般</v>
          </cell>
          <cell r="AI559">
            <v>1125</v>
          </cell>
          <cell r="AJ559">
            <v>3143930</v>
          </cell>
          <cell r="AK559" t="str">
            <v>()//94</v>
          </cell>
          <cell r="AL559" t="str">
            <v/>
          </cell>
          <cell r="AM559" t="str">
            <v/>
          </cell>
          <cell r="AN559" t="str">
            <v/>
          </cell>
          <cell r="AO559" t="str">
            <v/>
          </cell>
          <cell r="AP559" t="str">
            <v/>
          </cell>
          <cell r="AQ559" t="str">
            <v/>
          </cell>
          <cell r="AR559" t="str">
            <v/>
          </cell>
          <cell r="AS559" t="str">
            <v/>
          </cell>
          <cell r="AT559" t="str">
            <v/>
          </cell>
          <cell r="AU559" t="str">
            <v/>
          </cell>
          <cell r="AV559" t="str">
            <v/>
          </cell>
          <cell r="AW559" t="str">
            <v/>
          </cell>
          <cell r="AX559" t="str">
            <v/>
          </cell>
          <cell r="AY559" t="str">
            <v/>
          </cell>
          <cell r="AZ559" t="str">
            <v/>
          </cell>
          <cell r="BA559" t="str">
            <v>大阪府</v>
          </cell>
          <cell r="BB559">
            <v>0</v>
          </cell>
          <cell r="CR559">
            <v>5311</v>
          </cell>
          <cell r="CS559" t="str">
            <v>ﾐﾅﾏﾀ ﾘｴ</v>
          </cell>
          <cell r="CT559" t="str">
            <v>水俣  里絵</v>
          </cell>
          <cell r="CU559" t="str">
            <v>総務課</v>
          </cell>
          <cell r="CW559" t="str">
            <v xml:space="preserve"> </v>
          </cell>
          <cell r="CX559" t="str">
            <v>主査</v>
          </cell>
          <cell r="CY559" t="str">
            <v>総務課長</v>
          </cell>
        </row>
        <row r="560">
          <cell r="B560">
            <v>2842</v>
          </cell>
          <cell r="C560" t="str">
            <v>(株)サンセイ</v>
          </cell>
          <cell r="D560" t="str">
            <v>06-6351-8802</v>
          </cell>
          <cell r="E560" t="str">
            <v>530-0037</v>
          </cell>
          <cell r="F560" t="str">
            <v>大阪府大阪市北区松ヶ枝町2-41</v>
          </cell>
          <cell r="G560" t="str">
            <v>大阪市</v>
          </cell>
          <cell r="H560" t="str">
            <v/>
          </cell>
          <cell r="I560" t="str">
            <v>代表取締役 黒田　俊治</v>
          </cell>
          <cell r="J560" t="str">
            <v>本店</v>
          </cell>
          <cell r="K560" t="str">
            <v>06-6352-8045</v>
          </cell>
          <cell r="L560" t="str">
            <v>main@sannsei.co.jp</v>
          </cell>
          <cell r="M560" t="str">
            <v>ｻﾝｾｲ</v>
          </cell>
          <cell r="N560" t="str">
            <v>無</v>
          </cell>
          <cell r="O560">
            <v>34</v>
          </cell>
          <cell r="P560">
            <v>7</v>
          </cell>
          <cell r="Q560">
            <v>7120001064356</v>
          </cell>
          <cell r="R560">
            <v>10000</v>
          </cell>
          <cell r="S560">
            <v>76359</v>
          </cell>
          <cell r="T560">
            <v>108605</v>
          </cell>
          <cell r="V560" t="str">
            <v>gk115869</v>
          </cell>
          <cell r="W560" t="str">
            <v>pr201756</v>
          </cell>
          <cell r="X560" t="str">
            <v>電管機水</v>
          </cell>
          <cell r="Y560" t="str">
            <v>電管機水</v>
          </cell>
          <cell r="Z560" t="str">
            <v/>
          </cell>
          <cell r="AA560" t="str">
            <v>機械器具</v>
          </cell>
          <cell r="AB560" t="str">
            <v>電気</v>
          </cell>
          <cell r="AC560" t="str">
            <v/>
          </cell>
          <cell r="AD560" t="str">
            <v/>
          </cell>
          <cell r="AE560" t="str">
            <v>平成30.9.30</v>
          </cell>
          <cell r="AF560" t="str">
            <v/>
          </cell>
          <cell r="AG560" t="str">
            <v>機械器具</v>
          </cell>
          <cell r="AH560" t="str">
            <v>一般</v>
          </cell>
          <cell r="AI560">
            <v>778</v>
          </cell>
          <cell r="AJ560">
            <v>147751</v>
          </cell>
          <cell r="AK560" t="str">
            <v>0(0)/0/7</v>
          </cell>
          <cell r="AL560" t="str">
            <v>電気</v>
          </cell>
          <cell r="AM560" t="str">
            <v>一般</v>
          </cell>
          <cell r="AN560">
            <v>667</v>
          </cell>
          <cell r="AO560">
            <v>4832</v>
          </cell>
          <cell r="AP560" t="str">
            <v>0(0)/0/2</v>
          </cell>
          <cell r="AQ560" t="str">
            <v/>
          </cell>
          <cell r="AR560" t="str">
            <v/>
          </cell>
          <cell r="AS560" t="str">
            <v/>
          </cell>
          <cell r="AT560" t="str">
            <v/>
          </cell>
          <cell r="AU560" t="str">
            <v/>
          </cell>
          <cell r="AV560" t="str">
            <v/>
          </cell>
          <cell r="AW560" t="str">
            <v/>
          </cell>
          <cell r="AX560" t="str">
            <v/>
          </cell>
          <cell r="AY560" t="str">
            <v/>
          </cell>
          <cell r="AZ560" t="str">
            <v/>
          </cell>
          <cell r="BA560" t="str">
            <v>大阪府</v>
          </cell>
          <cell r="BB560">
            <v>0</v>
          </cell>
          <cell r="CR560">
            <v>5312</v>
          </cell>
          <cell r="CS560" t="str">
            <v>ﾄﾐﾅｶﾞ ﾀｹｼ</v>
          </cell>
          <cell r="CT560" t="str">
            <v>富永  猛</v>
          </cell>
          <cell r="CU560" t="str">
            <v>給与制度課</v>
          </cell>
          <cell r="CW560">
            <v>2422</v>
          </cell>
          <cell r="CX560" t="str">
            <v>副主幹</v>
          </cell>
          <cell r="CY560" t="str">
            <v>給与制度課長</v>
          </cell>
        </row>
        <row r="561">
          <cell r="B561">
            <v>2843</v>
          </cell>
          <cell r="C561" t="str">
            <v>(有)三栄工業</v>
          </cell>
          <cell r="D561" t="str">
            <v>079-222-3787</v>
          </cell>
          <cell r="E561" t="str">
            <v>670-0803</v>
          </cell>
          <cell r="F561" t="str">
            <v>兵庫県姫路市城見台2-1111-373</v>
          </cell>
          <cell r="G561" t="str">
            <v>姫路市</v>
          </cell>
          <cell r="H561" t="str">
            <v/>
          </cell>
          <cell r="I561" t="str">
            <v>代表取締役 辻　千秋</v>
          </cell>
          <cell r="J561" t="str">
            <v>本店</v>
          </cell>
          <cell r="K561" t="str">
            <v>079-284-9807</v>
          </cell>
          <cell r="L561" t="str">
            <v>saneikougyou@zeus.eonet.ne.jp</v>
          </cell>
          <cell r="M561" t="str">
            <v>ｻﾝｴｲｺｳｷﾞｮｳ</v>
          </cell>
          <cell r="N561" t="str">
            <v>無</v>
          </cell>
          <cell r="O561">
            <v>26</v>
          </cell>
          <cell r="P561">
            <v>7</v>
          </cell>
          <cell r="Q561">
            <v>6140002053555</v>
          </cell>
          <cell r="R561">
            <v>34000</v>
          </cell>
          <cell r="S561">
            <v>50772</v>
          </cell>
          <cell r="T561">
            <v>141815</v>
          </cell>
          <cell r="V561" t="str">
            <v>xq121021</v>
          </cell>
          <cell r="W561" t="str">
            <v>bf664959</v>
          </cell>
          <cell r="X561" t="str">
            <v>土建大左と石屋タ鋼鉄舗浚板ガ塗防内熱具水</v>
          </cell>
          <cell r="Y561" t="str">
            <v>土建大左と石屋タ鋼鉄舗浚板ガ塗防内熱具水</v>
          </cell>
          <cell r="Z561" t="str">
            <v/>
          </cell>
          <cell r="AA561" t="str">
            <v>防水</v>
          </cell>
          <cell r="AB561" t="str">
            <v>塗装</v>
          </cell>
          <cell r="AC561" t="str">
            <v>建築一式</v>
          </cell>
          <cell r="AD561" t="str">
            <v>土木一式</v>
          </cell>
          <cell r="AE561">
            <v>43312</v>
          </cell>
          <cell r="AF561" t="str">
            <v/>
          </cell>
          <cell r="AG561" t="str">
            <v>防水</v>
          </cell>
          <cell r="AH561" t="str">
            <v>一般</v>
          </cell>
          <cell r="AI561">
            <v>764</v>
          </cell>
          <cell r="AJ561">
            <v>59587</v>
          </cell>
          <cell r="AK561" t="str">
            <v>1(1)/1/2</v>
          </cell>
          <cell r="AL561" t="str">
            <v>塗装</v>
          </cell>
          <cell r="AM561" t="str">
            <v>一般</v>
          </cell>
          <cell r="AN561">
            <v>737</v>
          </cell>
          <cell r="AO561">
            <v>26315</v>
          </cell>
          <cell r="AP561" t="str">
            <v>1(1)/0/1</v>
          </cell>
          <cell r="AQ561" t="str">
            <v>建築一式</v>
          </cell>
          <cell r="AR561" t="str">
            <v>一般</v>
          </cell>
          <cell r="AS561">
            <v>756</v>
          </cell>
          <cell r="AT561">
            <v>33525</v>
          </cell>
          <cell r="AU561" t="str">
            <v>2(2)/0/0</v>
          </cell>
          <cell r="AV561" t="str">
            <v>土木一式</v>
          </cell>
          <cell r="AW561" t="str">
            <v>一般</v>
          </cell>
          <cell r="AX561">
            <v>710</v>
          </cell>
          <cell r="AY561">
            <v>17765</v>
          </cell>
          <cell r="AZ561" t="str">
            <v>0(0)/0/0</v>
          </cell>
          <cell r="BA561" t="str">
            <v>兵庫県</v>
          </cell>
          <cell r="BB561">
            <v>0</v>
          </cell>
          <cell r="CR561">
            <v>5313</v>
          </cell>
          <cell r="CS561" t="str">
            <v>ﾌｼﾞｲ ｺｳｼﾞ</v>
          </cell>
          <cell r="CT561" t="str">
            <v>藤井  浩司</v>
          </cell>
          <cell r="CU561" t="str">
            <v>危機管理室</v>
          </cell>
          <cell r="CW561">
            <v>2580</v>
          </cell>
          <cell r="CX561" t="str">
            <v>副主幹</v>
          </cell>
          <cell r="CY561" t="str">
            <v>危機管理室主幹</v>
          </cell>
        </row>
        <row r="562">
          <cell r="B562">
            <v>2845</v>
          </cell>
          <cell r="C562" t="str">
            <v>(株)サン・イノベーション</v>
          </cell>
          <cell r="D562" t="str">
            <v>072-764-6651</v>
          </cell>
          <cell r="E562" t="str">
            <v>666-0011</v>
          </cell>
          <cell r="F562" t="str">
            <v>兵庫県川西市出在家町4-20-2</v>
          </cell>
          <cell r="G562" t="str">
            <v>川西市</v>
          </cell>
          <cell r="H562" t="str">
            <v/>
          </cell>
          <cell r="I562" t="str">
            <v>代表取締役 小泉　俊之</v>
          </cell>
          <cell r="J562" t="str">
            <v>本店</v>
          </cell>
          <cell r="K562" t="str">
            <v>072-764-6652</v>
          </cell>
          <cell r="L562" t="str">
            <v>kwns-pcj@cap.ocn.ne.jp</v>
          </cell>
          <cell r="M562" t="str">
            <v>ｻﾝ･ｲﾉﾍﾞｰｼｮﾝ</v>
          </cell>
          <cell r="N562" t="str">
            <v>無</v>
          </cell>
          <cell r="O562">
            <v>4</v>
          </cell>
          <cell r="P562">
            <v>3</v>
          </cell>
          <cell r="Q562">
            <v>8140001088229</v>
          </cell>
          <cell r="R562">
            <v>10000</v>
          </cell>
          <cell r="S562">
            <v>25225</v>
          </cell>
          <cell r="T562">
            <v>75538</v>
          </cell>
          <cell r="V562" t="str">
            <v>dj754213</v>
          </cell>
          <cell r="W562" t="str">
            <v>wq475286</v>
          </cell>
          <cell r="X562" t="str">
            <v>土と石鋼舗浚塗水</v>
          </cell>
          <cell r="Y562" t="str">
            <v>土と石鋼舗浚塗水</v>
          </cell>
          <cell r="Z562" t="str">
            <v/>
          </cell>
          <cell r="AA562" t="str">
            <v>とび土工</v>
          </cell>
          <cell r="AB562" t="str">
            <v>土木一式</v>
          </cell>
          <cell r="AC562" t="str">
            <v>鋼構造物</v>
          </cell>
          <cell r="AD562" t="str">
            <v>塗装</v>
          </cell>
          <cell r="AE562">
            <v>42916</v>
          </cell>
          <cell r="AF562" t="str">
            <v>希望しない</v>
          </cell>
          <cell r="AG562" t="str">
            <v>とび土工</v>
          </cell>
          <cell r="AH562" t="str">
            <v>一般</v>
          </cell>
          <cell r="AI562">
            <v>646</v>
          </cell>
          <cell r="AJ562">
            <v>72895</v>
          </cell>
          <cell r="AK562" t="str">
            <v>1(0)/1/0</v>
          </cell>
          <cell r="AL562" t="str">
            <v>土木一式</v>
          </cell>
          <cell r="AM562" t="str">
            <v>一般</v>
          </cell>
          <cell r="AN562">
            <v>559</v>
          </cell>
          <cell r="AO562" t="str">
            <v/>
          </cell>
          <cell r="AP562" t="str">
            <v>0(0)/0/0</v>
          </cell>
          <cell r="AQ562" t="str">
            <v>鋼構造物</v>
          </cell>
          <cell r="AR562" t="str">
            <v>一般</v>
          </cell>
          <cell r="AS562">
            <v>576</v>
          </cell>
          <cell r="AT562" t="str">
            <v/>
          </cell>
          <cell r="AU562" t="str">
            <v>1(0)/1/0</v>
          </cell>
          <cell r="AV562" t="str">
            <v>塗装</v>
          </cell>
          <cell r="AW562" t="str">
            <v>一般</v>
          </cell>
          <cell r="AX562">
            <v>562</v>
          </cell>
          <cell r="AY562" t="str">
            <v/>
          </cell>
          <cell r="AZ562" t="str">
            <v>0(0)/0/0</v>
          </cell>
          <cell r="BA562" t="str">
            <v>兵庫県</v>
          </cell>
          <cell r="BB562">
            <v>0</v>
          </cell>
          <cell r="CR562">
            <v>5314</v>
          </cell>
          <cell r="CS562" t="str">
            <v>ﾌｼﾞｲ ﾕｳｻｸ</v>
          </cell>
          <cell r="CT562" t="str">
            <v xml:space="preserve"> </v>
          </cell>
          <cell r="CU562" t="str">
            <v>資産税課</v>
          </cell>
          <cell r="CW562">
            <v>2329</v>
          </cell>
          <cell r="CX562" t="str">
            <v>副主幹</v>
          </cell>
          <cell r="CY562" t="str">
            <v>資産税課長</v>
          </cell>
        </row>
        <row r="563">
          <cell r="B563">
            <v>2846</v>
          </cell>
          <cell r="C563" t="str">
            <v>三陽建設(株)</v>
          </cell>
          <cell r="D563" t="str">
            <v>0748-88-3220</v>
          </cell>
          <cell r="E563" t="str">
            <v>520-3426</v>
          </cell>
          <cell r="F563" t="str">
            <v>滋賀県甲賀市甲賀町田堵野890-1</v>
          </cell>
          <cell r="G563" t="str">
            <v>甲賀市</v>
          </cell>
          <cell r="I563" t="str">
            <v>代表取締役 阪本　仁彦</v>
          </cell>
          <cell r="J563" t="str">
            <v>滋賀県甲賀市</v>
          </cell>
          <cell r="K563" t="str">
            <v>0748-88-3241</v>
          </cell>
          <cell r="L563" t="str">
            <v>c-ohara@sanyoukensetsu.co.jp</v>
          </cell>
          <cell r="M563" t="str">
            <v>ｻﾝﾖｳｹﾝｾﾂ</v>
          </cell>
          <cell r="N563" t="str">
            <v>有</v>
          </cell>
          <cell r="O563">
            <v>68</v>
          </cell>
          <cell r="P563">
            <v>67</v>
          </cell>
          <cell r="Q563">
            <v>6160001005365</v>
          </cell>
          <cell r="R563">
            <v>80000</v>
          </cell>
          <cell r="S563">
            <v>1032928</v>
          </cell>
          <cell r="T563">
            <v>5703557</v>
          </cell>
          <cell r="V563" t="str">
            <v>ws145758</v>
          </cell>
          <cell r="W563" t="str">
            <v>kt124288</v>
          </cell>
          <cell r="X563" t="str">
            <v>管土建と屋電タ鋼鉄舗浚ガ塗防内具水解</v>
          </cell>
          <cell r="Y563" t="str">
            <v>管</v>
          </cell>
          <cell r="Z563" t="str">
            <v>土建と屋電タ鋼鉄舗浚ガ塗防内具水解</v>
          </cell>
          <cell r="AA563" t="str">
            <v>建築一式</v>
          </cell>
          <cell r="AB563" t="str">
            <v>土木一式</v>
          </cell>
          <cell r="AC563" t="str">
            <v/>
          </cell>
          <cell r="AD563" t="str">
            <v/>
          </cell>
          <cell r="AE563">
            <v>43190</v>
          </cell>
          <cell r="AF563" t="str">
            <v>希望しない</v>
          </cell>
          <cell r="AG563" t="str">
            <v>建築一式</v>
          </cell>
          <cell r="AH563" t="str">
            <v>特定</v>
          </cell>
          <cell r="AI563">
            <v>1119</v>
          </cell>
          <cell r="AJ563">
            <v>5042724</v>
          </cell>
          <cell r="AK563" t="str">
            <v>28(27)/8/1</v>
          </cell>
          <cell r="AL563" t="str">
            <v>土木一式</v>
          </cell>
          <cell r="AM563" t="str">
            <v>特定</v>
          </cell>
          <cell r="AN563">
            <v>888</v>
          </cell>
          <cell r="AO563">
            <v>194886</v>
          </cell>
          <cell r="AP563" t="str">
            <v>8(8)/5/0</v>
          </cell>
          <cell r="AQ563" t="str">
            <v/>
          </cell>
          <cell r="AR563" t="str">
            <v/>
          </cell>
          <cell r="AS563" t="str">
            <v/>
          </cell>
          <cell r="AT563" t="str">
            <v/>
          </cell>
          <cell r="AU563" t="str">
            <v/>
          </cell>
          <cell r="AV563" t="str">
            <v/>
          </cell>
          <cell r="AW563" t="str">
            <v/>
          </cell>
          <cell r="AX563" t="str">
            <v/>
          </cell>
          <cell r="AY563" t="str">
            <v/>
          </cell>
          <cell r="AZ563" t="str">
            <v/>
          </cell>
          <cell r="BA563" t="str">
            <v>滋賀県</v>
          </cell>
          <cell r="BB563">
            <v>0</v>
          </cell>
          <cell r="CR563">
            <v>5315</v>
          </cell>
          <cell r="CS563" t="str">
            <v>ﾏｴﾀﾞ ｶﾂﾐ</v>
          </cell>
          <cell r="CT563" t="str">
            <v>前田  克美</v>
          </cell>
          <cell r="CU563" t="str">
            <v>地域医療推進課</v>
          </cell>
          <cell r="CW563">
            <v>3853</v>
          </cell>
          <cell r="CX563" t="str">
            <v>主査</v>
          </cell>
          <cell r="CY563" t="str">
            <v>地域医療推進課長</v>
          </cell>
        </row>
        <row r="564">
          <cell r="B564">
            <v>2847</v>
          </cell>
          <cell r="C564" t="str">
            <v>(株)三旺シーリング</v>
          </cell>
          <cell r="D564" t="str">
            <v>079-231-4820</v>
          </cell>
          <cell r="E564" t="str">
            <v>672-8079</v>
          </cell>
          <cell r="F564" t="str">
            <v>兵庫県姫路市飾磨区今在家6丁目156番地2</v>
          </cell>
          <cell r="G564" t="str">
            <v>姫路市</v>
          </cell>
          <cell r="H564" t="str">
            <v/>
          </cell>
          <cell r="I564" t="str">
            <v>代表取締役 高本　靖嗣</v>
          </cell>
          <cell r="J564" t="str">
            <v>本店</v>
          </cell>
          <cell r="K564" t="str">
            <v>079-231-4821</v>
          </cell>
          <cell r="L564" t="str">
            <v>sanousealing@ever.ocn.ne.jp</v>
          </cell>
          <cell r="M564" t="str">
            <v>ｻﾝｵｳｼｰﾘﾝｸﾞ</v>
          </cell>
          <cell r="N564" t="str">
            <v>無</v>
          </cell>
          <cell r="O564">
            <v>11</v>
          </cell>
          <cell r="P564">
            <v>9</v>
          </cell>
          <cell r="Q564">
            <v>3140001087937</v>
          </cell>
          <cell r="R564">
            <v>3000</v>
          </cell>
          <cell r="S564">
            <v>13957</v>
          </cell>
          <cell r="T564">
            <v>168079</v>
          </cell>
          <cell r="V564" t="str">
            <v>vw118838</v>
          </cell>
          <cell r="W564" t="str">
            <v>na116823</v>
          </cell>
          <cell r="X564" t="str">
            <v/>
          </cell>
          <cell r="Y564" t="str">
            <v/>
          </cell>
          <cell r="Z564" t="str">
            <v/>
          </cell>
          <cell r="AA564" t="str">
            <v>防水</v>
          </cell>
          <cell r="AB564" t="str">
            <v>塗装</v>
          </cell>
          <cell r="AC564" t="str">
            <v>建築一式</v>
          </cell>
          <cell r="AD564" t="str">
            <v/>
          </cell>
          <cell r="AE564">
            <v>43646</v>
          </cell>
          <cell r="AF564" t="str">
            <v>希望しない</v>
          </cell>
          <cell r="AG564" t="str">
            <v>防水</v>
          </cell>
          <cell r="AH564" t="str">
            <v>一般</v>
          </cell>
          <cell r="AI564">
            <v>722</v>
          </cell>
          <cell r="AJ564">
            <v>141351</v>
          </cell>
          <cell r="AK564" t="str">
            <v>0(0)/3/2</v>
          </cell>
          <cell r="AL564" t="str">
            <v>塗装</v>
          </cell>
          <cell r="AM564" t="str">
            <v>一般</v>
          </cell>
          <cell r="AN564">
            <v>644</v>
          </cell>
          <cell r="AO564">
            <v>11212</v>
          </cell>
          <cell r="AP564" t="str">
            <v>0(0)/1/2</v>
          </cell>
          <cell r="AQ564" t="str">
            <v>建築一式</v>
          </cell>
          <cell r="AR564" t="str">
            <v>一般</v>
          </cell>
          <cell r="AS564">
            <v>619</v>
          </cell>
          <cell r="AT564">
            <v>7750</v>
          </cell>
          <cell r="AU564" t="str">
            <v>0(0)/1/0</v>
          </cell>
          <cell r="AV564" t="str">
            <v/>
          </cell>
          <cell r="AW564" t="str">
            <v/>
          </cell>
          <cell r="AX564" t="str">
            <v/>
          </cell>
          <cell r="AY564" t="str">
            <v/>
          </cell>
          <cell r="AZ564" t="str">
            <v/>
          </cell>
          <cell r="BA564" t="str">
            <v>兵庫県</v>
          </cell>
        </row>
        <row r="565">
          <cell r="B565">
            <v>2859</v>
          </cell>
          <cell r="C565" t="str">
            <v>(株)深秀園</v>
          </cell>
          <cell r="D565" t="str">
            <v>0798-22-1780</v>
          </cell>
          <cell r="E565" t="str">
            <v>662-0911</v>
          </cell>
          <cell r="F565" t="str">
            <v>兵庫県西宮市池田町7-19</v>
          </cell>
          <cell r="G565" t="str">
            <v>西宮市</v>
          </cell>
          <cell r="H565" t="str">
            <v/>
          </cell>
          <cell r="I565" t="str">
            <v>代表取締役 阪上　眞一</v>
          </cell>
          <cell r="J565" t="str">
            <v>本店</v>
          </cell>
          <cell r="K565" t="str">
            <v>0798-22-1733</v>
          </cell>
          <cell r="L565" t="str">
            <v>shinsyuen@shore.ocn.ne.jp</v>
          </cell>
          <cell r="M565" t="str">
            <v>ｼﾝｼｭｳｴﾝ</v>
          </cell>
          <cell r="N565" t="str">
            <v>無</v>
          </cell>
          <cell r="O565">
            <v>52</v>
          </cell>
          <cell r="P565">
            <v>6</v>
          </cell>
          <cell r="Q565">
            <v>8140001069014</v>
          </cell>
          <cell r="R565">
            <v>27000</v>
          </cell>
          <cell r="S565">
            <v>104819</v>
          </cell>
          <cell r="T565">
            <v>152313</v>
          </cell>
          <cell r="V565" t="str">
            <v>mk177743</v>
          </cell>
          <cell r="W565" t="str">
            <v>bn185378</v>
          </cell>
          <cell r="X565" t="str">
            <v>土と園</v>
          </cell>
          <cell r="Y565" t="str">
            <v/>
          </cell>
          <cell r="Z565" t="str">
            <v>土と園</v>
          </cell>
          <cell r="AA565" t="str">
            <v>造園</v>
          </cell>
          <cell r="AB565" t="str">
            <v>土木一式</v>
          </cell>
          <cell r="AC565" t="str">
            <v>とび土工</v>
          </cell>
          <cell r="AD565" t="str">
            <v/>
          </cell>
          <cell r="AE565">
            <v>43585</v>
          </cell>
          <cell r="AF565" t="str">
            <v/>
          </cell>
          <cell r="AG565" t="str">
            <v>造園</v>
          </cell>
          <cell r="AH565" t="str">
            <v>特定</v>
          </cell>
          <cell r="AI565">
            <v>861</v>
          </cell>
          <cell r="AJ565">
            <v>127805</v>
          </cell>
          <cell r="AK565" t="str">
            <v>5(2)/0/0</v>
          </cell>
          <cell r="AL565" t="str">
            <v>土木一式</v>
          </cell>
          <cell r="AM565" t="str">
            <v>特定</v>
          </cell>
          <cell r="AN565">
            <v>765</v>
          </cell>
          <cell r="AO565">
            <v>17577</v>
          </cell>
          <cell r="AP565" t="str">
            <v>1(0)/1/0</v>
          </cell>
          <cell r="AQ565" t="str">
            <v>とび土工</v>
          </cell>
          <cell r="AR565" t="str">
            <v>特定</v>
          </cell>
          <cell r="AS565">
            <v>702</v>
          </cell>
          <cell r="AT565" t="str">
            <v/>
          </cell>
          <cell r="AU565" t="str">
            <v>1(1)/0/0</v>
          </cell>
          <cell r="AV565" t="str">
            <v/>
          </cell>
          <cell r="AW565" t="str">
            <v/>
          </cell>
          <cell r="AX565" t="str">
            <v/>
          </cell>
          <cell r="AY565" t="str">
            <v/>
          </cell>
          <cell r="AZ565" t="str">
            <v/>
          </cell>
          <cell r="BA565" t="str">
            <v>兵庫県</v>
          </cell>
        </row>
        <row r="566">
          <cell r="B566">
            <v>2860</v>
          </cell>
          <cell r="C566" t="str">
            <v>新光電機(株)</v>
          </cell>
          <cell r="D566" t="str">
            <v>06-6858-3371</v>
          </cell>
          <cell r="E566" t="str">
            <v>560-0034</v>
          </cell>
          <cell r="F566" t="str">
            <v>大阪府豊中市蛍池南町3-9-1</v>
          </cell>
          <cell r="G566" t="str">
            <v>豊中市</v>
          </cell>
          <cell r="H566" t="str">
            <v/>
          </cell>
          <cell r="I566" t="str">
            <v>代表取締役 高木　一裕</v>
          </cell>
          <cell r="J566" t="str">
            <v>本店</v>
          </cell>
          <cell r="K566" t="str">
            <v>06-6858-3374</v>
          </cell>
          <cell r="L566" t="str">
            <v>sinko-bidder@sinko-elc.co.jp</v>
          </cell>
          <cell r="M566" t="str">
            <v>ｼﾝｺｳﾃﾞﾝｷ</v>
          </cell>
          <cell r="N566" t="str">
            <v>無</v>
          </cell>
          <cell r="O566">
            <v>38</v>
          </cell>
          <cell r="P566">
            <v>210</v>
          </cell>
          <cell r="Q566" t="str">
            <v/>
          </cell>
          <cell r="R566">
            <v>42000</v>
          </cell>
          <cell r="S566">
            <v>1121429</v>
          </cell>
          <cell r="T566">
            <v>2996419</v>
          </cell>
          <cell r="V566" t="str">
            <v>bl173365</v>
          </cell>
          <cell r="W566" t="str">
            <v>tj100377</v>
          </cell>
          <cell r="X566" t="str">
            <v>建管通土と石電鋼舗浚塗水</v>
          </cell>
          <cell r="Y566" t="str">
            <v>建管通</v>
          </cell>
          <cell r="Z566" t="str">
            <v>土と石電鋼舗浚塗水</v>
          </cell>
          <cell r="AA566" t="str">
            <v>電気通信</v>
          </cell>
          <cell r="AB566" t="str">
            <v>電気</v>
          </cell>
          <cell r="AC566" t="str">
            <v>土木一式</v>
          </cell>
          <cell r="AD566" t="str">
            <v>管</v>
          </cell>
          <cell r="AE566">
            <v>43555</v>
          </cell>
          <cell r="AF566" t="str">
            <v>希望しない</v>
          </cell>
          <cell r="AG566" t="str">
            <v>電気通信</v>
          </cell>
          <cell r="AH566" t="str">
            <v>一般</v>
          </cell>
          <cell r="AI566">
            <v>863</v>
          </cell>
          <cell r="AJ566">
            <v>1444426</v>
          </cell>
          <cell r="AK566" t="str">
            <v>0(0)/0/30</v>
          </cell>
          <cell r="AL566" t="str">
            <v>電気</v>
          </cell>
          <cell r="AM566" t="str">
            <v>特定</v>
          </cell>
          <cell r="AN566">
            <v>786</v>
          </cell>
          <cell r="AO566">
            <v>35632</v>
          </cell>
          <cell r="AP566" t="str">
            <v>4(2)/5/13</v>
          </cell>
          <cell r="AQ566" t="str">
            <v>土木一式</v>
          </cell>
          <cell r="AR566" t="str">
            <v>特定</v>
          </cell>
          <cell r="AS566">
            <v>646</v>
          </cell>
          <cell r="AT566" t="str">
            <v/>
          </cell>
          <cell r="AU566" t="str">
            <v>1(1)/0/0</v>
          </cell>
          <cell r="AV566" t="str">
            <v>管</v>
          </cell>
          <cell r="AW566" t="str">
            <v>一般</v>
          </cell>
          <cell r="AX566">
            <v>631</v>
          </cell>
          <cell r="AY566" t="str">
            <v/>
          </cell>
          <cell r="AZ566" t="str">
            <v>0(0)/0/0</v>
          </cell>
          <cell r="BA566" t="str">
            <v>大阪府</v>
          </cell>
        </row>
        <row r="567">
          <cell r="B567">
            <v>2861</v>
          </cell>
          <cell r="C567" t="str">
            <v>(株)ＧＳユアサ</v>
          </cell>
          <cell r="D567" t="str">
            <v>06-6344-6532</v>
          </cell>
          <cell r="E567" t="str">
            <v>630-0003</v>
          </cell>
          <cell r="F567" t="str">
            <v>大阪府大阪市北区堂島2-2-2</v>
          </cell>
          <cell r="G567" t="str">
            <v>京都市</v>
          </cell>
          <cell r="H567" t="str">
            <v>関西支社</v>
          </cell>
          <cell r="I567" t="str">
            <v>支社長 下條　愼介</v>
          </cell>
          <cell r="J567" t="str">
            <v>京都府京都市</v>
          </cell>
          <cell r="K567" t="str">
            <v>06-6344-2924</v>
          </cell>
          <cell r="L567" t="str">
            <v>kansai.gyps@jp.gs-yuasa.com</v>
          </cell>
          <cell r="M567" t="str">
            <v>ｼﾞｰｴｽﾕｱｻ</v>
          </cell>
          <cell r="N567" t="str">
            <v>有</v>
          </cell>
          <cell r="O567">
            <v>60</v>
          </cell>
          <cell r="P567">
            <v>3549</v>
          </cell>
          <cell r="Q567">
            <v>5130001028411</v>
          </cell>
          <cell r="R567">
            <v>10000000</v>
          </cell>
          <cell r="S567">
            <v>70703611</v>
          </cell>
          <cell r="T567">
            <v>153471650</v>
          </cell>
          <cell r="V567" t="str">
            <v>rr571932</v>
          </cell>
          <cell r="W567" t="str">
            <v>ph680408</v>
          </cell>
          <cell r="X567" t="str">
            <v>(電)(機)(通)電</v>
          </cell>
          <cell r="Y567" t="str">
            <v>(電)(機)(通)</v>
          </cell>
          <cell r="Z567" t="str">
            <v>電</v>
          </cell>
          <cell r="AA567" t="str">
            <v>電気</v>
          </cell>
          <cell r="AB567" t="str">
            <v/>
          </cell>
          <cell r="AC567" t="str">
            <v/>
          </cell>
          <cell r="AD567" t="str">
            <v/>
          </cell>
          <cell r="AE567">
            <v>43190</v>
          </cell>
          <cell r="AF567" t="str">
            <v>希望しない</v>
          </cell>
          <cell r="AG567" t="str">
            <v>電気</v>
          </cell>
          <cell r="AH567" t="str">
            <v>特定</v>
          </cell>
          <cell r="AI567">
            <v>1519</v>
          </cell>
          <cell r="AJ567">
            <v>13960975</v>
          </cell>
          <cell r="AK567" t="str">
            <v>165(128)/13/7</v>
          </cell>
          <cell r="AL567" t="str">
            <v/>
          </cell>
          <cell r="AM567" t="str">
            <v/>
          </cell>
          <cell r="AN567" t="str">
            <v/>
          </cell>
          <cell r="AO567" t="str">
            <v/>
          </cell>
          <cell r="AP567" t="str">
            <v/>
          </cell>
          <cell r="AQ567" t="str">
            <v/>
          </cell>
          <cell r="AR567" t="str">
            <v/>
          </cell>
          <cell r="AS567" t="str">
            <v/>
          </cell>
          <cell r="AT567" t="str">
            <v/>
          </cell>
          <cell r="AU567" t="str">
            <v/>
          </cell>
          <cell r="AV567" t="str">
            <v/>
          </cell>
          <cell r="AW567" t="str">
            <v/>
          </cell>
          <cell r="AX567" t="str">
            <v/>
          </cell>
          <cell r="AY567" t="str">
            <v/>
          </cell>
          <cell r="AZ567" t="str">
            <v/>
          </cell>
          <cell r="BA567" t="str">
            <v>京都府</v>
          </cell>
          <cell r="BB567">
            <v>0</v>
          </cell>
          <cell r="CR567">
            <v>5317</v>
          </cell>
          <cell r="CS567" t="str">
            <v>ｻｶｶﾞﾐ ﾋﾛﾕｷ</v>
          </cell>
          <cell r="CT567" t="str">
            <v>阪上  博之</v>
          </cell>
          <cell r="CU567" t="str">
            <v xml:space="preserve">道路保全課 </v>
          </cell>
          <cell r="CW567">
            <v>3041</v>
          </cell>
          <cell r="CX567" t="str">
            <v>副主幹</v>
          </cell>
          <cell r="CY567" t="str">
            <v>道路保全課 長</v>
          </cell>
        </row>
        <row r="568">
          <cell r="B568">
            <v>2863</v>
          </cell>
          <cell r="C568" t="str">
            <v>ＪＦＥエンジニアリング(株)</v>
          </cell>
          <cell r="D568" t="str">
            <v>06-6398-5108</v>
          </cell>
          <cell r="E568" t="str">
            <v>532-0003</v>
          </cell>
          <cell r="F568" t="str">
            <v>大阪府大阪市淀川区宮原1-1-1</v>
          </cell>
          <cell r="G568" t="str">
            <v>横浜市</v>
          </cell>
          <cell r="H568" t="str">
            <v>大阪支店</v>
          </cell>
          <cell r="I568" t="str">
            <v>支店長 西澤　達遵</v>
          </cell>
          <cell r="J568" t="str">
            <v>神奈川県横浜市</v>
          </cell>
          <cell r="K568" t="str">
            <v>06-6398-5119</v>
          </cell>
          <cell r="L568" t="str">
            <v>jfeeosa@mre.biglobe.ne.jp</v>
          </cell>
          <cell r="M568" t="str">
            <v>ｼﾞｪｲｴﾌｲｰｴﾝｼﾞﾆｱﾘﾝｸﾞ</v>
          </cell>
          <cell r="N568" t="str">
            <v>有</v>
          </cell>
          <cell r="O568">
            <v>68</v>
          </cell>
          <cell r="P568">
            <v>3903</v>
          </cell>
          <cell r="Q568">
            <v>8010001008843</v>
          </cell>
          <cell r="R568">
            <v>10000000</v>
          </cell>
          <cell r="S568">
            <v>94384391</v>
          </cell>
          <cell r="T568">
            <v>391348000</v>
          </cell>
          <cell r="V568" t="str">
            <v>we582161</v>
          </cell>
          <cell r="W568" t="str">
            <v>vr645312</v>
          </cell>
          <cell r="X568" t="str">
            <v>(清)(と)(電)(管)(鋼)(舗)(塗)(機)(水)(清)(解)土建と屋電管タ鋼鉄舗浚塗内機通水清解</v>
          </cell>
          <cell r="Y568" t="str">
            <v>(清)(と)(電)(管)(鋼)(舗)(塗)(機)(水)(清)(解)</v>
          </cell>
          <cell r="Z568" t="str">
            <v>土建と屋電管タ鋼鉄舗浚塗内機通水清解</v>
          </cell>
          <cell r="AA568" t="str">
            <v>鋼構造物</v>
          </cell>
          <cell r="AB568" t="str">
            <v>機械器具</v>
          </cell>
          <cell r="AC568" t="str">
            <v>水道施設</v>
          </cell>
          <cell r="AD568" t="str">
            <v>土木一式</v>
          </cell>
          <cell r="AE568">
            <v>43190</v>
          </cell>
          <cell r="AF568" t="str">
            <v>希望しない</v>
          </cell>
          <cell r="AG568" t="str">
            <v>鋼構造物</v>
          </cell>
          <cell r="AH568" t="str">
            <v>特定</v>
          </cell>
          <cell r="AI568">
            <v>1804</v>
          </cell>
          <cell r="AJ568">
            <v>47055333</v>
          </cell>
          <cell r="AK568" t="str">
            <v>462(310)/6/26</v>
          </cell>
          <cell r="AL568" t="str">
            <v>機械器具</v>
          </cell>
          <cell r="AM568" t="str">
            <v>特定</v>
          </cell>
          <cell r="AN568">
            <v>1778</v>
          </cell>
          <cell r="AO568">
            <v>74983336</v>
          </cell>
          <cell r="AP568" t="str">
            <v>6(3)/0/410</v>
          </cell>
          <cell r="AQ568" t="str">
            <v>水道施設</v>
          </cell>
          <cell r="AR568" t="str">
            <v>特定</v>
          </cell>
          <cell r="AS568">
            <v>1572</v>
          </cell>
          <cell r="AT568">
            <v>4822068</v>
          </cell>
          <cell r="AU568" t="str">
            <v>312(221)/11/12</v>
          </cell>
          <cell r="AV568" t="str">
            <v>土木一式</v>
          </cell>
          <cell r="AW568" t="str">
            <v>特定</v>
          </cell>
          <cell r="AX568">
            <v>1629</v>
          </cell>
          <cell r="AY568">
            <v>7440981</v>
          </cell>
          <cell r="AZ568" t="str">
            <v>508(358)/15/11</v>
          </cell>
          <cell r="BA568" t="str">
            <v>神奈川県</v>
          </cell>
          <cell r="BB568">
            <v>0</v>
          </cell>
          <cell r="CR568">
            <v>5318</v>
          </cell>
          <cell r="CS568" t="str">
            <v>ﾅｶﾊﾀ ﾋﾃﾞﾉﾌﾞ</v>
          </cell>
          <cell r="CT568" t="str">
            <v>中畠  秀信</v>
          </cell>
          <cell r="CU568" t="str">
            <v>政策室</v>
          </cell>
          <cell r="CW568">
            <v>2207</v>
          </cell>
          <cell r="CX568" t="str">
            <v>主幹</v>
          </cell>
          <cell r="CY568" t="str">
            <v>政策室長</v>
          </cell>
        </row>
        <row r="569">
          <cell r="B569">
            <v>2871</v>
          </cell>
          <cell r="C569" t="str">
            <v>(株)塩浜工業</v>
          </cell>
          <cell r="D569" t="str">
            <v>06-6829-7240</v>
          </cell>
          <cell r="E569" t="str">
            <v>532-0011</v>
          </cell>
          <cell r="F569" t="str">
            <v>大阪府大阪市淀川区西中島2-14-6</v>
          </cell>
          <cell r="G569" t="str">
            <v>敦賀市</v>
          </cell>
          <cell r="H569" t="str">
            <v>大阪支店</v>
          </cell>
          <cell r="I569" t="str">
            <v>支店長 上原　好一</v>
          </cell>
          <cell r="J569" t="str">
            <v>福井県敦賀市</v>
          </cell>
          <cell r="K569" t="str">
            <v>06-6829-7241</v>
          </cell>
          <cell r="L569" t="str">
            <v>saltbeach-west@shiohama.co.jp</v>
          </cell>
          <cell r="M569" t="str">
            <v>ｼｵﾊﾏｺｳｷﾞｮｳ</v>
          </cell>
          <cell r="N569" t="str">
            <v>有</v>
          </cell>
          <cell r="O569">
            <v>45</v>
          </cell>
          <cell r="P569">
            <v>312</v>
          </cell>
          <cell r="Q569">
            <v>4210001010568</v>
          </cell>
          <cell r="R569">
            <v>100000</v>
          </cell>
          <cell r="S569">
            <v>6338928</v>
          </cell>
          <cell r="T569">
            <v>30105091</v>
          </cell>
          <cell r="V569" t="str">
            <v>zy621416</v>
          </cell>
          <cell r="W569" t="str">
            <v>wn453974</v>
          </cell>
          <cell r="X569" t="str">
            <v>機(清)(建)(大)(左)(と)(石)(屋)(タ)(鋼)(鉄)(舗)(浚)(板)(ガ)(塗)(防)(内)(熱)(具)(水)(解)土建大と石屋電管タ鋼鉄舗浚板ガ塗防内熱具水解</v>
          </cell>
          <cell r="Y569" t="str">
            <v>機(清)(建)(大)(左)(と)(石)(屋)(タ)(鋼)(鉄)(舗)(浚)(板)(ガ)(塗)(防)(内)(熱)(具)(水)(解)</v>
          </cell>
          <cell r="Z569" t="str">
            <v>土建大と石屋電管タ鋼鉄舗浚板ガ塗防内熱具水解</v>
          </cell>
          <cell r="AA569" t="str">
            <v>建築一式</v>
          </cell>
          <cell r="AB569" t="str">
            <v>土木一式</v>
          </cell>
          <cell r="AC569" t="str">
            <v/>
          </cell>
          <cell r="AD569" t="str">
            <v/>
          </cell>
          <cell r="AE569">
            <v>43190</v>
          </cell>
          <cell r="AF569" t="str">
            <v/>
          </cell>
          <cell r="AG569" t="str">
            <v>建築一式</v>
          </cell>
          <cell r="AH569" t="str">
            <v>特定</v>
          </cell>
          <cell r="AI569">
            <v>1452</v>
          </cell>
          <cell r="AJ569">
            <v>26178950</v>
          </cell>
          <cell r="AK569" t="str">
            <v>66(63)/23/24</v>
          </cell>
          <cell r="AL569" t="str">
            <v>土木一式</v>
          </cell>
          <cell r="AM569" t="str">
            <v>特定</v>
          </cell>
          <cell r="AN569">
            <v>1276</v>
          </cell>
          <cell r="AO569">
            <v>4397505</v>
          </cell>
          <cell r="AP569" t="str">
            <v>43(43)/8/4</v>
          </cell>
          <cell r="AQ569" t="str">
            <v/>
          </cell>
          <cell r="AR569" t="str">
            <v/>
          </cell>
          <cell r="AS569" t="str">
            <v/>
          </cell>
          <cell r="AT569" t="str">
            <v/>
          </cell>
          <cell r="AU569" t="str">
            <v/>
          </cell>
          <cell r="AV569" t="str">
            <v/>
          </cell>
          <cell r="AW569" t="str">
            <v/>
          </cell>
          <cell r="AX569" t="str">
            <v/>
          </cell>
          <cell r="AY569" t="str">
            <v/>
          </cell>
          <cell r="AZ569" t="str">
            <v/>
          </cell>
          <cell r="BA569" t="str">
            <v>福井県</v>
          </cell>
          <cell r="BB569">
            <v>0</v>
          </cell>
          <cell r="CR569">
            <v>5319</v>
          </cell>
          <cell r="CS569" t="str">
            <v>ﾌﾙｶﾜ ﾋﾛﾌﾐ</v>
          </cell>
          <cell r="CT569" t="str">
            <v>古川  博文</v>
          </cell>
          <cell r="CU569" t="str">
            <v>浄水課</v>
          </cell>
          <cell r="CW569" t="str">
            <v xml:space="preserve"> </v>
          </cell>
          <cell r="CX569" t="str">
            <v>副主幹</v>
          </cell>
          <cell r="CY569" t="str">
            <v>浄水課長</v>
          </cell>
        </row>
        <row r="570">
          <cell r="B570">
            <v>2872</v>
          </cell>
          <cell r="C570" t="str">
            <v>(株)シセイサービス</v>
          </cell>
          <cell r="D570" t="str">
            <v>06-6412-7348</v>
          </cell>
          <cell r="E570" t="str">
            <v>660-0071</v>
          </cell>
          <cell r="F570" t="str">
            <v>兵庫県尼崎市崇徳院1-3-6</v>
          </cell>
          <cell r="G570" t="str">
            <v>尼崎市</v>
          </cell>
          <cell r="H570" t="str">
            <v/>
          </cell>
          <cell r="I570" t="str">
            <v>代表取締役 豊田　修司</v>
          </cell>
          <cell r="J570" t="str">
            <v>本店</v>
          </cell>
          <cell r="K570" t="str">
            <v>06-6412-4061</v>
          </cell>
          <cell r="L570" t="str">
            <v>shisei@smile.ocn.ne.jp</v>
          </cell>
          <cell r="M570" t="str">
            <v>ｼｾｲｻｰﾋﾞｽ</v>
          </cell>
          <cell r="N570" t="str">
            <v>無</v>
          </cell>
          <cell r="O570">
            <v>17</v>
          </cell>
          <cell r="P570">
            <v>25</v>
          </cell>
          <cell r="Q570">
            <v>5140001049159</v>
          </cell>
          <cell r="R570">
            <v>10000</v>
          </cell>
          <cell r="S570">
            <v>88119</v>
          </cell>
          <cell r="T570">
            <v>600939</v>
          </cell>
          <cell r="V570" t="str">
            <v>yf720140</v>
          </cell>
          <cell r="W570" t="str">
            <v>va187255</v>
          </cell>
          <cell r="X570" t="str">
            <v>電消</v>
          </cell>
          <cell r="Y570" t="str">
            <v>電消</v>
          </cell>
          <cell r="Z570" t="str">
            <v/>
          </cell>
          <cell r="AA570" t="str">
            <v>消防施設</v>
          </cell>
          <cell r="AB570" t="str">
            <v>電気</v>
          </cell>
          <cell r="AC570" t="str">
            <v/>
          </cell>
          <cell r="AD570" t="str">
            <v/>
          </cell>
          <cell r="AE570">
            <v>43281</v>
          </cell>
          <cell r="AF570" t="str">
            <v>希望しない</v>
          </cell>
          <cell r="AG570" t="str">
            <v>消防施設</v>
          </cell>
          <cell r="AH570" t="str">
            <v>一般</v>
          </cell>
          <cell r="AI570">
            <v>720</v>
          </cell>
          <cell r="AJ570">
            <v>132579</v>
          </cell>
          <cell r="AK570" t="str">
            <v>0(0)/10/0</v>
          </cell>
          <cell r="AL570" t="str">
            <v>電気</v>
          </cell>
          <cell r="AM570" t="str">
            <v>一般</v>
          </cell>
          <cell r="AN570">
            <v>612</v>
          </cell>
          <cell r="AO570">
            <v>9246</v>
          </cell>
          <cell r="AP570" t="str">
            <v>0(0)/0/1</v>
          </cell>
          <cell r="AQ570" t="str">
            <v/>
          </cell>
          <cell r="AR570" t="str">
            <v/>
          </cell>
          <cell r="AS570" t="str">
            <v/>
          </cell>
          <cell r="AT570" t="str">
            <v/>
          </cell>
          <cell r="AU570" t="str">
            <v/>
          </cell>
          <cell r="AV570" t="str">
            <v/>
          </cell>
          <cell r="AW570" t="str">
            <v/>
          </cell>
          <cell r="AX570" t="str">
            <v/>
          </cell>
          <cell r="AY570" t="str">
            <v/>
          </cell>
          <cell r="AZ570" t="str">
            <v/>
          </cell>
          <cell r="BA570" t="str">
            <v>兵庫県</v>
          </cell>
          <cell r="BB570">
            <v>0</v>
          </cell>
          <cell r="CR570">
            <v>5320</v>
          </cell>
          <cell r="CS570" t="str">
            <v>ｺｹﾞﾂ ﾀｶﾋﾛ</v>
          </cell>
          <cell r="CT570" t="str">
            <v>古結  孝広</v>
          </cell>
          <cell r="CU570" t="str">
            <v>環境保全課</v>
          </cell>
          <cell r="CW570">
            <v>2831</v>
          </cell>
          <cell r="CX570" t="str">
            <v>副主幹</v>
          </cell>
          <cell r="CY570" t="str">
            <v>環境保全課長</v>
          </cell>
        </row>
        <row r="571">
          <cell r="B571">
            <v>2876</v>
          </cell>
          <cell r="C571" t="str">
            <v>(株)島田組</v>
          </cell>
          <cell r="D571" t="str">
            <v>078-881-1526</v>
          </cell>
          <cell r="E571" t="str">
            <v>657-0051</v>
          </cell>
          <cell r="F571" t="str">
            <v>兵庫県神戸市灘区八幡町4-8-4</v>
          </cell>
          <cell r="G571" t="str">
            <v>神戸市</v>
          </cell>
          <cell r="H571" t="str">
            <v/>
          </cell>
          <cell r="I571" t="str">
            <v>代表取締役 島田　武幸</v>
          </cell>
          <cell r="J571" t="str">
            <v>本店</v>
          </cell>
          <cell r="K571" t="str">
            <v>078-881-1529</v>
          </cell>
          <cell r="L571" t="str">
            <v>yamabuchi@shimadagumi-kobe.jp</v>
          </cell>
          <cell r="M571" t="str">
            <v>ｼﾏﾀﾞｸﾞﾐ</v>
          </cell>
          <cell r="N571" t="str">
            <v>無</v>
          </cell>
          <cell r="O571">
            <v>68</v>
          </cell>
          <cell r="P571">
            <v>10</v>
          </cell>
          <cell r="Q571">
            <v>3140001003506</v>
          </cell>
          <cell r="R571">
            <v>49600</v>
          </cell>
          <cell r="S571">
            <v>430885</v>
          </cell>
          <cell r="T571">
            <v>653120</v>
          </cell>
          <cell r="V571" t="str">
            <v>qp509866</v>
          </cell>
          <cell r="W571" t="str">
            <v>he232516</v>
          </cell>
          <cell r="X571" t="str">
            <v>土建大と石鋼舗浚塗防水解</v>
          </cell>
          <cell r="Y571" t="str">
            <v/>
          </cell>
          <cell r="Z571" t="str">
            <v>土建大と石鋼舗浚塗防水解</v>
          </cell>
          <cell r="AA571" t="str">
            <v>土木一式</v>
          </cell>
          <cell r="AB571" t="str">
            <v>建築一式</v>
          </cell>
          <cell r="AC571" t="str">
            <v>鋼構造物</v>
          </cell>
          <cell r="AD571" t="str">
            <v/>
          </cell>
          <cell r="AE571">
            <v>43281</v>
          </cell>
          <cell r="AF571" t="str">
            <v>希望する</v>
          </cell>
          <cell r="AG571" t="str">
            <v>土木一式</v>
          </cell>
          <cell r="AH571" t="str">
            <v>特定</v>
          </cell>
          <cell r="AI571">
            <v>896</v>
          </cell>
          <cell r="AJ571">
            <v>535155</v>
          </cell>
          <cell r="AK571" t="str">
            <v>7(7)/0/3</v>
          </cell>
          <cell r="AL571" t="str">
            <v>建築一式</v>
          </cell>
          <cell r="AM571" t="str">
            <v>特定</v>
          </cell>
          <cell r="AN571">
            <v>759</v>
          </cell>
          <cell r="AO571">
            <v>56429</v>
          </cell>
          <cell r="AP571" t="str">
            <v>2(2)/0/0</v>
          </cell>
          <cell r="AQ571" t="str">
            <v>鋼構造物</v>
          </cell>
          <cell r="AR571" t="str">
            <v>特定</v>
          </cell>
          <cell r="AS571">
            <v>711</v>
          </cell>
          <cell r="AT571" t="str">
            <v/>
          </cell>
          <cell r="AU571" t="str">
            <v>6(6)/0/2</v>
          </cell>
          <cell r="AV571" t="str">
            <v/>
          </cell>
          <cell r="AW571" t="str">
            <v/>
          </cell>
          <cell r="AX571" t="str">
            <v/>
          </cell>
          <cell r="AY571" t="str">
            <v/>
          </cell>
          <cell r="AZ571" t="str">
            <v/>
          </cell>
          <cell r="BA571" t="str">
            <v>兵庫県</v>
          </cell>
          <cell r="BB571">
            <v>0</v>
          </cell>
          <cell r="CR571">
            <v>5321</v>
          </cell>
          <cell r="CS571" t="str">
            <v>ｲﾄｳ ﾉﾘｺ</v>
          </cell>
          <cell r="CT571" t="str">
            <v>伊藤  典子</v>
          </cell>
          <cell r="CU571" t="str">
            <v>健康政策課</v>
          </cell>
          <cell r="CW571">
            <v>2560</v>
          </cell>
          <cell r="CX571" t="str">
            <v xml:space="preserve"> </v>
          </cell>
          <cell r="CY571" t="str">
            <v>健康政策課長</v>
          </cell>
        </row>
        <row r="572">
          <cell r="B572">
            <v>2878</v>
          </cell>
          <cell r="C572" t="str">
            <v>(株)島津製作所</v>
          </cell>
          <cell r="D572" t="str">
            <v>078-331-9661</v>
          </cell>
          <cell r="E572" t="str">
            <v>540-0035</v>
          </cell>
          <cell r="F572" t="str">
            <v>兵庫県神戸市中央区江戸町93 栄光ﾋﾞﾙ9階</v>
          </cell>
          <cell r="G572" t="str">
            <v>神戸市</v>
          </cell>
          <cell r="H572" t="str">
            <v>神戸支店</v>
          </cell>
          <cell r="I572" t="str">
            <v>支店長　 赤瀬川　聡</v>
          </cell>
          <cell r="J572" t="str">
            <v>京都府京都市</v>
          </cell>
          <cell r="K572" t="str">
            <v>078-331-9774</v>
          </cell>
          <cell r="L572" t="str">
            <v>kobe@group.shimadzu.co.jp</v>
          </cell>
          <cell r="M572" t="str">
            <v>ｼﾏﾂﾞｾｲｻｸｼﾖ</v>
          </cell>
          <cell r="N572" t="str">
            <v>有</v>
          </cell>
          <cell r="O572">
            <v>101</v>
          </cell>
          <cell r="P572">
            <v>3291</v>
          </cell>
          <cell r="Q572">
            <v>6130000000000</v>
          </cell>
          <cell r="R572">
            <v>26648899</v>
          </cell>
          <cell r="S572">
            <v>159378327</v>
          </cell>
          <cell r="T572">
            <v>201968488</v>
          </cell>
          <cell r="V572" t="str">
            <v>ee608538</v>
          </cell>
          <cell r="W572" t="str">
            <v>bs675239</v>
          </cell>
          <cell r="X572" t="str">
            <v>土建大と石鋼舗浚塗防水解管</v>
          </cell>
          <cell r="Y572" t="str">
            <v/>
          </cell>
          <cell r="Z572" t="str">
            <v>土建大と石鋼舗浚塗防水解管</v>
          </cell>
          <cell r="AA572" t="str">
            <v>機械器具</v>
          </cell>
          <cell r="AB572" t="str">
            <v/>
          </cell>
          <cell r="AC572" t="str">
            <v/>
          </cell>
          <cell r="AD572" t="str">
            <v/>
          </cell>
          <cell r="AE572">
            <v>43190</v>
          </cell>
          <cell r="AF572" t="str">
            <v>希望しない</v>
          </cell>
          <cell r="AG572" t="str">
            <v>機械器具</v>
          </cell>
          <cell r="AH572" t="str">
            <v>特定</v>
          </cell>
          <cell r="AI572">
            <v>1258</v>
          </cell>
          <cell r="AJ572">
            <v>561690</v>
          </cell>
          <cell r="AK572" t="str">
            <v>0(0)/0/35</v>
          </cell>
          <cell r="AL572" t="str">
            <v/>
          </cell>
          <cell r="AM572" t="str">
            <v/>
          </cell>
          <cell r="AN572" t="str">
            <v/>
          </cell>
          <cell r="AO572" t="str">
            <v/>
          </cell>
          <cell r="AP572" t="str">
            <v/>
          </cell>
          <cell r="AQ572" t="str">
            <v/>
          </cell>
          <cell r="AR572" t="str">
            <v/>
          </cell>
          <cell r="AS572" t="str">
            <v/>
          </cell>
          <cell r="AT572" t="str">
            <v/>
          </cell>
          <cell r="AU572" t="str">
            <v/>
          </cell>
          <cell r="AV572" t="str">
            <v/>
          </cell>
          <cell r="AW572" t="str">
            <v/>
          </cell>
          <cell r="AX572" t="str">
            <v/>
          </cell>
          <cell r="AY572" t="str">
            <v/>
          </cell>
          <cell r="AZ572" t="str">
            <v/>
          </cell>
          <cell r="BA572" t="str">
            <v>京都府</v>
          </cell>
          <cell r="BB572">
            <v>0</v>
          </cell>
          <cell r="CR572">
            <v>5322</v>
          </cell>
          <cell r="CS572" t="str">
            <v>ﾊｼﾓﾄ ﾐﾎ</v>
          </cell>
          <cell r="CT572" t="str">
            <v>橋本  美保</v>
          </cell>
          <cell r="CU572" t="str">
            <v>地域・高年福祉課</v>
          </cell>
          <cell r="CW572">
            <v>2777</v>
          </cell>
          <cell r="CX572" t="str">
            <v xml:space="preserve"> </v>
          </cell>
          <cell r="CY572" t="str">
            <v>地域・高年福祉課長</v>
          </cell>
        </row>
        <row r="573">
          <cell r="B573">
            <v>2879</v>
          </cell>
          <cell r="C573" t="str">
            <v>清水建設(株)</v>
          </cell>
          <cell r="D573" t="str">
            <v>078-262-8011</v>
          </cell>
          <cell r="E573" t="str">
            <v>651-0086</v>
          </cell>
          <cell r="F573" t="str">
            <v>兵庫県神戸市中央区磯上通 4‐1‐13</v>
          </cell>
          <cell r="G573" t="str">
            <v/>
          </cell>
          <cell r="H573" t="str">
            <v>神戸支店</v>
          </cell>
          <cell r="I573" t="str">
            <v>執行役員支店長 三木　正道</v>
          </cell>
          <cell r="J573" t="str">
            <v>東京都</v>
          </cell>
          <cell r="K573" t="str">
            <v>078-262-8043</v>
          </cell>
          <cell r="L573" t="str">
            <v>MLITA.kobe@shimz.co.jp</v>
          </cell>
          <cell r="M573" t="str">
            <v>ｼﾐｽﾞｹﾝｾﾂ</v>
          </cell>
          <cell r="N573" t="str">
            <v>有</v>
          </cell>
          <cell r="O573">
            <v>68</v>
          </cell>
          <cell r="P573">
            <v>10418</v>
          </cell>
          <cell r="Q573">
            <v>1010401013565</v>
          </cell>
          <cell r="R573">
            <v>74365000</v>
          </cell>
          <cell r="S573">
            <v>556455000</v>
          </cell>
          <cell r="T573">
            <v>1519435000</v>
          </cell>
          <cell r="V573" t="str">
            <v>zz719724</v>
          </cell>
          <cell r="W573" t="str">
            <v>pa256940</v>
          </cell>
          <cell r="X573" t="str">
            <v>井消(清)(建)(大)(左)(と)(石)(屋)(電)(管)(タ)(鋼)(鉄)(舗)(浚)(板)(ガ)(塗)(防)(内)(熱)(具)(水)(解)土建大と石屋電管タ鋼鉄舗浚板ガ塗防内機熱通園具水清解</v>
          </cell>
          <cell r="Y573" t="str">
            <v>井消(清)(建)(大)(左)(と)(石)(屋)(電)(管)(タ)(鋼)(鉄)(舗)(浚)(板)(ガ)(塗)(防)(内)(熱)(具)(水)(解)</v>
          </cell>
          <cell r="Z573" t="str">
            <v>土建大と石屋電管タ鋼鉄舗浚板ガ塗防内機熱通園具水清解</v>
          </cell>
          <cell r="AA573" t="str">
            <v>建築一式</v>
          </cell>
          <cell r="AB573" t="str">
            <v>土木一式</v>
          </cell>
          <cell r="AC573" t="str">
            <v>鋼構造物</v>
          </cell>
          <cell r="AD573" t="str">
            <v>水道施設</v>
          </cell>
          <cell r="AE573">
            <v>43190</v>
          </cell>
          <cell r="AF573" t="str">
            <v>希望する</v>
          </cell>
          <cell r="AG573" t="str">
            <v>建築一式</v>
          </cell>
          <cell r="AH573" t="str">
            <v>特定</v>
          </cell>
          <cell r="AI573">
            <v>2042</v>
          </cell>
          <cell r="AJ573">
            <v>901241538</v>
          </cell>
          <cell r="AK573" t="str">
            <v>2737(1579)/95/0</v>
          </cell>
          <cell r="AL573" t="str">
            <v>土木一式</v>
          </cell>
          <cell r="AM573" t="str">
            <v>特定</v>
          </cell>
          <cell r="AN573">
            <v>2012</v>
          </cell>
          <cell r="AO573">
            <v>279549149</v>
          </cell>
          <cell r="AP573" t="str">
            <v>1478(917)/29/0</v>
          </cell>
          <cell r="AQ573" t="str">
            <v>鋼構造物</v>
          </cell>
          <cell r="AR573" t="str">
            <v>特定</v>
          </cell>
          <cell r="AS573">
            <v>1686</v>
          </cell>
          <cell r="AT573">
            <v>3386421</v>
          </cell>
          <cell r="AU573" t="str">
            <v>1981(1057)/0/0</v>
          </cell>
          <cell r="AV573" t="str">
            <v>水道施設</v>
          </cell>
          <cell r="AW573" t="str">
            <v>特定</v>
          </cell>
          <cell r="AX573">
            <v>1632</v>
          </cell>
          <cell r="AY573">
            <v>3152308</v>
          </cell>
          <cell r="AZ573" t="str">
            <v>650(420)/13/0</v>
          </cell>
          <cell r="BA573" t="str">
            <v>東京都</v>
          </cell>
          <cell r="BB573">
            <v>0</v>
          </cell>
          <cell r="CR573">
            <v>5324</v>
          </cell>
          <cell r="CS573" t="str">
            <v>ｸﾗｼﾏ ﾏﾘｺ</v>
          </cell>
          <cell r="CT573" t="str">
            <v>倉島  真理子</v>
          </cell>
          <cell r="CU573" t="str">
            <v>市民税課</v>
          </cell>
          <cell r="CW573">
            <v>2320</v>
          </cell>
          <cell r="CX573" t="str">
            <v xml:space="preserve"> </v>
          </cell>
          <cell r="CY573" t="str">
            <v>市民税課長</v>
          </cell>
        </row>
        <row r="574">
          <cell r="B574">
            <v>2880</v>
          </cell>
          <cell r="C574" t="str">
            <v>(株)清水鐵工所</v>
          </cell>
          <cell r="D574" t="str">
            <v>06-6541-2538</v>
          </cell>
          <cell r="E574" t="str">
            <v>550-0014</v>
          </cell>
          <cell r="F574" t="str">
            <v>大阪府大阪市西区北堀江1-1-3</v>
          </cell>
          <cell r="G574" t="str">
            <v>彦根市</v>
          </cell>
          <cell r="H574" t="str">
            <v>大阪営業所</v>
          </cell>
          <cell r="I574" t="str">
            <v>所長 新山　力</v>
          </cell>
          <cell r="J574" t="str">
            <v>滋賀県彦根市</v>
          </cell>
          <cell r="K574" t="str">
            <v>06-6541-2539</v>
          </cell>
          <cell r="L574" t="str">
            <v>osaka@shimizu-valve.co.jp</v>
          </cell>
          <cell r="M574" t="str">
            <v>ｼﾐｽﾞﾃｯｺｳｼｮ</v>
          </cell>
          <cell r="N574" t="str">
            <v>有</v>
          </cell>
          <cell r="O574">
            <v>52</v>
          </cell>
          <cell r="P574">
            <v>83</v>
          </cell>
          <cell r="Q574">
            <v>1160001008372</v>
          </cell>
          <cell r="R574">
            <v>24000</v>
          </cell>
          <cell r="S574">
            <v>2570896</v>
          </cell>
          <cell r="T574">
            <v>1576638</v>
          </cell>
          <cell r="V574" t="str">
            <v>nb618459</v>
          </cell>
          <cell r="W574" t="str">
            <v>hm191634</v>
          </cell>
          <cell r="X574" t="str">
            <v>鋼機水(鋼)(機)(水)</v>
          </cell>
          <cell r="Y574" t="str">
            <v>鋼機水(鋼)(機)(水)</v>
          </cell>
          <cell r="Z574" t="str">
            <v/>
          </cell>
          <cell r="AA574" t="str">
            <v>機械器具</v>
          </cell>
          <cell r="AB574" t="str">
            <v>水道施設</v>
          </cell>
          <cell r="AC574" t="str">
            <v>鋼構造物</v>
          </cell>
          <cell r="AD574" t="str">
            <v/>
          </cell>
          <cell r="AE574">
            <v>43190</v>
          </cell>
          <cell r="AF574" t="str">
            <v>希望しない</v>
          </cell>
          <cell r="AG574" t="str">
            <v>機械器具</v>
          </cell>
          <cell r="AH574" t="str">
            <v>一般</v>
          </cell>
          <cell r="AI574">
            <v>750</v>
          </cell>
          <cell r="AJ574">
            <v>92007</v>
          </cell>
          <cell r="AK574" t="str">
            <v>0(0)/0/9</v>
          </cell>
          <cell r="AL574" t="str">
            <v>水道施設</v>
          </cell>
          <cell r="AM574" t="str">
            <v>一般</v>
          </cell>
          <cell r="AN574">
            <v>624</v>
          </cell>
          <cell r="AO574" t="str">
            <v/>
          </cell>
          <cell r="AP574" t="str">
            <v>0(0)/0/0</v>
          </cell>
          <cell r="AQ574" t="str">
            <v>鋼構造物</v>
          </cell>
          <cell r="AR574" t="str">
            <v>一般</v>
          </cell>
          <cell r="AS574">
            <v>700</v>
          </cell>
          <cell r="AT574" t="str">
            <v/>
          </cell>
          <cell r="AU574" t="str">
            <v>6(5)/3/0</v>
          </cell>
          <cell r="AV574" t="str">
            <v/>
          </cell>
          <cell r="AW574" t="str">
            <v/>
          </cell>
          <cell r="AX574" t="str">
            <v/>
          </cell>
          <cell r="AY574" t="str">
            <v/>
          </cell>
          <cell r="AZ574" t="str">
            <v/>
          </cell>
          <cell r="BA574" t="str">
            <v>滋賀県</v>
          </cell>
          <cell r="BB574">
            <v>0</v>
          </cell>
          <cell r="CR574">
            <v>5325</v>
          </cell>
          <cell r="CS574" t="str">
            <v>ﾅｶｿﾈ ｶｵﾘ</v>
          </cell>
          <cell r="CT574" t="str">
            <v>仲宗根  香</v>
          </cell>
          <cell r="CU574" t="str">
            <v>商工労働課</v>
          </cell>
          <cell r="CW574">
            <v>2904</v>
          </cell>
          <cell r="CX574" t="str">
            <v>主査</v>
          </cell>
          <cell r="CY574" t="str">
            <v>商工労働課長</v>
          </cell>
        </row>
        <row r="575">
          <cell r="B575">
            <v>2881</v>
          </cell>
          <cell r="C575" t="str">
            <v>下坂設備工業(株)</v>
          </cell>
          <cell r="D575" t="str">
            <v>06-6493-5007</v>
          </cell>
          <cell r="E575" t="str">
            <v>661-0953</v>
          </cell>
          <cell r="F575" t="str">
            <v>兵庫県尼崎市東園田町4-125-10</v>
          </cell>
          <cell r="G575" t="str">
            <v>尼崎市</v>
          </cell>
          <cell r="H575" t="str">
            <v/>
          </cell>
          <cell r="I575" t="str">
            <v>代表取締役　 下坂　惠一</v>
          </cell>
          <cell r="J575" t="str">
            <v>本店</v>
          </cell>
          <cell r="K575" t="str">
            <v>06-6498-1962</v>
          </cell>
          <cell r="L575" t="str">
            <v>simosakasetsubi@msd.biglobe.ne.jp</v>
          </cell>
          <cell r="M575" t="str">
            <v>ｼﾓｻｶｾﾂﾋﾞｺｳｷﾞﾖｳ</v>
          </cell>
          <cell r="N575" t="str">
            <v>無</v>
          </cell>
          <cell r="O575">
            <v>42</v>
          </cell>
          <cell r="P575">
            <v>5</v>
          </cell>
          <cell r="Q575">
            <v>7140000000000</v>
          </cell>
          <cell r="R575">
            <v>36000</v>
          </cell>
          <cell r="S575">
            <v>41806</v>
          </cell>
          <cell r="T575">
            <v>111021</v>
          </cell>
          <cell r="V575" t="str">
            <v>fg118687</v>
          </cell>
          <cell r="W575" t="str">
            <v>mk873629</v>
          </cell>
          <cell r="X575" t="str">
            <v>鋼機水(鋼)(機)(水)</v>
          </cell>
          <cell r="Y575" t="str">
            <v>鋼機水(鋼)(機)(水)</v>
          </cell>
          <cell r="Z575" t="str">
            <v/>
          </cell>
          <cell r="AA575" t="str">
            <v>管</v>
          </cell>
          <cell r="AB575" t="str">
            <v>土木一式</v>
          </cell>
          <cell r="AC575" t="str">
            <v/>
          </cell>
          <cell r="AD575" t="str">
            <v/>
          </cell>
          <cell r="AE575">
            <v>43159</v>
          </cell>
          <cell r="AF575" t="str">
            <v>希望しない</v>
          </cell>
          <cell r="AG575" t="str">
            <v>管</v>
          </cell>
          <cell r="AH575" t="str">
            <v>特定</v>
          </cell>
          <cell r="AI575">
            <v>794</v>
          </cell>
          <cell r="AJ575">
            <v>135373</v>
          </cell>
          <cell r="AK575" t="str">
            <v>1(1)/1/0</v>
          </cell>
          <cell r="AL575" t="str">
            <v>土木一式</v>
          </cell>
          <cell r="AM575" t="str">
            <v>一般</v>
          </cell>
          <cell r="AN575">
            <v>662</v>
          </cell>
          <cell r="AO575" t="str">
            <v/>
          </cell>
          <cell r="AP575" t="str">
            <v>0(0)/1/0</v>
          </cell>
          <cell r="AQ575" t="str">
            <v/>
          </cell>
          <cell r="AR575" t="str">
            <v/>
          </cell>
          <cell r="AS575" t="str">
            <v/>
          </cell>
          <cell r="AT575" t="str">
            <v/>
          </cell>
          <cell r="AU575" t="str">
            <v/>
          </cell>
          <cell r="AV575" t="str">
            <v/>
          </cell>
          <cell r="AW575" t="str">
            <v/>
          </cell>
          <cell r="AX575" t="str">
            <v/>
          </cell>
          <cell r="AY575" t="str">
            <v/>
          </cell>
          <cell r="AZ575" t="str">
            <v/>
          </cell>
          <cell r="BA575" t="str">
            <v>兵庫県</v>
          </cell>
          <cell r="BB575">
            <v>0</v>
          </cell>
          <cell r="CR575">
            <v>5326</v>
          </cell>
          <cell r="CS575" t="str">
            <v>ﾌｼﾞﾀ ﾋﾛﾕｷ</v>
          </cell>
          <cell r="CT575" t="str">
            <v>藤田  浩之</v>
          </cell>
          <cell r="CU575" t="str">
            <v>人事研修課</v>
          </cell>
          <cell r="CW575">
            <v>2423</v>
          </cell>
          <cell r="CX575" t="str">
            <v>副主幹</v>
          </cell>
          <cell r="CY575" t="str">
            <v>人事研修課長</v>
          </cell>
        </row>
        <row r="576">
          <cell r="B576">
            <v>2882</v>
          </cell>
          <cell r="C576" t="str">
            <v>株式会社ジャクエツ環境事業</v>
          </cell>
          <cell r="D576" t="str">
            <v>0770-25-2200</v>
          </cell>
          <cell r="E576" t="str">
            <v>914-0125</v>
          </cell>
          <cell r="F576" t="str">
            <v>福井県敦賀市若葉町二丁目1770番地</v>
          </cell>
          <cell r="G576" t="str">
            <v>敦賀市</v>
          </cell>
          <cell r="H576" t="str">
            <v/>
          </cell>
          <cell r="I576" t="str">
            <v>徳本　 達郎</v>
          </cell>
          <cell r="J576" t="str">
            <v>本店</v>
          </cell>
          <cell r="K576" t="str">
            <v>0770-21-2200</v>
          </cell>
          <cell r="L576" t="str">
            <v>environ@jakuetsu.com</v>
          </cell>
          <cell r="M576" t="str">
            <v>ｶﾌﾞｼｷｶﾞｲｼﾔ ｼﾞﾔｸｴﾂｶﾝｷﾖｳｼﾞｷﾞﾖｳ</v>
          </cell>
          <cell r="N576" t="str">
            <v>無</v>
          </cell>
          <cell r="O576">
            <v>30</v>
          </cell>
          <cell r="P576">
            <v>131</v>
          </cell>
          <cell r="Q576">
            <v>2210000000000</v>
          </cell>
          <cell r="R576">
            <v>90000</v>
          </cell>
          <cell r="S576">
            <v>4237717</v>
          </cell>
          <cell r="T576">
            <v>10399148</v>
          </cell>
          <cell r="V576" t="str">
            <v>va888795</v>
          </cell>
          <cell r="W576" t="str">
            <v>cv137578</v>
          </cell>
          <cell r="X576" t="str">
            <v>鋼機水(鋼)(機)(水)</v>
          </cell>
          <cell r="Y576" t="str">
            <v>鋼機水(鋼)(機)(水)</v>
          </cell>
          <cell r="Z576" t="str">
            <v/>
          </cell>
          <cell r="AA576" t="str">
            <v>造園</v>
          </cell>
          <cell r="AB576" t="str">
            <v>とび・土工・コンクリート</v>
          </cell>
          <cell r="AC576" t="str">
            <v>建築一式</v>
          </cell>
          <cell r="AD576" t="str">
            <v/>
          </cell>
          <cell r="AE576">
            <v>42947</v>
          </cell>
          <cell r="AF576" t="str">
            <v>無</v>
          </cell>
          <cell r="AG576" t="str">
            <v>造園</v>
          </cell>
          <cell r="AH576" t="str">
            <v>特定</v>
          </cell>
          <cell r="AI576">
            <v>1039</v>
          </cell>
          <cell r="AJ576">
            <v>2262295</v>
          </cell>
          <cell r="AK576" t="str">
            <v>5/7/4</v>
          </cell>
          <cell r="AL576" t="str">
            <v>とび・土工・コンクリート</v>
          </cell>
          <cell r="AM576" t="str">
            <v>特定</v>
          </cell>
          <cell r="AN576">
            <v>935</v>
          </cell>
          <cell r="AO576">
            <v>355871</v>
          </cell>
          <cell r="AP576" t="str">
            <v>5/4/0</v>
          </cell>
          <cell r="AQ576" t="str">
            <v>建築一式</v>
          </cell>
          <cell r="AR576" t="str">
            <v>特定</v>
          </cell>
          <cell r="AS576">
            <v>1052</v>
          </cell>
          <cell r="AT576">
            <v>787036</v>
          </cell>
          <cell r="AU576" t="str">
            <v>29/18/0</v>
          </cell>
          <cell r="AV576" t="str">
            <v/>
          </cell>
          <cell r="AW576" t="str">
            <v/>
          </cell>
          <cell r="AX576" t="str">
            <v/>
          </cell>
          <cell r="AY576" t="str">
            <v/>
          </cell>
          <cell r="AZ576" t="str">
            <v/>
          </cell>
          <cell r="BA576" t="str">
            <v>福井県</v>
          </cell>
          <cell r="BB576">
            <v>0</v>
          </cell>
          <cell r="CR576">
            <v>5327</v>
          </cell>
          <cell r="CS576" t="str">
            <v>ﾀｶﾊﾗ ﾁﾎ</v>
          </cell>
          <cell r="CT576" t="str">
            <v>髙原  千穂</v>
          </cell>
          <cell r="CU576" t="str">
            <v>市民課</v>
          </cell>
          <cell r="CW576">
            <v>2618</v>
          </cell>
          <cell r="CX576" t="str">
            <v xml:space="preserve"> </v>
          </cell>
          <cell r="CY576" t="str">
            <v>市民課長</v>
          </cell>
        </row>
        <row r="577">
          <cell r="B577">
            <v>2883</v>
          </cell>
          <cell r="C577" t="str">
            <v>ジャトー(株)</v>
          </cell>
          <cell r="D577" t="str">
            <v>06-6313-1351</v>
          </cell>
          <cell r="E577" t="str">
            <v>530-0053</v>
          </cell>
          <cell r="F577" t="str">
            <v>大阪府大阪市北区末広町1-22</v>
          </cell>
          <cell r="G577" t="str">
            <v>大阪市</v>
          </cell>
          <cell r="H577" t="str">
            <v/>
          </cell>
          <cell r="I577" t="str">
            <v>代表取締役 小野　謙治</v>
          </cell>
          <cell r="J577" t="str">
            <v>本店</v>
          </cell>
          <cell r="K577" t="str">
            <v>06-6313-4152</v>
          </cell>
          <cell r="L577" t="str">
            <v>nyusatsu-jato@jato.co.jp</v>
          </cell>
          <cell r="M577" t="str">
            <v>ｼﾞｬﾄｰ</v>
          </cell>
          <cell r="N577" t="str">
            <v>無</v>
          </cell>
          <cell r="O577">
            <v>51</v>
          </cell>
          <cell r="P577">
            <v>178</v>
          </cell>
          <cell r="Q577">
            <v>6120001072913</v>
          </cell>
          <cell r="R577">
            <v>80000</v>
          </cell>
          <cell r="S577">
            <v>1513818</v>
          </cell>
          <cell r="T577">
            <v>7178623</v>
          </cell>
          <cell r="V577" t="str">
            <v>mt870152</v>
          </cell>
          <cell r="W577" t="str">
            <v>xz443683</v>
          </cell>
          <cell r="X577" t="str">
            <v>電機消通</v>
          </cell>
          <cell r="Y577" t="str">
            <v>電機消</v>
          </cell>
          <cell r="Z577" t="str">
            <v>通</v>
          </cell>
          <cell r="AA577" t="str">
            <v>電気通信</v>
          </cell>
          <cell r="AB577" t="str">
            <v>電気</v>
          </cell>
          <cell r="AC577" t="str">
            <v>機械器具</v>
          </cell>
          <cell r="AD577" t="str">
            <v>消防施設</v>
          </cell>
          <cell r="AE577">
            <v>43039</v>
          </cell>
          <cell r="AF577" t="str">
            <v>希望しない</v>
          </cell>
          <cell r="AG577" t="str">
            <v>電気通信</v>
          </cell>
          <cell r="AH577" t="str">
            <v>特定</v>
          </cell>
          <cell r="AI577">
            <v>1146</v>
          </cell>
          <cell r="AJ577">
            <v>5902550</v>
          </cell>
          <cell r="AK577" t="str">
            <v>0(0)/0/90</v>
          </cell>
          <cell r="AL577" t="str">
            <v>電気</v>
          </cell>
          <cell r="AM577" t="str">
            <v>一般</v>
          </cell>
          <cell r="AN577">
            <v>923</v>
          </cell>
          <cell r="AO577">
            <v>61532</v>
          </cell>
          <cell r="AP577" t="str">
            <v>8(7)/6/14</v>
          </cell>
          <cell r="AQ577" t="str">
            <v>機械器具</v>
          </cell>
          <cell r="AR577" t="str">
            <v>一般</v>
          </cell>
          <cell r="AS577">
            <v>757</v>
          </cell>
          <cell r="AT577">
            <v>4800</v>
          </cell>
          <cell r="AU577" t="str">
            <v>0(0)/0/4</v>
          </cell>
          <cell r="AV577" t="str">
            <v>消防施設</v>
          </cell>
          <cell r="AW577" t="str">
            <v>一般</v>
          </cell>
          <cell r="AX577">
            <v>948</v>
          </cell>
          <cell r="AY577">
            <v>141463</v>
          </cell>
          <cell r="AZ577" t="str">
            <v>0(0)/32/0</v>
          </cell>
          <cell r="BA577" t="str">
            <v>大阪府</v>
          </cell>
          <cell r="BB577">
            <v>0</v>
          </cell>
          <cell r="CR577">
            <v>5328</v>
          </cell>
          <cell r="CS577" t="str">
            <v>ｲﾉｳｴ ﾄﾓｺ</v>
          </cell>
          <cell r="CT577" t="str">
            <v>井上  朋子</v>
          </cell>
          <cell r="CU577" t="str">
            <v>まちづくり推進課</v>
          </cell>
          <cell r="CW577">
            <v>2125</v>
          </cell>
          <cell r="CY577" t="str">
            <v>まちづくり推進課長</v>
          </cell>
        </row>
        <row r="578">
          <cell r="B578">
            <v>2884</v>
          </cell>
          <cell r="C578" t="str">
            <v>ジャパンサービス(株)</v>
          </cell>
          <cell r="D578" t="str">
            <v>0798-22-8394</v>
          </cell>
          <cell r="E578" t="str">
            <v>662-0852</v>
          </cell>
          <cell r="F578" t="str">
            <v>兵庫県西宮市中殿町5-7</v>
          </cell>
          <cell r="G578" t="str">
            <v>西宮市</v>
          </cell>
          <cell r="H578" t="str">
            <v/>
          </cell>
          <cell r="I578" t="str">
            <v>代表取締役 松本　茂清</v>
          </cell>
          <cell r="J578" t="str">
            <v>本店</v>
          </cell>
          <cell r="K578" t="str">
            <v>0798-22-8497</v>
          </cell>
          <cell r="L578" t="str">
            <v>matsumoto@e-japanservice.co.jp</v>
          </cell>
          <cell r="M578" t="str">
            <v>ｼﾞｬﾊﾟﾝｻｰﾋﾞｽ</v>
          </cell>
          <cell r="N578" t="str">
            <v>無</v>
          </cell>
          <cell r="O578">
            <v>23</v>
          </cell>
          <cell r="P578">
            <v>10</v>
          </cell>
          <cell r="Q578">
            <v>2140001069102</v>
          </cell>
          <cell r="R578">
            <v>10000</v>
          </cell>
          <cell r="S578">
            <v>87348</v>
          </cell>
          <cell r="T578">
            <v>113144</v>
          </cell>
          <cell r="V578" t="str">
            <v>pg342052</v>
          </cell>
          <cell r="W578" t="str">
            <v>as480630</v>
          </cell>
          <cell r="X578" t="str">
            <v>土と管舗浚水</v>
          </cell>
          <cell r="Y578" t="str">
            <v>土と管舗浚水</v>
          </cell>
          <cell r="Z578" t="str">
            <v/>
          </cell>
          <cell r="AA578" t="str">
            <v>土木一式</v>
          </cell>
          <cell r="AB578" t="str">
            <v>管</v>
          </cell>
          <cell r="AC578" t="str">
            <v>水道施設</v>
          </cell>
          <cell r="AD578" t="str">
            <v>浚渫</v>
          </cell>
          <cell r="AE578">
            <v>43159</v>
          </cell>
          <cell r="AF578" t="str">
            <v>希望しない</v>
          </cell>
          <cell r="AG578" t="str">
            <v>土木一式</v>
          </cell>
          <cell r="AH578" t="str">
            <v>一般</v>
          </cell>
          <cell r="AI578">
            <v>718</v>
          </cell>
          <cell r="AJ578">
            <v>39415</v>
          </cell>
          <cell r="AK578" t="str">
            <v>0(0)/3/1</v>
          </cell>
          <cell r="AL578" t="str">
            <v>管</v>
          </cell>
          <cell r="AM578" t="str">
            <v>一般</v>
          </cell>
          <cell r="AN578" t="str">
            <v/>
          </cell>
          <cell r="AO578" t="str">
            <v/>
          </cell>
          <cell r="AP578" t="str">
            <v/>
          </cell>
          <cell r="AQ578" t="str">
            <v>水道施設</v>
          </cell>
          <cell r="AR578" t="str">
            <v>一般</v>
          </cell>
          <cell r="AS578" t="str">
            <v/>
          </cell>
          <cell r="AT578" t="str">
            <v/>
          </cell>
          <cell r="AU578" t="str">
            <v/>
          </cell>
          <cell r="AV578" t="str">
            <v>浚渫</v>
          </cell>
          <cell r="AW578" t="str">
            <v>一般</v>
          </cell>
          <cell r="AX578" t="str">
            <v/>
          </cell>
          <cell r="AY578" t="str">
            <v/>
          </cell>
          <cell r="AZ578" t="str">
            <v/>
          </cell>
          <cell r="BA578" t="str">
            <v>兵庫県</v>
          </cell>
          <cell r="BB578">
            <v>0</v>
          </cell>
          <cell r="CR578">
            <v>5329</v>
          </cell>
          <cell r="CS578" t="str">
            <v>ﾎﾝﾀﾆ ﾐｶ</v>
          </cell>
          <cell r="CT578" t="str">
            <v>本谷  美佳</v>
          </cell>
          <cell r="CU578" t="str">
            <v>生活環境課</v>
          </cell>
          <cell r="CW578">
            <v>2813</v>
          </cell>
          <cell r="CX578" t="str">
            <v xml:space="preserve"> </v>
          </cell>
          <cell r="CY578" t="str">
            <v>生活環境課長</v>
          </cell>
        </row>
        <row r="579">
          <cell r="B579">
            <v>2887</v>
          </cell>
          <cell r="C579" t="str">
            <v>(株)寿楽園</v>
          </cell>
          <cell r="D579" t="str">
            <v>0797-87-8118</v>
          </cell>
          <cell r="E579" t="str">
            <v>665-0821</v>
          </cell>
          <cell r="F579" t="str">
            <v>兵庫県宝塚市安倉北5-1041-3</v>
          </cell>
          <cell r="G579" t="str">
            <v>宝塚市</v>
          </cell>
          <cell r="H579" t="str">
            <v/>
          </cell>
          <cell r="I579" t="str">
            <v>代表取締役 中井　智規</v>
          </cell>
          <cell r="J579" t="str">
            <v>本店</v>
          </cell>
          <cell r="K579" t="str">
            <v>0797-87-3161</v>
          </cell>
          <cell r="L579" t="str">
            <v>info@jyurakuen.co.jp</v>
          </cell>
          <cell r="M579" t="str">
            <v>ｼﾞｭﾗｸｴﾝ</v>
          </cell>
          <cell r="N579" t="str">
            <v>無</v>
          </cell>
          <cell r="O579">
            <v>46</v>
          </cell>
          <cell r="P579">
            <v>7</v>
          </cell>
          <cell r="Q579">
            <v>8140001081605</v>
          </cell>
          <cell r="R579">
            <v>20000</v>
          </cell>
          <cell r="S579">
            <v>76725</v>
          </cell>
          <cell r="T579">
            <v>435458</v>
          </cell>
          <cell r="V579" t="str">
            <v>rb674752</v>
          </cell>
          <cell r="W579" t="str">
            <v>fr611056</v>
          </cell>
          <cell r="X579" t="str">
            <v>土と園</v>
          </cell>
          <cell r="Y579" t="str">
            <v/>
          </cell>
          <cell r="Z579" t="str">
            <v>土と園</v>
          </cell>
          <cell r="AA579" t="str">
            <v>造園</v>
          </cell>
          <cell r="AB579" t="str">
            <v>土木一式</v>
          </cell>
          <cell r="AC579" t="str">
            <v>とび土工</v>
          </cell>
          <cell r="AD579" t="str">
            <v/>
          </cell>
          <cell r="AE579">
            <v>43312</v>
          </cell>
          <cell r="AF579" t="str">
            <v>希望しない</v>
          </cell>
          <cell r="AG579" t="str">
            <v>造園</v>
          </cell>
          <cell r="AH579" t="str">
            <v>特定</v>
          </cell>
          <cell r="AI579">
            <v>857</v>
          </cell>
          <cell r="AJ579">
            <v>337333</v>
          </cell>
          <cell r="AK579" t="str">
            <v>5(5)/0/0</v>
          </cell>
          <cell r="AL579" t="str">
            <v>土木一式</v>
          </cell>
          <cell r="AM579" t="str">
            <v>特定</v>
          </cell>
          <cell r="AN579">
            <v>729</v>
          </cell>
          <cell r="AO579">
            <v>8660</v>
          </cell>
          <cell r="AP579" t="str">
            <v>2(2)/3/0</v>
          </cell>
          <cell r="AQ579" t="str">
            <v>とび土工</v>
          </cell>
          <cell r="AR579" t="str">
            <v>特定</v>
          </cell>
          <cell r="AS579">
            <v>735</v>
          </cell>
          <cell r="AT579">
            <v>42739</v>
          </cell>
          <cell r="AU579" t="str">
            <v>0(0)/1/0</v>
          </cell>
          <cell r="AV579" t="str">
            <v/>
          </cell>
          <cell r="AW579" t="str">
            <v/>
          </cell>
          <cell r="AX579" t="str">
            <v/>
          </cell>
          <cell r="AY579" t="str">
            <v/>
          </cell>
          <cell r="AZ579" t="str">
            <v/>
          </cell>
          <cell r="BA579" t="str">
            <v>兵庫県</v>
          </cell>
          <cell r="BB579">
            <v>0</v>
          </cell>
          <cell r="CR579">
            <v>5330</v>
          </cell>
          <cell r="CS579" t="str">
            <v>ｳｴﾏﾂ ｻﾄﾐ</v>
          </cell>
          <cell r="CT579" t="str">
            <v>植松  里美</v>
          </cell>
          <cell r="CU579" t="str">
            <v>保育課</v>
          </cell>
          <cell r="CW579" t="str">
            <v xml:space="preserve"> </v>
          </cell>
          <cell r="CX579" t="str">
            <v>主査</v>
          </cell>
          <cell r="CY579" t="str">
            <v>保育課長</v>
          </cell>
        </row>
        <row r="580">
          <cell r="B580">
            <v>2888</v>
          </cell>
          <cell r="C580" t="str">
            <v>ジョイントロードサービス(株)</v>
          </cell>
          <cell r="D580" t="str">
            <v>06-6498-0077</v>
          </cell>
          <cell r="E580" t="str">
            <v>661-0981</v>
          </cell>
          <cell r="F580" t="str">
            <v>兵庫県尼崎市猪名寺2-20-20</v>
          </cell>
          <cell r="G580" t="str">
            <v>尼崎市</v>
          </cell>
          <cell r="H580" t="str">
            <v/>
          </cell>
          <cell r="I580" t="str">
            <v>代表取締役 塩崎　寿知</v>
          </cell>
          <cell r="J580" t="str">
            <v>本店</v>
          </cell>
          <cell r="K580" t="str">
            <v>06-6498-0066</v>
          </cell>
          <cell r="L580" t="str">
            <v>info@joint21.co.jp</v>
          </cell>
          <cell r="M580" t="str">
            <v>ｼﾞｮｲﾝﾄﾛｰﾄﾞｻｰﾋﾞｽ</v>
          </cell>
          <cell r="N580" t="str">
            <v>無</v>
          </cell>
          <cell r="O580">
            <v>22</v>
          </cell>
          <cell r="P580">
            <v>17</v>
          </cell>
          <cell r="Q580">
            <v>7140001049280</v>
          </cell>
          <cell r="R580">
            <v>25000</v>
          </cell>
          <cell r="S580">
            <v>82587</v>
          </cell>
          <cell r="T580">
            <v>1099</v>
          </cell>
          <cell r="V580" t="str">
            <v>ve742942</v>
          </cell>
          <cell r="W580" t="str">
            <v>jn951308</v>
          </cell>
          <cell r="X580" t="str">
            <v>塗土と</v>
          </cell>
          <cell r="Y580" t="str">
            <v>塗</v>
          </cell>
          <cell r="Z580" t="str">
            <v>土と</v>
          </cell>
          <cell r="AA580" t="str">
            <v>とび土工</v>
          </cell>
          <cell r="AB580" t="str">
            <v>塗装</v>
          </cell>
          <cell r="AC580" t="str">
            <v>土木一式</v>
          </cell>
          <cell r="AD580" t="str">
            <v/>
          </cell>
          <cell r="AE580">
            <v>43100</v>
          </cell>
          <cell r="AF580" t="str">
            <v>希望しない</v>
          </cell>
          <cell r="AG580" t="str">
            <v>とび土工</v>
          </cell>
          <cell r="AH580" t="str">
            <v>特定</v>
          </cell>
          <cell r="AI580">
            <v>855</v>
          </cell>
          <cell r="AJ580">
            <v>518326</v>
          </cell>
          <cell r="AK580" t="str">
            <v>6(5)/6/2</v>
          </cell>
          <cell r="AL580" t="str">
            <v>塗装</v>
          </cell>
          <cell r="AM580" t="str">
            <v>一般</v>
          </cell>
          <cell r="AN580">
            <v>804</v>
          </cell>
          <cell r="AO580">
            <v>201384</v>
          </cell>
          <cell r="AP580" t="str">
            <v>6(5)/3/1</v>
          </cell>
          <cell r="AQ580" t="str">
            <v>土木一式</v>
          </cell>
          <cell r="AR580" t="str">
            <v>特定</v>
          </cell>
          <cell r="AS580">
            <v>763</v>
          </cell>
          <cell r="AT580">
            <v>181025</v>
          </cell>
          <cell r="AU580" t="str">
            <v>0(0)/7/1</v>
          </cell>
          <cell r="AV580" t="str">
            <v/>
          </cell>
          <cell r="AW580" t="str">
            <v/>
          </cell>
          <cell r="AX580" t="str">
            <v/>
          </cell>
          <cell r="AY580" t="str">
            <v/>
          </cell>
          <cell r="AZ580" t="str">
            <v/>
          </cell>
          <cell r="BA580" t="str">
            <v>兵庫県</v>
          </cell>
          <cell r="BB580">
            <v>0</v>
          </cell>
          <cell r="CR580">
            <v>5338</v>
          </cell>
          <cell r="CS580" t="str">
            <v>ﾓﾁﾀﾞ ﾃﾂﾔ</v>
          </cell>
          <cell r="CT580" t="str">
            <v>持田  哲也</v>
          </cell>
          <cell r="CU580" t="str">
            <v>消防総務課</v>
          </cell>
          <cell r="CW580">
            <v>6680206</v>
          </cell>
          <cell r="CX580" t="str">
            <v>主査</v>
          </cell>
          <cell r="CY580" t="str">
            <v>消防総務課長</v>
          </cell>
        </row>
        <row r="581">
          <cell r="B581">
            <v>2890</v>
          </cell>
          <cell r="C581" t="str">
            <v>(株)ショウリュウ</v>
          </cell>
          <cell r="D581" t="str">
            <v>06-6701-6851</v>
          </cell>
          <cell r="E581" t="str">
            <v>547-0035</v>
          </cell>
          <cell r="F581" t="str">
            <v>大阪府大阪市平野区西脇2-10-2</v>
          </cell>
          <cell r="G581" t="str">
            <v>大阪市</v>
          </cell>
          <cell r="H581" t="str">
            <v/>
          </cell>
          <cell r="I581" t="str">
            <v>代表取締役 松田　進</v>
          </cell>
          <cell r="J581" t="str">
            <v>本店</v>
          </cell>
          <cell r="K581" t="str">
            <v>06-6701-6853</v>
          </cell>
          <cell r="L581" t="str">
            <v>showryu@peach.ocn.ne.jp</v>
          </cell>
          <cell r="M581" t="str">
            <v>ｼﾖｳﾘﾕｳ</v>
          </cell>
          <cell r="N581" t="str">
            <v>無</v>
          </cell>
          <cell r="O581">
            <v>31</v>
          </cell>
          <cell r="P581">
            <v>6</v>
          </cell>
          <cell r="Q581">
            <v>9120001020539</v>
          </cell>
          <cell r="R581">
            <v>13000</v>
          </cell>
          <cell r="S581">
            <v>38217</v>
          </cell>
          <cell r="T581">
            <v>160274</v>
          </cell>
          <cell r="V581" t="str">
            <v>wq132715</v>
          </cell>
          <cell r="W581" t="str">
            <v>nv169766</v>
          </cell>
          <cell r="X581" t="str">
            <v>土と鋼舗浚塗防水</v>
          </cell>
          <cell r="Y581" t="str">
            <v>土と鋼舗浚塗防水</v>
          </cell>
          <cell r="Z581" t="str">
            <v/>
          </cell>
          <cell r="AA581" t="str">
            <v>防水</v>
          </cell>
          <cell r="AB581" t="str">
            <v/>
          </cell>
          <cell r="AC581" t="str">
            <v/>
          </cell>
          <cell r="AD581" t="str">
            <v/>
          </cell>
          <cell r="AE581">
            <v>43312</v>
          </cell>
          <cell r="AF581" t="str">
            <v>希望しない</v>
          </cell>
          <cell r="AG581" t="str">
            <v>防水</v>
          </cell>
          <cell r="AH581" t="str">
            <v>一般</v>
          </cell>
          <cell r="AI581">
            <v>801</v>
          </cell>
          <cell r="AJ581">
            <v>103291</v>
          </cell>
          <cell r="AK581" t="str">
            <v>()/4/1</v>
          </cell>
          <cell r="AL581" t="str">
            <v/>
          </cell>
          <cell r="AM581" t="str">
            <v/>
          </cell>
          <cell r="AN581" t="str">
            <v/>
          </cell>
          <cell r="AO581" t="str">
            <v/>
          </cell>
          <cell r="AP581" t="str">
            <v/>
          </cell>
          <cell r="AQ581" t="str">
            <v/>
          </cell>
          <cell r="AR581" t="str">
            <v/>
          </cell>
          <cell r="AS581" t="str">
            <v/>
          </cell>
          <cell r="AT581" t="str">
            <v/>
          </cell>
          <cell r="AU581" t="str">
            <v/>
          </cell>
          <cell r="AV581" t="str">
            <v/>
          </cell>
          <cell r="AW581" t="str">
            <v/>
          </cell>
          <cell r="AX581" t="str">
            <v/>
          </cell>
          <cell r="AY581" t="str">
            <v/>
          </cell>
          <cell r="AZ581" t="str">
            <v/>
          </cell>
          <cell r="BA581" t="str">
            <v>大阪府</v>
          </cell>
          <cell r="BB581">
            <v>0</v>
          </cell>
          <cell r="CR581">
            <v>5341</v>
          </cell>
          <cell r="CS581" t="str">
            <v>ﾅｶﾞﾖｼ ｶﾂﾋｺ</v>
          </cell>
          <cell r="CT581" t="str">
            <v>永吉  勝彦</v>
          </cell>
          <cell r="CU581" t="str">
            <v>警防課</v>
          </cell>
          <cell r="CW581">
            <v>6680225</v>
          </cell>
          <cell r="CX581" t="str">
            <v>主査</v>
          </cell>
          <cell r="CY581" t="str">
            <v>警防課長</v>
          </cell>
        </row>
        <row r="582">
          <cell r="B582">
            <v>2891</v>
          </cell>
          <cell r="C582" t="str">
            <v>昭和コンクリート工業(株)</v>
          </cell>
          <cell r="D582" t="str">
            <v>078-271-5875</v>
          </cell>
          <cell r="E582" t="str">
            <v>651-0087</v>
          </cell>
          <cell r="F582" t="str">
            <v>兵庫県神戸市中央区御幸通4-2-20</v>
          </cell>
          <cell r="G582" t="str">
            <v>岐阜市</v>
          </cell>
          <cell r="H582" t="str">
            <v>神戸営業所</v>
          </cell>
          <cell r="I582" t="str">
            <v>所長 小野　浩樹</v>
          </cell>
          <cell r="J582" t="str">
            <v>岐阜県岐阜市</v>
          </cell>
          <cell r="K582" t="str">
            <v>078-271-5878</v>
          </cell>
          <cell r="L582" t="str">
            <v>head@showa-con.co.jp</v>
          </cell>
          <cell r="M582" t="str">
            <v>ｼｮｳﾜｺﾝｸﾘｰﾄｺｳｷﾞｮｳ</v>
          </cell>
          <cell r="N582" t="str">
            <v>有</v>
          </cell>
          <cell r="O582">
            <v>61</v>
          </cell>
          <cell r="P582">
            <v>668</v>
          </cell>
          <cell r="Q582">
            <v>2200001002601</v>
          </cell>
          <cell r="R582">
            <v>100000</v>
          </cell>
          <cell r="S582">
            <v>9260989</v>
          </cell>
          <cell r="T582">
            <v>23902386</v>
          </cell>
          <cell r="V582" t="str">
            <v>th912445</v>
          </cell>
          <cell r="W582" t="str">
            <v>ct182777</v>
          </cell>
          <cell r="X582" t="str">
            <v>(清)(と)(鋼)(水)(解)土建と鋼園水解</v>
          </cell>
          <cell r="Y582" t="str">
            <v>(清)(と)(鋼)(水)(解)</v>
          </cell>
          <cell r="Z582" t="str">
            <v>土建と鋼園水解</v>
          </cell>
          <cell r="AA582" t="str">
            <v>土木一式</v>
          </cell>
          <cell r="AB582" t="str">
            <v>水道施設</v>
          </cell>
          <cell r="AC582" t="str">
            <v>とび土工</v>
          </cell>
          <cell r="AD582" t="str">
            <v/>
          </cell>
          <cell r="AE582">
            <v>43190</v>
          </cell>
          <cell r="AF582" t="str">
            <v>希望しない</v>
          </cell>
          <cell r="AG582" t="str">
            <v>土木一式</v>
          </cell>
          <cell r="AH582" t="str">
            <v>特定</v>
          </cell>
          <cell r="AI582">
            <v>1359</v>
          </cell>
          <cell r="AJ582">
            <v>3498448</v>
          </cell>
          <cell r="AK582" t="str">
            <v>201(134)/26/0</v>
          </cell>
          <cell r="AL582" t="str">
            <v>水道施設</v>
          </cell>
          <cell r="AM582" t="str">
            <v>特定</v>
          </cell>
          <cell r="AN582">
            <v>1075</v>
          </cell>
          <cell r="AO582">
            <v>8381</v>
          </cell>
          <cell r="AP582" t="str">
            <v>93(62)/11/0</v>
          </cell>
          <cell r="AQ582" t="str">
            <v>とび土工</v>
          </cell>
          <cell r="AR582" t="str">
            <v>特定</v>
          </cell>
          <cell r="AS582">
            <v>1256</v>
          </cell>
          <cell r="AT582">
            <v>3432404</v>
          </cell>
          <cell r="AU582" t="str">
            <v>93(62)/11/0</v>
          </cell>
          <cell r="AV582" t="str">
            <v/>
          </cell>
          <cell r="AW582" t="str">
            <v/>
          </cell>
          <cell r="AX582" t="str">
            <v/>
          </cell>
          <cell r="AY582" t="str">
            <v/>
          </cell>
          <cell r="AZ582" t="str">
            <v/>
          </cell>
          <cell r="BA582" t="str">
            <v>岐阜県</v>
          </cell>
          <cell r="BB582">
            <v>0</v>
          </cell>
          <cell r="CR582">
            <v>5348</v>
          </cell>
          <cell r="CS582" t="str">
            <v>ｲﾅﾂｷﾞ ﾀｶﾉﾌﾞ</v>
          </cell>
          <cell r="CT582" t="str">
            <v>稲継  隆信</v>
          </cell>
          <cell r="CU582" t="str">
            <v>工務課</v>
          </cell>
          <cell r="CW582" t="str">
            <v xml:space="preserve"> </v>
          </cell>
          <cell r="CX582" t="str">
            <v xml:space="preserve"> </v>
          </cell>
          <cell r="CY582" t="str">
            <v>工務課長</v>
          </cell>
        </row>
        <row r="583">
          <cell r="B583">
            <v>2892</v>
          </cell>
          <cell r="C583" t="str">
            <v>(株)昭和商工</v>
          </cell>
          <cell r="D583" t="str">
            <v>06-6482-3686</v>
          </cell>
          <cell r="E583" t="str">
            <v>660-0806</v>
          </cell>
          <cell r="F583" t="str">
            <v>兵庫県尼崎市金楽寺町2-19-6</v>
          </cell>
          <cell r="G583" t="str">
            <v>尼崎市</v>
          </cell>
          <cell r="H583" t="str">
            <v/>
          </cell>
          <cell r="I583" t="str">
            <v>代表取締役 金田　智子</v>
          </cell>
          <cell r="J583" t="str">
            <v>本店</v>
          </cell>
          <cell r="K583" t="str">
            <v>06-6487-0203</v>
          </cell>
          <cell r="L583" t="str">
            <v>showashoko@ams.odn.ne.jp</v>
          </cell>
          <cell r="M583" t="str">
            <v>ｼｮｳﾜｼｮｳｺｳ</v>
          </cell>
          <cell r="N583" t="str">
            <v>無</v>
          </cell>
          <cell r="O583">
            <v>44</v>
          </cell>
          <cell r="P583">
            <v>15</v>
          </cell>
          <cell r="Q583">
            <v>1140001049311</v>
          </cell>
          <cell r="R583">
            <v>10000</v>
          </cell>
          <cell r="S583">
            <v>22049</v>
          </cell>
          <cell r="T583">
            <v>600163</v>
          </cell>
          <cell r="V583" t="str">
            <v>nk743062</v>
          </cell>
          <cell r="W583" t="str">
            <v>hy891754</v>
          </cell>
          <cell r="X583" t="str">
            <v>塗防</v>
          </cell>
          <cell r="Y583" t="str">
            <v>塗防</v>
          </cell>
          <cell r="Z583" t="str">
            <v/>
          </cell>
          <cell r="AA583" t="str">
            <v>防水</v>
          </cell>
          <cell r="AB583" t="str">
            <v>塗装</v>
          </cell>
          <cell r="AC583" t="str">
            <v/>
          </cell>
          <cell r="AD583" t="str">
            <v/>
          </cell>
          <cell r="AE583">
            <v>43281</v>
          </cell>
          <cell r="AF583" t="str">
            <v>希望しない</v>
          </cell>
          <cell r="AG583" t="str">
            <v>防水</v>
          </cell>
          <cell r="AH583" t="str">
            <v>一般</v>
          </cell>
          <cell r="AI583">
            <v>783</v>
          </cell>
          <cell r="AJ583">
            <v>490082</v>
          </cell>
          <cell r="AK583" t="str">
            <v>2(2)/4/2</v>
          </cell>
          <cell r="AL583" t="str">
            <v>塗装</v>
          </cell>
          <cell r="AM583" t="str">
            <v>一般</v>
          </cell>
          <cell r="AN583">
            <v>703</v>
          </cell>
          <cell r="AO583">
            <v>70056</v>
          </cell>
          <cell r="AP583" t="str">
            <v>2(2)/2/0</v>
          </cell>
          <cell r="AQ583" t="str">
            <v/>
          </cell>
          <cell r="AR583" t="str">
            <v/>
          </cell>
          <cell r="AS583" t="str">
            <v/>
          </cell>
          <cell r="AT583" t="str">
            <v/>
          </cell>
          <cell r="AU583" t="str">
            <v/>
          </cell>
          <cell r="AV583" t="str">
            <v/>
          </cell>
          <cell r="AW583" t="str">
            <v/>
          </cell>
          <cell r="AX583" t="str">
            <v/>
          </cell>
          <cell r="AY583" t="str">
            <v/>
          </cell>
          <cell r="AZ583" t="str">
            <v/>
          </cell>
          <cell r="BA583" t="str">
            <v>兵庫県</v>
          </cell>
          <cell r="BB583">
            <v>0</v>
          </cell>
          <cell r="CR583">
            <v>5380</v>
          </cell>
          <cell r="CS583" t="str">
            <v>ｷﾀﾉ ﾐｷｵ</v>
          </cell>
          <cell r="CT583" t="str">
            <v>北野  幹大</v>
          </cell>
          <cell r="CU583" t="str">
            <v>総務課</v>
          </cell>
          <cell r="CW583" t="str">
            <v xml:space="preserve"> </v>
          </cell>
          <cell r="CX583" t="str">
            <v xml:space="preserve"> </v>
          </cell>
          <cell r="CY583" t="str">
            <v>総務課長</v>
          </cell>
        </row>
        <row r="584">
          <cell r="B584">
            <v>2893</v>
          </cell>
          <cell r="C584" t="str">
            <v>(株)昭和造園土木</v>
          </cell>
          <cell r="D584" t="str">
            <v>06-6391-7863</v>
          </cell>
          <cell r="E584" t="str">
            <v>532-0003</v>
          </cell>
          <cell r="F584" t="str">
            <v>大阪府大阪市淀川区宮原2-14-513</v>
          </cell>
          <cell r="G584" t="str">
            <v>大阪市</v>
          </cell>
          <cell r="H584" t="str">
            <v/>
          </cell>
          <cell r="I584" t="str">
            <v>代表取締役 坂上　信明</v>
          </cell>
          <cell r="J584" t="str">
            <v>本店</v>
          </cell>
          <cell r="K584" t="str">
            <v>06-6385-9621</v>
          </cell>
          <cell r="L584" t="str">
            <v>syouwa1@pearl.ocn.ne.jp</v>
          </cell>
          <cell r="M584" t="str">
            <v>ｼｮｳﾜｿﾞｳｴﾝﾄﾞﾎﾞｸ</v>
          </cell>
          <cell r="N584" t="str">
            <v>無</v>
          </cell>
          <cell r="O584">
            <v>57</v>
          </cell>
          <cell r="P584">
            <v>17</v>
          </cell>
          <cell r="Q584">
            <v>2120001055962</v>
          </cell>
          <cell r="R584">
            <v>20000</v>
          </cell>
          <cell r="S584">
            <v>61283</v>
          </cell>
          <cell r="T584">
            <v>330221</v>
          </cell>
          <cell r="V584" t="str">
            <v>az544292</v>
          </cell>
          <cell r="W584" t="str">
            <v>na750387</v>
          </cell>
          <cell r="X584" t="str">
            <v>土と舗園</v>
          </cell>
          <cell r="Y584" t="str">
            <v/>
          </cell>
          <cell r="Z584" t="str">
            <v>土と舗園</v>
          </cell>
          <cell r="AA584" t="str">
            <v>造園</v>
          </cell>
          <cell r="AB584" t="str">
            <v>土木一式</v>
          </cell>
          <cell r="AC584" t="str">
            <v>舗装</v>
          </cell>
          <cell r="AD584" t="str">
            <v>とび土工</v>
          </cell>
          <cell r="AE584">
            <v>43069</v>
          </cell>
          <cell r="AF584" t="str">
            <v>希望しない</v>
          </cell>
          <cell r="AG584" t="str">
            <v>造園</v>
          </cell>
          <cell r="AH584" t="str">
            <v>特定</v>
          </cell>
          <cell r="AI584">
            <v>845</v>
          </cell>
          <cell r="AJ584">
            <v>459926</v>
          </cell>
          <cell r="AK584" t="str">
            <v>12(9)/3/1</v>
          </cell>
          <cell r="AL584" t="str">
            <v>土木一式</v>
          </cell>
          <cell r="AM584" t="str">
            <v>特定</v>
          </cell>
          <cell r="AN584">
            <v>691</v>
          </cell>
          <cell r="AO584">
            <v>4683</v>
          </cell>
          <cell r="AP584" t="str">
            <v>11(8)/2/2</v>
          </cell>
          <cell r="AQ584" t="str">
            <v>舗装</v>
          </cell>
          <cell r="AR584" t="str">
            <v>特定</v>
          </cell>
          <cell r="AS584">
            <v>578</v>
          </cell>
          <cell r="AT584">
            <v>1300</v>
          </cell>
          <cell r="AU584" t="str">
            <v>0(0)/0/0</v>
          </cell>
          <cell r="AV584" t="str">
            <v>とび土工</v>
          </cell>
          <cell r="AW584" t="str">
            <v>特定</v>
          </cell>
          <cell r="AX584">
            <v>573</v>
          </cell>
          <cell r="AY584" t="str">
            <v/>
          </cell>
          <cell r="AZ584" t="str">
            <v>0(0)/0/0</v>
          </cell>
          <cell r="BA584" t="str">
            <v>大阪府</v>
          </cell>
          <cell r="BB584">
            <v>0</v>
          </cell>
          <cell r="CR584">
            <v>5383</v>
          </cell>
          <cell r="CS584" t="str">
            <v>ｽｴﾋﾛ ﾀﾂﾔ</v>
          </cell>
          <cell r="CT584" t="str">
            <v>末廣  竜也</v>
          </cell>
          <cell r="CU584" t="str">
            <v>公園課</v>
          </cell>
          <cell r="CW584" t="str">
            <v xml:space="preserve"> </v>
          </cell>
          <cell r="CX584" t="str">
            <v>業務主任</v>
          </cell>
          <cell r="CY584" t="str">
            <v>公園課長</v>
          </cell>
        </row>
        <row r="585">
          <cell r="B585">
            <v>2895</v>
          </cell>
          <cell r="C585" t="str">
            <v>ショーボンド建設(株)</v>
          </cell>
          <cell r="D585" t="str">
            <v>078-413-2550</v>
          </cell>
          <cell r="E585" t="str">
            <v>658-0023</v>
          </cell>
          <cell r="F585" t="str">
            <v>兵庫県神戸市東灘区深江浜町14-4</v>
          </cell>
          <cell r="G585" t="str">
            <v/>
          </cell>
          <cell r="H585" t="str">
            <v>神戸支店</v>
          </cell>
          <cell r="I585" t="str">
            <v>支店長 尾野　憲之</v>
          </cell>
          <cell r="J585" t="str">
            <v>東京都</v>
          </cell>
          <cell r="K585" t="str">
            <v>078-413-2559</v>
          </cell>
          <cell r="L585" t="str">
            <v>kobe-s@sho-bond.co.jp</v>
          </cell>
          <cell r="M585" t="str">
            <v>ｼｮｰﾎﾞﾝﾄﾞｹﾝｾﾂ</v>
          </cell>
          <cell r="N585" t="str">
            <v>有</v>
          </cell>
          <cell r="O585">
            <v>55</v>
          </cell>
          <cell r="P585">
            <v>603</v>
          </cell>
          <cell r="Q585">
            <v>2010001131980</v>
          </cell>
          <cell r="R585">
            <v>10100000</v>
          </cell>
          <cell r="S585">
            <v>60395594</v>
          </cell>
          <cell r="T585">
            <v>43126447</v>
          </cell>
          <cell r="V585" t="str">
            <v>hd352464</v>
          </cell>
          <cell r="W585" t="str">
            <v>yx803241</v>
          </cell>
          <cell r="X585" t="str">
            <v>(清)(建)(と)(鋼)(舗)(塗)(防)(内)(水)土建大とタ鋼鉄舗塗防内水</v>
          </cell>
          <cell r="Y585" t="str">
            <v>(清)(建)(と)(鋼)(舗)(塗)(防)(内)(水)</v>
          </cell>
          <cell r="Z585" t="str">
            <v>土建大とタ鋼鉄舗塗防内水</v>
          </cell>
          <cell r="AA585" t="str">
            <v>鋼構造物</v>
          </cell>
          <cell r="AB585" t="str">
            <v>塗装</v>
          </cell>
          <cell r="AC585" t="str">
            <v>とび土工</v>
          </cell>
          <cell r="AD585" t="str">
            <v>土木一式</v>
          </cell>
          <cell r="AE585">
            <v>43281</v>
          </cell>
          <cell r="AF585" t="str">
            <v>希望しない</v>
          </cell>
          <cell r="AG585" t="str">
            <v>鋼構造物</v>
          </cell>
          <cell r="AH585" t="str">
            <v>特定</v>
          </cell>
          <cell r="AI585">
            <v>1542</v>
          </cell>
          <cell r="AJ585">
            <v>10543780</v>
          </cell>
          <cell r="AK585" t="str">
            <v>184(178)/33/0</v>
          </cell>
          <cell r="AL585" t="str">
            <v>塗装</v>
          </cell>
          <cell r="AM585" t="str">
            <v>特定</v>
          </cell>
          <cell r="AN585">
            <v>1318</v>
          </cell>
          <cell r="AO585">
            <v>1567338</v>
          </cell>
          <cell r="AP585" t="str">
            <v>25(25)/0/0</v>
          </cell>
          <cell r="AQ585" t="str">
            <v>とび土工</v>
          </cell>
          <cell r="AR585" t="str">
            <v>特定</v>
          </cell>
          <cell r="AS585">
            <v>1524</v>
          </cell>
          <cell r="AT585">
            <v>9034177</v>
          </cell>
          <cell r="AU585" t="str">
            <v>196(179)/0/0</v>
          </cell>
          <cell r="AV585" t="str">
            <v>土木一式</v>
          </cell>
          <cell r="AW585" t="str">
            <v>特定</v>
          </cell>
          <cell r="AX585">
            <v>1603</v>
          </cell>
          <cell r="AY585">
            <v>14310840</v>
          </cell>
          <cell r="AZ585" t="str">
            <v>339(328)/33/0</v>
          </cell>
          <cell r="BA585" t="str">
            <v>東京都</v>
          </cell>
          <cell r="BB585">
            <v>0</v>
          </cell>
          <cell r="CR585">
            <v>5386</v>
          </cell>
          <cell r="CS585" t="str">
            <v>ｶﾜﾑﾗ ｷﾝﾔ</v>
          </cell>
          <cell r="CT585" t="str">
            <v>河村  欣也</v>
          </cell>
          <cell r="CU585" t="str">
            <v>生活環境課</v>
          </cell>
          <cell r="CW585">
            <v>2842</v>
          </cell>
          <cell r="CX585" t="str">
            <v>業務主任</v>
          </cell>
          <cell r="CY585" t="str">
            <v>生活環境課長</v>
          </cell>
        </row>
        <row r="586">
          <cell r="B586">
            <v>2897</v>
          </cell>
          <cell r="C586" t="str">
            <v>ジョンソンコントロールズ(株)</v>
          </cell>
          <cell r="D586" t="str">
            <v>06-4560-7000</v>
          </cell>
          <cell r="E586" t="str">
            <v>545-6027</v>
          </cell>
          <cell r="F586" t="str">
            <v>大阪府大阪市阿倍野区阿倍野筋1-1-43</v>
          </cell>
          <cell r="G586" t="str">
            <v/>
          </cell>
          <cell r="H586" t="str">
            <v>大阪支店</v>
          </cell>
          <cell r="I586" t="str">
            <v>支店長 小玉　尚文</v>
          </cell>
          <cell r="J586" t="str">
            <v>東京都</v>
          </cell>
          <cell r="K586" t="str">
            <v>06-6623-5133</v>
          </cell>
          <cell r="L586" t="str">
            <v>BE_Asia_JPN_Osaka_Service_Bid_INF@jci.com</v>
          </cell>
          <cell r="M586" t="str">
            <v>ｼﾞｮﾝｿﾝｺﾝﾄﾛｰﾙｽﾞ</v>
          </cell>
          <cell r="N586" t="str">
            <v>有</v>
          </cell>
          <cell r="O586">
            <v>45</v>
          </cell>
          <cell r="P586">
            <v>1289</v>
          </cell>
          <cell r="Q586">
            <v>8011001046081</v>
          </cell>
          <cell r="R586">
            <v>1100000</v>
          </cell>
          <cell r="S586">
            <v>11965752</v>
          </cell>
          <cell r="T586">
            <v>43807912</v>
          </cell>
          <cell r="V586" t="str">
            <v>xr353859</v>
          </cell>
          <cell r="W586" t="str">
            <v>qb227729</v>
          </cell>
          <cell r="X586" t="str">
            <v>(電)(管)(通)建大屋電管タ鋼板ガ塗防内通具</v>
          </cell>
          <cell r="Y586" t="str">
            <v>(電)(管)(通)</v>
          </cell>
          <cell r="Z586" t="str">
            <v>建大屋電管タ鋼板ガ塗防内通具</v>
          </cell>
          <cell r="AA586" t="str">
            <v>電気</v>
          </cell>
          <cell r="AB586" t="str">
            <v>管</v>
          </cell>
          <cell r="AC586" t="str">
            <v>電気通信</v>
          </cell>
          <cell r="AD586" t="str">
            <v/>
          </cell>
          <cell r="AE586">
            <v>43008</v>
          </cell>
          <cell r="AF586" t="str">
            <v>希望しない</v>
          </cell>
          <cell r="AG586" t="str">
            <v>電気</v>
          </cell>
          <cell r="AH586" t="str">
            <v>特定</v>
          </cell>
          <cell r="AI586">
            <v>1425</v>
          </cell>
          <cell r="AJ586">
            <v>8233406</v>
          </cell>
          <cell r="AK586" t="str">
            <v>239(145)/47/230</v>
          </cell>
          <cell r="AL586" t="str">
            <v>管</v>
          </cell>
          <cell r="AM586" t="str">
            <v>特定</v>
          </cell>
          <cell r="AN586">
            <v>1460</v>
          </cell>
          <cell r="AO586">
            <v>16216342</v>
          </cell>
          <cell r="AP586" t="str">
            <v>187(106)/18/232</v>
          </cell>
          <cell r="AQ586" t="str">
            <v>電気通信</v>
          </cell>
          <cell r="AR586" t="str">
            <v>特定</v>
          </cell>
          <cell r="AS586">
            <v>1038</v>
          </cell>
          <cell r="AT586">
            <v>571490</v>
          </cell>
          <cell r="AU586" t="str">
            <v>0(0)/0/0</v>
          </cell>
          <cell r="AV586" t="str">
            <v/>
          </cell>
          <cell r="AW586" t="str">
            <v/>
          </cell>
          <cell r="AX586" t="str">
            <v/>
          </cell>
          <cell r="AY586" t="str">
            <v/>
          </cell>
          <cell r="AZ586" t="str">
            <v/>
          </cell>
          <cell r="BA586" t="str">
            <v>東京都</v>
          </cell>
          <cell r="BB586" t="str">
            <v>笹塚ＮＡビル</v>
          </cell>
          <cell r="CR586">
            <v>5387</v>
          </cell>
          <cell r="CS586" t="str">
            <v>ﾃﾗﾓﾄ ｶﾂﾔ</v>
          </cell>
          <cell r="CT586" t="str">
            <v>寺本  克也</v>
          </cell>
          <cell r="CU586" t="str">
            <v>業務課</v>
          </cell>
          <cell r="CW586" t="str">
            <v xml:space="preserve"> </v>
          </cell>
          <cell r="CX586" t="str">
            <v xml:space="preserve"> </v>
          </cell>
          <cell r="CY586" t="str">
            <v>業務課長</v>
          </cell>
        </row>
        <row r="587">
          <cell r="B587">
            <v>2900</v>
          </cell>
          <cell r="C587" t="str">
            <v>(株)城口研究所</v>
          </cell>
          <cell r="D587" t="str">
            <v>06-6441-9880</v>
          </cell>
          <cell r="E587" t="str">
            <v>550-0004</v>
          </cell>
          <cell r="F587" t="str">
            <v>大阪府大阪市西区靱本町1-11-7</v>
          </cell>
          <cell r="G587" t="str">
            <v/>
          </cell>
          <cell r="H587" t="str">
            <v>関西支店</v>
          </cell>
          <cell r="I587" t="str">
            <v>支店長 前田　史郎</v>
          </cell>
          <cell r="J587" t="str">
            <v>東京都</v>
          </cell>
          <cell r="K587" t="str">
            <v>06-6441-9881</v>
          </cell>
          <cell r="L587" t="str">
            <v/>
          </cell>
          <cell r="M587" t="str">
            <v>ｼﾛｸﾞﾁｹﾝｷｭｳｼｮ</v>
          </cell>
          <cell r="N587" t="str">
            <v>有</v>
          </cell>
          <cell r="O587">
            <v>67</v>
          </cell>
          <cell r="P587">
            <v>170</v>
          </cell>
          <cell r="Q587">
            <v>7010001018496</v>
          </cell>
          <cell r="R587">
            <v>100000</v>
          </cell>
          <cell r="S587">
            <v>2077536</v>
          </cell>
          <cell r="T587">
            <v>7904424</v>
          </cell>
          <cell r="V587" t="str">
            <v>jn780950</v>
          </cell>
          <cell r="W587" t="str">
            <v>ur823368</v>
          </cell>
          <cell r="X587" t="str">
            <v>管</v>
          </cell>
          <cell r="Y587" t="str">
            <v/>
          </cell>
          <cell r="Z587" t="str">
            <v>管</v>
          </cell>
          <cell r="AA587" t="str">
            <v>管</v>
          </cell>
          <cell r="AB587" t="str">
            <v/>
          </cell>
          <cell r="AC587" t="str">
            <v/>
          </cell>
          <cell r="AD587" t="str">
            <v/>
          </cell>
          <cell r="AE587">
            <v>43008</v>
          </cell>
          <cell r="AF587" t="str">
            <v>希望しない</v>
          </cell>
          <cell r="AG587" t="str">
            <v>管</v>
          </cell>
          <cell r="AH587" t="str">
            <v>特定</v>
          </cell>
          <cell r="AI587">
            <v>1269</v>
          </cell>
          <cell r="AJ587">
            <v>7999496</v>
          </cell>
          <cell r="AK587" t="str">
            <v>104(60)/10/10</v>
          </cell>
          <cell r="AL587" t="str">
            <v/>
          </cell>
          <cell r="AM587" t="str">
            <v/>
          </cell>
          <cell r="AN587" t="str">
            <v/>
          </cell>
          <cell r="AO587" t="str">
            <v/>
          </cell>
          <cell r="AP587" t="str">
            <v/>
          </cell>
          <cell r="AQ587" t="str">
            <v/>
          </cell>
          <cell r="AR587" t="str">
            <v/>
          </cell>
          <cell r="AS587" t="str">
            <v/>
          </cell>
          <cell r="AT587" t="str">
            <v/>
          </cell>
          <cell r="AU587" t="str">
            <v/>
          </cell>
          <cell r="AV587" t="str">
            <v/>
          </cell>
          <cell r="AW587" t="str">
            <v/>
          </cell>
          <cell r="AX587" t="str">
            <v/>
          </cell>
          <cell r="AY587" t="str">
            <v/>
          </cell>
          <cell r="AZ587" t="str">
            <v/>
          </cell>
          <cell r="BA587" t="str">
            <v>東京都</v>
          </cell>
          <cell r="BB587">
            <v>0</v>
          </cell>
          <cell r="CR587">
            <v>5388</v>
          </cell>
          <cell r="CS587" t="str">
            <v>ﾏｴﾀﾞ ｼﾛｳ</v>
          </cell>
          <cell r="CT587" t="str">
            <v>前田  史郎</v>
          </cell>
          <cell r="CU587" t="str">
            <v>業務課</v>
          </cell>
          <cell r="CW587" t="str">
            <v xml:space="preserve"> </v>
          </cell>
          <cell r="CX587" t="str">
            <v xml:space="preserve"> </v>
          </cell>
          <cell r="CY587" t="str">
            <v>業務課長</v>
          </cell>
        </row>
        <row r="588">
          <cell r="B588">
            <v>2904</v>
          </cell>
          <cell r="C588" t="str">
            <v>新晃アトモス(株)</v>
          </cell>
          <cell r="D588" t="str">
            <v>072-811-3160</v>
          </cell>
          <cell r="E588" t="str">
            <v>572-0856</v>
          </cell>
          <cell r="F588" t="str">
            <v>大阪府寝屋川市宇谷町11-13</v>
          </cell>
          <cell r="G588" t="str">
            <v/>
          </cell>
          <cell r="H588" t="str">
            <v>大阪支社</v>
          </cell>
          <cell r="I588" t="str">
            <v>取締役支社長 樋下　雄一</v>
          </cell>
          <cell r="J588" t="str">
            <v>東京都</v>
          </cell>
          <cell r="K588" t="str">
            <v>072-811-3167</v>
          </cell>
          <cell r="L588" t="str">
            <v>morimura@sinko.co.jp</v>
          </cell>
          <cell r="M588" t="str">
            <v>ｼﾝｺｳｱﾄﾓｽ</v>
          </cell>
          <cell r="N588" t="str">
            <v>有</v>
          </cell>
          <cell r="O588">
            <v>29</v>
          </cell>
          <cell r="P588">
            <v>130</v>
          </cell>
          <cell r="Q588">
            <v>9010601037869</v>
          </cell>
          <cell r="R588">
            <v>60000</v>
          </cell>
          <cell r="S588">
            <v>3838319</v>
          </cell>
          <cell r="T588">
            <v>7492734</v>
          </cell>
          <cell r="V588" t="str">
            <v>av341920</v>
          </cell>
          <cell r="W588" t="str">
            <v>np641786</v>
          </cell>
          <cell r="X588" t="str">
            <v>消(管)(消)管</v>
          </cell>
          <cell r="Y588" t="str">
            <v>消(管)(消)</v>
          </cell>
          <cell r="Z588" t="str">
            <v>管</v>
          </cell>
          <cell r="AA588" t="str">
            <v>管</v>
          </cell>
          <cell r="AB588" t="str">
            <v/>
          </cell>
          <cell r="AC588" t="str">
            <v/>
          </cell>
          <cell r="AD588" t="str">
            <v/>
          </cell>
          <cell r="AE588">
            <v>43190</v>
          </cell>
          <cell r="AF588" t="str">
            <v>希望しない</v>
          </cell>
          <cell r="AG588" t="str">
            <v>管</v>
          </cell>
          <cell r="AH588" t="str">
            <v>特定</v>
          </cell>
          <cell r="AI588">
            <v>1157</v>
          </cell>
          <cell r="AJ588">
            <v>6294407</v>
          </cell>
          <cell r="AK588" t="str">
            <v>30(7)/7/18</v>
          </cell>
          <cell r="AL588" t="str">
            <v/>
          </cell>
          <cell r="AM588" t="str">
            <v/>
          </cell>
          <cell r="AN588" t="str">
            <v/>
          </cell>
          <cell r="AO588" t="str">
            <v/>
          </cell>
          <cell r="AP588" t="str">
            <v/>
          </cell>
          <cell r="AQ588" t="str">
            <v/>
          </cell>
          <cell r="AR588" t="str">
            <v/>
          </cell>
          <cell r="AS588" t="str">
            <v/>
          </cell>
          <cell r="AT588" t="str">
            <v/>
          </cell>
          <cell r="AU588" t="str">
            <v/>
          </cell>
          <cell r="AV588" t="str">
            <v/>
          </cell>
          <cell r="AW588" t="str">
            <v/>
          </cell>
          <cell r="AX588" t="str">
            <v/>
          </cell>
          <cell r="AY588" t="str">
            <v/>
          </cell>
          <cell r="AZ588" t="str">
            <v/>
          </cell>
          <cell r="BA588" t="str">
            <v>東京都</v>
          </cell>
          <cell r="BB588">
            <v>0</v>
          </cell>
          <cell r="CR588">
            <v>5389</v>
          </cell>
          <cell r="CS588" t="str">
            <v>ﾐｽﾞｺｼ ﾖｼｱｷ</v>
          </cell>
          <cell r="CT588" t="str">
            <v>水越  義明</v>
          </cell>
          <cell r="CU588" t="str">
            <v>業務課</v>
          </cell>
          <cell r="CW588" t="str">
            <v xml:space="preserve"> </v>
          </cell>
          <cell r="CX588" t="str">
            <v>業務主任</v>
          </cell>
          <cell r="CY588" t="str">
            <v>業務課長</v>
          </cell>
        </row>
        <row r="589">
          <cell r="B589">
            <v>2905</v>
          </cell>
          <cell r="C589" t="str">
            <v>(株)神鋼環境ソリューション</v>
          </cell>
          <cell r="D589" t="str">
            <v>078-241-7512</v>
          </cell>
          <cell r="E589" t="str">
            <v>651-0072</v>
          </cell>
          <cell r="F589" t="str">
            <v>兵庫県神戸市中央区脇浜町1-4-78</v>
          </cell>
          <cell r="G589" t="str">
            <v>神戸市</v>
          </cell>
          <cell r="H589" t="str">
            <v/>
          </cell>
          <cell r="I589" t="str">
            <v>取締役社長 大濵　敬織</v>
          </cell>
          <cell r="J589" t="str">
            <v>本店</v>
          </cell>
          <cell r="K589" t="str">
            <v>078-241-7637</v>
          </cell>
          <cell r="L589" t="str">
            <v>y.furumura@kobelco-eco.co.jp</v>
          </cell>
          <cell r="M589" t="str">
            <v>ｼﾝｺｳｶﾝｷｮｳｿﾘｭｰｼｮﾝ</v>
          </cell>
          <cell r="N589" t="str">
            <v>無</v>
          </cell>
          <cell r="O589">
            <v>58</v>
          </cell>
          <cell r="P589">
            <v>1177</v>
          </cell>
          <cell r="Q589">
            <v>4140001008256</v>
          </cell>
          <cell r="R589">
            <v>6020000</v>
          </cell>
          <cell r="S589">
            <v>22125543</v>
          </cell>
          <cell r="T589">
            <v>65082407</v>
          </cell>
          <cell r="V589" t="str">
            <v>te700749</v>
          </cell>
          <cell r="W589" t="str">
            <v>kr221172</v>
          </cell>
          <cell r="X589" t="str">
            <v>土建電管機通水清解</v>
          </cell>
          <cell r="Y589" t="str">
            <v/>
          </cell>
          <cell r="Z589" t="str">
            <v>土建電管機通水清解</v>
          </cell>
          <cell r="AA589" t="str">
            <v>機械器具</v>
          </cell>
          <cell r="AB589" t="str">
            <v>水道施設</v>
          </cell>
          <cell r="AC589" t="str">
            <v>清掃施設</v>
          </cell>
          <cell r="AD589" t="str">
            <v>電気</v>
          </cell>
          <cell r="AE589">
            <v>43190</v>
          </cell>
          <cell r="AF589" t="str">
            <v>希望しない</v>
          </cell>
          <cell r="AG589" t="str">
            <v>機械器具</v>
          </cell>
          <cell r="AH589" t="str">
            <v>特定</v>
          </cell>
          <cell r="AI589">
            <v>1424</v>
          </cell>
          <cell r="AJ589">
            <v>14934017</v>
          </cell>
          <cell r="AK589" t="str">
            <v>2(1)/0/139</v>
          </cell>
          <cell r="AL589" t="str">
            <v>水道施設</v>
          </cell>
          <cell r="AM589" t="str">
            <v>特定</v>
          </cell>
          <cell r="AN589">
            <v>1337</v>
          </cell>
          <cell r="AO589">
            <v>1264707</v>
          </cell>
          <cell r="AP589" t="str">
            <v>150(101)/9/6</v>
          </cell>
          <cell r="AQ589" t="str">
            <v>清掃施設</v>
          </cell>
          <cell r="AR589" t="str">
            <v>特定</v>
          </cell>
          <cell r="AS589">
            <v>1437</v>
          </cell>
          <cell r="AT589">
            <v>20880743</v>
          </cell>
          <cell r="AU589" t="str">
            <v>12(9)/0/35</v>
          </cell>
          <cell r="AV589" t="str">
            <v>電気</v>
          </cell>
          <cell r="AW589" t="str">
            <v>特定</v>
          </cell>
          <cell r="AX589">
            <v>1200</v>
          </cell>
          <cell r="AY589">
            <v>311605</v>
          </cell>
          <cell r="AZ589" t="str">
            <v>33(15)/4/0</v>
          </cell>
          <cell r="BA589" t="str">
            <v>兵庫県</v>
          </cell>
          <cell r="BB589">
            <v>0</v>
          </cell>
          <cell r="CR589">
            <v>5390</v>
          </cell>
          <cell r="CS589" t="str">
            <v>ﾐﾅﾐ ﾋﾛｱｷ</v>
          </cell>
          <cell r="CT589" t="str">
            <v>南  宏明</v>
          </cell>
          <cell r="CU589" t="str">
            <v>業務課</v>
          </cell>
          <cell r="CW589" t="str">
            <v xml:space="preserve"> </v>
          </cell>
          <cell r="CX589" t="str">
            <v>主査</v>
          </cell>
          <cell r="CY589" t="str">
            <v>業務課長</v>
          </cell>
        </row>
        <row r="590">
          <cell r="B590">
            <v>2906</v>
          </cell>
          <cell r="C590" t="str">
            <v>神鋼環境メンテナンス(株)</v>
          </cell>
          <cell r="D590" t="str">
            <v>078-232-8224</v>
          </cell>
          <cell r="E590" t="str">
            <v>651-0086</v>
          </cell>
          <cell r="F590" t="str">
            <v>兵庫県神戸市中央区磯上通2-2-21</v>
          </cell>
          <cell r="G590" t="str">
            <v>神戸市</v>
          </cell>
          <cell r="H590" t="str">
            <v/>
          </cell>
          <cell r="I590" t="str">
            <v>代表取締役 箕輪　元</v>
          </cell>
          <cell r="J590" t="str">
            <v>本店</v>
          </cell>
          <cell r="K590" t="str">
            <v>078-232-8242</v>
          </cell>
          <cell r="L590" t="str">
            <v>skm-kanjyu@kobelco-eco.co.jp</v>
          </cell>
          <cell r="M590" t="str">
            <v>ｼﾝｺｳｶﾝｷｮｳﾒﾝﾃﾅﾝｽ</v>
          </cell>
          <cell r="N590" t="str">
            <v>無</v>
          </cell>
          <cell r="O590">
            <v>39</v>
          </cell>
          <cell r="P590">
            <v>955</v>
          </cell>
          <cell r="Q590">
            <v>2140001008258</v>
          </cell>
          <cell r="R590">
            <v>80000</v>
          </cell>
          <cell r="S590">
            <v>1773237</v>
          </cell>
          <cell r="T590">
            <v>10741925</v>
          </cell>
          <cell r="V590" t="str">
            <v>rg853481</v>
          </cell>
          <cell r="W590" t="str">
            <v>vy723849</v>
          </cell>
          <cell r="X590" t="str">
            <v>建電管機水清</v>
          </cell>
          <cell r="Y590" t="str">
            <v/>
          </cell>
          <cell r="Z590" t="str">
            <v>建電管機水清</v>
          </cell>
          <cell r="AA590" t="str">
            <v>機械器具</v>
          </cell>
          <cell r="AB590" t="str">
            <v>水道施設</v>
          </cell>
          <cell r="AC590" t="str">
            <v>電気</v>
          </cell>
          <cell r="AD590" t="str">
            <v>清掃施設</v>
          </cell>
          <cell r="AE590">
            <v>43190</v>
          </cell>
          <cell r="AF590" t="str">
            <v>希望しない</v>
          </cell>
          <cell r="AG590" t="str">
            <v>機械器具</v>
          </cell>
          <cell r="AH590" t="str">
            <v>特定</v>
          </cell>
          <cell r="AI590">
            <v>1024</v>
          </cell>
          <cell r="AJ590">
            <v>2100464</v>
          </cell>
          <cell r="AK590" t="str">
            <v>0(0)/0/24</v>
          </cell>
          <cell r="AL590" t="str">
            <v>水道施設</v>
          </cell>
          <cell r="AM590" t="str">
            <v>特定</v>
          </cell>
          <cell r="AN590">
            <v>977</v>
          </cell>
          <cell r="AO590">
            <v>110192</v>
          </cell>
          <cell r="AP590" t="str">
            <v>22(16)/13/2</v>
          </cell>
          <cell r="AQ590" t="str">
            <v>電気</v>
          </cell>
          <cell r="AR590" t="str">
            <v>特定</v>
          </cell>
          <cell r="AS590">
            <v>852</v>
          </cell>
          <cell r="AT590">
            <v>11450</v>
          </cell>
          <cell r="AU590" t="str">
            <v>5(2)/6/2</v>
          </cell>
          <cell r="AV590" t="str">
            <v>清掃施設</v>
          </cell>
          <cell r="AW590" t="str">
            <v>特定</v>
          </cell>
          <cell r="AX590">
            <v>745</v>
          </cell>
          <cell r="AY590" t="str">
            <v/>
          </cell>
          <cell r="AZ590" t="str">
            <v>1(0)/0/1</v>
          </cell>
          <cell r="BA590" t="str">
            <v>兵庫県</v>
          </cell>
          <cell r="BB590">
            <v>0</v>
          </cell>
          <cell r="CR590">
            <v>5391</v>
          </cell>
          <cell r="CS590" t="str">
            <v>ｺﾊﾞﾔｼ ﾖｼﾀｶ</v>
          </cell>
          <cell r="CT590" t="str">
            <v>小林  義隆</v>
          </cell>
          <cell r="CU590" t="str">
            <v>公園課</v>
          </cell>
          <cell r="CW590" t="str">
            <v xml:space="preserve"> </v>
          </cell>
          <cell r="CX590" t="str">
            <v xml:space="preserve"> </v>
          </cell>
          <cell r="CY590" t="str">
            <v>公園課長</v>
          </cell>
        </row>
        <row r="591">
          <cell r="B591">
            <v>2907</v>
          </cell>
          <cell r="C591" t="str">
            <v>信号器材(株)</v>
          </cell>
          <cell r="D591" t="str">
            <v>06-4802-2300</v>
          </cell>
          <cell r="E591" t="str">
            <v>651-0087</v>
          </cell>
          <cell r="F591" t="str">
            <v>大阪府大阪市北区本庄西3-1-2</v>
          </cell>
          <cell r="G591" t="str">
            <v>川崎市</v>
          </cell>
          <cell r="H591" t="str">
            <v>大阪営業所</v>
          </cell>
          <cell r="I591" t="str">
            <v>所長　 臼井　和美</v>
          </cell>
          <cell r="J591" t="str">
            <v>神奈川県川崎市</v>
          </cell>
          <cell r="K591" t="str">
            <v>06-4802-2301</v>
          </cell>
          <cell r="L591" t="str">
            <v>osaka@shingokizai.co.jp</v>
          </cell>
          <cell r="M591" t="str">
            <v>ｼﾝｺﾞｳｷｻﾞｲ</v>
          </cell>
          <cell r="N591" t="str">
            <v>有</v>
          </cell>
          <cell r="O591">
            <v>71</v>
          </cell>
          <cell r="P591">
            <v>290</v>
          </cell>
          <cell r="Q591">
            <v>2020000000000</v>
          </cell>
          <cell r="R591">
            <v>100000</v>
          </cell>
          <cell r="S591">
            <v>4194301</v>
          </cell>
          <cell r="T591">
            <v>13616023</v>
          </cell>
          <cell r="V591" t="str">
            <v>ws295952</v>
          </cell>
          <cell r="W591" t="str">
            <v>ex983161</v>
          </cell>
          <cell r="X591" t="str">
            <v>建電管機水清</v>
          </cell>
          <cell r="Y591" t="str">
            <v/>
          </cell>
          <cell r="Z591" t="str">
            <v>建電管機水清</v>
          </cell>
          <cell r="AA591" t="str">
            <v>とび土工</v>
          </cell>
          <cell r="AB591" t="str">
            <v>塗装</v>
          </cell>
          <cell r="AC591" t="str">
            <v>鋼構造物</v>
          </cell>
          <cell r="AD591" t="str">
            <v>舗装</v>
          </cell>
          <cell r="AE591">
            <v>43220</v>
          </cell>
          <cell r="AF591" t="str">
            <v>希望しない</v>
          </cell>
          <cell r="AG591" t="str">
            <v>とび土工</v>
          </cell>
          <cell r="AH591" t="str">
            <v>特定</v>
          </cell>
          <cell r="AI591">
            <v>1233</v>
          </cell>
          <cell r="AJ591">
            <v>3342699</v>
          </cell>
          <cell r="AK591" t="str">
            <v>77(60)/27/7</v>
          </cell>
          <cell r="AL591" t="str">
            <v>塗装</v>
          </cell>
          <cell r="AM591" t="str">
            <v>特定</v>
          </cell>
          <cell r="AN591">
            <v>1164</v>
          </cell>
          <cell r="AO591">
            <v>1752133</v>
          </cell>
          <cell r="AP591" t="str">
            <v>40(32)/27/1</v>
          </cell>
          <cell r="AQ591" t="str">
            <v>鋼構造物</v>
          </cell>
          <cell r="AR591" t="str">
            <v>特定</v>
          </cell>
          <cell r="AS591">
            <v>925</v>
          </cell>
          <cell r="AT591">
            <v>15359</v>
          </cell>
          <cell r="AU591" t="str">
            <v>11(9)/1/0</v>
          </cell>
          <cell r="AV591" t="str">
            <v>舗装</v>
          </cell>
          <cell r="AW591" t="str">
            <v>特定</v>
          </cell>
          <cell r="AX591">
            <v>901</v>
          </cell>
          <cell r="AY591">
            <v>15564</v>
          </cell>
          <cell r="AZ591" t="str">
            <v>6(4)/2/3</v>
          </cell>
          <cell r="BA591" t="str">
            <v>神奈川県</v>
          </cell>
          <cell r="BB591">
            <v>0</v>
          </cell>
          <cell r="CR591">
            <v>5392</v>
          </cell>
          <cell r="CS591" t="str">
            <v>ｻﾄｳ ﾐﾁｶ</v>
          </cell>
          <cell r="CT591" t="str">
            <v>佐藤  三智香</v>
          </cell>
          <cell r="CU591" t="str">
            <v>総務課</v>
          </cell>
          <cell r="CW591" t="str">
            <v xml:space="preserve"> </v>
          </cell>
          <cell r="CX591" t="str">
            <v>副主査</v>
          </cell>
          <cell r="CY591" t="str">
            <v>総務課長</v>
          </cell>
        </row>
        <row r="592">
          <cell r="B592">
            <v>2908</v>
          </cell>
          <cell r="C592" t="str">
            <v>神鋼興産建設(株)</v>
          </cell>
          <cell r="D592" t="str">
            <v>078-231-4553</v>
          </cell>
          <cell r="E592" t="str">
            <v>651-0072</v>
          </cell>
          <cell r="F592" t="str">
            <v>兵庫県神戸市中央区脇浜町2-8-20</v>
          </cell>
          <cell r="G592" t="str">
            <v>神戸市</v>
          </cell>
          <cell r="H592" t="str">
            <v/>
          </cell>
          <cell r="I592" t="str">
            <v>代表取締役社長 高根　一</v>
          </cell>
          <cell r="J592" t="str">
            <v>本店</v>
          </cell>
          <cell r="K592" t="str">
            <v>078-231-2244</v>
          </cell>
          <cell r="L592" t="str">
            <v>nishiyama.shohei@kobelco2103.jp</v>
          </cell>
          <cell r="M592" t="str">
            <v>ｼﾝｺｳｺｳｻﾝｹﾝｾﾂ</v>
          </cell>
          <cell r="N592" t="str">
            <v>無</v>
          </cell>
          <cell r="O592">
            <v>31</v>
          </cell>
          <cell r="P592">
            <v>64</v>
          </cell>
          <cell r="Q592">
            <v>2140001001675</v>
          </cell>
          <cell r="R592">
            <v>100000</v>
          </cell>
          <cell r="S592">
            <v>1758109</v>
          </cell>
          <cell r="T592">
            <v>6421455</v>
          </cell>
          <cell r="V592" t="str">
            <v>xj633829</v>
          </cell>
          <cell r="W592" t="str">
            <v>fs294922</v>
          </cell>
          <cell r="X592" t="str">
            <v>土建と屋電管舗塗防内園解</v>
          </cell>
          <cell r="Y592" t="str">
            <v/>
          </cell>
          <cell r="Z592" t="str">
            <v>土建と屋電管舗塗防内園解</v>
          </cell>
          <cell r="AA592" t="str">
            <v>建築一式</v>
          </cell>
          <cell r="AB592" t="str">
            <v>土木一式</v>
          </cell>
          <cell r="AC592" t="str">
            <v/>
          </cell>
          <cell r="AD592" t="str">
            <v/>
          </cell>
          <cell r="AE592">
            <v>43190</v>
          </cell>
          <cell r="AF592" t="str">
            <v>希望する</v>
          </cell>
          <cell r="AG592" t="str">
            <v>建築一式</v>
          </cell>
          <cell r="AH592" t="str">
            <v>特定</v>
          </cell>
          <cell r="AI592">
            <v>1180</v>
          </cell>
          <cell r="AJ592">
            <v>6073876</v>
          </cell>
          <cell r="AK592" t="str">
            <v>34(27)/4/0</v>
          </cell>
          <cell r="AL592" t="str">
            <v>土木一式</v>
          </cell>
          <cell r="AM592" t="str">
            <v>特定</v>
          </cell>
          <cell r="AN592">
            <v>977</v>
          </cell>
          <cell r="AO592">
            <v>247282</v>
          </cell>
          <cell r="AP592" t="str">
            <v>19(15)/3/0</v>
          </cell>
          <cell r="AQ592" t="str">
            <v/>
          </cell>
          <cell r="AR592" t="str">
            <v/>
          </cell>
          <cell r="AS592" t="str">
            <v/>
          </cell>
          <cell r="AT592" t="str">
            <v/>
          </cell>
          <cell r="AU592" t="str">
            <v/>
          </cell>
          <cell r="AV592" t="str">
            <v/>
          </cell>
          <cell r="AW592" t="str">
            <v/>
          </cell>
          <cell r="AX592" t="str">
            <v/>
          </cell>
          <cell r="AY592" t="str">
            <v/>
          </cell>
          <cell r="AZ592" t="str">
            <v/>
          </cell>
          <cell r="BA592" t="str">
            <v>兵庫県</v>
          </cell>
          <cell r="BB592" t="str">
            <v>神鋼不動産ウエストビル３階</v>
          </cell>
          <cell r="CR592">
            <v>5393</v>
          </cell>
          <cell r="CS592" t="str">
            <v>ﾅｶﾆｼ ﾏﾅﾌﾞ</v>
          </cell>
          <cell r="CT592" t="str">
            <v>中西  学</v>
          </cell>
          <cell r="CU592" t="str">
            <v>用地課</v>
          </cell>
          <cell r="CW592">
            <v>3080</v>
          </cell>
          <cell r="CX592" t="str">
            <v>主査</v>
          </cell>
          <cell r="CY592" t="str">
            <v>用地課長</v>
          </cell>
        </row>
        <row r="593">
          <cell r="B593">
            <v>2911</v>
          </cell>
          <cell r="C593" t="str">
            <v>シンフォニアテクノロジー(株)</v>
          </cell>
          <cell r="D593" t="str">
            <v>06-6365-1925</v>
          </cell>
          <cell r="E593" t="str">
            <v>530-0057</v>
          </cell>
          <cell r="F593" t="str">
            <v>大阪府大阪市北区曽根崎2-12-7</v>
          </cell>
          <cell r="G593" t="str">
            <v/>
          </cell>
          <cell r="H593" t="str">
            <v>大阪支社</v>
          </cell>
          <cell r="I593" t="str">
            <v>大阪支社長 山田　忍</v>
          </cell>
          <cell r="J593" t="str">
            <v>東京都</v>
          </cell>
          <cell r="K593" t="str">
            <v>06-6365-1978</v>
          </cell>
          <cell r="L593" t="str">
            <v>yamana-yuko@sinfo-t.jp</v>
          </cell>
          <cell r="M593" t="str">
            <v>ｼﾝﾌｫﾆｱﾃｸﾉﾛｼﾞｰ</v>
          </cell>
          <cell r="N593" t="str">
            <v>有</v>
          </cell>
          <cell r="O593">
            <v>56</v>
          </cell>
          <cell r="P593">
            <v>1929</v>
          </cell>
          <cell r="Q593">
            <v>2010401054443</v>
          </cell>
          <cell r="R593">
            <v>10156000</v>
          </cell>
          <cell r="S593">
            <v>37565000</v>
          </cell>
          <cell r="T593">
            <v>90323000</v>
          </cell>
          <cell r="V593" t="str">
            <v>pa859591</v>
          </cell>
          <cell r="W593" t="str">
            <v>my560059</v>
          </cell>
          <cell r="X593" t="str">
            <v>(電)(通)電機通</v>
          </cell>
          <cell r="Y593" t="str">
            <v>(電)(通)</v>
          </cell>
          <cell r="Z593" t="str">
            <v>電機通</v>
          </cell>
          <cell r="AA593" t="str">
            <v>電気</v>
          </cell>
          <cell r="AB593" t="str">
            <v>電気通信</v>
          </cell>
          <cell r="AC593" t="str">
            <v/>
          </cell>
          <cell r="AD593" t="str">
            <v/>
          </cell>
          <cell r="AE593">
            <v>43190</v>
          </cell>
          <cell r="AF593" t="str">
            <v/>
          </cell>
          <cell r="AG593" t="str">
            <v>電気</v>
          </cell>
          <cell r="AH593" t="str">
            <v>特定</v>
          </cell>
          <cell r="AI593">
            <v>1489</v>
          </cell>
          <cell r="AJ593">
            <v>8645740</v>
          </cell>
          <cell r="AK593" t="str">
            <v>175(77)/8/76</v>
          </cell>
          <cell r="AL593" t="str">
            <v>電気通信</v>
          </cell>
          <cell r="AM593" t="str">
            <v>特定</v>
          </cell>
          <cell r="AN593">
            <v>1193</v>
          </cell>
          <cell r="AO593">
            <v>604073</v>
          </cell>
          <cell r="AP593" t="str">
            <v>0(0)/0/56</v>
          </cell>
          <cell r="AQ593" t="str">
            <v/>
          </cell>
          <cell r="AR593" t="str">
            <v/>
          </cell>
          <cell r="AS593" t="str">
            <v/>
          </cell>
          <cell r="AT593" t="str">
            <v/>
          </cell>
          <cell r="AU593" t="str">
            <v/>
          </cell>
          <cell r="AV593" t="str">
            <v/>
          </cell>
          <cell r="AW593" t="str">
            <v/>
          </cell>
          <cell r="AX593" t="str">
            <v/>
          </cell>
          <cell r="AY593" t="str">
            <v/>
          </cell>
          <cell r="AZ593" t="str">
            <v/>
          </cell>
          <cell r="BA593" t="str">
            <v>東京都</v>
          </cell>
          <cell r="BB593" t="str">
            <v>芝ＮＢＦタワー</v>
          </cell>
          <cell r="CR593">
            <v>5395</v>
          </cell>
          <cell r="CS593" t="str">
            <v>ﾌﾙﾔ ｺｳｲﾁ</v>
          </cell>
          <cell r="CT593" t="str">
            <v>古家  孝一</v>
          </cell>
          <cell r="CU593" t="str">
            <v>障害福祉課</v>
          </cell>
          <cell r="CW593" t="str">
            <v xml:space="preserve"> </v>
          </cell>
          <cell r="CX593" t="str">
            <v>主査</v>
          </cell>
          <cell r="CY593" t="str">
            <v>障害福祉課長</v>
          </cell>
        </row>
        <row r="594">
          <cell r="B594">
            <v>2913</v>
          </cell>
          <cell r="C594" t="str">
            <v>新進化学(株)</v>
          </cell>
          <cell r="D594" t="str">
            <v>06-6418-3535</v>
          </cell>
          <cell r="E594" t="str">
            <v>660-0055</v>
          </cell>
          <cell r="F594" t="str">
            <v>兵庫県尼崎市稲葉元町3-20-13</v>
          </cell>
          <cell r="G594" t="str">
            <v>尼崎市</v>
          </cell>
          <cell r="H594" t="str">
            <v/>
          </cell>
          <cell r="I594" t="str">
            <v>代表取締役 巻幡　満</v>
          </cell>
          <cell r="J594" t="str">
            <v>本店</v>
          </cell>
          <cell r="K594" t="str">
            <v>06-6419-5192</v>
          </cell>
          <cell r="L594" t="str">
            <v>n-win@shinshinkagaku.jp</v>
          </cell>
          <cell r="M594" t="str">
            <v>ｼﾝｼﾝｶｶﾞｸ</v>
          </cell>
          <cell r="N594" t="str">
            <v>無</v>
          </cell>
          <cell r="O594">
            <v>43</v>
          </cell>
          <cell r="P594">
            <v>15</v>
          </cell>
          <cell r="Q594">
            <v>1140001049170</v>
          </cell>
          <cell r="R594">
            <v>15000</v>
          </cell>
          <cell r="S594">
            <v>125102</v>
          </cell>
          <cell r="T594">
            <v>819413</v>
          </cell>
          <cell r="V594" t="str">
            <v>nb825298</v>
          </cell>
          <cell r="W594" t="str">
            <v>dw980460</v>
          </cell>
          <cell r="X594" t="str">
            <v>塗防</v>
          </cell>
          <cell r="Y594" t="str">
            <v>塗防</v>
          </cell>
          <cell r="Z594" t="str">
            <v/>
          </cell>
          <cell r="AA594" t="str">
            <v>防水</v>
          </cell>
          <cell r="AB594" t="str">
            <v>塗装</v>
          </cell>
          <cell r="AC594" t="str">
            <v/>
          </cell>
          <cell r="AD594" t="str">
            <v/>
          </cell>
          <cell r="AE594">
            <v>43190</v>
          </cell>
          <cell r="AF594" t="str">
            <v>希望しない</v>
          </cell>
          <cell r="AG594" t="str">
            <v>防水</v>
          </cell>
          <cell r="AH594" t="str">
            <v>一般</v>
          </cell>
          <cell r="AI594">
            <v>704</v>
          </cell>
          <cell r="AJ594">
            <v>220620</v>
          </cell>
          <cell r="AK594" t="str">
            <v>0(0)/1/9</v>
          </cell>
          <cell r="AL594" t="str">
            <v>塗装</v>
          </cell>
          <cell r="AM594" t="str">
            <v>一般</v>
          </cell>
          <cell r="AN594">
            <v>618</v>
          </cell>
          <cell r="AO594">
            <v>20578</v>
          </cell>
          <cell r="AP594" t="str">
            <v>0(0)/1/5</v>
          </cell>
          <cell r="AQ594" t="str">
            <v/>
          </cell>
          <cell r="AR594" t="str">
            <v/>
          </cell>
          <cell r="AS594" t="str">
            <v/>
          </cell>
          <cell r="AT594" t="str">
            <v/>
          </cell>
          <cell r="AU594" t="str">
            <v/>
          </cell>
          <cell r="AV594" t="str">
            <v/>
          </cell>
          <cell r="AW594" t="str">
            <v/>
          </cell>
          <cell r="AX594" t="str">
            <v/>
          </cell>
          <cell r="AY594" t="str">
            <v/>
          </cell>
          <cell r="AZ594" t="str">
            <v/>
          </cell>
          <cell r="BA594" t="str">
            <v>兵庫県</v>
          </cell>
          <cell r="BB594">
            <v>0</v>
          </cell>
          <cell r="CR594">
            <v>5406</v>
          </cell>
          <cell r="CS594" t="str">
            <v>ｶｼﾞ ﾂﾖｼ</v>
          </cell>
          <cell r="CT594" t="str">
            <v>加治  強</v>
          </cell>
          <cell r="CU594" t="str">
            <v>業務課</v>
          </cell>
          <cell r="CW594" t="str">
            <v xml:space="preserve"> </v>
          </cell>
          <cell r="CX594" t="str">
            <v xml:space="preserve"> </v>
          </cell>
          <cell r="CY594" t="str">
            <v>業務課長</v>
          </cell>
        </row>
        <row r="595">
          <cell r="B595">
            <v>2914</v>
          </cell>
          <cell r="C595" t="str">
            <v>新生テクノス(株)</v>
          </cell>
          <cell r="D595" t="str">
            <v>03-6899-2800</v>
          </cell>
          <cell r="E595" t="str">
            <v>531-0072</v>
          </cell>
          <cell r="F595" t="str">
            <v>大阪府大阪市北区豊崎6-3-2</v>
          </cell>
          <cell r="G595" t="str">
            <v>港区</v>
          </cell>
          <cell r="H595" t="str">
            <v>大阪支店</v>
          </cell>
          <cell r="I595" t="str">
            <v>代表取締役社長 長田　豊</v>
          </cell>
          <cell r="J595" t="str">
            <v>東京都港区</v>
          </cell>
          <cell r="K595" t="str">
            <v>03-6899-2811</v>
          </cell>
          <cell r="L595" t="str">
            <v/>
          </cell>
          <cell r="M595" t="str">
            <v>ｼﾝｾｲﾃｸﾉｽ</v>
          </cell>
          <cell r="N595" t="str">
            <v>有</v>
          </cell>
          <cell r="O595">
            <v>69</v>
          </cell>
          <cell r="P595">
            <v>1428</v>
          </cell>
          <cell r="Q595">
            <v>7010401013114</v>
          </cell>
          <cell r="R595">
            <v>1091900</v>
          </cell>
          <cell r="S595" t="str">
            <v/>
          </cell>
          <cell r="T595">
            <v>50700927</v>
          </cell>
          <cell r="V595" t="str">
            <v>bq595166</v>
          </cell>
          <cell r="W595" t="str">
            <v>wr892049</v>
          </cell>
          <cell r="X595" t="str">
            <v>塗防</v>
          </cell>
          <cell r="Y595" t="str">
            <v>塗防</v>
          </cell>
          <cell r="Z595" t="str">
            <v/>
          </cell>
          <cell r="AA595" t="str">
            <v>電気</v>
          </cell>
          <cell r="AB595" t="str">
            <v>電気通信</v>
          </cell>
          <cell r="AC595" t="str">
            <v/>
          </cell>
          <cell r="AD595" t="str">
            <v/>
          </cell>
          <cell r="AE595">
            <v>43190</v>
          </cell>
          <cell r="AF595" t="str">
            <v>希望しない</v>
          </cell>
          <cell r="AG595" t="str">
            <v>電気</v>
          </cell>
          <cell r="AH595" t="str">
            <v>特定</v>
          </cell>
          <cell r="AI595">
            <v>1587</v>
          </cell>
          <cell r="AJ595">
            <v>36667997</v>
          </cell>
          <cell r="AK595" t="str">
            <v>517（415）/90/324</v>
          </cell>
          <cell r="AL595" t="str">
            <v>電気通信</v>
          </cell>
          <cell r="AM595" t="str">
            <v>特定</v>
          </cell>
          <cell r="AN595">
            <v>1315</v>
          </cell>
          <cell r="AO595">
            <v>8834685</v>
          </cell>
          <cell r="AP595" t="str">
            <v>11（2）/0/168</v>
          </cell>
          <cell r="AQ595" t="str">
            <v/>
          </cell>
          <cell r="AR595" t="str">
            <v/>
          </cell>
          <cell r="AS595" t="str">
            <v/>
          </cell>
          <cell r="AT595" t="str">
            <v/>
          </cell>
          <cell r="AU595" t="str">
            <v/>
          </cell>
          <cell r="AV595" t="str">
            <v/>
          </cell>
          <cell r="AW595" t="str">
            <v/>
          </cell>
          <cell r="AX595" t="str">
            <v/>
          </cell>
          <cell r="AY595" t="str">
            <v/>
          </cell>
          <cell r="AZ595" t="str">
            <v/>
          </cell>
          <cell r="BA595" t="str">
            <v>東京都</v>
          </cell>
        </row>
        <row r="596">
          <cell r="B596">
            <v>2917</v>
          </cell>
          <cell r="C596" t="str">
            <v>(株)進藤組</v>
          </cell>
          <cell r="D596" t="str">
            <v>0791-75-0081</v>
          </cell>
          <cell r="E596" t="str">
            <v>679-4313</v>
          </cell>
          <cell r="F596" t="str">
            <v>兵庫県たつの市新宮町新宮1041-2</v>
          </cell>
          <cell r="G596" t="str">
            <v>たつの市</v>
          </cell>
          <cell r="H596" t="str">
            <v/>
          </cell>
          <cell r="I596" t="str">
            <v>代表取締役 進藤　栄六</v>
          </cell>
          <cell r="J596" t="str">
            <v>本店</v>
          </cell>
          <cell r="K596" t="str">
            <v>0791-75-2656</v>
          </cell>
          <cell r="L596" t="str">
            <v>info@shindogumi.com</v>
          </cell>
          <cell r="M596" t="str">
            <v>ｼﾝﾄﾞｳｸﾞﾐ</v>
          </cell>
          <cell r="N596" t="str">
            <v>無</v>
          </cell>
          <cell r="O596">
            <v>65</v>
          </cell>
          <cell r="P596">
            <v>36</v>
          </cell>
          <cell r="Q596">
            <v>2140001038791</v>
          </cell>
          <cell r="R596">
            <v>60000</v>
          </cell>
          <cell r="S596">
            <v>1077308</v>
          </cell>
          <cell r="T596">
            <v>2156878</v>
          </cell>
          <cell r="V596" t="str">
            <v>rx495496</v>
          </cell>
          <cell r="W596" t="str">
            <v>gd428934</v>
          </cell>
          <cell r="X596" t="str">
            <v>土建大と鋼舗塗防内水解</v>
          </cell>
          <cell r="Y596" t="str">
            <v/>
          </cell>
          <cell r="Z596" t="str">
            <v>土建大と鋼舗塗防内水解</v>
          </cell>
          <cell r="AA596" t="str">
            <v>建築一式</v>
          </cell>
          <cell r="AB596" t="str">
            <v>土木一式</v>
          </cell>
          <cell r="AC596" t="str">
            <v>とび土工</v>
          </cell>
          <cell r="AD596" t="str">
            <v>塗装</v>
          </cell>
          <cell r="AE596">
            <v>43008</v>
          </cell>
          <cell r="AF596" t="str">
            <v>希望しない</v>
          </cell>
          <cell r="AG596" t="str">
            <v>建築一式</v>
          </cell>
          <cell r="AH596" t="str">
            <v>特定</v>
          </cell>
          <cell r="AI596">
            <v>1071</v>
          </cell>
          <cell r="AJ596">
            <v>2398079</v>
          </cell>
          <cell r="AK596" t="str">
            <v>18(18)/4/3</v>
          </cell>
          <cell r="AL596" t="str">
            <v>土木一式</v>
          </cell>
          <cell r="AM596" t="str">
            <v>特定</v>
          </cell>
          <cell r="AN596">
            <v>852</v>
          </cell>
          <cell r="AO596">
            <v>34600</v>
          </cell>
          <cell r="AP596" t="str">
            <v>6(6)/6/0</v>
          </cell>
          <cell r="AQ596" t="str">
            <v>とび土工</v>
          </cell>
          <cell r="AR596" t="str">
            <v>特定</v>
          </cell>
          <cell r="AS596">
            <v>800</v>
          </cell>
          <cell r="AT596">
            <v>2730</v>
          </cell>
          <cell r="AU596" t="str">
            <v>9(9)/1/0</v>
          </cell>
          <cell r="AV596" t="str">
            <v>塗装</v>
          </cell>
          <cell r="AW596" t="str">
            <v>特定</v>
          </cell>
          <cell r="AX596">
            <v>694</v>
          </cell>
          <cell r="AY596" t="str">
            <v/>
          </cell>
          <cell r="AZ596" t="str">
            <v>0(0)/0/0</v>
          </cell>
          <cell r="BA596" t="str">
            <v>兵庫県</v>
          </cell>
          <cell r="BB596">
            <v>0</v>
          </cell>
          <cell r="CR596">
            <v>5407</v>
          </cell>
          <cell r="CS596" t="str">
            <v>ｶﾜｸﾞﾁ ﾘﾖｳｽｹ</v>
          </cell>
          <cell r="CT596" t="str">
            <v>川口  良介</v>
          </cell>
          <cell r="CU596" t="str">
            <v>公園課</v>
          </cell>
          <cell r="CW596" t="str">
            <v xml:space="preserve"> </v>
          </cell>
          <cell r="CX596" t="str">
            <v>業務主任</v>
          </cell>
          <cell r="CY596" t="str">
            <v>公園課長</v>
          </cell>
        </row>
        <row r="597">
          <cell r="B597">
            <v>2921</v>
          </cell>
          <cell r="C597" t="str">
            <v>新日本空調(株)</v>
          </cell>
          <cell r="D597" t="str">
            <v>079-277-3209</v>
          </cell>
          <cell r="E597" t="str">
            <v>671-1532</v>
          </cell>
          <cell r="F597" t="str">
            <v>兵庫県揖保郡太子町糸井308-2ｼﾃｨｺｰﾄ</v>
          </cell>
          <cell r="G597" t="str">
            <v/>
          </cell>
          <cell r="H597" t="str">
            <v>姫路営業所</v>
          </cell>
          <cell r="I597" t="str">
            <v>所長 松本　和也</v>
          </cell>
          <cell r="J597" t="str">
            <v>東京都</v>
          </cell>
          <cell r="K597" t="str">
            <v>079-277-3209</v>
          </cell>
          <cell r="L597" t="str">
            <v>komorik@snk.co.jp</v>
          </cell>
          <cell r="M597" t="str">
            <v>ｼﾝﾆｯﾎﾟﾝｸｳﾁｮｳ</v>
          </cell>
          <cell r="N597" t="str">
            <v>有</v>
          </cell>
          <cell r="O597">
            <v>68</v>
          </cell>
          <cell r="P597">
            <v>1067</v>
          </cell>
          <cell r="Q597">
            <v>2010001062912</v>
          </cell>
          <cell r="R597">
            <v>5158600</v>
          </cell>
          <cell r="S597">
            <v>41095761</v>
          </cell>
          <cell r="T597">
            <v>111742000</v>
          </cell>
          <cell r="V597" t="str">
            <v>tv225824</v>
          </cell>
          <cell r="W597" t="str">
            <v>je393262</v>
          </cell>
          <cell r="X597" t="str">
            <v>消(管)建電管塗防機</v>
          </cell>
          <cell r="Y597" t="str">
            <v>消(管)</v>
          </cell>
          <cell r="Z597" t="str">
            <v>建電管塗防機</v>
          </cell>
          <cell r="AA597" t="str">
            <v>管</v>
          </cell>
          <cell r="AB597" t="str">
            <v/>
          </cell>
          <cell r="AC597" t="str">
            <v/>
          </cell>
          <cell r="AD597" t="str">
            <v/>
          </cell>
          <cell r="AE597">
            <v>43190</v>
          </cell>
          <cell r="AF597" t="str">
            <v>希望しない</v>
          </cell>
          <cell r="AG597" t="str">
            <v>管</v>
          </cell>
          <cell r="AH597" t="str">
            <v>特定</v>
          </cell>
          <cell r="AI597">
            <v>1799</v>
          </cell>
          <cell r="AJ597">
            <v>94213775</v>
          </cell>
          <cell r="AK597" t="str">
            <v>616(555)/13/29</v>
          </cell>
          <cell r="AL597" t="str">
            <v/>
          </cell>
          <cell r="AM597" t="str">
            <v/>
          </cell>
          <cell r="AN597" t="str">
            <v/>
          </cell>
          <cell r="AO597" t="str">
            <v/>
          </cell>
          <cell r="AP597" t="str">
            <v/>
          </cell>
          <cell r="AQ597" t="str">
            <v/>
          </cell>
          <cell r="AR597" t="str">
            <v/>
          </cell>
          <cell r="AS597" t="str">
            <v/>
          </cell>
          <cell r="AT597" t="str">
            <v/>
          </cell>
          <cell r="AU597" t="str">
            <v/>
          </cell>
          <cell r="AV597" t="str">
            <v/>
          </cell>
          <cell r="AW597" t="str">
            <v/>
          </cell>
          <cell r="AX597" t="str">
            <v/>
          </cell>
          <cell r="AY597" t="str">
            <v/>
          </cell>
          <cell r="AZ597" t="str">
            <v/>
          </cell>
          <cell r="BA597" t="str">
            <v>東京都</v>
          </cell>
          <cell r="BB597" t="str">
            <v>浜町センタービル</v>
          </cell>
          <cell r="CR597">
            <v>5408</v>
          </cell>
          <cell r="CS597" t="str">
            <v>ｻｶﾓﾄ ｱﾂｼ</v>
          </cell>
          <cell r="CT597" t="str">
            <v>坂本  篤史</v>
          </cell>
          <cell r="CU597" t="str">
            <v>生活環境課</v>
          </cell>
          <cell r="CW597">
            <v>4187</v>
          </cell>
          <cell r="CX597" t="str">
            <v>業務主任</v>
          </cell>
          <cell r="CY597" t="str">
            <v>生活環境課長</v>
          </cell>
        </row>
        <row r="598">
          <cell r="B598">
            <v>2924</v>
          </cell>
          <cell r="C598" t="str">
            <v>新日本化工(株)</v>
          </cell>
          <cell r="D598" t="str">
            <v>06-6489-4111</v>
          </cell>
          <cell r="E598" t="str">
            <v>660-0824</v>
          </cell>
          <cell r="F598" t="str">
            <v>兵庫県尼崎市東本町3‐39</v>
          </cell>
          <cell r="G598" t="str">
            <v>尼崎市</v>
          </cell>
          <cell r="H598" t="str">
            <v/>
          </cell>
          <cell r="I598" t="str">
            <v>代表取締役 本間　紘昭</v>
          </cell>
          <cell r="J598" t="str">
            <v>本店</v>
          </cell>
          <cell r="K598" t="str">
            <v>06-6489-4103</v>
          </cell>
          <cell r="L598" t="str">
            <v>akasaki@shinnihonkako.co.jp</v>
          </cell>
          <cell r="M598" t="str">
            <v>ｼﾝﾆﾎﾝｶｺｳ</v>
          </cell>
          <cell r="N598" t="str">
            <v>無</v>
          </cell>
          <cell r="O598">
            <v>42</v>
          </cell>
          <cell r="P598">
            <v>16</v>
          </cell>
          <cell r="Q598">
            <v>4140001049201</v>
          </cell>
          <cell r="R598">
            <v>25000</v>
          </cell>
          <cell r="S598">
            <v>51047</v>
          </cell>
          <cell r="T598">
            <v>634382</v>
          </cell>
          <cell r="V598" t="str">
            <v>sx186428</v>
          </cell>
          <cell r="W598" t="str">
            <v>aj589018</v>
          </cell>
          <cell r="X598" t="str">
            <v>土と舗塗防</v>
          </cell>
          <cell r="Y598" t="str">
            <v>土と舗塗防</v>
          </cell>
          <cell r="Z598" t="str">
            <v/>
          </cell>
          <cell r="AA598" t="str">
            <v>防水</v>
          </cell>
          <cell r="AB598" t="str">
            <v>塗装</v>
          </cell>
          <cell r="AC598" t="str">
            <v>土木一式</v>
          </cell>
          <cell r="AD598" t="str">
            <v>舗装</v>
          </cell>
          <cell r="AE598">
            <v>43008</v>
          </cell>
          <cell r="AF598" t="str">
            <v>希望しない</v>
          </cell>
          <cell r="AG598" t="str">
            <v>防水</v>
          </cell>
          <cell r="AH598" t="str">
            <v>一般</v>
          </cell>
          <cell r="AI598">
            <v>705</v>
          </cell>
          <cell r="AJ598">
            <v>118841</v>
          </cell>
          <cell r="AK598" t="str">
            <v>0(0)/0/4</v>
          </cell>
          <cell r="AL598" t="str">
            <v>塗装</v>
          </cell>
          <cell r="AM598" t="str">
            <v>一般</v>
          </cell>
          <cell r="AN598">
            <v>704</v>
          </cell>
          <cell r="AO598">
            <v>146343</v>
          </cell>
          <cell r="AP598" t="str">
            <v>0(0)/0/1</v>
          </cell>
          <cell r="AQ598" t="str">
            <v>土木一式</v>
          </cell>
          <cell r="AR598" t="str">
            <v>一般</v>
          </cell>
          <cell r="AS598">
            <v>746</v>
          </cell>
          <cell r="AT598">
            <v>115213</v>
          </cell>
          <cell r="AU598" t="str">
            <v>2(1)/2/6</v>
          </cell>
          <cell r="AV598" t="str">
            <v>舗装</v>
          </cell>
          <cell r="AW598" t="str">
            <v>一般</v>
          </cell>
          <cell r="AX598">
            <v>630</v>
          </cell>
          <cell r="AY598">
            <v>1504</v>
          </cell>
          <cell r="AZ598" t="str">
            <v>0(0)/0/5</v>
          </cell>
          <cell r="BA598" t="str">
            <v>兵庫県</v>
          </cell>
          <cell r="BB598">
            <v>0</v>
          </cell>
          <cell r="CR598">
            <v>5409</v>
          </cell>
          <cell r="CS598" t="str">
            <v>ﾓﾘｼﾀ ﾏｻｷ</v>
          </cell>
          <cell r="CT598" t="str">
            <v>森下  昌紀</v>
          </cell>
          <cell r="CU598" t="str">
            <v>業務課</v>
          </cell>
          <cell r="CW598" t="str">
            <v xml:space="preserve"> </v>
          </cell>
          <cell r="CX598" t="str">
            <v>業務主任</v>
          </cell>
          <cell r="CY598" t="str">
            <v>業務課長</v>
          </cell>
        </row>
        <row r="599">
          <cell r="B599">
            <v>2925</v>
          </cell>
          <cell r="C599" t="str">
            <v>(株)神盟</v>
          </cell>
          <cell r="D599" t="str">
            <v>078-784-0035</v>
          </cell>
          <cell r="E599" t="str">
            <v>655-0043</v>
          </cell>
          <cell r="F599" t="str">
            <v>兵庫県神戸市垂水区南多聞台3-6-27</v>
          </cell>
          <cell r="G599" t="str">
            <v>神戸市</v>
          </cell>
          <cell r="H599" t="str">
            <v/>
          </cell>
          <cell r="I599" t="str">
            <v>代表取締役 北川　久晃</v>
          </cell>
          <cell r="J599" t="str">
            <v>本店</v>
          </cell>
          <cell r="K599" t="str">
            <v>078-784-0054</v>
          </cell>
          <cell r="L599" t="str">
            <v>kshinmei@skyblue.ocn.ne.jp</v>
          </cell>
          <cell r="M599" t="str">
            <v>ｼﾝﾒｲ</v>
          </cell>
          <cell r="N599" t="str">
            <v>無</v>
          </cell>
          <cell r="O599">
            <v>51</v>
          </cell>
          <cell r="P599">
            <v>26</v>
          </cell>
          <cell r="Q599">
            <v>3140001018470</v>
          </cell>
          <cell r="R599">
            <v>60000</v>
          </cell>
          <cell r="S599">
            <v>1445182</v>
          </cell>
          <cell r="T599">
            <v>994936</v>
          </cell>
          <cell r="V599" t="str">
            <v>jn374162</v>
          </cell>
          <cell r="W599" t="str">
            <v>gg272065</v>
          </cell>
          <cell r="X599" t="str">
            <v>土建と鋼舗水解</v>
          </cell>
          <cell r="Y599" t="str">
            <v/>
          </cell>
          <cell r="Z599" t="str">
            <v>土建と鋼舗水解</v>
          </cell>
          <cell r="AA599" t="str">
            <v>土木一式</v>
          </cell>
          <cell r="AB599" t="str">
            <v>建築一式</v>
          </cell>
          <cell r="AC599" t="str">
            <v>とび土工</v>
          </cell>
          <cell r="AD599" t="str">
            <v>舗装</v>
          </cell>
          <cell r="AE599">
            <v>43069</v>
          </cell>
          <cell r="AF599" t="str">
            <v>希望する</v>
          </cell>
          <cell r="AG599" t="str">
            <v>土木一式</v>
          </cell>
          <cell r="AH599" t="str">
            <v>特定</v>
          </cell>
          <cell r="AI599">
            <v>914</v>
          </cell>
          <cell r="AJ599">
            <v>464486</v>
          </cell>
          <cell r="AK599" t="str">
            <v>12(12)/2/0</v>
          </cell>
          <cell r="AL599" t="str">
            <v>建築一式</v>
          </cell>
          <cell r="AM599" t="str">
            <v>特定</v>
          </cell>
          <cell r="AN599">
            <v>825</v>
          </cell>
          <cell r="AO599">
            <v>227499</v>
          </cell>
          <cell r="AP599" t="str">
            <v>2(2)/2/5</v>
          </cell>
          <cell r="AQ599" t="str">
            <v>とび土工</v>
          </cell>
          <cell r="AR599" t="str">
            <v>特定</v>
          </cell>
          <cell r="AS599">
            <v>672</v>
          </cell>
          <cell r="AT599">
            <v>737</v>
          </cell>
          <cell r="AU599" t="str">
            <v>2(2)/0/0</v>
          </cell>
          <cell r="AV599" t="str">
            <v>舗装</v>
          </cell>
          <cell r="AW599" t="str">
            <v>特定</v>
          </cell>
          <cell r="AX599">
            <v>719</v>
          </cell>
          <cell r="AY599">
            <v>1508</v>
          </cell>
          <cell r="AZ599" t="str">
            <v>6(6)/2/0</v>
          </cell>
          <cell r="BA599" t="str">
            <v>兵庫県</v>
          </cell>
          <cell r="BB599">
            <v>0</v>
          </cell>
          <cell r="CR599">
            <v>5410</v>
          </cell>
          <cell r="CS599" t="str">
            <v>ﾓﾘﾊﾀ ﾏﾓﾙ</v>
          </cell>
          <cell r="CT599" t="str">
            <v>森畑  守</v>
          </cell>
          <cell r="CU599" t="str">
            <v>業務課</v>
          </cell>
          <cell r="CW599" t="str">
            <v xml:space="preserve"> </v>
          </cell>
          <cell r="CX599" t="str">
            <v xml:space="preserve"> </v>
          </cell>
          <cell r="CY599" t="str">
            <v>業務課長</v>
          </cell>
        </row>
        <row r="600">
          <cell r="B600">
            <v>2927</v>
          </cell>
          <cell r="C600" t="str">
            <v>新明和工業(株)</v>
          </cell>
          <cell r="D600" t="str">
            <v>06-4807-5520</v>
          </cell>
          <cell r="E600" t="str">
            <v>532-0003</v>
          </cell>
          <cell r="F600" t="str">
            <v>大阪府大阪市淀川区宮原3-3-31 上村ﾆｯｾｲﾋﾞﾙ</v>
          </cell>
          <cell r="G600" t="str">
            <v>兵庫宝塚市</v>
          </cell>
          <cell r="H600" t="str">
            <v>流体事業部営業本部関西支店</v>
          </cell>
          <cell r="I600" t="str">
            <v>支店長　 甲斐　更成</v>
          </cell>
          <cell r="J600" t="str">
            <v>兵庫宝塚市</v>
          </cell>
          <cell r="K600" t="str">
            <v>06-6397-6003</v>
          </cell>
          <cell r="L600" t="str">
            <v>kansai.shiten@shinmaywa.co.jp</v>
          </cell>
          <cell r="M600" t="str">
            <v>ｼﾝﾒｲﾜｺｳｷﾞﾖｳ</v>
          </cell>
          <cell r="N600" t="str">
            <v>有</v>
          </cell>
          <cell r="O600">
            <v>48</v>
          </cell>
          <cell r="P600">
            <v>3008</v>
          </cell>
          <cell r="Q600">
            <v>7140000000000</v>
          </cell>
          <cell r="R600">
            <v>15981967</v>
          </cell>
          <cell r="S600">
            <v>97615404</v>
          </cell>
          <cell r="T600">
            <v>207335000</v>
          </cell>
          <cell r="V600" t="str">
            <v>jt635895</v>
          </cell>
          <cell r="W600" t="str">
            <v>jr570538</v>
          </cell>
          <cell r="X600" t="str">
            <v>土建と鋼舗水解</v>
          </cell>
          <cell r="Y600" t="str">
            <v/>
          </cell>
          <cell r="Z600" t="str">
            <v>土建と鋼舗水解</v>
          </cell>
          <cell r="AA600" t="str">
            <v>機械器具</v>
          </cell>
          <cell r="AB600" t="str">
            <v>水道施設</v>
          </cell>
          <cell r="AC600" t="str">
            <v>土木一式</v>
          </cell>
          <cell r="AD600" t="str">
            <v/>
          </cell>
          <cell r="AE600">
            <v>43190</v>
          </cell>
          <cell r="AF600" t="str">
            <v>希望しない</v>
          </cell>
          <cell r="AG600" t="str">
            <v>機械器具</v>
          </cell>
          <cell r="AH600" t="str">
            <v>特定</v>
          </cell>
          <cell r="AI600">
            <v>1532</v>
          </cell>
          <cell r="AJ600">
            <v>11717901</v>
          </cell>
          <cell r="AK600" t="str">
            <v>1(0)/0/582</v>
          </cell>
          <cell r="AL600" t="str">
            <v>水道施設</v>
          </cell>
          <cell r="AM600" t="str">
            <v>特定</v>
          </cell>
          <cell r="AN600">
            <v>1113</v>
          </cell>
          <cell r="AO600">
            <v>139455</v>
          </cell>
          <cell r="AP600" t="str">
            <v>2(0)/0/0</v>
          </cell>
          <cell r="AQ600" t="str">
            <v>土木一式</v>
          </cell>
          <cell r="AR600" t="str">
            <v>特定</v>
          </cell>
          <cell r="AS600">
            <v>1130</v>
          </cell>
          <cell r="AT600" t="str">
            <v/>
          </cell>
          <cell r="AU600" t="str">
            <v>32(23)/19/0</v>
          </cell>
          <cell r="AV600" t="str">
            <v/>
          </cell>
          <cell r="AW600" t="str">
            <v/>
          </cell>
          <cell r="AX600" t="str">
            <v/>
          </cell>
          <cell r="AY600" t="str">
            <v/>
          </cell>
          <cell r="AZ600" t="str">
            <v/>
          </cell>
          <cell r="BA600" t="str">
            <v/>
          </cell>
          <cell r="BB600">
            <v>0</v>
          </cell>
          <cell r="CR600">
            <v>5411</v>
          </cell>
          <cell r="CS600" t="str">
            <v>ﾏﾂﾓﾄ ﾂﾖｼ</v>
          </cell>
          <cell r="CT600" t="str">
            <v>松本  剛</v>
          </cell>
          <cell r="CU600" t="str">
            <v>生活環境課</v>
          </cell>
          <cell r="CW600" t="str">
            <v xml:space="preserve"> </v>
          </cell>
          <cell r="CX600" t="str">
            <v>主査</v>
          </cell>
          <cell r="CY600" t="str">
            <v>生活環境課長</v>
          </cell>
        </row>
        <row r="601">
          <cell r="B601">
            <v>2929</v>
          </cell>
          <cell r="C601" t="str">
            <v>新菱冷熱工業(株)</v>
          </cell>
          <cell r="D601" t="str">
            <v>078-326-2521</v>
          </cell>
          <cell r="E601" t="str">
            <v>650-0037</v>
          </cell>
          <cell r="F601" t="str">
            <v>兵庫県神戸市中央区明石町48</v>
          </cell>
          <cell r="G601" t="str">
            <v/>
          </cell>
          <cell r="H601" t="str">
            <v>神戸支店</v>
          </cell>
          <cell r="I601" t="str">
            <v>支店長 小向　雄介</v>
          </cell>
          <cell r="J601" t="str">
            <v>東京都</v>
          </cell>
          <cell r="K601" t="str">
            <v>078-326-2520</v>
          </cell>
          <cell r="L601" t="str">
            <v>sc50070@shinryo.com</v>
          </cell>
          <cell r="M601" t="str">
            <v>ｼﾝﾘｮｳﾚｲﾈﾂｺｳｷﾞｮｳ</v>
          </cell>
          <cell r="N601" t="str">
            <v>有</v>
          </cell>
          <cell r="O601">
            <v>61</v>
          </cell>
          <cell r="P601">
            <v>2114</v>
          </cell>
          <cell r="Q601">
            <v>8011101010326</v>
          </cell>
          <cell r="R601">
            <v>3500000</v>
          </cell>
          <cell r="S601">
            <v>125651354</v>
          </cell>
          <cell r="T601">
            <v>182587248</v>
          </cell>
          <cell r="V601" t="str">
            <v>gm654673</v>
          </cell>
          <cell r="W601" t="str">
            <v>cz333880</v>
          </cell>
          <cell r="X601" t="str">
            <v>消(管)土建と電管鋼内機通水清</v>
          </cell>
          <cell r="Y601" t="str">
            <v>消(管)</v>
          </cell>
          <cell r="Z601" t="str">
            <v>土建と電管鋼内機通水清</v>
          </cell>
          <cell r="AA601" t="str">
            <v>管</v>
          </cell>
          <cell r="AB601" t="str">
            <v/>
          </cell>
          <cell r="AC601" t="str">
            <v/>
          </cell>
          <cell r="AD601" t="str">
            <v/>
          </cell>
          <cell r="AE601">
            <v>43008</v>
          </cell>
          <cell r="AF601" t="str">
            <v>希望しない</v>
          </cell>
          <cell r="AG601" t="str">
            <v>管</v>
          </cell>
          <cell r="AH601" t="str">
            <v>特定</v>
          </cell>
          <cell r="AI601">
            <v>1926</v>
          </cell>
          <cell r="AJ601">
            <v>160741827</v>
          </cell>
          <cell r="AK601" t="str">
            <v>1107(1026)/24/121</v>
          </cell>
          <cell r="AL601" t="str">
            <v/>
          </cell>
          <cell r="AM601" t="str">
            <v/>
          </cell>
          <cell r="AN601" t="str">
            <v/>
          </cell>
          <cell r="AO601" t="str">
            <v/>
          </cell>
          <cell r="AP601" t="str">
            <v/>
          </cell>
          <cell r="AQ601" t="str">
            <v/>
          </cell>
          <cell r="AR601" t="str">
            <v/>
          </cell>
          <cell r="AS601" t="str">
            <v/>
          </cell>
          <cell r="AT601" t="str">
            <v/>
          </cell>
          <cell r="AU601" t="str">
            <v/>
          </cell>
          <cell r="AV601" t="str">
            <v/>
          </cell>
          <cell r="AW601" t="str">
            <v/>
          </cell>
          <cell r="AX601" t="str">
            <v/>
          </cell>
          <cell r="AY601" t="str">
            <v/>
          </cell>
          <cell r="AZ601" t="str">
            <v/>
          </cell>
          <cell r="BA601" t="str">
            <v>東京都</v>
          </cell>
          <cell r="BB601">
            <v>0</v>
          </cell>
          <cell r="CR601">
            <v>5418</v>
          </cell>
          <cell r="CS601" t="str">
            <v>ﾎﾘ ｽﾐｺ</v>
          </cell>
          <cell r="CT601" t="str">
            <v>堀  須美子</v>
          </cell>
          <cell r="CU601" t="str">
            <v>学校改革・学事課</v>
          </cell>
          <cell r="CW601">
            <v>3637</v>
          </cell>
          <cell r="CX601" t="str">
            <v>主査</v>
          </cell>
          <cell r="CY601" t="str">
            <v>学校改革・学事課長</v>
          </cell>
        </row>
        <row r="602">
          <cell r="B602">
            <v>2930</v>
          </cell>
          <cell r="C602" t="str">
            <v>信和エンジニアリング(株)</v>
          </cell>
          <cell r="D602" t="str">
            <v>06-6499-8818</v>
          </cell>
          <cell r="E602" t="str">
            <v>661-0965</v>
          </cell>
          <cell r="F602" t="str">
            <v>兵庫県尼崎市次屋3-14-19</v>
          </cell>
          <cell r="G602" t="str">
            <v>尼崎市</v>
          </cell>
          <cell r="H602" t="str">
            <v/>
          </cell>
          <cell r="I602" t="str">
            <v>代表取締役 太田　賢志</v>
          </cell>
          <cell r="J602" t="str">
            <v>本店</v>
          </cell>
          <cell r="K602" t="str">
            <v>06-6499-8220</v>
          </cell>
          <cell r="L602" t="str">
            <v>sinwa-e@fancy.ocn.ne.jp</v>
          </cell>
          <cell r="M602" t="str">
            <v>ｼﾝﾜｴﾝｼﾞﾆｱﾘﾝｸﾞ</v>
          </cell>
          <cell r="N602" t="str">
            <v>無</v>
          </cell>
          <cell r="O602">
            <v>33</v>
          </cell>
          <cell r="P602">
            <v>3</v>
          </cell>
          <cell r="Q602">
            <v>3140001049342</v>
          </cell>
          <cell r="R602">
            <v>10000</v>
          </cell>
          <cell r="S602">
            <v>-56978</v>
          </cell>
          <cell r="T602">
            <v>61953</v>
          </cell>
          <cell r="V602" t="str">
            <v>pd502312</v>
          </cell>
          <cell r="W602" t="str">
            <v>ma349278</v>
          </cell>
          <cell r="X602" t="str">
            <v>管鋼</v>
          </cell>
          <cell r="Y602" t="str">
            <v>管鋼</v>
          </cell>
          <cell r="Z602" t="str">
            <v/>
          </cell>
          <cell r="AA602" t="str">
            <v>管</v>
          </cell>
          <cell r="AB602" t="str">
            <v>鋼構造物</v>
          </cell>
          <cell r="AC602" t="str">
            <v/>
          </cell>
          <cell r="AD602" t="str">
            <v/>
          </cell>
          <cell r="AE602">
            <v>43008</v>
          </cell>
          <cell r="AF602" t="str">
            <v>希望しない</v>
          </cell>
          <cell r="AG602" t="str">
            <v>管</v>
          </cell>
          <cell r="AH602" t="str">
            <v>一般</v>
          </cell>
          <cell r="AI602">
            <v>483</v>
          </cell>
          <cell r="AJ602">
            <v>54955</v>
          </cell>
          <cell r="AK602" t="str">
            <v>0(0)/1/2</v>
          </cell>
          <cell r="AL602" t="str">
            <v>鋼構造物</v>
          </cell>
          <cell r="AM602" t="str">
            <v>一般</v>
          </cell>
          <cell r="AN602">
            <v>454</v>
          </cell>
          <cell r="AO602">
            <v>22869</v>
          </cell>
          <cell r="AP602" t="str">
            <v>0(0)/0/2</v>
          </cell>
          <cell r="AQ602" t="str">
            <v/>
          </cell>
          <cell r="AR602" t="str">
            <v/>
          </cell>
          <cell r="AS602" t="str">
            <v/>
          </cell>
          <cell r="AT602" t="str">
            <v/>
          </cell>
          <cell r="AU602" t="str">
            <v/>
          </cell>
          <cell r="AV602" t="str">
            <v/>
          </cell>
          <cell r="AW602" t="str">
            <v/>
          </cell>
          <cell r="AX602" t="str">
            <v/>
          </cell>
          <cell r="AY602" t="str">
            <v/>
          </cell>
          <cell r="AZ602" t="str">
            <v/>
          </cell>
          <cell r="BA602" t="str">
            <v>兵庫県</v>
          </cell>
          <cell r="BB602">
            <v>0</v>
          </cell>
          <cell r="CR602">
            <v>5419</v>
          </cell>
          <cell r="CS602" t="str">
            <v>ﾓﾘｵｶ ｶﾖ</v>
          </cell>
          <cell r="CT602" t="str">
            <v>森岡  加代</v>
          </cell>
          <cell r="CU602" t="str">
            <v>市民課</v>
          </cell>
          <cell r="CW602">
            <v>2628</v>
          </cell>
          <cell r="CX602" t="str">
            <v>主査</v>
          </cell>
          <cell r="CY602" t="str">
            <v>市民課長</v>
          </cell>
        </row>
        <row r="603">
          <cell r="B603">
            <v>2934</v>
          </cell>
          <cell r="C603" t="str">
            <v>ＪＦＥアドバンテック(株)</v>
          </cell>
          <cell r="D603" t="str">
            <v>0798-66-1502</v>
          </cell>
          <cell r="E603" t="str">
            <v>663-8202</v>
          </cell>
          <cell r="F603" t="str">
            <v>兵庫県西宮市高畑町3-48</v>
          </cell>
          <cell r="G603" t="str">
            <v>西宮市</v>
          </cell>
          <cell r="H603" t="str">
            <v/>
          </cell>
          <cell r="I603" t="str">
            <v>代表取締役 吉居　卓也</v>
          </cell>
          <cell r="J603" t="str">
            <v>本店</v>
          </cell>
          <cell r="K603" t="str">
            <v>0798-65-7025</v>
          </cell>
          <cell r="L603" t="str">
            <v>yasumoto@jfe-advantech.co.jp</v>
          </cell>
          <cell r="M603" t="str">
            <v>ｼﾞｪｲｴﾌｲｰｱﾄﾞﾊﾞﾝﾃｯｸ</v>
          </cell>
          <cell r="N603" t="str">
            <v>無</v>
          </cell>
          <cell r="O603">
            <v>42</v>
          </cell>
          <cell r="P603">
            <v>305</v>
          </cell>
          <cell r="Q603">
            <v>9140001068394</v>
          </cell>
          <cell r="R603">
            <v>319500</v>
          </cell>
          <cell r="S603">
            <v>4431975</v>
          </cell>
          <cell r="T603">
            <v>5975240</v>
          </cell>
          <cell r="V603" t="str">
            <v>py622160</v>
          </cell>
          <cell r="W603" t="str">
            <v>fg639905</v>
          </cell>
          <cell r="X603" t="str">
            <v>機土電</v>
          </cell>
          <cell r="Y603" t="str">
            <v>機</v>
          </cell>
          <cell r="Z603" t="str">
            <v>土電</v>
          </cell>
          <cell r="AA603" t="str">
            <v>電気</v>
          </cell>
          <cell r="AB603" t="str">
            <v>機械器具</v>
          </cell>
          <cell r="AC603" t="str">
            <v>土木一式</v>
          </cell>
          <cell r="AD603" t="str">
            <v/>
          </cell>
          <cell r="AE603">
            <v>43190</v>
          </cell>
          <cell r="AF603" t="str">
            <v>希望しない</v>
          </cell>
          <cell r="AG603" t="str">
            <v>電気</v>
          </cell>
          <cell r="AH603" t="str">
            <v>特定</v>
          </cell>
          <cell r="AI603">
            <v>936</v>
          </cell>
          <cell r="AJ603">
            <v>79870</v>
          </cell>
          <cell r="AK603" t="str">
            <v>10(6)/0/10</v>
          </cell>
          <cell r="AL603" t="str">
            <v>機械器具</v>
          </cell>
          <cell r="AM603" t="str">
            <v>一般</v>
          </cell>
          <cell r="AN603">
            <v>964</v>
          </cell>
          <cell r="AO603">
            <v>470964</v>
          </cell>
          <cell r="AP603" t="str">
            <v>0(0)/0/32</v>
          </cell>
          <cell r="AQ603" t="str">
            <v>土木一式</v>
          </cell>
          <cell r="AR603" t="str">
            <v>特定</v>
          </cell>
          <cell r="AS603">
            <v>786</v>
          </cell>
          <cell r="AT603" t="str">
            <v/>
          </cell>
          <cell r="AU603" t="str">
            <v>4(2)/0/0</v>
          </cell>
          <cell r="AV603" t="str">
            <v/>
          </cell>
          <cell r="AW603" t="str">
            <v/>
          </cell>
          <cell r="AX603" t="str">
            <v/>
          </cell>
          <cell r="AY603" t="str">
            <v/>
          </cell>
          <cell r="AZ603" t="str">
            <v/>
          </cell>
          <cell r="BA603" t="str">
            <v>兵庫県</v>
          </cell>
          <cell r="BB603">
            <v>0</v>
          </cell>
          <cell r="CR603">
            <v>5420</v>
          </cell>
          <cell r="CS603" t="str">
            <v>ﾊﾏﾅ ｼﾞﾕﾝﾔ</v>
          </cell>
          <cell r="CT603" t="str">
            <v>浜名  順也</v>
          </cell>
          <cell r="CU603" t="str">
            <v>生活支援課</v>
          </cell>
          <cell r="CW603">
            <v>2521</v>
          </cell>
          <cell r="CX603" t="str">
            <v>主査</v>
          </cell>
          <cell r="CY603" t="str">
            <v>生活支援課長</v>
          </cell>
        </row>
        <row r="604">
          <cell r="B604">
            <v>2935</v>
          </cell>
          <cell r="C604" t="str">
            <v>(株)城山ホールディングス</v>
          </cell>
          <cell r="D604" t="str">
            <v>079-253-7110</v>
          </cell>
          <cell r="E604" t="str">
            <v>671-0219</v>
          </cell>
          <cell r="F604" t="str">
            <v>兵庫県姫路市飾東町豊国289-1</v>
          </cell>
          <cell r="G604" t="str">
            <v>姫路市</v>
          </cell>
          <cell r="H604" t="str">
            <v/>
          </cell>
          <cell r="I604" t="str">
            <v>代表取締役 寺尾　正</v>
          </cell>
          <cell r="J604" t="str">
            <v>本店</v>
          </cell>
          <cell r="K604" t="str">
            <v>079-251-2011</v>
          </cell>
          <cell r="L604" t="str">
            <v>nyusatsu@shiroyama.co.jp</v>
          </cell>
          <cell r="M604" t="str">
            <v>ｼﾛﾔﾏ</v>
          </cell>
          <cell r="N604" t="str">
            <v>無</v>
          </cell>
          <cell r="O604">
            <v>33</v>
          </cell>
          <cell r="P604">
            <v>348</v>
          </cell>
          <cell r="Q604">
            <v>3140001059515</v>
          </cell>
          <cell r="R604">
            <v>50000</v>
          </cell>
          <cell r="S604">
            <v>1573641</v>
          </cell>
          <cell r="T604">
            <v>16657302</v>
          </cell>
          <cell r="V604" t="str">
            <v>bj169337</v>
          </cell>
          <cell r="W604" t="str">
            <v>nn600875</v>
          </cell>
          <cell r="X604" t="str">
            <v>電通</v>
          </cell>
          <cell r="Y604" t="str">
            <v>電通</v>
          </cell>
          <cell r="Z604" t="str">
            <v/>
          </cell>
          <cell r="AA604" t="str">
            <v>電気通信</v>
          </cell>
          <cell r="AB604" t="str">
            <v>電気</v>
          </cell>
          <cell r="AC604" t="str">
            <v/>
          </cell>
          <cell r="AD604" t="str">
            <v/>
          </cell>
          <cell r="AE604">
            <v>43343</v>
          </cell>
          <cell r="AF604" t="str">
            <v>希望しない</v>
          </cell>
          <cell r="AG604" t="str">
            <v>電気通信</v>
          </cell>
          <cell r="AH604" t="str">
            <v>一般</v>
          </cell>
          <cell r="AI604">
            <v>781</v>
          </cell>
          <cell r="AJ604">
            <v>75038</v>
          </cell>
          <cell r="AK604" t="str">
            <v>0(0)/0/3</v>
          </cell>
          <cell r="AL604" t="str">
            <v>電気</v>
          </cell>
          <cell r="AM604" t="str">
            <v>一般</v>
          </cell>
          <cell r="AN604">
            <v>759</v>
          </cell>
          <cell r="AO604">
            <v>20474</v>
          </cell>
          <cell r="AP604" t="str">
            <v>1(1)/1/0</v>
          </cell>
          <cell r="AQ604" t="str">
            <v/>
          </cell>
          <cell r="AR604" t="str">
            <v/>
          </cell>
          <cell r="AS604" t="str">
            <v/>
          </cell>
          <cell r="AT604" t="str">
            <v/>
          </cell>
          <cell r="AU604" t="str">
            <v/>
          </cell>
          <cell r="AV604" t="str">
            <v/>
          </cell>
          <cell r="AW604" t="str">
            <v/>
          </cell>
          <cell r="AX604" t="str">
            <v/>
          </cell>
          <cell r="AY604" t="str">
            <v/>
          </cell>
          <cell r="AZ604" t="str">
            <v/>
          </cell>
          <cell r="BA604" t="str">
            <v>兵庫県</v>
          </cell>
          <cell r="BB604">
            <v>0</v>
          </cell>
          <cell r="CR604">
            <v>5421</v>
          </cell>
          <cell r="CS604" t="str">
            <v>ﾖｼﾀﾞ ﾊﾙｵ</v>
          </cell>
          <cell r="CT604" t="str">
            <v>吉田  晴郎</v>
          </cell>
          <cell r="CU604" t="str">
            <v>国保年金課</v>
          </cell>
          <cell r="CW604">
            <v>2743</v>
          </cell>
          <cell r="CX604" t="str">
            <v>主査</v>
          </cell>
          <cell r="CY604" t="str">
            <v>国保年金課長</v>
          </cell>
        </row>
        <row r="605">
          <cell r="B605">
            <v>2940</v>
          </cell>
          <cell r="C605" t="str">
            <v>新菱工業(株)</v>
          </cell>
          <cell r="D605" t="str">
            <v>078-939-5502</v>
          </cell>
          <cell r="E605" t="str">
            <v>673-0892</v>
          </cell>
          <cell r="F605" t="str">
            <v>兵庫県明石市本町2-2-20</v>
          </cell>
          <cell r="G605" t="str">
            <v/>
          </cell>
          <cell r="H605" t="str">
            <v>関西支店</v>
          </cell>
          <cell r="I605" t="str">
            <v>支店長 門脇　基浩</v>
          </cell>
          <cell r="J605" t="str">
            <v>東京都</v>
          </cell>
          <cell r="K605" t="str">
            <v>078-939-5503</v>
          </cell>
          <cell r="L605" t="str">
            <v>kansai@shinryo-kougyo.com</v>
          </cell>
          <cell r="M605" t="str">
            <v>ｼﾝﾘｮｳｺｳｷﾞｮｳ</v>
          </cell>
          <cell r="N605" t="str">
            <v>有</v>
          </cell>
          <cell r="O605">
            <v>53</v>
          </cell>
          <cell r="P605">
            <v>201</v>
          </cell>
          <cell r="Q605">
            <v>5010001119107</v>
          </cell>
          <cell r="R605">
            <v>40000</v>
          </cell>
          <cell r="S605">
            <v>2528629</v>
          </cell>
          <cell r="T605">
            <v>5013699</v>
          </cell>
          <cell r="V605" t="str">
            <v>db992581</v>
          </cell>
          <cell r="W605" t="str">
            <v>ub151782</v>
          </cell>
          <cell r="X605" t="str">
            <v>(機)電管鋼塗機水</v>
          </cell>
          <cell r="Y605" t="str">
            <v>(機)</v>
          </cell>
          <cell r="Z605" t="str">
            <v>電管鋼塗機水</v>
          </cell>
          <cell r="AA605" t="str">
            <v>機械器具</v>
          </cell>
          <cell r="AB605" t="str">
            <v/>
          </cell>
          <cell r="AC605" t="str">
            <v/>
          </cell>
          <cell r="AD605" t="str">
            <v/>
          </cell>
          <cell r="AE605">
            <v>43008</v>
          </cell>
          <cell r="AF605" t="str">
            <v>希望しない</v>
          </cell>
          <cell r="AG605" t="str">
            <v>機械器具</v>
          </cell>
          <cell r="AH605" t="str">
            <v>特定</v>
          </cell>
          <cell r="AI605">
            <v>1147</v>
          </cell>
          <cell r="AJ605">
            <v>3847296</v>
          </cell>
          <cell r="AK605" t="str">
            <v>0(0)/0/59</v>
          </cell>
          <cell r="AL605" t="str">
            <v/>
          </cell>
          <cell r="AM605" t="str">
            <v/>
          </cell>
          <cell r="AN605" t="str">
            <v/>
          </cell>
          <cell r="AO605" t="str">
            <v/>
          </cell>
          <cell r="AP605" t="str">
            <v/>
          </cell>
          <cell r="AQ605" t="str">
            <v/>
          </cell>
          <cell r="AR605" t="str">
            <v/>
          </cell>
          <cell r="AS605" t="str">
            <v/>
          </cell>
          <cell r="AT605" t="str">
            <v/>
          </cell>
          <cell r="AU605" t="str">
            <v/>
          </cell>
          <cell r="AV605" t="str">
            <v/>
          </cell>
          <cell r="AW605" t="str">
            <v/>
          </cell>
          <cell r="AX605" t="str">
            <v/>
          </cell>
          <cell r="AY605" t="str">
            <v/>
          </cell>
          <cell r="AZ605" t="str">
            <v/>
          </cell>
          <cell r="BA605" t="str">
            <v>東京都</v>
          </cell>
          <cell r="BB605" t="str">
            <v>三井住友銀行神田駅前ビル４Ｆ</v>
          </cell>
          <cell r="CR605">
            <v>5422</v>
          </cell>
          <cell r="CS605" t="str">
            <v>ｷﾀﾉ ｹｲｼﾞ</v>
          </cell>
          <cell r="CT605" t="str">
            <v>北野  啓二</v>
          </cell>
          <cell r="CU605" t="str">
            <v>建築指導課</v>
          </cell>
          <cell r="CW605">
            <v>3230</v>
          </cell>
          <cell r="CX605" t="str">
            <v>課長</v>
          </cell>
          <cell r="CY605" t="str">
            <v>建築指導課長</v>
          </cell>
        </row>
        <row r="606">
          <cell r="B606">
            <v>2943</v>
          </cell>
          <cell r="C606" t="str">
            <v>新明和アクアテクサービス(株)</v>
          </cell>
          <cell r="D606" t="str">
            <v>0797-25-1171</v>
          </cell>
          <cell r="E606" t="str">
            <v>659-0022</v>
          </cell>
          <cell r="F606" t="str">
            <v>兵庫県芦屋市打出町7-18</v>
          </cell>
          <cell r="G606" t="str">
            <v>芦屋市</v>
          </cell>
          <cell r="H606" t="str">
            <v>関西センター</v>
          </cell>
          <cell r="I606" t="str">
            <v>所長 片山　剛次</v>
          </cell>
          <cell r="J606" t="str">
            <v>本店</v>
          </cell>
          <cell r="K606" t="str">
            <v>0797-25-1178</v>
          </cell>
          <cell r="L606" t="str">
            <v>ikeda.nl@shinmaywa.co.jp</v>
          </cell>
          <cell r="M606" t="str">
            <v>ｼﾝﾒｲﾜｱｸｱﾃｸｻｰﾋﾞｽ</v>
          </cell>
          <cell r="N606" t="str">
            <v>無</v>
          </cell>
          <cell r="O606">
            <v>15</v>
          </cell>
          <cell r="P606">
            <v>101</v>
          </cell>
          <cell r="Q606">
            <v>9140001029181</v>
          </cell>
          <cell r="R606">
            <v>90000</v>
          </cell>
          <cell r="S606">
            <v>2481309</v>
          </cell>
          <cell r="T606">
            <v>3883658</v>
          </cell>
          <cell r="V606" t="str">
            <v>um903695</v>
          </cell>
          <cell r="W606" t="str">
            <v>hb341582</v>
          </cell>
          <cell r="X606" t="str">
            <v>電管機</v>
          </cell>
          <cell r="Y606" t="str">
            <v>電管機</v>
          </cell>
          <cell r="Z606" t="str">
            <v/>
          </cell>
          <cell r="AA606" t="str">
            <v>機械器具</v>
          </cell>
          <cell r="AB606" t="str">
            <v>電気</v>
          </cell>
          <cell r="AC606" t="str">
            <v>管</v>
          </cell>
          <cell r="AD606" t="str">
            <v/>
          </cell>
          <cell r="AE606">
            <v>43190</v>
          </cell>
          <cell r="AF606" t="str">
            <v>希望しない</v>
          </cell>
          <cell r="AG606" t="str">
            <v>機械器具</v>
          </cell>
          <cell r="AH606" t="str">
            <v>一般</v>
          </cell>
          <cell r="AI606">
            <v>936</v>
          </cell>
          <cell r="AJ606">
            <v>1153483</v>
          </cell>
          <cell r="AK606" t="str">
            <v>0(0)/0/24</v>
          </cell>
          <cell r="AL606" t="str">
            <v>電気</v>
          </cell>
          <cell r="AM606" t="str">
            <v>一般</v>
          </cell>
          <cell r="AN606">
            <v>859</v>
          </cell>
          <cell r="AO606">
            <v>97623</v>
          </cell>
          <cell r="AP606" t="str">
            <v>2(0)/14/5</v>
          </cell>
          <cell r="AQ606" t="str">
            <v>管</v>
          </cell>
          <cell r="AR606" t="str">
            <v>一般</v>
          </cell>
          <cell r="AS606">
            <v>789</v>
          </cell>
          <cell r="AT606">
            <v>1955</v>
          </cell>
          <cell r="AU606" t="str">
            <v>0(0)/11/0</v>
          </cell>
          <cell r="AV606" t="str">
            <v/>
          </cell>
          <cell r="AW606" t="str">
            <v/>
          </cell>
          <cell r="AX606" t="str">
            <v/>
          </cell>
          <cell r="AY606" t="str">
            <v/>
          </cell>
          <cell r="AZ606" t="str">
            <v/>
          </cell>
          <cell r="BA606" t="str">
            <v>兵庫県</v>
          </cell>
          <cell r="BB606">
            <v>0</v>
          </cell>
          <cell r="CR606">
            <v>5423</v>
          </cell>
          <cell r="CS606" t="str">
            <v>ﾐﾔｷﾞ ﾃﾂｵ</v>
          </cell>
          <cell r="CT606" t="str">
            <v>宮木  哲男</v>
          </cell>
          <cell r="CU606" t="str">
            <v>施設課</v>
          </cell>
          <cell r="CW606">
            <v>3629</v>
          </cell>
          <cell r="CX606" t="str">
            <v>副主幹</v>
          </cell>
          <cell r="CY606" t="str">
            <v>施設課長</v>
          </cell>
        </row>
        <row r="607">
          <cell r="B607">
            <v>2946</v>
          </cell>
          <cell r="C607" t="str">
            <v>城陽ダイキン空調(株)</v>
          </cell>
          <cell r="D607" t="str">
            <v>078-321-0265</v>
          </cell>
          <cell r="E607" t="str">
            <v>650-0001</v>
          </cell>
          <cell r="F607" t="str">
            <v>兵庫県神戸市中央区加納町4-4-17</v>
          </cell>
          <cell r="G607" t="str">
            <v>大阪市</v>
          </cell>
          <cell r="H607" t="str">
            <v>神戸営業所</v>
          </cell>
          <cell r="I607" t="str">
            <v>所長 小菅　一弘</v>
          </cell>
          <cell r="J607" t="str">
            <v>大阪府大阪市</v>
          </cell>
          <cell r="K607" t="str">
            <v>078-321-0290</v>
          </cell>
          <cell r="L607" t="str">
            <v>osaka @joyo-daikin.co.jp</v>
          </cell>
          <cell r="M607" t="str">
            <v>ｼﾞｮｳﾖｳﾀﾞｲｷﾝｸｳﾁｮｳ</v>
          </cell>
          <cell r="N607" t="str">
            <v>有</v>
          </cell>
          <cell r="O607">
            <v>52</v>
          </cell>
          <cell r="P607">
            <v>102</v>
          </cell>
          <cell r="Q607">
            <v>2120001012567</v>
          </cell>
          <cell r="R607">
            <v>80000</v>
          </cell>
          <cell r="S607">
            <v>1312060</v>
          </cell>
          <cell r="T607">
            <v>9084279</v>
          </cell>
          <cell r="V607" t="str">
            <v>ek147582</v>
          </cell>
          <cell r="W607" t="str">
            <v>gb428420</v>
          </cell>
          <cell r="X607" t="str">
            <v>電機(管)管</v>
          </cell>
          <cell r="Y607" t="str">
            <v>電機(管)</v>
          </cell>
          <cell r="Z607" t="str">
            <v>管</v>
          </cell>
          <cell r="AA607" t="str">
            <v>管</v>
          </cell>
          <cell r="AB607" t="str">
            <v/>
          </cell>
          <cell r="AC607" t="str">
            <v/>
          </cell>
          <cell r="AD607" t="str">
            <v/>
          </cell>
          <cell r="AE607">
            <v>43190</v>
          </cell>
          <cell r="AF607" t="str">
            <v/>
          </cell>
          <cell r="AG607" t="str">
            <v>管</v>
          </cell>
          <cell r="AH607" t="str">
            <v>特定</v>
          </cell>
          <cell r="AI607">
            <v>1073</v>
          </cell>
          <cell r="AJ607">
            <v>3741039</v>
          </cell>
          <cell r="AK607" t="str">
            <v>17(7)/19/4</v>
          </cell>
          <cell r="AL607" t="str">
            <v/>
          </cell>
          <cell r="AM607" t="str">
            <v/>
          </cell>
          <cell r="AN607" t="str">
            <v/>
          </cell>
          <cell r="AO607" t="str">
            <v/>
          </cell>
          <cell r="AP607" t="str">
            <v/>
          </cell>
          <cell r="AQ607" t="str">
            <v/>
          </cell>
          <cell r="AR607" t="str">
            <v/>
          </cell>
          <cell r="AS607" t="str">
            <v/>
          </cell>
          <cell r="AT607" t="str">
            <v/>
          </cell>
          <cell r="AU607" t="str">
            <v/>
          </cell>
          <cell r="AV607" t="str">
            <v/>
          </cell>
          <cell r="AW607" t="str">
            <v/>
          </cell>
          <cell r="AX607" t="str">
            <v/>
          </cell>
          <cell r="AY607" t="str">
            <v/>
          </cell>
          <cell r="AZ607" t="str">
            <v/>
          </cell>
          <cell r="BA607" t="str">
            <v>大阪府</v>
          </cell>
          <cell r="BB607">
            <v>0</v>
          </cell>
          <cell r="CR607">
            <v>5424</v>
          </cell>
          <cell r="CS607" t="str">
            <v>ｱﾅﾝ ﾐｴｺ</v>
          </cell>
          <cell r="CT607" t="str">
            <v>阿南  美恵子</v>
          </cell>
          <cell r="CU607" t="str">
            <v>健康政策課</v>
          </cell>
          <cell r="CW607">
            <v>2755</v>
          </cell>
          <cell r="CX607" t="str">
            <v>主査</v>
          </cell>
          <cell r="CY607" t="str">
            <v>健康政策課長</v>
          </cell>
        </row>
        <row r="608">
          <cell r="B608">
            <v>2948</v>
          </cell>
          <cell r="C608" t="str">
            <v>(株)島田組</v>
          </cell>
          <cell r="D608" t="str">
            <v>078-855-5447</v>
          </cell>
          <cell r="E608" t="str">
            <v>658-0026</v>
          </cell>
          <cell r="F608" t="str">
            <v>兵庫県神戸市東灘区魚崎西町3-4-3</v>
          </cell>
          <cell r="G608" t="str">
            <v>八尾市</v>
          </cell>
          <cell r="H608" t="str">
            <v>神戸営業所</v>
          </cell>
          <cell r="I608" t="str">
            <v>所長 山野　恭輔</v>
          </cell>
          <cell r="J608" t="str">
            <v>大阪府八尾市</v>
          </cell>
          <cell r="K608" t="str">
            <v>078-855-5448</v>
          </cell>
          <cell r="L608" t="str">
            <v>shimadagumi-eigyou@nifty.com</v>
          </cell>
          <cell r="M608" t="str">
            <v>ｼﾏﾀﾞｸﾞﾐ</v>
          </cell>
          <cell r="N608" t="str">
            <v>有</v>
          </cell>
          <cell r="O608">
            <v>40</v>
          </cell>
          <cell r="P608">
            <v>94</v>
          </cell>
          <cell r="Q608">
            <v>9122001018711</v>
          </cell>
          <cell r="R608">
            <v>85000</v>
          </cell>
          <cell r="S608">
            <v>1257721</v>
          </cell>
          <cell r="T608">
            <v>3420403</v>
          </cell>
          <cell r="V608" t="str">
            <v>nq579062</v>
          </cell>
          <cell r="W608" t="str">
            <v>sz814438</v>
          </cell>
          <cell r="X608" t="str">
            <v>(清)(と)(舗)(水)土建大と石屋タ鋼鉄舗板ガ塗防内熱具水解</v>
          </cell>
          <cell r="Y608" t="str">
            <v>(清)(と)(舗)(水)</v>
          </cell>
          <cell r="Z608" t="str">
            <v>土建大と石屋タ鋼鉄舗板ガ塗防内熱具水解</v>
          </cell>
          <cell r="AA608" t="str">
            <v>土木一式</v>
          </cell>
          <cell r="AB608" t="str">
            <v>とび土工</v>
          </cell>
          <cell r="AC608" t="str">
            <v>解体</v>
          </cell>
          <cell r="AD608" t="str">
            <v>建築一式</v>
          </cell>
          <cell r="AE608">
            <v>43190</v>
          </cell>
          <cell r="AF608" t="str">
            <v>希望する</v>
          </cell>
          <cell r="AG608" t="str">
            <v>土木一式</v>
          </cell>
          <cell r="AH608" t="str">
            <v>特定</v>
          </cell>
          <cell r="AI608">
            <v>1036</v>
          </cell>
          <cell r="AJ608">
            <v>200570</v>
          </cell>
          <cell r="AK608" t="str">
            <v>14(14)/8/39</v>
          </cell>
          <cell r="AL608" t="str">
            <v>とび土工</v>
          </cell>
          <cell r="AM608" t="str">
            <v>特定</v>
          </cell>
          <cell r="AN608">
            <v>1134</v>
          </cell>
          <cell r="AO608">
            <v>2800071</v>
          </cell>
          <cell r="AP608" t="str">
            <v>13(13)/7/0</v>
          </cell>
          <cell r="AQ608" t="str">
            <v>解体</v>
          </cell>
          <cell r="AR608" t="str">
            <v>特定</v>
          </cell>
          <cell r="AS608">
            <v>944</v>
          </cell>
          <cell r="AT608">
            <v>49857</v>
          </cell>
          <cell r="AU608" t="str">
            <v>13(13)/7/0</v>
          </cell>
          <cell r="AV608" t="str">
            <v>建築一式</v>
          </cell>
          <cell r="AW608" t="str">
            <v>特定</v>
          </cell>
          <cell r="AX608">
            <v>810</v>
          </cell>
          <cell r="AY608">
            <v>2967</v>
          </cell>
          <cell r="AZ608" t="str">
            <v>2(2)/0/0</v>
          </cell>
          <cell r="BA608" t="str">
            <v>大阪府</v>
          </cell>
          <cell r="BB608">
            <v>0</v>
          </cell>
          <cell r="CR608">
            <v>5425</v>
          </cell>
          <cell r="CS608" t="str">
            <v>ｵｶﾀﾞ ｶｽﾞｴ</v>
          </cell>
          <cell r="CT608" t="str">
            <v>岡田  和恵</v>
          </cell>
          <cell r="CU608" t="str">
            <v>人権啓発センター</v>
          </cell>
          <cell r="CW608" t="str">
            <v xml:space="preserve"> </v>
          </cell>
          <cell r="CX608" t="str">
            <v>主査</v>
          </cell>
          <cell r="CY608" t="str">
            <v>人権啓発センター長</v>
          </cell>
        </row>
        <row r="609">
          <cell r="B609">
            <v>2949</v>
          </cell>
          <cell r="C609" t="str">
            <v>(株)神名工務店</v>
          </cell>
          <cell r="D609" t="str">
            <v>079-289-3780</v>
          </cell>
          <cell r="E609" t="str">
            <v>670-0965</v>
          </cell>
          <cell r="F609" t="str">
            <v>兵庫県姫路市東延末4‐80</v>
          </cell>
          <cell r="G609" t="str">
            <v>宍粟市</v>
          </cell>
          <cell r="H609" t="str">
            <v>姫路支店</v>
          </cell>
          <cell r="I609" t="str">
            <v>取締役支店長 杉本　隆志</v>
          </cell>
          <cell r="J609" t="str">
            <v>兵庫県宍粟市</v>
          </cell>
          <cell r="K609" t="str">
            <v>079-282-4568</v>
          </cell>
          <cell r="L609" t="str">
            <v>info@shimmei.com</v>
          </cell>
          <cell r="M609" t="str">
            <v>ｼﾝﾒｲｺｳﾑﾃﾝ</v>
          </cell>
          <cell r="N609" t="str">
            <v>有</v>
          </cell>
          <cell r="O609">
            <v>61</v>
          </cell>
          <cell r="P609">
            <v>25</v>
          </cell>
          <cell r="Q609">
            <v>2140001039030</v>
          </cell>
          <cell r="R609">
            <v>25000</v>
          </cell>
          <cell r="S609">
            <v>107387</v>
          </cell>
          <cell r="T609">
            <v>2701465</v>
          </cell>
          <cell r="V609" t="str">
            <v>pk370262</v>
          </cell>
          <cell r="W609" t="str">
            <v>us989457</v>
          </cell>
          <cell r="X609" t="str">
            <v>(建)(大)(屋)(タ)(鋼)(内)土建大と石屋タ鋼鉄舗浚板ガ塗防内熱具水解</v>
          </cell>
          <cell r="Y609" t="str">
            <v>(建)(大)(屋)(タ)(鋼)(内)</v>
          </cell>
          <cell r="Z609" t="str">
            <v>土建大と石屋タ鋼鉄舗浚板ガ塗防内熱具水解</v>
          </cell>
          <cell r="AA609" t="str">
            <v>建築一式</v>
          </cell>
          <cell r="AB609" t="str">
            <v/>
          </cell>
          <cell r="AC609" t="str">
            <v/>
          </cell>
          <cell r="AD609" t="str">
            <v/>
          </cell>
          <cell r="AE609">
            <v>42978</v>
          </cell>
          <cell r="AF609" t="str">
            <v>希望しない</v>
          </cell>
          <cell r="AG609" t="str">
            <v>建築一式</v>
          </cell>
          <cell r="AH609" t="str">
            <v>特定</v>
          </cell>
          <cell r="AI609">
            <v>1053</v>
          </cell>
          <cell r="AJ609">
            <v>2644113</v>
          </cell>
          <cell r="AK609" t="str">
            <v>15(15)/3/5</v>
          </cell>
          <cell r="AL609" t="str">
            <v/>
          </cell>
          <cell r="AM609" t="str">
            <v/>
          </cell>
          <cell r="AN609" t="str">
            <v/>
          </cell>
          <cell r="AO609" t="str">
            <v/>
          </cell>
          <cell r="AP609" t="str">
            <v/>
          </cell>
          <cell r="AQ609" t="str">
            <v/>
          </cell>
          <cell r="AR609" t="str">
            <v/>
          </cell>
          <cell r="AS609" t="str">
            <v/>
          </cell>
          <cell r="AT609" t="str">
            <v/>
          </cell>
          <cell r="AU609" t="str">
            <v/>
          </cell>
          <cell r="AV609" t="str">
            <v/>
          </cell>
          <cell r="AW609" t="str">
            <v/>
          </cell>
          <cell r="AX609" t="str">
            <v/>
          </cell>
          <cell r="AY609" t="str">
            <v/>
          </cell>
          <cell r="AZ609" t="str">
            <v/>
          </cell>
          <cell r="BA609" t="str">
            <v>兵庫県</v>
          </cell>
          <cell r="BB609">
            <v>0</v>
          </cell>
          <cell r="CR609">
            <v>5427</v>
          </cell>
          <cell r="CS609" t="str">
            <v>ｻﾄｳ ﾄﾓﾊﾙ</v>
          </cell>
          <cell r="CT609" t="str">
            <v>佐藤  友治</v>
          </cell>
          <cell r="CU609" t="str">
            <v>広報課</v>
          </cell>
          <cell r="CW609">
            <v>2118</v>
          </cell>
          <cell r="CX609" t="str">
            <v>主査</v>
          </cell>
          <cell r="CY609" t="str">
            <v>広報課長</v>
          </cell>
        </row>
        <row r="610">
          <cell r="B610">
            <v>2950</v>
          </cell>
          <cell r="C610" t="str">
            <v>(株)ジーエス・ユアサフィールディングス</v>
          </cell>
          <cell r="D610" t="str">
            <v>06-6882-0001</v>
          </cell>
          <cell r="E610" t="str">
            <v>530-0043</v>
          </cell>
          <cell r="F610" t="str">
            <v>大阪府大阪市北区天満1-6-11</v>
          </cell>
          <cell r="G610" t="str">
            <v/>
          </cell>
          <cell r="H610" t="str">
            <v>関西支店</v>
          </cell>
          <cell r="I610" t="str">
            <v>支店長 山田　伸一</v>
          </cell>
          <cell r="J610" t="str">
            <v>東京都</v>
          </cell>
          <cell r="K610" t="str">
            <v>06-6882-0002</v>
          </cell>
          <cell r="L610" t="str">
            <v>akinori.yoshida@jp.gs-yuasa.com</v>
          </cell>
          <cell r="M610" t="str">
            <v>ｼﾞｰｴｽﾕｱｻﾌｨｰﾙﾃﾞｨﾝｸﾞｽ</v>
          </cell>
          <cell r="N610" t="str">
            <v>有</v>
          </cell>
          <cell r="O610">
            <v>59</v>
          </cell>
          <cell r="P610">
            <v>294</v>
          </cell>
          <cell r="Q610">
            <v>4010801012255</v>
          </cell>
          <cell r="R610">
            <v>54500</v>
          </cell>
          <cell r="S610">
            <v>6247678</v>
          </cell>
          <cell r="T610">
            <v>21198602</v>
          </cell>
          <cell r="V610" t="str">
            <v>nh274577</v>
          </cell>
          <cell r="W610" t="str">
            <v>zn706881</v>
          </cell>
          <cell r="X610" t="str">
            <v>(電)電</v>
          </cell>
          <cell r="Y610" t="str">
            <v>(電)</v>
          </cell>
          <cell r="Z610" t="str">
            <v>電</v>
          </cell>
          <cell r="AA610" t="str">
            <v>電気</v>
          </cell>
          <cell r="AB610" t="str">
            <v/>
          </cell>
          <cell r="AC610" t="str">
            <v/>
          </cell>
          <cell r="AD610" t="str">
            <v/>
          </cell>
          <cell r="AE610">
            <v>43190</v>
          </cell>
          <cell r="AF610" t="str">
            <v>希望しない</v>
          </cell>
          <cell r="AG610" t="str">
            <v>電気</v>
          </cell>
          <cell r="AH610" t="str">
            <v>特定</v>
          </cell>
          <cell r="AI610">
            <v>1309</v>
          </cell>
          <cell r="AJ610">
            <v>10046264</v>
          </cell>
          <cell r="AK610" t="str">
            <v>126(88)/17/38</v>
          </cell>
          <cell r="AL610" t="str">
            <v/>
          </cell>
          <cell r="AM610" t="str">
            <v/>
          </cell>
          <cell r="AN610" t="str">
            <v/>
          </cell>
          <cell r="AO610" t="str">
            <v/>
          </cell>
          <cell r="AP610" t="str">
            <v/>
          </cell>
          <cell r="AQ610" t="str">
            <v/>
          </cell>
          <cell r="AR610" t="str">
            <v/>
          </cell>
          <cell r="AS610" t="str">
            <v/>
          </cell>
          <cell r="AT610" t="str">
            <v/>
          </cell>
          <cell r="AU610" t="str">
            <v/>
          </cell>
          <cell r="AV610" t="str">
            <v/>
          </cell>
          <cell r="AW610" t="str">
            <v/>
          </cell>
          <cell r="AX610" t="str">
            <v/>
          </cell>
          <cell r="AY610" t="str">
            <v/>
          </cell>
          <cell r="AZ610" t="str">
            <v/>
          </cell>
          <cell r="BA610" t="str">
            <v>東京都</v>
          </cell>
          <cell r="BB610">
            <v>0</v>
          </cell>
          <cell r="CR610">
            <v>5428</v>
          </cell>
          <cell r="CS610" t="str">
            <v>ｵｸｼﾏ ｷﾖｳｺ</v>
          </cell>
          <cell r="CT610" t="str">
            <v>屋島  京子</v>
          </cell>
          <cell r="CU610" t="str">
            <v>保育課</v>
          </cell>
          <cell r="CW610" t="str">
            <v xml:space="preserve"> </v>
          </cell>
          <cell r="CX610" t="str">
            <v xml:space="preserve"> </v>
          </cell>
          <cell r="CY610" t="str">
            <v>保育課長</v>
          </cell>
        </row>
        <row r="611">
          <cell r="B611">
            <v>2951</v>
          </cell>
          <cell r="C611" t="str">
            <v>(株)清水合金製作所</v>
          </cell>
          <cell r="D611" t="str">
            <v>06-6315-7471</v>
          </cell>
          <cell r="E611" t="str">
            <v>530-0053</v>
          </cell>
          <cell r="F611" t="str">
            <v>大阪府大阪市大阪市北区末広町3ｰ21</v>
          </cell>
          <cell r="G611" t="str">
            <v>彦根市</v>
          </cell>
          <cell r="H611" t="str">
            <v>大阪営業所</v>
          </cell>
          <cell r="I611" t="str">
            <v>所長 内匠　宏彰</v>
          </cell>
          <cell r="J611" t="str">
            <v>滋賀県彦根市</v>
          </cell>
          <cell r="K611" t="str">
            <v>06-6315-8089</v>
          </cell>
          <cell r="L611" t="str">
            <v>f-iseki@shimizugokin.co.jp</v>
          </cell>
          <cell r="M611" t="str">
            <v>ｼﾐｽﾞｺﾞｳｷﾝｾｲｻｸｼｮ</v>
          </cell>
          <cell r="N611" t="str">
            <v>有</v>
          </cell>
          <cell r="O611">
            <v>71</v>
          </cell>
          <cell r="P611">
            <v>153</v>
          </cell>
          <cell r="Q611">
            <v>5160001008377</v>
          </cell>
          <cell r="R611">
            <v>90304</v>
          </cell>
          <cell r="S611">
            <v>5301855</v>
          </cell>
          <cell r="T611">
            <v>4491814</v>
          </cell>
          <cell r="V611" t="str">
            <v>wg303140</v>
          </cell>
          <cell r="W611" t="str">
            <v>mt588525</v>
          </cell>
          <cell r="X611" t="str">
            <v>土と鋼機水</v>
          </cell>
          <cell r="Y611" t="str">
            <v>土と鋼機水</v>
          </cell>
          <cell r="Z611" t="str">
            <v/>
          </cell>
          <cell r="AA611" t="str">
            <v>機械器具</v>
          </cell>
          <cell r="AB611" t="str">
            <v/>
          </cell>
          <cell r="AC611" t="str">
            <v/>
          </cell>
          <cell r="AD611" t="str">
            <v/>
          </cell>
          <cell r="AE611">
            <v>43190</v>
          </cell>
          <cell r="AF611" t="str">
            <v/>
          </cell>
          <cell r="AG611" t="str">
            <v>機械器具</v>
          </cell>
          <cell r="AH611" t="str">
            <v>一般</v>
          </cell>
          <cell r="AI611">
            <v>814</v>
          </cell>
          <cell r="AJ611">
            <v>25777</v>
          </cell>
          <cell r="AK611" t="str">
            <v>0(0)/0/11</v>
          </cell>
          <cell r="AL611" t="str">
            <v/>
          </cell>
          <cell r="AM611" t="str">
            <v/>
          </cell>
          <cell r="AN611" t="str">
            <v/>
          </cell>
          <cell r="AO611" t="str">
            <v/>
          </cell>
          <cell r="AP611" t="str">
            <v/>
          </cell>
          <cell r="AQ611" t="str">
            <v/>
          </cell>
          <cell r="AR611" t="str">
            <v/>
          </cell>
          <cell r="AS611" t="str">
            <v/>
          </cell>
          <cell r="AT611" t="str">
            <v/>
          </cell>
          <cell r="AU611" t="str">
            <v/>
          </cell>
          <cell r="AV611" t="str">
            <v/>
          </cell>
          <cell r="AW611" t="str">
            <v/>
          </cell>
          <cell r="AX611" t="str">
            <v/>
          </cell>
          <cell r="AY611" t="str">
            <v/>
          </cell>
          <cell r="AZ611" t="str">
            <v/>
          </cell>
          <cell r="BA611" t="str">
            <v>滋賀県</v>
          </cell>
          <cell r="BB611">
            <v>0</v>
          </cell>
          <cell r="CR611">
            <v>5430</v>
          </cell>
          <cell r="CS611" t="str">
            <v>ﾓﾘｼﾀ ｱﾔｺ</v>
          </cell>
          <cell r="CT611" t="str">
            <v>森下  綾子</v>
          </cell>
          <cell r="CU611" t="str">
            <v>保育課</v>
          </cell>
          <cell r="CW611" t="str">
            <v xml:space="preserve"> </v>
          </cell>
          <cell r="CX611" t="str">
            <v xml:space="preserve"> </v>
          </cell>
          <cell r="CY611" t="str">
            <v>保育課長</v>
          </cell>
        </row>
        <row r="612">
          <cell r="B612">
            <v>2953</v>
          </cell>
          <cell r="C612" t="str">
            <v>シンクレイヤ(株)</v>
          </cell>
          <cell r="D612" t="str">
            <v>06-6322-3181</v>
          </cell>
          <cell r="E612" t="str">
            <v>541-0041</v>
          </cell>
          <cell r="F612" t="str">
            <v>大阪府大阪市東淀川区西淡路1-1-32</v>
          </cell>
          <cell r="G612" t="str">
            <v>名古屋市</v>
          </cell>
          <cell r="H612" t="str">
            <v>大阪営業部</v>
          </cell>
          <cell r="I612" t="str">
            <v>部長　 齊尾　彰</v>
          </cell>
          <cell r="J612" t="str">
            <v>愛知県名古屋市</v>
          </cell>
          <cell r="K612" t="str">
            <v>06-6322-0300</v>
          </cell>
          <cell r="L612" t="str">
            <v>n_eikan@synclayer.co.jp</v>
          </cell>
          <cell r="M612" t="str">
            <v>ｼﾝｸﾚｲﾔ</v>
          </cell>
          <cell r="N612" t="str">
            <v>有</v>
          </cell>
          <cell r="O612">
            <v>48</v>
          </cell>
          <cell r="P612">
            <v>158</v>
          </cell>
          <cell r="Q612">
            <v>3180000000000</v>
          </cell>
          <cell r="R612">
            <v>411214</v>
          </cell>
          <cell r="S612">
            <v>1469006</v>
          </cell>
          <cell r="T612">
            <v>8543000</v>
          </cell>
          <cell r="V612" t="str">
            <v>yn850697</v>
          </cell>
          <cell r="W612" t="str">
            <v>sj424822</v>
          </cell>
          <cell r="X612" t="str">
            <v>土と鋼機水</v>
          </cell>
          <cell r="Y612" t="str">
            <v>土と鋼機水</v>
          </cell>
          <cell r="Z612" t="str">
            <v/>
          </cell>
          <cell r="AA612" t="str">
            <v>電気通信</v>
          </cell>
          <cell r="AB612" t="str">
            <v/>
          </cell>
          <cell r="AC612" t="str">
            <v/>
          </cell>
          <cell r="AD612" t="str">
            <v/>
          </cell>
          <cell r="AE612">
            <v>43190</v>
          </cell>
          <cell r="AF612" t="str">
            <v>希望しない</v>
          </cell>
          <cell r="AG612" t="str">
            <v>電気通信</v>
          </cell>
          <cell r="AH612" t="str">
            <v>特定</v>
          </cell>
          <cell r="AI612">
            <v>1064</v>
          </cell>
          <cell r="AJ612">
            <v>4191552</v>
          </cell>
          <cell r="AK612" t="str">
            <v>0(0)/0/60</v>
          </cell>
          <cell r="AL612" t="str">
            <v/>
          </cell>
          <cell r="AM612" t="str">
            <v/>
          </cell>
          <cell r="AN612" t="str">
            <v/>
          </cell>
          <cell r="AO612" t="str">
            <v/>
          </cell>
          <cell r="AP612" t="str">
            <v/>
          </cell>
          <cell r="AQ612" t="str">
            <v/>
          </cell>
          <cell r="AR612" t="str">
            <v/>
          </cell>
          <cell r="AS612" t="str">
            <v/>
          </cell>
          <cell r="AT612" t="str">
            <v/>
          </cell>
          <cell r="AU612" t="str">
            <v/>
          </cell>
          <cell r="AV612" t="str">
            <v/>
          </cell>
          <cell r="AW612" t="str">
            <v/>
          </cell>
          <cell r="AX612" t="str">
            <v/>
          </cell>
          <cell r="AY612" t="str">
            <v/>
          </cell>
          <cell r="AZ612" t="str">
            <v/>
          </cell>
          <cell r="BA612" t="str">
            <v>愛知県</v>
          </cell>
          <cell r="BB612">
            <v>0</v>
          </cell>
          <cell r="CR612">
            <v>5431</v>
          </cell>
          <cell r="CS612" t="str">
            <v>ｳﾉﾀﾞ ﾅｵﾐ</v>
          </cell>
          <cell r="CT612" t="str">
            <v>卯ノ田  直美</v>
          </cell>
          <cell r="CU612" t="str">
            <v>保育課</v>
          </cell>
          <cell r="CW612" t="str">
            <v xml:space="preserve"> </v>
          </cell>
          <cell r="CX612" t="str">
            <v xml:space="preserve"> </v>
          </cell>
          <cell r="CY612" t="str">
            <v>保育課長</v>
          </cell>
        </row>
        <row r="613">
          <cell r="B613">
            <v>2954</v>
          </cell>
          <cell r="C613" t="str">
            <v>シンク・エンジニアリング(株)</v>
          </cell>
          <cell r="D613" t="str">
            <v>0772-82-1722</v>
          </cell>
          <cell r="E613" t="str">
            <v>629-3405</v>
          </cell>
          <cell r="F613" t="str">
            <v>京都府京丹後市久美浜町1094-4</v>
          </cell>
          <cell r="G613" t="str">
            <v/>
          </cell>
          <cell r="H613" t="str">
            <v>関西支店</v>
          </cell>
          <cell r="I613" t="str">
            <v>支店長 西崎　健作</v>
          </cell>
          <cell r="J613" t="str">
            <v>東京都</v>
          </cell>
          <cell r="K613" t="str">
            <v>0772-82-1780</v>
          </cell>
          <cell r="L613" t="str">
            <v>nyusatsu@think-tech.co.jp</v>
          </cell>
          <cell r="M613" t="str">
            <v>ｼﾝｸ･ｴﾝｼﾞﾆｱﾘﾝｸﾞ</v>
          </cell>
          <cell r="N613" t="str">
            <v>有</v>
          </cell>
          <cell r="O613">
            <v>37</v>
          </cell>
          <cell r="P613">
            <v>91</v>
          </cell>
          <cell r="Q613">
            <v>5013201002585</v>
          </cell>
          <cell r="R613">
            <v>70000</v>
          </cell>
          <cell r="S613">
            <v>640164</v>
          </cell>
          <cell r="T613">
            <v>1455250</v>
          </cell>
          <cell r="V613" t="str">
            <v>jt368308</v>
          </cell>
          <cell r="W613" t="str">
            <v>zh636749</v>
          </cell>
          <cell r="X613" t="str">
            <v>機(電)(通)電通</v>
          </cell>
          <cell r="Y613" t="str">
            <v>機(電)(通)</v>
          </cell>
          <cell r="Z613" t="str">
            <v>電通</v>
          </cell>
          <cell r="AA613" t="str">
            <v>電気通信</v>
          </cell>
          <cell r="AB613" t="str">
            <v>電気</v>
          </cell>
          <cell r="AC613" t="str">
            <v/>
          </cell>
          <cell r="AD613" t="str">
            <v/>
          </cell>
          <cell r="AE613">
            <v>43251</v>
          </cell>
          <cell r="AF613" t="str">
            <v>希望しない</v>
          </cell>
          <cell r="AG613" t="str">
            <v>電気通信</v>
          </cell>
          <cell r="AH613" t="str">
            <v>特定</v>
          </cell>
          <cell r="AI613">
            <v>933</v>
          </cell>
          <cell r="AJ613">
            <v>467172</v>
          </cell>
          <cell r="AK613" t="str">
            <v>0(0)/0/43</v>
          </cell>
          <cell r="AL613" t="str">
            <v>電気</v>
          </cell>
          <cell r="AM613" t="str">
            <v>特定</v>
          </cell>
          <cell r="AN613">
            <v>1289</v>
          </cell>
          <cell r="AO613">
            <v>788332</v>
          </cell>
          <cell r="AP613" t="str">
            <v>34(32)/14/9</v>
          </cell>
          <cell r="AQ613" t="str">
            <v/>
          </cell>
          <cell r="AR613" t="str">
            <v/>
          </cell>
          <cell r="AS613" t="str">
            <v/>
          </cell>
          <cell r="AT613" t="str">
            <v/>
          </cell>
          <cell r="AU613" t="str">
            <v/>
          </cell>
          <cell r="AV613" t="str">
            <v/>
          </cell>
          <cell r="AW613" t="str">
            <v/>
          </cell>
          <cell r="AX613" t="str">
            <v/>
          </cell>
          <cell r="AY613" t="str">
            <v/>
          </cell>
          <cell r="AZ613" t="str">
            <v/>
          </cell>
          <cell r="BA613" t="str">
            <v>東京都</v>
          </cell>
          <cell r="BB613">
            <v>0</v>
          </cell>
          <cell r="CR613">
            <v>5432</v>
          </cell>
          <cell r="CS613" t="str">
            <v>ｶｻﾊﾗ ﾑﾂﾋﾛ</v>
          </cell>
          <cell r="CT613" t="str">
            <v>笠原  睦広</v>
          </cell>
          <cell r="CU613" t="str">
            <v>管財課</v>
          </cell>
          <cell r="CW613">
            <v>2463</v>
          </cell>
          <cell r="CX613" t="str">
            <v xml:space="preserve"> </v>
          </cell>
          <cell r="CY613" t="str">
            <v>管財課長</v>
          </cell>
        </row>
        <row r="614">
          <cell r="B614">
            <v>2957</v>
          </cell>
          <cell r="C614" t="str">
            <v>(株)シーテック</v>
          </cell>
          <cell r="D614" t="str">
            <v>079-243-2222</v>
          </cell>
          <cell r="E614" t="str">
            <v>672-8051</v>
          </cell>
          <cell r="F614" t="str">
            <v>兵庫県姫路市飾磨区清水3-80</v>
          </cell>
          <cell r="G614" t="str">
            <v>姫路市</v>
          </cell>
          <cell r="H614" t="str">
            <v/>
          </cell>
          <cell r="I614" t="str">
            <v>代表取締役 木下　一生</v>
          </cell>
          <cell r="J614" t="str">
            <v>本店</v>
          </cell>
          <cell r="K614" t="str">
            <v>079-243-2288</v>
          </cell>
          <cell r="L614" t="str">
            <v>seatech-sekkei@zeus.eonet.ne.jp</v>
          </cell>
          <cell r="M614" t="str">
            <v>ｼｰﾃｯｸ</v>
          </cell>
          <cell r="N614" t="str">
            <v>無</v>
          </cell>
          <cell r="O614">
            <v>15</v>
          </cell>
          <cell r="P614">
            <v>17</v>
          </cell>
          <cell r="Q614">
            <v>5140001063267</v>
          </cell>
          <cell r="R614">
            <v>10000</v>
          </cell>
          <cell r="S614">
            <v>57732</v>
          </cell>
          <cell r="T614">
            <v>809267</v>
          </cell>
          <cell r="V614" t="str">
            <v>gd838429</v>
          </cell>
          <cell r="W614" t="str">
            <v>rc790892</v>
          </cell>
          <cell r="X614" t="str">
            <v>土と鋼機</v>
          </cell>
          <cell r="Y614" t="str">
            <v>土と鋼機</v>
          </cell>
          <cell r="Z614" t="str">
            <v/>
          </cell>
          <cell r="AA614" t="str">
            <v>機械器具</v>
          </cell>
          <cell r="AB614" t="str">
            <v>土木一式</v>
          </cell>
          <cell r="AC614" t="str">
            <v>鋼構造物</v>
          </cell>
          <cell r="AD614" t="str">
            <v>とび土工</v>
          </cell>
          <cell r="AE614">
            <v>43251</v>
          </cell>
          <cell r="AF614" t="str">
            <v>希望しない</v>
          </cell>
          <cell r="AG614" t="str">
            <v>機械器具</v>
          </cell>
          <cell r="AH614" t="str">
            <v>一般</v>
          </cell>
          <cell r="AI614">
            <v>866</v>
          </cell>
          <cell r="AJ614">
            <v>357150</v>
          </cell>
          <cell r="AK614" t="str">
            <v>0(0)/0/4</v>
          </cell>
          <cell r="AL614" t="str">
            <v>土木一式</v>
          </cell>
          <cell r="AM614" t="str">
            <v>一般</v>
          </cell>
          <cell r="AN614">
            <v>842</v>
          </cell>
          <cell r="AO614">
            <v>300606</v>
          </cell>
          <cell r="AP614" t="str">
            <v>1(1)/1/1</v>
          </cell>
          <cell r="AQ614" t="str">
            <v>鋼構造物</v>
          </cell>
          <cell r="AR614" t="str">
            <v>一般</v>
          </cell>
          <cell r="AS614">
            <v>582</v>
          </cell>
          <cell r="AT614">
            <v>22831</v>
          </cell>
          <cell r="AU614" t="str">
            <v>0(0)/1/1</v>
          </cell>
          <cell r="AV614" t="str">
            <v>とび土工</v>
          </cell>
          <cell r="AW614" t="str">
            <v>一般</v>
          </cell>
          <cell r="AX614">
            <v>425</v>
          </cell>
          <cell r="AY614">
            <v>2146</v>
          </cell>
          <cell r="AZ614" t="str">
            <v>1(1)/0/0</v>
          </cell>
          <cell r="BA614" t="str">
            <v>兵庫県</v>
          </cell>
          <cell r="BB614">
            <v>0</v>
          </cell>
          <cell r="CR614">
            <v>5433</v>
          </cell>
          <cell r="CS614" t="str">
            <v>ｻｶﾓﾄ ﾏｻﾉﾘ</v>
          </cell>
          <cell r="CT614" t="str">
            <v>坂本  正則</v>
          </cell>
          <cell r="CU614" t="str">
            <v>管財課</v>
          </cell>
          <cell r="CW614">
            <v>2454</v>
          </cell>
          <cell r="CX614" t="str">
            <v xml:space="preserve"> </v>
          </cell>
          <cell r="CY614" t="str">
            <v>管財課長</v>
          </cell>
        </row>
        <row r="615">
          <cell r="B615">
            <v>2959</v>
          </cell>
          <cell r="C615" t="str">
            <v>新日本工業(株)</v>
          </cell>
          <cell r="D615" t="str">
            <v>06-6195-5481</v>
          </cell>
          <cell r="E615" t="str">
            <v>532-0011</v>
          </cell>
          <cell r="F615" t="str">
            <v>大阪府大阪市淀川区西中島4丁目2-8</v>
          </cell>
          <cell r="G615" t="str">
            <v>名古屋市</v>
          </cell>
          <cell r="H615" t="str">
            <v>大阪営業所</v>
          </cell>
          <cell r="I615" t="str">
            <v>所長 脇田　一美</v>
          </cell>
          <cell r="J615" t="str">
            <v>愛知県名古屋市</v>
          </cell>
          <cell r="K615" t="str">
            <v>06-6195-5485</v>
          </cell>
          <cell r="L615" t="str">
            <v>shinnihon-kogyo@tiara.ocn.ne.jp</v>
          </cell>
          <cell r="M615" t="str">
            <v>ｼﾝﾆﾎﾝｺｳｷﾞｮｳ</v>
          </cell>
          <cell r="N615" t="str">
            <v>有</v>
          </cell>
          <cell r="O615">
            <v>13</v>
          </cell>
          <cell r="P615">
            <v>50</v>
          </cell>
          <cell r="Q615">
            <v>1180001058762</v>
          </cell>
          <cell r="R615">
            <v>80000</v>
          </cell>
          <cell r="S615">
            <v>492904</v>
          </cell>
          <cell r="T615">
            <v>1065605</v>
          </cell>
          <cell r="V615" t="str">
            <v>kw823418</v>
          </cell>
          <cell r="W615" t="str">
            <v>mr532835</v>
          </cell>
          <cell r="X615" t="str">
            <v>管(清)(と)(管)(鋼)(舗)(塗)(水)土と鋼舗塗水</v>
          </cell>
          <cell r="Y615" t="str">
            <v>管(清)(と)(管)(鋼)(舗)(塗)(水)</v>
          </cell>
          <cell r="Z615" t="str">
            <v>土と鋼舗塗水</v>
          </cell>
          <cell r="AA615" t="str">
            <v>水道施設</v>
          </cell>
          <cell r="AB615" t="str">
            <v>鋼構造物</v>
          </cell>
          <cell r="AC615" t="str">
            <v>管</v>
          </cell>
          <cell r="AD615" t="str">
            <v/>
          </cell>
          <cell r="AE615">
            <v>43190</v>
          </cell>
          <cell r="AF615" t="str">
            <v>希望しない</v>
          </cell>
          <cell r="AG615" t="str">
            <v>水道施設</v>
          </cell>
          <cell r="AH615" t="str">
            <v>特定</v>
          </cell>
          <cell r="AI615">
            <v>852</v>
          </cell>
          <cell r="AJ615">
            <v>102934</v>
          </cell>
          <cell r="AK615" t="str">
            <v>14(14)/5/3</v>
          </cell>
          <cell r="AL615" t="str">
            <v>鋼構造物</v>
          </cell>
          <cell r="AM615" t="str">
            <v>特定</v>
          </cell>
          <cell r="AN615">
            <v>926</v>
          </cell>
          <cell r="AO615">
            <v>707242</v>
          </cell>
          <cell r="AP615" t="str">
            <v>14(14)/5/4</v>
          </cell>
          <cell r="AQ615" t="str">
            <v>管</v>
          </cell>
          <cell r="AR615" t="str">
            <v>一般</v>
          </cell>
          <cell r="AS615">
            <v>679</v>
          </cell>
          <cell r="AT615">
            <v>16255</v>
          </cell>
          <cell r="AU615" t="str">
            <v>0(0)/0/0</v>
          </cell>
          <cell r="AV615" t="str">
            <v/>
          </cell>
          <cell r="AW615" t="str">
            <v/>
          </cell>
          <cell r="AX615" t="str">
            <v/>
          </cell>
          <cell r="AY615" t="str">
            <v/>
          </cell>
          <cell r="AZ615" t="str">
            <v/>
          </cell>
          <cell r="BA615" t="str">
            <v>愛知県</v>
          </cell>
          <cell r="BB615">
            <v>0</v>
          </cell>
          <cell r="CR615">
            <v>5434</v>
          </cell>
          <cell r="CS615" t="str">
            <v>ｵｵﾉ ﾖｼﾌﾐ</v>
          </cell>
          <cell r="CT615" t="str">
            <v>大野  喜史</v>
          </cell>
          <cell r="CU615" t="str">
            <v>生活環境課</v>
          </cell>
          <cell r="CW615">
            <v>4198</v>
          </cell>
          <cell r="CX615" t="str">
            <v>主査</v>
          </cell>
          <cell r="CY615" t="str">
            <v>生活環境課長</v>
          </cell>
        </row>
        <row r="616">
          <cell r="B616">
            <v>2960</v>
          </cell>
          <cell r="C616" t="str">
            <v>ＪＦＥプラントエンジ(株)</v>
          </cell>
          <cell r="D616" t="str">
            <v>078-251-9940</v>
          </cell>
          <cell r="E616" t="str">
            <v>651-0083</v>
          </cell>
          <cell r="F616" t="str">
            <v>兵庫県神戸市中央区浜辺通5-1-14</v>
          </cell>
          <cell r="G616" t="str">
            <v/>
          </cell>
          <cell r="H616" t="str">
            <v>関西営業所</v>
          </cell>
          <cell r="I616" t="str">
            <v>所長 阿久津　太一</v>
          </cell>
          <cell r="J616" t="str">
            <v>東京都</v>
          </cell>
          <cell r="K616" t="str">
            <v>078-251-3394</v>
          </cell>
          <cell r="L616" t="str">
            <v>jfe-pe_kansai@jfe-planteng.co.jp</v>
          </cell>
          <cell r="M616" t="str">
            <v>ｼﾞｪｲｴﾌｲｰﾌﾟﾗﾝﾄｴﾝｼﾞ</v>
          </cell>
          <cell r="N616" t="str">
            <v>有</v>
          </cell>
          <cell r="O616">
            <v>58</v>
          </cell>
          <cell r="P616">
            <v>4007</v>
          </cell>
          <cell r="Q616">
            <v>6010501018807</v>
          </cell>
          <cell r="R616">
            <v>1700000</v>
          </cell>
          <cell r="S616">
            <v>39240000</v>
          </cell>
          <cell r="T616">
            <v>174651000</v>
          </cell>
          <cell r="V616" t="str">
            <v>nj316218</v>
          </cell>
          <cell r="W616" t="str">
            <v>ws272286</v>
          </cell>
          <cell r="X616" t="str">
            <v>消(清)(と)(電)(鋼)(塗)(機)(消)土建と電管鋼塗防機熱通水</v>
          </cell>
          <cell r="Y616" t="str">
            <v>消(清)(と)(電)(鋼)(塗)(機)(消)</v>
          </cell>
          <cell r="Z616" t="str">
            <v>土建と電管鋼塗防機熱通水</v>
          </cell>
          <cell r="AA616" t="str">
            <v>電気</v>
          </cell>
          <cell r="AB616" t="str">
            <v/>
          </cell>
          <cell r="AC616" t="str">
            <v/>
          </cell>
          <cell r="AD616" t="str">
            <v/>
          </cell>
          <cell r="AE616">
            <v>43190</v>
          </cell>
          <cell r="AF616" t="str">
            <v>希望しない</v>
          </cell>
          <cell r="AG616" t="str">
            <v>電気</v>
          </cell>
          <cell r="AH616" t="str">
            <v>特定</v>
          </cell>
          <cell r="AI616">
            <v>1628</v>
          </cell>
          <cell r="AJ616">
            <v>31523675</v>
          </cell>
          <cell r="AK616" t="str">
            <v>389(217)/146/176</v>
          </cell>
          <cell r="AL616" t="str">
            <v/>
          </cell>
          <cell r="AM616" t="str">
            <v/>
          </cell>
          <cell r="AN616" t="str">
            <v/>
          </cell>
          <cell r="AO616" t="str">
            <v/>
          </cell>
          <cell r="AP616" t="str">
            <v/>
          </cell>
          <cell r="AQ616" t="str">
            <v/>
          </cell>
          <cell r="AR616" t="str">
            <v/>
          </cell>
          <cell r="AS616" t="str">
            <v/>
          </cell>
          <cell r="AT616" t="str">
            <v/>
          </cell>
          <cell r="AU616" t="str">
            <v/>
          </cell>
          <cell r="AV616" t="str">
            <v/>
          </cell>
          <cell r="AW616" t="str">
            <v/>
          </cell>
          <cell r="AX616" t="str">
            <v/>
          </cell>
          <cell r="AY616" t="str">
            <v/>
          </cell>
          <cell r="AZ616" t="str">
            <v/>
          </cell>
          <cell r="BA616" t="str">
            <v>東京都</v>
          </cell>
          <cell r="BB616">
            <v>0</v>
          </cell>
          <cell r="CR616">
            <v>5435</v>
          </cell>
          <cell r="CS616" t="str">
            <v>ｵｶﾀﾞ ﾅｵﾄ</v>
          </cell>
          <cell r="CT616" t="str">
            <v>岡田  直人</v>
          </cell>
          <cell r="CU616" t="str">
            <v>業務課</v>
          </cell>
          <cell r="CW616" t="str">
            <v xml:space="preserve"> </v>
          </cell>
          <cell r="CX616" t="str">
            <v xml:space="preserve"> </v>
          </cell>
          <cell r="CY616" t="str">
            <v>業務課長</v>
          </cell>
        </row>
        <row r="617">
          <cell r="B617">
            <v>2963</v>
          </cell>
          <cell r="C617" t="str">
            <v>(株)ＳＩＣ</v>
          </cell>
          <cell r="D617" t="str">
            <v>079-423-0358</v>
          </cell>
          <cell r="E617" t="str">
            <v>675-0032</v>
          </cell>
          <cell r="F617" t="str">
            <v>兵庫県加古川市加古川町備後335番地</v>
          </cell>
          <cell r="G617" t="str">
            <v>加古川市</v>
          </cell>
          <cell r="H617" t="str">
            <v/>
          </cell>
          <cell r="I617" t="str">
            <v>代表取締役 芝本　忠雄</v>
          </cell>
          <cell r="J617" t="str">
            <v>本店</v>
          </cell>
          <cell r="K617" t="str">
            <v>079-423-0378</v>
          </cell>
          <cell r="L617" t="str">
            <v>info@shibasan.co.jp</v>
          </cell>
          <cell r="M617" t="str">
            <v>ｴｽｱｲｼｰ</v>
          </cell>
          <cell r="N617" t="str">
            <v>無</v>
          </cell>
          <cell r="O617">
            <v>53</v>
          </cell>
          <cell r="P617">
            <v>68</v>
          </cell>
          <cell r="Q617">
            <v>8140001042945</v>
          </cell>
          <cell r="R617">
            <v>50000</v>
          </cell>
          <cell r="S617">
            <v>100076</v>
          </cell>
          <cell r="T617">
            <v>1105023</v>
          </cell>
          <cell r="V617" t="str">
            <v>hp135501</v>
          </cell>
          <cell r="W617" t="str">
            <v>er179471</v>
          </cell>
          <cell r="X617" t="str">
            <v>土建と石管鋼舗浚機水</v>
          </cell>
          <cell r="Y617" t="str">
            <v>土建と石管鋼舗浚機水</v>
          </cell>
          <cell r="Z617" t="str">
            <v/>
          </cell>
          <cell r="AA617" t="str">
            <v>土木一式</v>
          </cell>
          <cell r="AB617" t="str">
            <v>浚渫</v>
          </cell>
          <cell r="AC617" t="str">
            <v>機械器具</v>
          </cell>
          <cell r="AD617" t="str">
            <v>管</v>
          </cell>
          <cell r="AE617">
            <v>43008</v>
          </cell>
          <cell r="AF617" t="str">
            <v>希望する</v>
          </cell>
          <cell r="AG617" t="str">
            <v>土木一式</v>
          </cell>
          <cell r="AH617" t="str">
            <v>一般</v>
          </cell>
          <cell r="AI617">
            <v>760</v>
          </cell>
          <cell r="AJ617">
            <v>99173</v>
          </cell>
          <cell r="AK617" t="str">
            <v>1(1)/5/3</v>
          </cell>
          <cell r="AL617" t="str">
            <v>浚渫</v>
          </cell>
          <cell r="AM617" t="str">
            <v>一般</v>
          </cell>
          <cell r="AN617">
            <v>678</v>
          </cell>
          <cell r="AO617">
            <v>8937</v>
          </cell>
          <cell r="AP617" t="str">
            <v>1(1)/1/2</v>
          </cell>
          <cell r="AQ617" t="str">
            <v>機械器具</v>
          </cell>
          <cell r="AR617" t="str">
            <v>一般</v>
          </cell>
          <cell r="AS617">
            <v>713</v>
          </cell>
          <cell r="AT617">
            <v>60021</v>
          </cell>
          <cell r="AU617" t="str">
            <v>0(0)/0/7</v>
          </cell>
          <cell r="AV617" t="str">
            <v>管</v>
          </cell>
          <cell r="AW617" t="str">
            <v>一般</v>
          </cell>
          <cell r="AX617">
            <v>760</v>
          </cell>
          <cell r="AY617">
            <v>116421</v>
          </cell>
          <cell r="AZ617" t="str">
            <v>0(6)/0/6</v>
          </cell>
          <cell r="BA617" t="str">
            <v>兵庫県</v>
          </cell>
          <cell r="BB617">
            <v>0</v>
          </cell>
          <cell r="CR617">
            <v>5436</v>
          </cell>
          <cell r="CS617" t="str">
            <v>ｵｷﾞｻｺ ﾀﾂﾔ</v>
          </cell>
          <cell r="CT617" t="str">
            <v>荻迫  竜也</v>
          </cell>
          <cell r="CU617" t="str">
            <v>浄水課</v>
          </cell>
          <cell r="CW617" t="str">
            <v xml:space="preserve"> </v>
          </cell>
          <cell r="CX617" t="str">
            <v xml:space="preserve"> </v>
          </cell>
          <cell r="CY617" t="str">
            <v>浄水課長</v>
          </cell>
        </row>
        <row r="618">
          <cell r="B618">
            <v>2966</v>
          </cell>
          <cell r="C618" t="str">
            <v>シチズンＴＩＣ(株)</v>
          </cell>
          <cell r="D618" t="str">
            <v>06-6961-8663</v>
          </cell>
          <cell r="E618" t="str">
            <v>536-0023</v>
          </cell>
          <cell r="F618" t="str">
            <v>大阪府大阪市城東区東中浜8-3-20</v>
          </cell>
          <cell r="G618" t="str">
            <v>小金井市</v>
          </cell>
          <cell r="H618" t="str">
            <v>大阪支店</v>
          </cell>
          <cell r="I618" t="str">
            <v>支店長 三田　幸男</v>
          </cell>
          <cell r="J618" t="str">
            <v>東京都小金井市</v>
          </cell>
          <cell r="K618" t="str">
            <v>06-6961-8680</v>
          </cell>
          <cell r="L618" t="str">
            <v>takedare@citizen.co.jp</v>
          </cell>
          <cell r="M618" t="str">
            <v>ｼﾁｽﾞﾝﾃｲｱｲｼｲ</v>
          </cell>
          <cell r="N618" t="str">
            <v>有</v>
          </cell>
          <cell r="O618">
            <v>54</v>
          </cell>
          <cell r="P618">
            <v>155</v>
          </cell>
          <cell r="Q618">
            <v>8012401005081</v>
          </cell>
          <cell r="R618">
            <v>100000</v>
          </cell>
          <cell r="S618">
            <v>1945642</v>
          </cell>
          <cell r="T618">
            <v>3049089</v>
          </cell>
          <cell r="V618" t="str">
            <v>mk873629</v>
          </cell>
          <cell r="W618" t="str">
            <v>kw823418</v>
          </cell>
          <cell r="X618" t="str">
            <v>通電</v>
          </cell>
          <cell r="Y618" t="str">
            <v>通</v>
          </cell>
          <cell r="Z618" t="str">
            <v>電</v>
          </cell>
          <cell r="AA618" t="str">
            <v>電気通信</v>
          </cell>
          <cell r="AB618" t="str">
            <v>電気</v>
          </cell>
          <cell r="AC618" t="str">
            <v/>
          </cell>
          <cell r="AD618" t="str">
            <v/>
          </cell>
          <cell r="AE618">
            <v>43190</v>
          </cell>
          <cell r="AF618" t="str">
            <v>希望しない</v>
          </cell>
          <cell r="AG618" t="str">
            <v>電気通信</v>
          </cell>
          <cell r="AH618" t="str">
            <v>一般</v>
          </cell>
          <cell r="AI618">
            <v>920</v>
          </cell>
          <cell r="AJ618">
            <v>525137</v>
          </cell>
          <cell r="AK618" t="str">
            <v>0(0)/0/27</v>
          </cell>
          <cell r="AL618" t="str">
            <v>電気</v>
          </cell>
          <cell r="AM618" t="str">
            <v>特定</v>
          </cell>
          <cell r="AN618">
            <v>883</v>
          </cell>
          <cell r="AO618">
            <v>43689</v>
          </cell>
          <cell r="AP618" t="str">
            <v>11(10)/9/2</v>
          </cell>
          <cell r="AQ618" t="str">
            <v/>
          </cell>
          <cell r="AR618" t="str">
            <v/>
          </cell>
          <cell r="AS618" t="str">
            <v/>
          </cell>
          <cell r="AT618" t="str">
            <v/>
          </cell>
          <cell r="AU618" t="str">
            <v/>
          </cell>
          <cell r="AV618" t="str">
            <v/>
          </cell>
          <cell r="AW618" t="str">
            <v/>
          </cell>
          <cell r="AX618" t="str">
            <v/>
          </cell>
          <cell r="AY618" t="str">
            <v/>
          </cell>
          <cell r="AZ618" t="str">
            <v/>
          </cell>
          <cell r="BA618" t="str">
            <v>東京都</v>
          </cell>
          <cell r="BB618">
            <v>0</v>
          </cell>
          <cell r="CR618">
            <v>5437</v>
          </cell>
          <cell r="CS618" t="str">
            <v>ｼﾊﾞﾀ ﾖｼﾋｻ</v>
          </cell>
          <cell r="CT618" t="str">
            <v>芝田  祥久</v>
          </cell>
          <cell r="CU618" t="str">
            <v>業務課</v>
          </cell>
          <cell r="CW618" t="str">
            <v xml:space="preserve"> </v>
          </cell>
          <cell r="CX618" t="str">
            <v xml:space="preserve"> </v>
          </cell>
          <cell r="CY618" t="str">
            <v>業務課長</v>
          </cell>
        </row>
        <row r="619">
          <cell r="B619">
            <v>2968</v>
          </cell>
          <cell r="C619" t="str">
            <v>神工建設(株)</v>
          </cell>
          <cell r="D619" t="str">
            <v>078-271-8181</v>
          </cell>
          <cell r="E619" t="str">
            <v>651-0084</v>
          </cell>
          <cell r="F619" t="str">
            <v>兵庫県神戸市中央区磯辺通2-1-1 ﾌﾚｲﾗﾝｽ磯辺2階</v>
          </cell>
          <cell r="G619" t="str">
            <v>神戸市</v>
          </cell>
          <cell r="H619" t="str">
            <v/>
          </cell>
          <cell r="I619" t="str">
            <v>代表取締役　 坂川　繁信</v>
          </cell>
          <cell r="J619" t="str">
            <v>本店</v>
          </cell>
          <cell r="K619" t="str">
            <v>078-272-1113</v>
          </cell>
          <cell r="L619" t="str">
            <v>shinko_shomu@yahoo.co.jp</v>
          </cell>
          <cell r="M619" t="str">
            <v>ｼﾝｺｳｹﾝｾﾂ</v>
          </cell>
          <cell r="N619" t="str">
            <v>無</v>
          </cell>
          <cell r="O619">
            <v>23</v>
          </cell>
          <cell r="P619">
            <v>14</v>
          </cell>
          <cell r="Q619">
            <v>3140000000000</v>
          </cell>
          <cell r="R619">
            <v>5500</v>
          </cell>
          <cell r="S619">
            <v>577</v>
          </cell>
          <cell r="T619">
            <v>244</v>
          </cell>
          <cell r="V619" t="str">
            <v>dq220684</v>
          </cell>
          <cell r="W619" t="str">
            <v>fc429225</v>
          </cell>
          <cell r="X619" t="str">
            <v>通電</v>
          </cell>
          <cell r="Y619" t="str">
            <v>通</v>
          </cell>
          <cell r="Z619" t="str">
            <v>電</v>
          </cell>
          <cell r="AA619" t="str">
            <v>建築一式</v>
          </cell>
          <cell r="AB619" t="str">
            <v/>
          </cell>
          <cell r="AC619" t="str">
            <v/>
          </cell>
          <cell r="AD619" t="str">
            <v/>
          </cell>
          <cell r="AE619">
            <v>43063</v>
          </cell>
          <cell r="AF619" t="str">
            <v>希望しない</v>
          </cell>
          <cell r="AG619" t="str">
            <v>建築一式</v>
          </cell>
          <cell r="AH619" t="str">
            <v>特定</v>
          </cell>
          <cell r="AI619">
            <v>902</v>
          </cell>
          <cell r="AJ619">
            <v>2141716</v>
          </cell>
          <cell r="AK619" t="str">
            <v>5()/2/</v>
          </cell>
          <cell r="AL619" t="str">
            <v/>
          </cell>
          <cell r="AM619" t="str">
            <v/>
          </cell>
          <cell r="AN619" t="str">
            <v/>
          </cell>
          <cell r="AO619" t="str">
            <v/>
          </cell>
          <cell r="AP619" t="str">
            <v/>
          </cell>
          <cell r="AQ619" t="str">
            <v/>
          </cell>
          <cell r="AR619" t="str">
            <v/>
          </cell>
          <cell r="AS619" t="str">
            <v/>
          </cell>
          <cell r="AT619" t="str">
            <v/>
          </cell>
          <cell r="AU619" t="str">
            <v/>
          </cell>
          <cell r="AV619" t="str">
            <v/>
          </cell>
          <cell r="AW619" t="str">
            <v/>
          </cell>
          <cell r="AX619" t="str">
            <v/>
          </cell>
          <cell r="AY619" t="str">
            <v/>
          </cell>
          <cell r="AZ619" t="str">
            <v/>
          </cell>
          <cell r="BA619" t="str">
            <v>兵庫県</v>
          </cell>
          <cell r="BB619">
            <v>0</v>
          </cell>
          <cell r="CR619">
            <v>5438</v>
          </cell>
          <cell r="CS619" t="str">
            <v>ﾅｶﾆｼ ｼﾝｼﾞ</v>
          </cell>
          <cell r="CT619" t="str">
            <v>中西  慎二</v>
          </cell>
          <cell r="CU619" t="str">
            <v>管財課</v>
          </cell>
          <cell r="CW619">
            <v>2442</v>
          </cell>
          <cell r="CX619" t="str">
            <v>主査</v>
          </cell>
          <cell r="CY619" t="str">
            <v>管財課長</v>
          </cell>
        </row>
        <row r="620">
          <cell r="B620">
            <v>2969</v>
          </cell>
          <cell r="C620" t="str">
            <v>吉宝建設(株)</v>
          </cell>
          <cell r="D620" t="str">
            <v>078-333-7840</v>
          </cell>
          <cell r="E620" t="str">
            <v>650-0022</v>
          </cell>
          <cell r="F620" t="str">
            <v>兵庫県神戸市中央区元町通1-14-2</v>
          </cell>
          <cell r="G620" t="str">
            <v>大阪市</v>
          </cell>
          <cell r="H620" t="str">
            <v>兵庫支店</v>
          </cell>
          <cell r="I620" t="str">
            <v>支店長 細川　淳宏</v>
          </cell>
          <cell r="J620" t="str">
            <v>大阪府大阪市</v>
          </cell>
          <cell r="K620" t="str">
            <v>050-3737-4678</v>
          </cell>
          <cell r="L620" t="str">
            <v>kippou@snow.ocn.ne.jp</v>
          </cell>
          <cell r="M620" t="str">
            <v>ｷｯﾎﾟｳｹﾝｾﾂ</v>
          </cell>
          <cell r="N620" t="str">
            <v>有</v>
          </cell>
          <cell r="O620">
            <v>17</v>
          </cell>
          <cell r="P620">
            <v>16</v>
          </cell>
          <cell r="Q620">
            <v>8120001003750</v>
          </cell>
          <cell r="R620">
            <v>50000</v>
          </cell>
          <cell r="S620">
            <v>194020</v>
          </cell>
          <cell r="T620">
            <v>1262234</v>
          </cell>
          <cell r="V620" t="str">
            <v>ks235175</v>
          </cell>
          <cell r="W620" t="str">
            <v>gx313196</v>
          </cell>
          <cell r="X620" t="str">
            <v>(清)(建)(と)(舗)土建と舗解</v>
          </cell>
          <cell r="Y620" t="str">
            <v>(清)(建)(と)(舗)</v>
          </cell>
          <cell r="Z620" t="str">
            <v>土建と舗解</v>
          </cell>
          <cell r="AA620" t="str">
            <v>土木一式</v>
          </cell>
          <cell r="AB620" t="str">
            <v>建築一式</v>
          </cell>
          <cell r="AC620" t="str">
            <v>舗装</v>
          </cell>
          <cell r="AD620" t="str">
            <v/>
          </cell>
          <cell r="AE620" t="str">
            <v>H30. 9.1</v>
          </cell>
          <cell r="AF620" t="str">
            <v/>
          </cell>
          <cell r="AG620" t="str">
            <v>土木一式</v>
          </cell>
          <cell r="AH620" t="str">
            <v>特定</v>
          </cell>
          <cell r="AI620">
            <v>692</v>
          </cell>
          <cell r="AJ620">
            <v>30332</v>
          </cell>
          <cell r="AK620" t="str">
            <v>7（6）/2/0</v>
          </cell>
          <cell r="AL620" t="str">
            <v>建築一式</v>
          </cell>
          <cell r="AM620" t="str">
            <v>特定</v>
          </cell>
          <cell r="AN620">
            <v>793</v>
          </cell>
          <cell r="AO620">
            <v>645485</v>
          </cell>
          <cell r="AP620" t="str">
            <v>6(6)/3/0</v>
          </cell>
          <cell r="AQ620" t="str">
            <v>舗装</v>
          </cell>
          <cell r="AR620" t="str">
            <v>特</v>
          </cell>
          <cell r="AS620">
            <v>698</v>
          </cell>
          <cell r="AT620">
            <v>89490</v>
          </cell>
          <cell r="AU620" t="str">
            <v/>
          </cell>
          <cell r="AV620" t="str">
            <v/>
          </cell>
          <cell r="AW620" t="str">
            <v/>
          </cell>
          <cell r="AX620" t="str">
            <v/>
          </cell>
          <cell r="AY620" t="str">
            <v/>
          </cell>
          <cell r="AZ620" t="str">
            <v/>
          </cell>
          <cell r="BA620" t="str">
            <v>大阪府</v>
          </cell>
          <cell r="BB620">
            <v>0</v>
          </cell>
          <cell r="CR620">
            <v>5439</v>
          </cell>
          <cell r="CS620" t="str">
            <v>ﾏｴﾀﾞ ﾄｵﾙ</v>
          </cell>
          <cell r="CT620" t="str">
            <v>前田  徹</v>
          </cell>
          <cell r="CU620" t="str">
            <v>管財課</v>
          </cell>
          <cell r="CW620">
            <v>4833</v>
          </cell>
          <cell r="CX620" t="str">
            <v>業務主任</v>
          </cell>
          <cell r="CY620" t="str">
            <v>管財課長</v>
          </cell>
        </row>
        <row r="621">
          <cell r="B621">
            <v>2970</v>
          </cell>
          <cell r="C621" t="str">
            <v>新日本管工(株)</v>
          </cell>
          <cell r="D621" t="str">
            <v>06-6574-1048</v>
          </cell>
          <cell r="E621" t="str">
            <v>552-0016</v>
          </cell>
          <cell r="F621" t="str">
            <v>大阪府大阪市港区三先1-8-19</v>
          </cell>
          <cell r="G621" t="str">
            <v>大阪市</v>
          </cell>
          <cell r="H621" t="str">
            <v/>
          </cell>
          <cell r="I621" t="str">
            <v>代表取締役 佐光　三千男</v>
          </cell>
          <cell r="J621" t="str">
            <v>本店</v>
          </cell>
          <cell r="K621" t="str">
            <v>06-6574-4487</v>
          </cell>
          <cell r="L621" t="str">
            <v>kankosin@zeus.eonet.ne.jp</v>
          </cell>
          <cell r="M621" t="str">
            <v>ｼﾝﾆﾎﾝｶﾝｺｳ</v>
          </cell>
          <cell r="N621" t="str">
            <v>無</v>
          </cell>
          <cell r="O621">
            <v>25</v>
          </cell>
          <cell r="P621">
            <v>5</v>
          </cell>
          <cell r="Q621">
            <v>4120001029147</v>
          </cell>
          <cell r="R621">
            <v>10000</v>
          </cell>
          <cell r="S621">
            <v>62575</v>
          </cell>
          <cell r="T621">
            <v>176725</v>
          </cell>
          <cell r="V621" t="str">
            <v>ms987263</v>
          </cell>
          <cell r="W621" t="str">
            <v>gj626393</v>
          </cell>
          <cell r="X621" t="str">
            <v>管機水</v>
          </cell>
          <cell r="Y621" t="str">
            <v>管機水</v>
          </cell>
          <cell r="Z621" t="str">
            <v/>
          </cell>
          <cell r="AA621" t="str">
            <v>機械器具</v>
          </cell>
          <cell r="AB621" t="str">
            <v>水道施設</v>
          </cell>
          <cell r="AC621" t="str">
            <v>管</v>
          </cell>
          <cell r="AD621" t="str">
            <v/>
          </cell>
          <cell r="AE621">
            <v>43524</v>
          </cell>
          <cell r="AF621" t="str">
            <v>希望しない</v>
          </cell>
          <cell r="AG621" t="str">
            <v>機械器具</v>
          </cell>
          <cell r="AH621" t="str">
            <v>一般</v>
          </cell>
          <cell r="AI621">
            <v>679</v>
          </cell>
          <cell r="AJ621">
            <v>159630</v>
          </cell>
          <cell r="AK621" t="str">
            <v>0(0)/0/3</v>
          </cell>
          <cell r="AL621" t="str">
            <v>水道施設</v>
          </cell>
          <cell r="AM621" t="str">
            <v>一般</v>
          </cell>
          <cell r="AN621">
            <v>637</v>
          </cell>
          <cell r="AO621">
            <v>12605</v>
          </cell>
          <cell r="AP621" t="str">
            <v>1(1)/1/0</v>
          </cell>
          <cell r="AQ621" t="str">
            <v>管</v>
          </cell>
          <cell r="AR621" t="str">
            <v>一般</v>
          </cell>
          <cell r="AS621">
            <v>634</v>
          </cell>
          <cell r="AT621">
            <v>26124</v>
          </cell>
          <cell r="AU621" t="str">
            <v>0(0)/1/0</v>
          </cell>
          <cell r="AV621" t="str">
            <v/>
          </cell>
          <cell r="AW621" t="str">
            <v/>
          </cell>
          <cell r="AX621" t="str">
            <v/>
          </cell>
          <cell r="AY621" t="str">
            <v/>
          </cell>
          <cell r="AZ621" t="str">
            <v/>
          </cell>
          <cell r="BA621" t="str">
            <v>大阪府</v>
          </cell>
        </row>
        <row r="622">
          <cell r="B622">
            <v>2971</v>
          </cell>
          <cell r="C622" t="str">
            <v>(株)しんこう</v>
          </cell>
          <cell r="D622" t="str">
            <v>0798-37-1333</v>
          </cell>
          <cell r="E622" t="str">
            <v>662-0856</v>
          </cell>
          <cell r="F622" t="str">
            <v>兵庫県西宮市城ヶ堀町2-22</v>
          </cell>
          <cell r="G622" t="str">
            <v>西宮市</v>
          </cell>
          <cell r="H622" t="str">
            <v/>
          </cell>
          <cell r="I622" t="str">
            <v>代表取締役 竹内　秀夫</v>
          </cell>
          <cell r="J622" t="str">
            <v>本店</v>
          </cell>
          <cell r="K622" t="str">
            <v>0798-37-1334</v>
          </cell>
          <cell r="L622" t="str">
            <v>takeuchi@shinko-ht.co.jp</v>
          </cell>
          <cell r="M622" t="str">
            <v>ｼﾝｺｳ</v>
          </cell>
          <cell r="N622" t="str">
            <v>無</v>
          </cell>
          <cell r="O622">
            <v>22</v>
          </cell>
          <cell r="P622">
            <v>7</v>
          </cell>
          <cell r="Q622">
            <v>8140001068981</v>
          </cell>
          <cell r="R622">
            <v>20000</v>
          </cell>
          <cell r="S622">
            <v>75832</v>
          </cell>
          <cell r="T622">
            <v>241679</v>
          </cell>
          <cell r="V622" t="str">
            <v>sz814438</v>
          </cell>
          <cell r="W622" t="str">
            <v>yn850697</v>
          </cell>
          <cell r="X622" t="str">
            <v>電</v>
          </cell>
          <cell r="Y622" t="str">
            <v/>
          </cell>
          <cell r="Z622" t="str">
            <v>電</v>
          </cell>
          <cell r="AA622" t="str">
            <v>電気</v>
          </cell>
          <cell r="AB622" t="str">
            <v/>
          </cell>
          <cell r="AC622" t="str">
            <v/>
          </cell>
          <cell r="AD622" t="str">
            <v/>
          </cell>
          <cell r="AE622">
            <v>43220</v>
          </cell>
          <cell r="AF622" t="str">
            <v>希望しない</v>
          </cell>
          <cell r="AG622" t="str">
            <v>電気</v>
          </cell>
          <cell r="AH622" t="str">
            <v>特定</v>
          </cell>
          <cell r="AI622">
            <v>858</v>
          </cell>
          <cell r="AJ622">
            <v>241679</v>
          </cell>
          <cell r="AK622" t="str">
            <v>5(5)/2/0</v>
          </cell>
          <cell r="AL622" t="str">
            <v/>
          </cell>
          <cell r="AM622" t="str">
            <v/>
          </cell>
          <cell r="AN622" t="str">
            <v/>
          </cell>
          <cell r="AO622" t="str">
            <v/>
          </cell>
          <cell r="AP622" t="str">
            <v/>
          </cell>
          <cell r="AQ622" t="str">
            <v/>
          </cell>
          <cell r="AR622" t="str">
            <v/>
          </cell>
          <cell r="AS622" t="str">
            <v/>
          </cell>
          <cell r="AT622" t="str">
            <v/>
          </cell>
          <cell r="AU622" t="str">
            <v/>
          </cell>
          <cell r="AV622" t="str">
            <v/>
          </cell>
          <cell r="AW622" t="str">
            <v/>
          </cell>
          <cell r="AX622" t="str">
            <v/>
          </cell>
          <cell r="AY622" t="str">
            <v/>
          </cell>
          <cell r="AZ622" t="str">
            <v/>
          </cell>
          <cell r="BA622" t="str">
            <v>兵庫県</v>
          </cell>
          <cell r="BB622">
            <v>0</v>
          </cell>
          <cell r="CR622">
            <v>5440</v>
          </cell>
          <cell r="CS622" t="str">
            <v>ﾓﾘｼﾀ ｶｽﾞｵ</v>
          </cell>
          <cell r="CT622" t="str">
            <v>森下  一夫</v>
          </cell>
          <cell r="CU622" t="str">
            <v>業務課</v>
          </cell>
          <cell r="CW622" t="str">
            <v xml:space="preserve"> </v>
          </cell>
          <cell r="CX622" t="str">
            <v>業務主任</v>
          </cell>
          <cell r="CY622" t="str">
            <v>業務課長</v>
          </cell>
        </row>
        <row r="623">
          <cell r="B623">
            <v>2972</v>
          </cell>
          <cell r="C623" t="str">
            <v>(株)シマ</v>
          </cell>
          <cell r="D623" t="str">
            <v>06-6634-3111</v>
          </cell>
          <cell r="E623" t="str">
            <v>556-0011</v>
          </cell>
          <cell r="F623" t="str">
            <v>大阪府大阪市浪速区難波中1-13-8</v>
          </cell>
          <cell r="G623" t="str">
            <v>大阪市</v>
          </cell>
          <cell r="H623" t="str">
            <v/>
          </cell>
          <cell r="I623" t="str">
            <v>代表取締役 高山　雅和</v>
          </cell>
          <cell r="J623" t="str">
            <v>本店</v>
          </cell>
          <cell r="K623" t="str">
            <v>06-6634-3120</v>
          </cell>
          <cell r="L623" t="str">
            <v>nyusatu@shima-ken.co.jp</v>
          </cell>
          <cell r="M623" t="str">
            <v>ｼﾏ</v>
          </cell>
          <cell r="N623" t="str">
            <v>無</v>
          </cell>
          <cell r="O623">
            <v>47</v>
          </cell>
          <cell r="P623">
            <v>77</v>
          </cell>
          <cell r="Q623">
            <v>3120001001940</v>
          </cell>
          <cell r="R623">
            <v>98000</v>
          </cell>
          <cell r="S623">
            <v>463858</v>
          </cell>
          <cell r="T623">
            <v>5918224</v>
          </cell>
          <cell r="V623" t="str">
            <v>us989457</v>
          </cell>
          <cell r="W623" t="str">
            <v>jt368308</v>
          </cell>
          <cell r="X623" t="str">
            <v>土建大と石屋管タ鋼鉄舗浚板ガ塗防内具水</v>
          </cell>
          <cell r="Y623" t="str">
            <v/>
          </cell>
          <cell r="Z623" t="str">
            <v>土建大と石屋管タ鋼鉄舗浚板ガ塗防内具水</v>
          </cell>
          <cell r="AA623" t="str">
            <v>建築一式</v>
          </cell>
          <cell r="AB623" t="str">
            <v>土木一式</v>
          </cell>
          <cell r="AC623" t="str">
            <v>とび土工</v>
          </cell>
          <cell r="AD623" t="str">
            <v>舗装</v>
          </cell>
          <cell r="AE623">
            <v>43069</v>
          </cell>
          <cell r="AF623" t="str">
            <v>希望する</v>
          </cell>
          <cell r="AG623" t="str">
            <v>建築一式</v>
          </cell>
          <cell r="AH623" t="str">
            <v>特定</v>
          </cell>
          <cell r="AI623">
            <v>1122</v>
          </cell>
          <cell r="AJ623">
            <v>935132</v>
          </cell>
          <cell r="AK623" t="str">
            <v>26(25)/7/7</v>
          </cell>
          <cell r="AL623" t="str">
            <v>土木一式</v>
          </cell>
          <cell r="AM623" t="str">
            <v>特定</v>
          </cell>
          <cell r="AN623">
            <v>1032</v>
          </cell>
          <cell r="AO623">
            <v>3860170</v>
          </cell>
          <cell r="AP623" t="str">
            <v>21(21)/7/12</v>
          </cell>
          <cell r="AQ623" t="str">
            <v>とび土工</v>
          </cell>
          <cell r="AR623" t="str">
            <v>特定</v>
          </cell>
          <cell r="AS623">
            <v>897</v>
          </cell>
          <cell r="AT623">
            <v>682676</v>
          </cell>
          <cell r="AU623" t="str">
            <v>3(3)/1/0</v>
          </cell>
          <cell r="AV623" t="str">
            <v>舗装</v>
          </cell>
          <cell r="AW623" t="str">
            <v>特定</v>
          </cell>
          <cell r="AX623">
            <v>693</v>
          </cell>
          <cell r="AY623" t="str">
            <v/>
          </cell>
          <cell r="AZ623" t="str">
            <v>0(0)/0/0</v>
          </cell>
          <cell r="BA623" t="str">
            <v>大阪府</v>
          </cell>
          <cell r="BB623">
            <v>0</v>
          </cell>
          <cell r="CR623">
            <v>5441</v>
          </cell>
          <cell r="CS623" t="str">
            <v>ﾓﾘｼﾀ ﾏｻﾋﾛ</v>
          </cell>
          <cell r="CT623" t="str">
            <v>森下  正啓</v>
          </cell>
          <cell r="CU623" t="str">
            <v>業務課</v>
          </cell>
          <cell r="CW623" t="str">
            <v xml:space="preserve"> </v>
          </cell>
          <cell r="CX623" t="str">
            <v>業務主任</v>
          </cell>
          <cell r="CY623" t="str">
            <v>業務課長</v>
          </cell>
        </row>
        <row r="624">
          <cell r="B624">
            <v>2973</v>
          </cell>
          <cell r="C624" t="str">
            <v>(株)城南開発興業</v>
          </cell>
          <cell r="D624" t="str">
            <v>075-981-0500</v>
          </cell>
          <cell r="E624" t="str">
            <v>614-8073</v>
          </cell>
          <cell r="F624" t="str">
            <v>京都府八幡市八幡軸68-7</v>
          </cell>
          <cell r="G624" t="str">
            <v>八幡市</v>
          </cell>
          <cell r="H624" t="str">
            <v/>
          </cell>
          <cell r="I624" t="str">
            <v>代表取締役 上田　啓</v>
          </cell>
          <cell r="J624" t="str">
            <v>本店</v>
          </cell>
          <cell r="K624" t="str">
            <v>075-982-6000</v>
          </cell>
          <cell r="L624" t="str">
            <v>jypnan@js8.so-net.ne.jp</v>
          </cell>
          <cell r="M624" t="str">
            <v>ｼﾞｮｳﾅﾝｶｲﾊﾂｺｳｷﾞｮｳ</v>
          </cell>
          <cell r="N624" t="str">
            <v>無</v>
          </cell>
          <cell r="O624">
            <v>45</v>
          </cell>
          <cell r="P624">
            <v>17</v>
          </cell>
          <cell r="Q624">
            <v>1130001039511</v>
          </cell>
          <cell r="R624">
            <v>20000</v>
          </cell>
          <cell r="S624">
            <v>132599</v>
          </cell>
          <cell r="T624">
            <v>559607</v>
          </cell>
          <cell r="V624" t="str">
            <v>gf472538</v>
          </cell>
          <cell r="W624" t="str">
            <v>jk012789</v>
          </cell>
          <cell r="X624" t="str">
            <v>土建と管舗浚水解</v>
          </cell>
          <cell r="Y624" t="str">
            <v/>
          </cell>
          <cell r="Z624" t="str">
            <v>土建と管舗浚水解</v>
          </cell>
          <cell r="AA624" t="str">
            <v>土木一式</v>
          </cell>
          <cell r="AB624" t="str">
            <v>浚渫</v>
          </cell>
          <cell r="AC624" t="str">
            <v>管</v>
          </cell>
          <cell r="AD624" t="str">
            <v/>
          </cell>
          <cell r="AE624">
            <v>43311</v>
          </cell>
          <cell r="AF624" t="str">
            <v>希望する</v>
          </cell>
          <cell r="AG624" t="str">
            <v>土木一式</v>
          </cell>
          <cell r="AH624" t="str">
            <v>特定</v>
          </cell>
          <cell r="AI624">
            <v>981</v>
          </cell>
          <cell r="AJ624">
            <v>433396</v>
          </cell>
          <cell r="AK624" t="str">
            <v>10(10)/1/3</v>
          </cell>
          <cell r="AL624" t="str">
            <v>浚渫</v>
          </cell>
          <cell r="AM624" t="str">
            <v>特定</v>
          </cell>
          <cell r="AN624">
            <v>823</v>
          </cell>
          <cell r="AO624">
            <v>40051</v>
          </cell>
          <cell r="AP624" t="str">
            <v>1(1)/1/2</v>
          </cell>
          <cell r="AQ624" t="str">
            <v>管</v>
          </cell>
          <cell r="AR624" t="str">
            <v>特定</v>
          </cell>
          <cell r="AS624">
            <v>881</v>
          </cell>
          <cell r="AT624">
            <v>68838</v>
          </cell>
          <cell r="AU624" t="str">
            <v>5(5)/1/2</v>
          </cell>
          <cell r="AV624" t="str">
            <v/>
          </cell>
          <cell r="AW624" t="str">
            <v/>
          </cell>
          <cell r="AX624" t="str">
            <v/>
          </cell>
          <cell r="AY624" t="str">
            <v/>
          </cell>
          <cell r="AZ624" t="str">
            <v/>
          </cell>
          <cell r="BA624" t="str">
            <v>京都府</v>
          </cell>
        </row>
        <row r="625">
          <cell r="B625">
            <v>2974</v>
          </cell>
          <cell r="C625" t="str">
            <v>塩谷建設(株)</v>
          </cell>
          <cell r="D625" t="str">
            <v>079-448-7221</v>
          </cell>
          <cell r="E625" t="str">
            <v>676-0074</v>
          </cell>
          <cell r="F625" t="str">
            <v>兵庫県高砂市梅井3-23-1</v>
          </cell>
          <cell r="G625" t="str">
            <v>高砂市</v>
          </cell>
          <cell r="H625" t="str">
            <v/>
          </cell>
          <cell r="I625" t="str">
            <v>代表取締役 大野　雅邦</v>
          </cell>
          <cell r="J625" t="str">
            <v>本店</v>
          </cell>
          <cell r="K625" t="str">
            <v>079-448-9842</v>
          </cell>
          <cell r="L625" t="str">
            <v>kensetu@shiotani-tc.jp</v>
          </cell>
          <cell r="M625" t="str">
            <v>ｼｵﾀﾆｹﾝｾﾂ</v>
          </cell>
          <cell r="N625" t="str">
            <v>無</v>
          </cell>
          <cell r="O625">
            <v>68</v>
          </cell>
          <cell r="P625">
            <v>27</v>
          </cell>
          <cell r="Q625">
            <v>5140001046321</v>
          </cell>
          <cell r="R625">
            <v>50000</v>
          </cell>
          <cell r="S625">
            <v>143778</v>
          </cell>
          <cell r="T625">
            <v>1656045</v>
          </cell>
          <cell r="V625" t="str">
            <v>de160057</v>
          </cell>
          <cell r="W625" t="str">
            <v>ey119964</v>
          </cell>
          <cell r="X625" t="str">
            <v>管園土建大と石屋タ鋼鉄舗浚板ガ塗防内熱具水解</v>
          </cell>
          <cell r="Y625" t="str">
            <v>管園</v>
          </cell>
          <cell r="Z625" t="str">
            <v>土建大と石屋タ鋼鉄舗浚板ガ塗防内熱具水解</v>
          </cell>
          <cell r="AA625" t="str">
            <v>建築一式</v>
          </cell>
          <cell r="AB625" t="str">
            <v>土木一式</v>
          </cell>
          <cell r="AC625" t="str">
            <v>舗装</v>
          </cell>
          <cell r="AD625" t="str">
            <v/>
          </cell>
          <cell r="AE625">
            <v>43100</v>
          </cell>
          <cell r="AF625" t="str">
            <v>希望しない</v>
          </cell>
          <cell r="AG625" t="str">
            <v>建築一式</v>
          </cell>
          <cell r="AH625" t="str">
            <v>特定</v>
          </cell>
          <cell r="AI625">
            <v>986</v>
          </cell>
          <cell r="AJ625">
            <v>1425564</v>
          </cell>
          <cell r="AK625" t="str">
            <v>9(9)/5/0</v>
          </cell>
          <cell r="AL625" t="str">
            <v>土木一式</v>
          </cell>
          <cell r="AM625" t="str">
            <v>特定</v>
          </cell>
          <cell r="AN625">
            <v>906</v>
          </cell>
          <cell r="AO625">
            <v>199456</v>
          </cell>
          <cell r="AP625" t="str">
            <v>12(12)/3/0</v>
          </cell>
          <cell r="AQ625" t="str">
            <v>舗装</v>
          </cell>
          <cell r="AR625" t="str">
            <v>特定</v>
          </cell>
          <cell r="AS625">
            <v>718</v>
          </cell>
          <cell r="AT625">
            <v>12813</v>
          </cell>
          <cell r="AU625" t="str">
            <v>0(0)/0/0</v>
          </cell>
          <cell r="AV625" t="str">
            <v/>
          </cell>
          <cell r="AW625" t="str">
            <v/>
          </cell>
          <cell r="AX625" t="str">
            <v/>
          </cell>
          <cell r="AY625" t="str">
            <v/>
          </cell>
          <cell r="AZ625" t="str">
            <v/>
          </cell>
          <cell r="BA625" t="str">
            <v>兵庫県</v>
          </cell>
          <cell r="BB625">
            <v>0</v>
          </cell>
          <cell r="CR625">
            <v>5442</v>
          </cell>
          <cell r="CS625" t="str">
            <v>ｳﾒﾓﾄ ｼｹﾞｷ</v>
          </cell>
          <cell r="CT625" t="str">
            <v>梅本  茂樹</v>
          </cell>
          <cell r="CU625" t="str">
            <v>学校給食センター</v>
          </cell>
          <cell r="CW625" t="str">
            <v xml:space="preserve"> </v>
          </cell>
          <cell r="CX625" t="str">
            <v>業務主任</v>
          </cell>
          <cell r="CY625" t="str">
            <v>学校給食センター長</v>
          </cell>
        </row>
        <row r="626">
          <cell r="B626">
            <v>2975</v>
          </cell>
          <cell r="C626" t="str">
            <v>(株)ＪＶＣケンウッド・公共産業システム</v>
          </cell>
          <cell r="D626" t="str">
            <v>06-6450-4362</v>
          </cell>
          <cell r="E626" t="str">
            <v>553-0002</v>
          </cell>
          <cell r="F626" t="str">
            <v>大阪府大阪市福島区鷺洲1-11-19 大阪福島ｾﾝﾄﾗﾙﾋﾞﾙ4階</v>
          </cell>
          <cell r="G626" t="str">
            <v>横浜市</v>
          </cell>
          <cell r="H626" t="str">
            <v>関西支店</v>
          </cell>
          <cell r="I626" t="str">
            <v>支店長 有働　正和</v>
          </cell>
          <cell r="J626" t="str">
            <v>神奈川県横浜市</v>
          </cell>
          <cell r="K626" t="str">
            <v>06-6450-4366</v>
          </cell>
          <cell r="L626" t="str">
            <v>hashimoto.munehiro@jvckenwood.com</v>
          </cell>
          <cell r="M626" t="str">
            <v>ｼﾞｴｲﾌﾞｲｼ-ｹﾝｳﾂﾄﾞｺｳｷﾖｳｻﾝｷﾞﾖｳｼｽﾃﾑ</v>
          </cell>
          <cell r="N626" t="str">
            <v>有</v>
          </cell>
          <cell r="O626">
            <v>35</v>
          </cell>
          <cell r="P626">
            <v>774</v>
          </cell>
          <cell r="Q626">
            <v>3020000000000</v>
          </cell>
          <cell r="R626">
            <v>300000</v>
          </cell>
          <cell r="S626">
            <v>5609629</v>
          </cell>
          <cell r="T626">
            <v>19134065</v>
          </cell>
          <cell r="V626" t="str">
            <v>vq102876</v>
          </cell>
          <cell r="W626" t="str">
            <v>bi160973</v>
          </cell>
          <cell r="X626" t="str">
            <v>管園土建大と石屋タ鋼鉄舗浚板ガ塗防内熱具水解</v>
          </cell>
          <cell r="Y626" t="str">
            <v>管園</v>
          </cell>
          <cell r="Z626" t="str">
            <v>土建大と石屋タ鋼鉄舗浚板ガ塗防内熱具水解</v>
          </cell>
          <cell r="AA626" t="str">
            <v>電気通信</v>
          </cell>
          <cell r="AB626" t="str">
            <v>電気</v>
          </cell>
          <cell r="AC626" t="str">
            <v>消防施設</v>
          </cell>
          <cell r="AD626" t="str">
            <v/>
          </cell>
          <cell r="AE626">
            <v>43190</v>
          </cell>
          <cell r="AF626" t="str">
            <v>希望しない</v>
          </cell>
          <cell r="AG626" t="str">
            <v>電気通信</v>
          </cell>
          <cell r="AH626" t="str">
            <v>特定</v>
          </cell>
          <cell r="AI626">
            <v>1143</v>
          </cell>
          <cell r="AJ626">
            <v>5196675</v>
          </cell>
          <cell r="AK626" t="str">
            <v>0(0)/0/222</v>
          </cell>
          <cell r="AL626" t="str">
            <v>電気</v>
          </cell>
          <cell r="AM626" t="str">
            <v>一般</v>
          </cell>
          <cell r="AN626">
            <v>892</v>
          </cell>
          <cell r="AO626">
            <v>18681</v>
          </cell>
          <cell r="AP626" t="str">
            <v>10(9)/10/58</v>
          </cell>
          <cell r="AQ626" t="str">
            <v>消防施設</v>
          </cell>
          <cell r="AR626" t="str">
            <v>一般</v>
          </cell>
          <cell r="AS626">
            <v>954</v>
          </cell>
          <cell r="AT626" t="str">
            <v>東京都</v>
          </cell>
          <cell r="AU626" t="str">
            <v>0(0)/67/0</v>
          </cell>
          <cell r="AV626" t="str">
            <v/>
          </cell>
          <cell r="AW626" t="str">
            <v/>
          </cell>
          <cell r="AX626" t="str">
            <v/>
          </cell>
          <cell r="AY626" t="str">
            <v/>
          </cell>
          <cell r="AZ626" t="str">
            <v/>
          </cell>
          <cell r="BA626" t="str">
            <v>神奈川県</v>
          </cell>
          <cell r="BB626">
            <v>0</v>
          </cell>
          <cell r="CR626">
            <v>5443</v>
          </cell>
          <cell r="CS626" t="str">
            <v>ｱﾍﾞ ｻﾖﾐ</v>
          </cell>
          <cell r="CT626" t="str">
            <v>安部  左代美</v>
          </cell>
          <cell r="CU626" t="str">
            <v>学校給食センター</v>
          </cell>
          <cell r="CW626" t="str">
            <v xml:space="preserve"> </v>
          </cell>
          <cell r="CX626" t="str">
            <v>業務主任</v>
          </cell>
          <cell r="CY626" t="str">
            <v>学校給食センター長</v>
          </cell>
        </row>
        <row r="627">
          <cell r="B627">
            <v>2976</v>
          </cell>
          <cell r="C627" t="str">
            <v>(株)シビルロード</v>
          </cell>
          <cell r="D627" t="str">
            <v>078-861-9006</v>
          </cell>
          <cell r="E627" t="str">
            <v>567-0804</v>
          </cell>
          <cell r="F627" t="str">
            <v>兵庫県神戸市灘区灘南通4丁目3番27号</v>
          </cell>
          <cell r="G627" t="str">
            <v>神戸市</v>
          </cell>
          <cell r="H627" t="str">
            <v/>
          </cell>
          <cell r="I627" t="str">
            <v>代表取締役　 石田　健志</v>
          </cell>
          <cell r="J627" t="str">
            <v>本店</v>
          </cell>
          <cell r="K627" t="str">
            <v>078-861-9007</v>
          </cell>
          <cell r="L627" t="str">
            <v>qqhr7ak9k@aqua.ocn.ne.jp</v>
          </cell>
          <cell r="M627" t="str">
            <v>ｼﾋﾞﾙﾛ-ﾄﾞ</v>
          </cell>
          <cell r="N627" t="str">
            <v>無</v>
          </cell>
          <cell r="O627">
            <v>4</v>
          </cell>
          <cell r="P627">
            <v>8</v>
          </cell>
          <cell r="Q627">
            <v>2140000000000</v>
          </cell>
          <cell r="R627">
            <v>3000</v>
          </cell>
          <cell r="S627">
            <v>-5941</v>
          </cell>
          <cell r="T627">
            <v>80787</v>
          </cell>
          <cell r="V627" t="str">
            <v>ju133638</v>
          </cell>
          <cell r="W627" t="str">
            <v>qy167978</v>
          </cell>
          <cell r="X627" t="str">
            <v>管園土建大と石屋タ鋼鉄舗浚板ガ塗防内熱具水解</v>
          </cell>
          <cell r="Y627" t="str">
            <v>管園</v>
          </cell>
          <cell r="Z627" t="str">
            <v>土建大と石屋タ鋼鉄舗浚板ガ塗防内熱具水解</v>
          </cell>
          <cell r="AA627" t="str">
            <v>舗装</v>
          </cell>
          <cell r="AB627" t="str">
            <v>とび土工</v>
          </cell>
          <cell r="AC627" t="str">
            <v>土木一式</v>
          </cell>
          <cell r="AD627" t="str">
            <v/>
          </cell>
          <cell r="AE627">
            <v>43190</v>
          </cell>
          <cell r="AF627" t="str">
            <v>希望しない</v>
          </cell>
          <cell r="AG627" t="str">
            <v>舗装</v>
          </cell>
          <cell r="AH627" t="str">
            <v>一般</v>
          </cell>
          <cell r="AI627">
            <v>554</v>
          </cell>
          <cell r="AJ627">
            <v>47280</v>
          </cell>
          <cell r="AK627" t="str">
            <v>2(0)/1/0</v>
          </cell>
          <cell r="AL627" t="str">
            <v>とび土工</v>
          </cell>
          <cell r="AM627" t="str">
            <v>一般</v>
          </cell>
          <cell r="AN627">
            <v>518</v>
          </cell>
          <cell r="AO627">
            <v>45348</v>
          </cell>
          <cell r="AP627" t="str">
            <v>0(0)/1/0</v>
          </cell>
          <cell r="AQ627" t="str">
            <v>土木一式</v>
          </cell>
          <cell r="AR627" t="str">
            <v>一般</v>
          </cell>
          <cell r="AS627">
            <v>447</v>
          </cell>
          <cell r="AT627" t="str">
            <v/>
          </cell>
          <cell r="AU627" t="str">
            <v>0(0)/1/0</v>
          </cell>
          <cell r="AV627" t="str">
            <v/>
          </cell>
          <cell r="AW627" t="str">
            <v/>
          </cell>
          <cell r="AX627" t="str">
            <v/>
          </cell>
          <cell r="AY627" t="str">
            <v/>
          </cell>
          <cell r="AZ627" t="str">
            <v/>
          </cell>
          <cell r="BA627" t="str">
            <v>兵庫県</v>
          </cell>
          <cell r="BB627">
            <v>0</v>
          </cell>
          <cell r="CR627">
            <v>5444</v>
          </cell>
          <cell r="CS627" t="str">
            <v>ﾀﾂｵｶ ﾒｸﾞﾐ</v>
          </cell>
          <cell r="CT627" t="str">
            <v>辰岡  めぐみ</v>
          </cell>
          <cell r="CU627" t="str">
            <v>環境保全課</v>
          </cell>
          <cell r="CW627">
            <v>2827</v>
          </cell>
          <cell r="CX627" t="str">
            <v xml:space="preserve"> </v>
          </cell>
          <cell r="CY627" t="str">
            <v>環境保全課長</v>
          </cell>
        </row>
        <row r="628">
          <cell r="B628">
            <v>2977</v>
          </cell>
          <cell r="C628" t="str">
            <v>ＪＦＥテクノス(株)</v>
          </cell>
          <cell r="D628" t="str">
            <v>045-505-7370</v>
          </cell>
          <cell r="E628" t="str">
            <v>230-0045</v>
          </cell>
          <cell r="F628" t="str">
            <v>神奈川県横浜市鶴見区末広町二丁目1番地</v>
          </cell>
          <cell r="G628" t="str">
            <v>横浜市</v>
          </cell>
          <cell r="H628" t="str">
            <v/>
          </cell>
          <cell r="I628" t="str">
            <v>代表取締役 吉田　誠太郎</v>
          </cell>
          <cell r="J628" t="str">
            <v>本店</v>
          </cell>
          <cell r="K628" t="str">
            <v>045-505-7983</v>
          </cell>
          <cell r="L628" t="str">
            <v>jfe-tec-nyu@tec.jfe-eng.co.jp</v>
          </cell>
          <cell r="M628" t="str">
            <v>ｼﾞｪｲｴﾌｲｰﾃｸﾉｽ</v>
          </cell>
          <cell r="N628" t="str">
            <v>有</v>
          </cell>
          <cell r="O628">
            <v>31</v>
          </cell>
          <cell r="P628">
            <v>598</v>
          </cell>
          <cell r="Q628">
            <v>2020001016727</v>
          </cell>
          <cell r="R628">
            <v>301000</v>
          </cell>
          <cell r="S628">
            <v>4245713</v>
          </cell>
          <cell r="T628">
            <v>37081498</v>
          </cell>
          <cell r="V628" t="str">
            <v>ci146085</v>
          </cell>
          <cell r="W628" t="str">
            <v>nw150945</v>
          </cell>
          <cell r="X628" t="str">
            <v>通消土建と電管鋼塗防内機水清解</v>
          </cell>
          <cell r="Y628" t="str">
            <v>通消</v>
          </cell>
          <cell r="Z628" t="str">
            <v>土建と電管鋼塗防内機水清解</v>
          </cell>
          <cell r="AA628" t="str">
            <v>機械器具</v>
          </cell>
          <cell r="AB628" t="str">
            <v/>
          </cell>
          <cell r="AC628" t="str">
            <v/>
          </cell>
          <cell r="AD628" t="str">
            <v/>
          </cell>
          <cell r="AE628">
            <v>43191</v>
          </cell>
          <cell r="AF628" t="str">
            <v/>
          </cell>
          <cell r="AG628" t="str">
            <v>機械器具</v>
          </cell>
          <cell r="AH628" t="str">
            <v>特定</v>
          </cell>
          <cell r="AI628">
            <v>1189</v>
          </cell>
          <cell r="AJ628">
            <v>4039156</v>
          </cell>
          <cell r="AK628" t="str">
            <v>0(0)/0/120</v>
          </cell>
          <cell r="AL628" t="str">
            <v/>
          </cell>
          <cell r="AM628" t="str">
            <v/>
          </cell>
          <cell r="AN628" t="str">
            <v/>
          </cell>
          <cell r="AO628" t="str">
            <v/>
          </cell>
          <cell r="AP628" t="str">
            <v/>
          </cell>
          <cell r="AQ628" t="str">
            <v/>
          </cell>
          <cell r="AR628" t="str">
            <v/>
          </cell>
          <cell r="AS628" t="str">
            <v/>
          </cell>
          <cell r="AT628" t="str">
            <v/>
          </cell>
          <cell r="AU628" t="str">
            <v/>
          </cell>
          <cell r="AV628" t="str">
            <v/>
          </cell>
          <cell r="AW628" t="str">
            <v/>
          </cell>
          <cell r="AX628" t="str">
            <v/>
          </cell>
          <cell r="AY628" t="str">
            <v/>
          </cell>
          <cell r="AZ628" t="str">
            <v/>
          </cell>
          <cell r="BA628" t="str">
            <v>神奈川県</v>
          </cell>
          <cell r="BB628">
            <v>0</v>
          </cell>
          <cell r="CR628">
            <v>5445</v>
          </cell>
          <cell r="CS628" t="str">
            <v>ｺｸﾊﾀ ﾐｷ</v>
          </cell>
          <cell r="CT628" t="str">
            <v>石畑  美樹</v>
          </cell>
          <cell r="CU628" t="str">
            <v>こども若者企画課</v>
          </cell>
          <cell r="CW628">
            <v>3733</v>
          </cell>
          <cell r="CX628" t="str">
            <v>主任</v>
          </cell>
          <cell r="CY628" t="str">
            <v>こども若者企画課長</v>
          </cell>
        </row>
        <row r="629">
          <cell r="B629">
            <v>2978</v>
          </cell>
          <cell r="C629" t="str">
            <v>シンフォニアエンジニアリング(株)</v>
          </cell>
          <cell r="D629" t="str">
            <v>06-6744-2722</v>
          </cell>
          <cell r="E629" t="str">
            <v>578-0977</v>
          </cell>
          <cell r="F629" t="str">
            <v>大阪府東大阪市鴻池徳庵町3-65</v>
          </cell>
          <cell r="G629" t="str">
            <v>伊勢市</v>
          </cell>
          <cell r="H629" t="str">
            <v>大阪支社</v>
          </cell>
          <cell r="I629" t="str">
            <v>取締役支社長 山田　裕克</v>
          </cell>
          <cell r="J629" t="str">
            <v>三重県伊勢市</v>
          </cell>
          <cell r="K629" t="str">
            <v>06-6744-0900</v>
          </cell>
          <cell r="L629" t="str">
            <v>sdeise@sinfo-eng.co.jp</v>
          </cell>
          <cell r="M629" t="str">
            <v>ｼﾝﾌｫﾆｱｴﾝｼﾞﾆｱﾘﾝｸﾞ</v>
          </cell>
          <cell r="N629" t="str">
            <v>有</v>
          </cell>
          <cell r="O629">
            <v>48</v>
          </cell>
          <cell r="P629">
            <v>361</v>
          </cell>
          <cell r="Q629">
            <v>2190001006711</v>
          </cell>
          <cell r="R629">
            <v>100000</v>
          </cell>
          <cell r="S629">
            <v>2924910</v>
          </cell>
          <cell r="T629">
            <v>12858394</v>
          </cell>
          <cell r="V629" t="str">
            <v>pw137962</v>
          </cell>
          <cell r="W629" t="str">
            <v>ur183589</v>
          </cell>
          <cell r="X629" t="str">
            <v>建機通水消(電)(機)電管</v>
          </cell>
          <cell r="Y629" t="str">
            <v>建機通水消(電)(機)</v>
          </cell>
          <cell r="Z629" t="str">
            <v>電管</v>
          </cell>
          <cell r="AA629" t="str">
            <v>電気</v>
          </cell>
          <cell r="AB629" t="str">
            <v>機械器具</v>
          </cell>
          <cell r="AC629" t="str">
            <v/>
          </cell>
          <cell r="AD629" t="str">
            <v/>
          </cell>
          <cell r="AE629">
            <v>43190</v>
          </cell>
          <cell r="AF629" t="str">
            <v>希望しない</v>
          </cell>
          <cell r="AG629" t="str">
            <v>電気</v>
          </cell>
          <cell r="AH629" t="str">
            <v>特定</v>
          </cell>
          <cell r="AI629">
            <v>1528</v>
          </cell>
          <cell r="AJ629">
            <v>4434724</v>
          </cell>
          <cell r="AK629" t="str">
            <v>102(86)/30/5</v>
          </cell>
          <cell r="AL629" t="str">
            <v>機械器具</v>
          </cell>
          <cell r="AM629" t="str">
            <v>一般</v>
          </cell>
          <cell r="AN629">
            <v>708</v>
          </cell>
          <cell r="AO629">
            <v>1004992</v>
          </cell>
          <cell r="AP629" t="str">
            <v>0(0)/0/9</v>
          </cell>
          <cell r="AQ629" t="str">
            <v/>
          </cell>
          <cell r="AR629" t="str">
            <v/>
          </cell>
          <cell r="AS629" t="str">
            <v/>
          </cell>
          <cell r="AT629" t="str">
            <v/>
          </cell>
          <cell r="AU629" t="str">
            <v/>
          </cell>
          <cell r="AV629" t="str">
            <v/>
          </cell>
          <cell r="AW629" t="str">
            <v/>
          </cell>
          <cell r="AX629" t="str">
            <v/>
          </cell>
          <cell r="AY629" t="str">
            <v/>
          </cell>
          <cell r="AZ629" t="str">
            <v/>
          </cell>
          <cell r="BA629" t="str">
            <v>三重県</v>
          </cell>
          <cell r="BB629">
            <v>0</v>
          </cell>
          <cell r="CR629">
            <v>5448</v>
          </cell>
          <cell r="CS629" t="str">
            <v>ｵｵﾆｼ ﾉﾘｺ</v>
          </cell>
          <cell r="CT629" t="str">
            <v>大西  宣子</v>
          </cell>
          <cell r="CU629" t="str">
            <v>保育課</v>
          </cell>
          <cell r="CW629" t="str">
            <v xml:space="preserve"> </v>
          </cell>
          <cell r="CX629" t="str">
            <v xml:space="preserve"> </v>
          </cell>
          <cell r="CY629" t="str">
            <v>保育課長</v>
          </cell>
        </row>
        <row r="630">
          <cell r="B630">
            <v>2979</v>
          </cell>
          <cell r="C630" t="str">
            <v>(有)ジェー・ユー</v>
          </cell>
          <cell r="D630" t="str">
            <v>078-904-4776</v>
          </cell>
          <cell r="E630" t="str">
            <v>651-1412</v>
          </cell>
          <cell r="F630" t="str">
            <v>兵庫県西宮市山口町下山口5-17-10</v>
          </cell>
          <cell r="G630" t="str">
            <v>西宮市</v>
          </cell>
          <cell r="H630" t="str">
            <v/>
          </cell>
          <cell r="I630" t="str">
            <v>代表取締役 宇都宮　順子</v>
          </cell>
          <cell r="J630" t="str">
            <v>本店</v>
          </cell>
          <cell r="K630" t="str">
            <v>078-904-4777</v>
          </cell>
          <cell r="L630" t="str">
            <v>j-u@trad.ocn.ne.jp</v>
          </cell>
          <cell r="M630" t="str">
            <v>ｼﾞｪｰﾕｰ</v>
          </cell>
          <cell r="N630" t="str">
            <v>無</v>
          </cell>
          <cell r="O630">
            <v>1</v>
          </cell>
          <cell r="P630">
            <v>3</v>
          </cell>
          <cell r="Q630">
            <v>7140002067653</v>
          </cell>
          <cell r="R630">
            <v>3000</v>
          </cell>
          <cell r="S630">
            <v>6094</v>
          </cell>
          <cell r="T630">
            <v>74661</v>
          </cell>
          <cell r="V630" t="str">
            <v>et151289</v>
          </cell>
          <cell r="W630" t="str">
            <v>mm127382</v>
          </cell>
          <cell r="X630" t="str">
            <v>土と舗水</v>
          </cell>
          <cell r="Y630" t="str">
            <v>土と舗水</v>
          </cell>
          <cell r="Z630" t="str">
            <v/>
          </cell>
          <cell r="AA630" t="str">
            <v>土木一式</v>
          </cell>
          <cell r="AB630" t="str">
            <v>水道施設</v>
          </cell>
          <cell r="AC630" t="str">
            <v>舗装</v>
          </cell>
          <cell r="AD630" t="str">
            <v>とび土工</v>
          </cell>
          <cell r="AE630">
            <v>43131</v>
          </cell>
          <cell r="AF630" t="str">
            <v>希望しない</v>
          </cell>
          <cell r="AG630" t="str">
            <v>土木一式</v>
          </cell>
          <cell r="AH630" t="str">
            <v>一般</v>
          </cell>
          <cell r="AI630">
            <v>552</v>
          </cell>
          <cell r="AJ630">
            <v>61195</v>
          </cell>
          <cell r="AK630" t="str">
            <v>1(0)/0/1</v>
          </cell>
          <cell r="AL630" t="str">
            <v>水道施設</v>
          </cell>
          <cell r="AM630" t="str">
            <v>一般</v>
          </cell>
          <cell r="AN630">
            <v>453</v>
          </cell>
          <cell r="AO630" t="str">
            <v/>
          </cell>
          <cell r="AP630" t="str">
            <v>0(0)/0/0</v>
          </cell>
          <cell r="AQ630" t="str">
            <v>舗装</v>
          </cell>
          <cell r="AR630" t="str">
            <v>一般</v>
          </cell>
          <cell r="AS630">
            <v>453</v>
          </cell>
          <cell r="AT630" t="str">
            <v/>
          </cell>
          <cell r="AU630" t="str">
            <v>0(0)/0/0</v>
          </cell>
          <cell r="AV630" t="str">
            <v>とび土工</v>
          </cell>
          <cell r="AW630" t="str">
            <v>一般</v>
          </cell>
          <cell r="AX630">
            <v>474</v>
          </cell>
          <cell r="AY630">
            <v>2700</v>
          </cell>
          <cell r="AZ630" t="str">
            <v>1(0)/0/0</v>
          </cell>
          <cell r="BA630" t="str">
            <v>兵庫県</v>
          </cell>
          <cell r="BB630">
            <v>0</v>
          </cell>
          <cell r="CR630">
            <v>5463</v>
          </cell>
          <cell r="CS630" t="str">
            <v>ｼﾝﾄ ｱｷﾗ</v>
          </cell>
          <cell r="CT630" t="str">
            <v>新戸  明</v>
          </cell>
          <cell r="CU630" t="str">
            <v>運輸サービス課</v>
          </cell>
          <cell r="CW630">
            <v>6731</v>
          </cell>
          <cell r="CX630" t="str">
            <v>主任</v>
          </cell>
          <cell r="CY630" t="str">
            <v>運輸サービス課長</v>
          </cell>
        </row>
        <row r="631">
          <cell r="B631">
            <v>2980</v>
          </cell>
          <cell r="C631" t="str">
            <v>(有)宝栄建設</v>
          </cell>
          <cell r="D631" t="str">
            <v>0797-82-3155</v>
          </cell>
          <cell r="E631" t="str">
            <v>665-0885</v>
          </cell>
          <cell r="F631" t="str">
            <v>兵庫県宝塚市山本台3-15-1</v>
          </cell>
          <cell r="G631" t="str">
            <v>宝塚市</v>
          </cell>
          <cell r="H631" t="str">
            <v/>
          </cell>
          <cell r="I631" t="str">
            <v>代表取締役 宇都宮　陽子</v>
          </cell>
          <cell r="J631" t="str">
            <v>本店</v>
          </cell>
          <cell r="K631" t="str">
            <v>0797-82-3156</v>
          </cell>
          <cell r="L631" t="str">
            <v>hooei@flute.ocn.ne.jp</v>
          </cell>
          <cell r="M631" t="str">
            <v>ﾎｳｴｲｹﾝｾﾂ</v>
          </cell>
          <cell r="N631" t="str">
            <v>無</v>
          </cell>
          <cell r="O631">
            <v>18</v>
          </cell>
          <cell r="P631">
            <v>4</v>
          </cell>
          <cell r="Q631">
            <v>5140002067390</v>
          </cell>
          <cell r="R631">
            <v>5000</v>
          </cell>
          <cell r="S631">
            <v>8195</v>
          </cell>
          <cell r="T631">
            <v>74035</v>
          </cell>
          <cell r="V631" t="str">
            <v>ne123663</v>
          </cell>
          <cell r="W631" t="str">
            <v>ks144433</v>
          </cell>
          <cell r="X631" t="str">
            <v>土と舗</v>
          </cell>
          <cell r="Y631" t="str">
            <v>土と舗</v>
          </cell>
          <cell r="Z631" t="str">
            <v/>
          </cell>
          <cell r="AA631" t="str">
            <v>土木一式</v>
          </cell>
          <cell r="AB631" t="str">
            <v>舗装</v>
          </cell>
          <cell r="AC631" t="str">
            <v>とび土工</v>
          </cell>
          <cell r="AD631" t="str">
            <v/>
          </cell>
          <cell r="AE631">
            <v>43131</v>
          </cell>
          <cell r="AF631" t="str">
            <v>希望しない</v>
          </cell>
          <cell r="AG631" t="str">
            <v>土木一式</v>
          </cell>
          <cell r="AH631" t="str">
            <v>一般</v>
          </cell>
          <cell r="AI631">
            <v>688</v>
          </cell>
          <cell r="AJ631">
            <v>56395</v>
          </cell>
          <cell r="AK631" t="str">
            <v>0(0)/1/1</v>
          </cell>
          <cell r="AL631" t="str">
            <v>舗装</v>
          </cell>
          <cell r="AM631" t="str">
            <v>一般</v>
          </cell>
          <cell r="AN631">
            <v>610</v>
          </cell>
          <cell r="AO631">
            <v>1758</v>
          </cell>
          <cell r="AP631" t="str">
            <v>0(0)/1/0</v>
          </cell>
          <cell r="AQ631" t="str">
            <v>とび土工</v>
          </cell>
          <cell r="AR631" t="str">
            <v>一般</v>
          </cell>
          <cell r="AS631">
            <v>637</v>
          </cell>
          <cell r="AT631">
            <v>14033</v>
          </cell>
          <cell r="AU631" t="str">
            <v>0(0)/0/0</v>
          </cell>
          <cell r="AV631" t="str">
            <v/>
          </cell>
          <cell r="AW631" t="str">
            <v/>
          </cell>
          <cell r="AX631" t="str">
            <v/>
          </cell>
          <cell r="AY631" t="str">
            <v/>
          </cell>
          <cell r="AZ631" t="str">
            <v/>
          </cell>
          <cell r="BA631" t="str">
            <v>兵庫県</v>
          </cell>
          <cell r="BB631">
            <v>0</v>
          </cell>
          <cell r="CR631">
            <v>5466</v>
          </cell>
          <cell r="CS631" t="str">
            <v>ｵｼﾞﾏ ﾅｵｺ</v>
          </cell>
          <cell r="CT631" t="str">
            <v>尾嶋  直子</v>
          </cell>
          <cell r="CU631" t="str">
            <v>健康政策課</v>
          </cell>
          <cell r="CW631">
            <v>2562</v>
          </cell>
          <cell r="CX631" t="str">
            <v xml:space="preserve"> </v>
          </cell>
          <cell r="CY631" t="str">
            <v>健康政策課長</v>
          </cell>
        </row>
        <row r="632">
          <cell r="B632">
            <v>2981</v>
          </cell>
          <cell r="C632" t="str">
            <v>(株)スイカン</v>
          </cell>
          <cell r="D632" t="str">
            <v>0798-22-9185</v>
          </cell>
          <cell r="E632" t="str">
            <v>662-0934</v>
          </cell>
          <cell r="F632" t="str">
            <v>兵庫県西宮市西宮浜3-14-3</v>
          </cell>
          <cell r="G632" t="str">
            <v>西宮市</v>
          </cell>
          <cell r="H632" t="str">
            <v/>
          </cell>
          <cell r="I632" t="str">
            <v>代表取締役 松本　雅稔</v>
          </cell>
          <cell r="J632" t="str">
            <v>本店</v>
          </cell>
          <cell r="K632" t="str">
            <v>0798-22-5858</v>
          </cell>
          <cell r="L632" t="str">
            <v>moriguchi@suikan.co.jp</v>
          </cell>
          <cell r="M632" t="str">
            <v>ｽｲｶﾝ</v>
          </cell>
          <cell r="N632" t="str">
            <v>無</v>
          </cell>
          <cell r="O632">
            <v>36</v>
          </cell>
          <cell r="P632">
            <v>60</v>
          </cell>
          <cell r="Q632">
            <v>4140001069141</v>
          </cell>
          <cell r="R632">
            <v>30000</v>
          </cell>
          <cell r="S632">
            <v>125518</v>
          </cell>
          <cell r="T632">
            <v>1233105</v>
          </cell>
          <cell r="V632" t="str">
            <v>fj103667</v>
          </cell>
          <cell r="W632" t="str">
            <v>ev946316</v>
          </cell>
          <cell r="X632" t="str">
            <v>土と管舗浚塗水</v>
          </cell>
          <cell r="Y632" t="str">
            <v>土と管舗浚塗水</v>
          </cell>
          <cell r="Z632" t="str">
            <v/>
          </cell>
          <cell r="AA632" t="str">
            <v>管</v>
          </cell>
          <cell r="AB632" t="str">
            <v>土木一式</v>
          </cell>
          <cell r="AC632" t="str">
            <v>水道施設</v>
          </cell>
          <cell r="AD632" t="str">
            <v>塗装</v>
          </cell>
          <cell r="AE632">
            <v>43159</v>
          </cell>
          <cell r="AF632" t="str">
            <v/>
          </cell>
          <cell r="AG632" t="str">
            <v>管</v>
          </cell>
          <cell r="AH632" t="str">
            <v>特定</v>
          </cell>
          <cell r="AI632">
            <v>914</v>
          </cell>
          <cell r="AJ632">
            <v>479955</v>
          </cell>
          <cell r="AK632" t="str">
            <v>3(3)/6/11</v>
          </cell>
          <cell r="AL632" t="str">
            <v>土木一式</v>
          </cell>
          <cell r="AM632" t="str">
            <v>特定</v>
          </cell>
          <cell r="AN632">
            <v>817</v>
          </cell>
          <cell r="AO632">
            <v>75510</v>
          </cell>
          <cell r="AP632" t="str">
            <v>2(2)/3/4</v>
          </cell>
          <cell r="AQ632" t="str">
            <v>水道施設</v>
          </cell>
          <cell r="AR632" t="str">
            <v>特定</v>
          </cell>
          <cell r="AS632">
            <v>728</v>
          </cell>
          <cell r="AT632">
            <v>9273</v>
          </cell>
          <cell r="AU632" t="str">
            <v>1(1)/1/0</v>
          </cell>
          <cell r="AV632" t="str">
            <v>塗装</v>
          </cell>
          <cell r="AW632" t="str">
            <v>特定</v>
          </cell>
          <cell r="AX632">
            <v>696</v>
          </cell>
          <cell r="AY632">
            <v>5893</v>
          </cell>
          <cell r="AZ632" t="str">
            <v>0(0)/1/0</v>
          </cell>
          <cell r="BA632" t="str">
            <v>兵庫県</v>
          </cell>
          <cell r="BB632">
            <v>0</v>
          </cell>
          <cell r="CR632">
            <v>5493</v>
          </cell>
          <cell r="CS632" t="str">
            <v>ﾎｿｶﾜ ﾀｶﾋﾛ</v>
          </cell>
          <cell r="CT632" t="str">
            <v>細川  隆弘</v>
          </cell>
          <cell r="CU632" t="str">
            <v>消防総務課</v>
          </cell>
          <cell r="CW632">
            <v>6680204</v>
          </cell>
          <cell r="CX632" t="str">
            <v>副主幹</v>
          </cell>
          <cell r="CY632" t="str">
            <v>消防総務課長</v>
          </cell>
        </row>
        <row r="633">
          <cell r="B633">
            <v>2982</v>
          </cell>
          <cell r="C633" t="str">
            <v>(株)スイタ情報システム</v>
          </cell>
          <cell r="D633" t="str">
            <v>06-6453-9405</v>
          </cell>
          <cell r="E633" t="str">
            <v>531-0076</v>
          </cell>
          <cell r="F633" t="str">
            <v>大阪府大阪市北区大淀中2-1-1</v>
          </cell>
          <cell r="G633" t="str">
            <v/>
          </cell>
          <cell r="H633" t="str">
            <v>大阪本社</v>
          </cell>
          <cell r="I633" t="str">
            <v>取締役 河村　吉則</v>
          </cell>
          <cell r="J633" t="str">
            <v>東京都</v>
          </cell>
          <cell r="K633" t="str">
            <v>06-6453-9423</v>
          </cell>
          <cell r="L633" t="str">
            <v>sales@suita.co.jp</v>
          </cell>
          <cell r="M633" t="str">
            <v>ｽｲﾀｼﾞｮｳﾎｳｼｽﾃﾑ</v>
          </cell>
          <cell r="N633" t="str">
            <v>有</v>
          </cell>
          <cell r="O633">
            <v>61</v>
          </cell>
          <cell r="P633">
            <v>121</v>
          </cell>
          <cell r="Q633">
            <v>5120001065397</v>
          </cell>
          <cell r="R633">
            <v>78000</v>
          </cell>
          <cell r="S633">
            <v>1488907</v>
          </cell>
          <cell r="T633">
            <v>2546295</v>
          </cell>
          <cell r="V633" t="str">
            <v>by738360</v>
          </cell>
          <cell r="W633" t="str">
            <v>xg247202</v>
          </cell>
          <cell r="X633" t="str">
            <v>電機(電)(機)(通)通</v>
          </cell>
          <cell r="Y633" t="str">
            <v>電機(電)(機)(通)</v>
          </cell>
          <cell r="Z633" t="str">
            <v>通</v>
          </cell>
          <cell r="AA633" t="str">
            <v>電気通信</v>
          </cell>
          <cell r="AB633" t="str">
            <v>電気</v>
          </cell>
          <cell r="AC633" t="str">
            <v>機械器具</v>
          </cell>
          <cell r="AD633" t="str">
            <v/>
          </cell>
          <cell r="AE633">
            <v>43465</v>
          </cell>
          <cell r="AF633" t="str">
            <v>希望しない</v>
          </cell>
          <cell r="AG633" t="str">
            <v>電気通信</v>
          </cell>
          <cell r="AH633" t="str">
            <v>特定</v>
          </cell>
          <cell r="AI633">
            <v>1025</v>
          </cell>
          <cell r="AJ633">
            <v>1709088</v>
          </cell>
          <cell r="AK633" t="str">
            <v>0(0)/0/54</v>
          </cell>
          <cell r="AL633" t="str">
            <v>電気</v>
          </cell>
          <cell r="AM633" t="str">
            <v>一般</v>
          </cell>
          <cell r="AN633">
            <v>938</v>
          </cell>
          <cell r="AO633">
            <v>318263</v>
          </cell>
          <cell r="AP633" t="str">
            <v>2(1)/2/35</v>
          </cell>
          <cell r="AQ633" t="str">
            <v>機械器具</v>
          </cell>
          <cell r="AR633" t="str">
            <v>一般</v>
          </cell>
          <cell r="AS633">
            <v>758</v>
          </cell>
          <cell r="AT633">
            <v>8261</v>
          </cell>
          <cell r="AU633" t="str">
            <v>0(0)/0/3</v>
          </cell>
          <cell r="AV633" t="str">
            <v/>
          </cell>
          <cell r="AW633" t="str">
            <v/>
          </cell>
          <cell r="AX633" t="str">
            <v/>
          </cell>
          <cell r="AY633" t="str">
            <v/>
          </cell>
          <cell r="AZ633" t="str">
            <v/>
          </cell>
          <cell r="BA633" t="str">
            <v>東京都</v>
          </cell>
        </row>
        <row r="634">
          <cell r="B634">
            <v>2983</v>
          </cell>
          <cell r="C634" t="str">
            <v>水道機工(株)</v>
          </cell>
          <cell r="D634" t="str">
            <v>06-6821-3505</v>
          </cell>
          <cell r="E634" t="str">
            <v>564-0063</v>
          </cell>
          <cell r="F634" t="str">
            <v>大阪府吹田市江坂町1-23-26</v>
          </cell>
          <cell r="G634" t="str">
            <v/>
          </cell>
          <cell r="H634" t="str">
            <v>大阪支店</v>
          </cell>
          <cell r="I634" t="str">
            <v>支店長 上村　剛弘</v>
          </cell>
          <cell r="J634" t="str">
            <v>東京都</v>
          </cell>
          <cell r="K634" t="str">
            <v>06-6821-3506</v>
          </cell>
          <cell r="L634" t="str">
            <v/>
          </cell>
          <cell r="M634" t="str">
            <v>ｽｲﾄﾞｳｷｺｳ</v>
          </cell>
          <cell r="N634" t="str">
            <v>有</v>
          </cell>
          <cell r="O634">
            <v>59</v>
          </cell>
          <cell r="P634">
            <v>247</v>
          </cell>
          <cell r="Q634">
            <v>5010901005975</v>
          </cell>
          <cell r="R634">
            <v>1947661</v>
          </cell>
          <cell r="S634">
            <v>10958000</v>
          </cell>
          <cell r="T634">
            <v>17715000</v>
          </cell>
          <cell r="V634" t="str">
            <v>fk205774</v>
          </cell>
          <cell r="W634" t="str">
            <v>cp272927</v>
          </cell>
          <cell r="X634" t="str">
            <v>(清)(と)(鋼)(機)(水)(解)土建と電管タ鋼浚機園井水清解</v>
          </cell>
          <cell r="Y634" t="str">
            <v>(清)(と)(鋼)(機)(水)(解)</v>
          </cell>
          <cell r="Z634" t="str">
            <v>土建と電管タ鋼浚機園井水清解</v>
          </cell>
          <cell r="AA634" t="str">
            <v>水道施設</v>
          </cell>
          <cell r="AB634" t="str">
            <v>機械器具</v>
          </cell>
          <cell r="AC634" t="str">
            <v>土木一式</v>
          </cell>
          <cell r="AD634" t="str">
            <v/>
          </cell>
          <cell r="AE634">
            <v>43190</v>
          </cell>
          <cell r="AF634" t="str">
            <v>希望しない</v>
          </cell>
          <cell r="AG634" t="str">
            <v>水道施設</v>
          </cell>
          <cell r="AH634" t="str">
            <v>特定</v>
          </cell>
          <cell r="AI634">
            <v>1304</v>
          </cell>
          <cell r="AJ634">
            <v>2647125</v>
          </cell>
          <cell r="AK634" t="str">
            <v>86(85)/4/12</v>
          </cell>
          <cell r="AL634" t="str">
            <v>機械器具</v>
          </cell>
          <cell r="AM634" t="str">
            <v>特定</v>
          </cell>
          <cell r="AN634">
            <v>1269</v>
          </cell>
          <cell r="AO634">
            <v>5075596</v>
          </cell>
          <cell r="AP634" t="str">
            <v>0(0)/0/110</v>
          </cell>
          <cell r="AQ634" t="str">
            <v>土木一式</v>
          </cell>
          <cell r="AR634" t="str">
            <v>特定</v>
          </cell>
          <cell r="AS634">
            <v>951</v>
          </cell>
          <cell r="AT634" t="str">
            <v/>
          </cell>
          <cell r="AU634" t="str">
            <v>12(12)/0/0</v>
          </cell>
          <cell r="AV634" t="str">
            <v/>
          </cell>
          <cell r="AW634" t="str">
            <v/>
          </cell>
          <cell r="AX634" t="str">
            <v/>
          </cell>
          <cell r="AY634" t="str">
            <v/>
          </cell>
          <cell r="AZ634" t="str">
            <v/>
          </cell>
          <cell r="BA634" t="str">
            <v>東京都</v>
          </cell>
          <cell r="BB634">
            <v>0</v>
          </cell>
          <cell r="CR634">
            <v>5494</v>
          </cell>
          <cell r="CS634" t="str">
            <v>ﾅｶﾞﾉ ﾋﾄｼ</v>
          </cell>
          <cell r="CT634" t="str">
            <v>永野  仁</v>
          </cell>
          <cell r="CU634" t="str">
            <v>情報管理課</v>
          </cell>
          <cell r="CW634">
            <v>6671361</v>
          </cell>
          <cell r="CX634" t="str">
            <v>主任</v>
          </cell>
          <cell r="CY634" t="str">
            <v>情報管理課長</v>
          </cell>
        </row>
        <row r="635">
          <cell r="B635">
            <v>2985</v>
          </cell>
          <cell r="C635" t="str">
            <v>須賀工業(株)</v>
          </cell>
          <cell r="D635" t="str">
            <v>078-351-3451</v>
          </cell>
          <cell r="E635" t="str">
            <v>650-0027</v>
          </cell>
          <cell r="F635" t="str">
            <v xml:space="preserve">兵庫県神戸市中央区中町通2-3-2 </v>
          </cell>
          <cell r="G635" t="str">
            <v/>
          </cell>
          <cell r="H635" t="str">
            <v>神戸支店</v>
          </cell>
          <cell r="I635" t="str">
            <v>執行役員支店長 峰　宏</v>
          </cell>
          <cell r="J635" t="str">
            <v>東京都</v>
          </cell>
          <cell r="K635" t="str">
            <v>078-371-4021</v>
          </cell>
          <cell r="L635" t="str">
            <v>yo-ogawa@suga-kogyo.co.jp</v>
          </cell>
          <cell r="M635" t="str">
            <v>ｽｶﾞｺｳｷﾞｮｳ</v>
          </cell>
          <cell r="N635" t="str">
            <v>有</v>
          </cell>
          <cell r="O635">
            <v>68</v>
          </cell>
          <cell r="P635">
            <v>569</v>
          </cell>
          <cell r="Q635">
            <v>1010501032696</v>
          </cell>
          <cell r="R635">
            <v>1950000</v>
          </cell>
          <cell r="S635">
            <v>25792961</v>
          </cell>
          <cell r="T635">
            <v>34968680</v>
          </cell>
          <cell r="V635" t="str">
            <v>ad966217</v>
          </cell>
          <cell r="W635" t="str">
            <v>qj133916</v>
          </cell>
          <cell r="X635" t="str">
            <v>(管)(機)建電管機消</v>
          </cell>
          <cell r="Y635" t="str">
            <v>(管)(機)</v>
          </cell>
          <cell r="Z635" t="str">
            <v>建電管機消</v>
          </cell>
          <cell r="AA635" t="str">
            <v>管</v>
          </cell>
          <cell r="AB635" t="str">
            <v>機械器具</v>
          </cell>
          <cell r="AC635" t="str">
            <v>消防施設</v>
          </cell>
          <cell r="AD635" t="str">
            <v>建築一式</v>
          </cell>
          <cell r="AE635">
            <v>43190</v>
          </cell>
          <cell r="AF635" t="str">
            <v>希望しない</v>
          </cell>
          <cell r="AG635" t="str">
            <v>管</v>
          </cell>
          <cell r="AH635" t="str">
            <v>特定</v>
          </cell>
          <cell r="AI635">
            <v>1592</v>
          </cell>
          <cell r="AJ635">
            <v>35184197</v>
          </cell>
          <cell r="AK635" t="str">
            <v>345(247)/12/29</v>
          </cell>
          <cell r="AL635" t="str">
            <v>機械器具</v>
          </cell>
          <cell r="AM635" t="str">
            <v>特定</v>
          </cell>
          <cell r="AN635">
            <v>1078</v>
          </cell>
          <cell r="AO635">
            <v>47545</v>
          </cell>
          <cell r="AP635" t="str">
            <v>0(0)/0/102</v>
          </cell>
          <cell r="AQ635" t="str">
            <v>消防施設</v>
          </cell>
          <cell r="AR635" t="str">
            <v>特定</v>
          </cell>
          <cell r="AS635">
            <v>1152</v>
          </cell>
          <cell r="AT635">
            <v>146621</v>
          </cell>
          <cell r="AU635" t="str">
            <v>0(0)/0/64</v>
          </cell>
          <cell r="AV635" t="str">
            <v>建築一式</v>
          </cell>
          <cell r="AW635" t="str">
            <v>特定</v>
          </cell>
          <cell r="AX635">
            <v>970</v>
          </cell>
          <cell r="AY635" t="str">
            <v/>
          </cell>
          <cell r="AZ635" t="str">
            <v>7(4)/0/0</v>
          </cell>
          <cell r="BA635" t="str">
            <v>東京都</v>
          </cell>
          <cell r="BB635">
            <v>0</v>
          </cell>
          <cell r="CR635">
            <v>5508</v>
          </cell>
          <cell r="CS635" t="str">
            <v>ﾂﾂｲ ﾖｼｺ</v>
          </cell>
          <cell r="CT635" t="str">
            <v>筒井  好子</v>
          </cell>
          <cell r="CU635" t="str">
            <v>同和・人権推進課</v>
          </cell>
          <cell r="CW635">
            <v>2338</v>
          </cell>
          <cell r="CX635" t="str">
            <v>主査</v>
          </cell>
          <cell r="CY635" t="str">
            <v>市民税課長</v>
          </cell>
        </row>
        <row r="636">
          <cell r="B636">
            <v>2986</v>
          </cell>
          <cell r="C636" t="str">
            <v>杉本電気工事(株)</v>
          </cell>
          <cell r="D636" t="str">
            <v>078-576-6007</v>
          </cell>
          <cell r="E636" t="str">
            <v>652-0816</v>
          </cell>
          <cell r="F636" t="str">
            <v>兵庫県神戸市兵庫区永沢町2-1-4</v>
          </cell>
          <cell r="G636" t="str">
            <v>神戸市</v>
          </cell>
          <cell r="H636" t="str">
            <v/>
          </cell>
          <cell r="I636" t="str">
            <v>代表取締役 杉本　衞</v>
          </cell>
          <cell r="J636" t="str">
            <v>本店</v>
          </cell>
          <cell r="K636" t="str">
            <v>078-576-5171</v>
          </cell>
          <cell r="L636" t="str">
            <v>sugiden@orion.ocn.ne.jp</v>
          </cell>
          <cell r="M636" t="str">
            <v>ｽｷﾞﾓﾄﾃﾞﾝｷｺｳｼﾞ</v>
          </cell>
          <cell r="N636" t="str">
            <v>無</v>
          </cell>
          <cell r="O636">
            <v>34</v>
          </cell>
          <cell r="P636">
            <v>23</v>
          </cell>
          <cell r="Q636">
            <v>8140001013327</v>
          </cell>
          <cell r="R636">
            <v>30000</v>
          </cell>
          <cell r="S636">
            <v>367592</v>
          </cell>
          <cell r="T636">
            <v>1101696</v>
          </cell>
          <cell r="V636" t="str">
            <v>rj254554</v>
          </cell>
          <cell r="W636" t="str">
            <v>ce971209</v>
          </cell>
          <cell r="X636" t="str">
            <v>消電</v>
          </cell>
          <cell r="Y636" t="str">
            <v>消</v>
          </cell>
          <cell r="Z636" t="str">
            <v>電</v>
          </cell>
          <cell r="AA636" t="str">
            <v>電気</v>
          </cell>
          <cell r="AB636" t="str">
            <v>消防施設</v>
          </cell>
          <cell r="AC636" t="str">
            <v/>
          </cell>
          <cell r="AD636" t="str">
            <v/>
          </cell>
          <cell r="AE636">
            <v>43251</v>
          </cell>
          <cell r="AF636" t="str">
            <v>希望しない</v>
          </cell>
          <cell r="AG636" t="str">
            <v>電気</v>
          </cell>
          <cell r="AH636" t="str">
            <v>特定</v>
          </cell>
          <cell r="AI636">
            <v>1004</v>
          </cell>
          <cell r="AJ636">
            <v>870118</v>
          </cell>
          <cell r="AK636" t="str">
            <v>7(7)/5/3</v>
          </cell>
          <cell r="AL636" t="str">
            <v>消防施設</v>
          </cell>
          <cell r="AM636" t="str">
            <v>一般</v>
          </cell>
          <cell r="AN636">
            <v>765</v>
          </cell>
          <cell r="AO636" t="str">
            <v/>
          </cell>
          <cell r="AP636" t="str">
            <v>()/7/</v>
          </cell>
          <cell r="AQ636" t="str">
            <v/>
          </cell>
          <cell r="AR636" t="str">
            <v/>
          </cell>
          <cell r="AS636" t="str">
            <v/>
          </cell>
          <cell r="AT636" t="str">
            <v/>
          </cell>
          <cell r="AU636" t="str">
            <v/>
          </cell>
          <cell r="AV636" t="str">
            <v/>
          </cell>
          <cell r="AW636" t="str">
            <v/>
          </cell>
          <cell r="AX636" t="str">
            <v/>
          </cell>
          <cell r="AY636" t="str">
            <v/>
          </cell>
          <cell r="AZ636" t="str">
            <v/>
          </cell>
          <cell r="BA636" t="str">
            <v>兵庫県</v>
          </cell>
          <cell r="BB636">
            <v>0</v>
          </cell>
          <cell r="CR636">
            <v>5509</v>
          </cell>
          <cell r="CS636" t="str">
            <v>ｲﾘｴ ﾋﾛｷ</v>
          </cell>
          <cell r="CT636" t="str">
            <v>入江  宏樹</v>
          </cell>
          <cell r="CU636" t="str">
            <v>保健体育課</v>
          </cell>
          <cell r="CW636">
            <v>3654</v>
          </cell>
          <cell r="CX636" t="str">
            <v>副主幹</v>
          </cell>
          <cell r="CY636" t="str">
            <v>保健体育課長</v>
          </cell>
        </row>
        <row r="637">
          <cell r="B637">
            <v>2987</v>
          </cell>
          <cell r="C637" t="str">
            <v>スポーツサーフェス(株)</v>
          </cell>
          <cell r="D637" t="str">
            <v>06-4390-5074</v>
          </cell>
          <cell r="E637" t="str">
            <v>550-0012</v>
          </cell>
          <cell r="F637" t="str">
            <v>大阪府大阪市西区立売堀1丁目11番17号</v>
          </cell>
          <cell r="G637" t="str">
            <v/>
          </cell>
          <cell r="H637" t="str">
            <v>大阪営業所</v>
          </cell>
          <cell r="I637" t="str">
            <v>所長 武藤　太</v>
          </cell>
          <cell r="J637" t="str">
            <v>東京都</v>
          </cell>
          <cell r="K637" t="str">
            <v>06-4390-5076</v>
          </cell>
          <cell r="L637" t="str">
            <v>deco-oosaka@decoturf.co.jp</v>
          </cell>
          <cell r="M637" t="str">
            <v>ｽﾎﾟｰﾂｻｰﾌｪｽ</v>
          </cell>
          <cell r="N637" t="str">
            <v>有</v>
          </cell>
          <cell r="O637">
            <v>24</v>
          </cell>
          <cell r="P637">
            <v>25</v>
          </cell>
          <cell r="Q637">
            <v>1010001076533</v>
          </cell>
          <cell r="R637">
            <v>40000</v>
          </cell>
          <cell r="S637">
            <v>126745</v>
          </cell>
          <cell r="T637">
            <v>778022</v>
          </cell>
          <cell r="V637" t="str">
            <v>ze168775</v>
          </cell>
          <cell r="W637" t="str">
            <v>xy954424</v>
          </cell>
          <cell r="X637" t="str">
            <v>土と鋼舗塗園</v>
          </cell>
          <cell r="Y637" t="str">
            <v/>
          </cell>
          <cell r="Z637" t="str">
            <v>土と鋼舗塗園</v>
          </cell>
          <cell r="AA637" t="str">
            <v>土木一式</v>
          </cell>
          <cell r="AB637" t="str">
            <v>舗装</v>
          </cell>
          <cell r="AC637" t="str">
            <v/>
          </cell>
          <cell r="AD637" t="str">
            <v/>
          </cell>
          <cell r="AE637" t="str">
            <v>H29.9</v>
          </cell>
          <cell r="AF637" t="str">
            <v>希望しない</v>
          </cell>
          <cell r="AG637" t="str">
            <v>土木一式</v>
          </cell>
          <cell r="AH637" t="str">
            <v>特定</v>
          </cell>
          <cell r="AI637">
            <v>872</v>
          </cell>
          <cell r="AJ637">
            <v>438516</v>
          </cell>
          <cell r="AK637" t="str">
            <v>4(4)/2/</v>
          </cell>
          <cell r="AL637" t="str">
            <v>舗装</v>
          </cell>
          <cell r="AM637" t="str">
            <v>特定</v>
          </cell>
          <cell r="AN637">
            <v>829</v>
          </cell>
          <cell r="AO637">
            <v>226873</v>
          </cell>
          <cell r="AP637" t="str">
            <v>3(3)/2/</v>
          </cell>
          <cell r="AQ637" t="str">
            <v/>
          </cell>
          <cell r="AR637" t="str">
            <v/>
          </cell>
          <cell r="AS637" t="str">
            <v/>
          </cell>
          <cell r="AT637" t="str">
            <v/>
          </cell>
          <cell r="AU637" t="str">
            <v/>
          </cell>
          <cell r="AV637" t="str">
            <v/>
          </cell>
          <cell r="AW637" t="str">
            <v/>
          </cell>
          <cell r="AX637" t="str">
            <v/>
          </cell>
          <cell r="AY637" t="str">
            <v/>
          </cell>
          <cell r="AZ637" t="str">
            <v/>
          </cell>
          <cell r="BA637" t="str">
            <v>東京都</v>
          </cell>
          <cell r="BB637">
            <v>0</v>
          </cell>
          <cell r="CR637">
            <v>5510</v>
          </cell>
          <cell r="CS637" t="str">
            <v>ｵｵﾐﾔ ﾏｻﾙ</v>
          </cell>
          <cell r="CT637" t="str">
            <v>大宮  優</v>
          </cell>
          <cell r="CU637" t="str">
            <v>庶務課</v>
          </cell>
          <cell r="CW637">
            <v>3447</v>
          </cell>
          <cell r="CX637" t="str">
            <v>副主幹</v>
          </cell>
          <cell r="CY637" t="str">
            <v>庶務課長</v>
          </cell>
        </row>
        <row r="638">
          <cell r="B638">
            <v>2988</v>
          </cell>
          <cell r="C638" t="str">
            <v>(株)スポーツテクノ和広</v>
          </cell>
          <cell r="D638" t="str">
            <v>078-414-4301</v>
          </cell>
          <cell r="E638" t="str">
            <v>658-0083</v>
          </cell>
          <cell r="F638" t="str">
            <v>兵庫県神戸市東灘区魚崎中町3-4-14</v>
          </cell>
          <cell r="G638" t="str">
            <v/>
          </cell>
          <cell r="H638" t="str">
            <v>神戸営業所</v>
          </cell>
          <cell r="I638" t="str">
            <v>所長 野村　健一</v>
          </cell>
          <cell r="J638" t="str">
            <v>東京都</v>
          </cell>
          <cell r="K638" t="str">
            <v>078-414-4302</v>
          </cell>
          <cell r="L638" t="str">
            <v>osaka@st-wako.com</v>
          </cell>
          <cell r="M638" t="str">
            <v>ｽﾎﾟｰﾂﾃｸﾉﾜｺｳ</v>
          </cell>
          <cell r="N638" t="str">
            <v>有</v>
          </cell>
          <cell r="O638">
            <v>46</v>
          </cell>
          <cell r="P638">
            <v>96</v>
          </cell>
          <cell r="Q638">
            <v>4010701005061</v>
          </cell>
          <cell r="R638">
            <v>49800</v>
          </cell>
          <cell r="S638">
            <v>1601447</v>
          </cell>
          <cell r="T638">
            <v>6694417</v>
          </cell>
          <cell r="V638" t="str">
            <v>ty414837</v>
          </cell>
          <cell r="W638" t="str">
            <v>rt205683</v>
          </cell>
          <cell r="X638" t="str">
            <v>建(清)(と)(舗)(園)土と舗園</v>
          </cell>
          <cell r="Y638" t="str">
            <v>建(清)(と)(舗)(園)</v>
          </cell>
          <cell r="Z638" t="str">
            <v>土と舗園</v>
          </cell>
          <cell r="AA638" t="str">
            <v>土木一式</v>
          </cell>
          <cell r="AB638" t="str">
            <v>造園</v>
          </cell>
          <cell r="AC638" t="str">
            <v>舗装</v>
          </cell>
          <cell r="AD638" t="str">
            <v>とび土工</v>
          </cell>
          <cell r="AE638">
            <v>43312</v>
          </cell>
          <cell r="AF638" t="str">
            <v>希望しない</v>
          </cell>
          <cell r="AG638" t="str">
            <v>土木一式</v>
          </cell>
          <cell r="AH638" t="str">
            <v>特定</v>
          </cell>
          <cell r="AI638">
            <v>1172</v>
          </cell>
          <cell r="AJ638">
            <v>2100664</v>
          </cell>
          <cell r="AK638" t="str">
            <v>32(29)/5/8</v>
          </cell>
          <cell r="AL638" t="str">
            <v>造園</v>
          </cell>
          <cell r="AM638" t="str">
            <v>特定</v>
          </cell>
          <cell r="AN638">
            <v>954</v>
          </cell>
          <cell r="AO638">
            <v>58124</v>
          </cell>
          <cell r="AP638" t="str">
            <v>16(14)/0/0</v>
          </cell>
          <cell r="AQ638" t="str">
            <v>舗装</v>
          </cell>
          <cell r="AR638" t="str">
            <v>特定</v>
          </cell>
          <cell r="AS638">
            <v>1132</v>
          </cell>
          <cell r="AT638">
            <v>3154155</v>
          </cell>
          <cell r="AU638" t="str">
            <v>17(15)/8/5</v>
          </cell>
          <cell r="AV638" t="str">
            <v>とび土工</v>
          </cell>
          <cell r="AW638" t="str">
            <v>特定</v>
          </cell>
          <cell r="AX638">
            <v>914</v>
          </cell>
          <cell r="AY638">
            <v>394795</v>
          </cell>
          <cell r="AZ638" t="str">
            <v>0(0)/0/1</v>
          </cell>
          <cell r="BA638" t="str">
            <v>東京都</v>
          </cell>
          <cell r="BB638">
            <v>0</v>
          </cell>
          <cell r="CR638">
            <v>5511</v>
          </cell>
          <cell r="CS638" t="str">
            <v>ｺｳﾀﾞ ﾐｻｷ</v>
          </cell>
          <cell r="CT638" t="str">
            <v>幸田  みさき</v>
          </cell>
          <cell r="CU638" t="str">
            <v>市民税課</v>
          </cell>
          <cell r="CW638">
            <v>2768</v>
          </cell>
          <cell r="CX638" t="str">
            <v xml:space="preserve"> </v>
          </cell>
          <cell r="CY638" t="str">
            <v>市民税課長</v>
          </cell>
        </row>
        <row r="639">
          <cell r="B639">
            <v>2999</v>
          </cell>
          <cell r="C639" t="str">
            <v>住友電設(株)</v>
          </cell>
          <cell r="D639" t="str">
            <v>078-331-3313</v>
          </cell>
          <cell r="E639" t="str">
            <v>650-0034</v>
          </cell>
          <cell r="F639" t="str">
            <v>兵庫県神戸市中央区京町70</v>
          </cell>
          <cell r="G639" t="str">
            <v>大阪市</v>
          </cell>
          <cell r="H639" t="str">
            <v>神戸支店</v>
          </cell>
          <cell r="I639" t="str">
            <v>支店長 佐々木　直靖</v>
          </cell>
          <cell r="J639" t="str">
            <v>大阪府大阪市</v>
          </cell>
          <cell r="K639" t="str">
            <v>078-331-2960</v>
          </cell>
          <cell r="L639" t="str">
            <v>kobe.branch@sem.co.jp</v>
          </cell>
          <cell r="M639" t="str">
            <v>ｽﾐﾄﾓﾃﾞﾝｾﾂ</v>
          </cell>
          <cell r="N639" t="str">
            <v>有</v>
          </cell>
          <cell r="O639">
            <v>67</v>
          </cell>
          <cell r="P639">
            <v>1276</v>
          </cell>
          <cell r="Q639">
            <v>7120001044515</v>
          </cell>
          <cell r="R639">
            <v>6440437</v>
          </cell>
          <cell r="S639">
            <v>57033850</v>
          </cell>
          <cell r="T639">
            <v>100245321</v>
          </cell>
          <cell r="V639" t="str">
            <v>sy160790</v>
          </cell>
          <cell r="W639" t="str">
            <v>dr635995</v>
          </cell>
          <cell r="X639" t="str">
            <v>塗消(電)(消)土建と電管鋼舗内機通水解</v>
          </cell>
          <cell r="Y639" t="str">
            <v>塗消(電)(消)</v>
          </cell>
          <cell r="Z639" t="str">
            <v>土建と電管鋼舗内機通水解</v>
          </cell>
          <cell r="AA639" t="str">
            <v>電気</v>
          </cell>
          <cell r="AB639" t="str">
            <v>消防施設</v>
          </cell>
          <cell r="AC639" t="str">
            <v/>
          </cell>
          <cell r="AD639" t="str">
            <v/>
          </cell>
          <cell r="AE639">
            <v>43190</v>
          </cell>
          <cell r="AF639" t="str">
            <v>希望しない</v>
          </cell>
          <cell r="AG639" t="str">
            <v>電気</v>
          </cell>
          <cell r="AH639" t="str">
            <v>特定</v>
          </cell>
          <cell r="AI639">
            <v>1783</v>
          </cell>
          <cell r="AJ639">
            <v>68801726</v>
          </cell>
          <cell r="AK639" t="str">
            <v>639(510)/23/120</v>
          </cell>
          <cell r="AL639" t="str">
            <v>消防施設</v>
          </cell>
          <cell r="AM639" t="str">
            <v>一般</v>
          </cell>
          <cell r="AN639">
            <v>1175</v>
          </cell>
          <cell r="AO639">
            <v>109958</v>
          </cell>
          <cell r="AP639" t="str">
            <v>0(0)/54/0</v>
          </cell>
          <cell r="AQ639" t="str">
            <v/>
          </cell>
          <cell r="AR639" t="str">
            <v/>
          </cell>
          <cell r="AS639" t="str">
            <v/>
          </cell>
          <cell r="AT639" t="str">
            <v/>
          </cell>
          <cell r="AU639" t="str">
            <v/>
          </cell>
          <cell r="AV639" t="str">
            <v/>
          </cell>
          <cell r="AW639" t="str">
            <v/>
          </cell>
          <cell r="AX639" t="str">
            <v/>
          </cell>
          <cell r="AY639" t="str">
            <v/>
          </cell>
          <cell r="AZ639" t="str">
            <v/>
          </cell>
          <cell r="BA639" t="str">
            <v>大阪府</v>
          </cell>
          <cell r="BB639">
            <v>0</v>
          </cell>
          <cell r="CR639">
            <v>5512</v>
          </cell>
          <cell r="CS639" t="str">
            <v>ｺﾅｶ ﾙﾐｺ</v>
          </cell>
          <cell r="CT639" t="str">
            <v>小中  留美子</v>
          </cell>
          <cell r="CU639" t="str">
            <v>道路保全課</v>
          </cell>
          <cell r="CW639">
            <v>4736</v>
          </cell>
          <cell r="CX639" t="str">
            <v>主査</v>
          </cell>
          <cell r="CY639" t="str">
            <v>道路保全課長</v>
          </cell>
        </row>
        <row r="640">
          <cell r="B640">
            <v>3001</v>
          </cell>
          <cell r="C640" t="str">
            <v>住友重機械エンバイロメント(株)</v>
          </cell>
          <cell r="D640" t="str">
            <v>06-7635-3681</v>
          </cell>
          <cell r="E640" t="str">
            <v>530-0005</v>
          </cell>
          <cell r="F640" t="str">
            <v>大阪府大阪市北区中之島2-3-33</v>
          </cell>
          <cell r="G640" t="str">
            <v>品川</v>
          </cell>
          <cell r="H640" t="str">
            <v>大阪支店</v>
          </cell>
          <cell r="I640" t="str">
            <v>支店長 井本　秀樹</v>
          </cell>
          <cell r="J640" t="str">
            <v>東京都品川</v>
          </cell>
          <cell r="K640" t="str">
            <v>06-7711-5107</v>
          </cell>
          <cell r="L640" t="str">
            <v>zmz_kan@shi.co.jp</v>
          </cell>
          <cell r="M640" t="str">
            <v>ｽﾐﾄﾓｼﾞｭｳｷｶｲｴﾝﾊﾞｲﾛﾒﾝﾄ</v>
          </cell>
          <cell r="N640" t="str">
            <v>有</v>
          </cell>
          <cell r="O640">
            <v>51</v>
          </cell>
          <cell r="P640">
            <v>816</v>
          </cell>
          <cell r="Q640">
            <v>9010701017762</v>
          </cell>
          <cell r="R640">
            <v>480000</v>
          </cell>
          <cell r="S640">
            <v>20475729</v>
          </cell>
          <cell r="T640">
            <v>31244947</v>
          </cell>
          <cell r="V640" t="str">
            <v>xq440855</v>
          </cell>
          <cell r="W640" t="str">
            <v>mx601278</v>
          </cell>
          <cell r="X640" t="str">
            <v>(清)(建)(左)(電)(管)(タ)(鋼)(塗)(防)(機)(水)(清)(解)土建電管タ鋼塗防機水清解</v>
          </cell>
          <cell r="Y640" t="str">
            <v>(清)(建)(左)(電)(管)(タ)(鋼)(塗)(防)(機)(水)(清)(解)</v>
          </cell>
          <cell r="Z640" t="str">
            <v>土建電管タ鋼塗防機水清解</v>
          </cell>
          <cell r="AA640" t="str">
            <v>機械器具</v>
          </cell>
          <cell r="AB640" t="str">
            <v>水道施設</v>
          </cell>
          <cell r="AC640" t="str">
            <v>管</v>
          </cell>
          <cell r="AD640" t="str">
            <v>清掃施設</v>
          </cell>
          <cell r="AE640">
            <v>43190</v>
          </cell>
          <cell r="AF640" t="str">
            <v>希望しない</v>
          </cell>
          <cell r="AG640" t="str">
            <v>機械器具</v>
          </cell>
          <cell r="AH640" t="str">
            <v>特定</v>
          </cell>
          <cell r="AI640">
            <v>1437</v>
          </cell>
          <cell r="AJ640">
            <v>12904350</v>
          </cell>
          <cell r="AK640" t="str">
            <v>1(1)/0/266</v>
          </cell>
          <cell r="AL640" t="str">
            <v>水道施設</v>
          </cell>
          <cell r="AM640" t="str">
            <v>特定</v>
          </cell>
          <cell r="AN640">
            <v>1381</v>
          </cell>
          <cell r="AO640">
            <v>3053524</v>
          </cell>
          <cell r="AP640" t="str">
            <v>124(96)/13/94</v>
          </cell>
          <cell r="AQ640" t="str">
            <v>管</v>
          </cell>
          <cell r="AR640" t="str">
            <v>特定</v>
          </cell>
          <cell r="AS640">
            <v>1104</v>
          </cell>
          <cell r="AT640">
            <v>59695</v>
          </cell>
          <cell r="AU640" t="str">
            <v>15(11)/5/0</v>
          </cell>
          <cell r="AV640" t="str">
            <v>清掃施設</v>
          </cell>
          <cell r="AW640" t="str">
            <v>特定</v>
          </cell>
          <cell r="AX640">
            <v>1255</v>
          </cell>
          <cell r="AY640">
            <v>3086225</v>
          </cell>
          <cell r="AZ640" t="str">
            <v>2(2)/0/46</v>
          </cell>
          <cell r="BA640" t="str">
            <v>東京都</v>
          </cell>
          <cell r="BB640">
            <v>0</v>
          </cell>
          <cell r="CR640">
            <v>5513</v>
          </cell>
          <cell r="CS640" t="str">
            <v>ｵｿｺﾞｼ ﾙﾐ</v>
          </cell>
          <cell r="CT640" t="str">
            <v>遅越  るみ</v>
          </cell>
          <cell r="CU640" t="str">
            <v>子育て支援課</v>
          </cell>
          <cell r="CW640">
            <v>2681</v>
          </cell>
          <cell r="CX640" t="str">
            <v>主査</v>
          </cell>
          <cell r="CY640" t="str">
            <v>子育て支援課長</v>
          </cell>
        </row>
        <row r="641">
          <cell r="B641">
            <v>3003</v>
          </cell>
          <cell r="C641" t="str">
            <v>スエヒロシステム(株)</v>
          </cell>
          <cell r="D641" t="str">
            <v>06-6203-2284</v>
          </cell>
          <cell r="E641" t="str">
            <v>541-0053</v>
          </cell>
          <cell r="F641" t="str">
            <v>大阪府大阪市中央区平野町1-6-8-702</v>
          </cell>
          <cell r="G641" t="str">
            <v>大阪市</v>
          </cell>
          <cell r="H641" t="str">
            <v/>
          </cell>
          <cell r="I641" t="str">
            <v>代表取締役　 末廣　盛男</v>
          </cell>
          <cell r="J641" t="str">
            <v>本店</v>
          </cell>
          <cell r="K641" t="str">
            <v>06-6203-1136</v>
          </cell>
          <cell r="L641" t="str">
            <v>info@suehiro-sys.co.jp</v>
          </cell>
          <cell r="M641" t="str">
            <v>ｽｴﾋﾛｼｽﾃﾑ</v>
          </cell>
          <cell r="N641" t="str">
            <v>無</v>
          </cell>
          <cell r="O641">
            <v>22</v>
          </cell>
          <cell r="P641">
            <v>25</v>
          </cell>
          <cell r="Q641">
            <v>5120000000000</v>
          </cell>
          <cell r="R641">
            <v>30000</v>
          </cell>
          <cell r="S641">
            <v>83122</v>
          </cell>
          <cell r="T641">
            <v>490214</v>
          </cell>
          <cell r="V641" t="str">
            <v>xv701024</v>
          </cell>
          <cell r="W641" t="str">
            <v>vb888396</v>
          </cell>
          <cell r="X641" t="str">
            <v>(清)(建)(左)(電)(管)(タ)(鋼)(塗)(防)(機)(水)(清)(解)土建電管タ鋼塗防機水清解</v>
          </cell>
          <cell r="Y641" t="str">
            <v>(清)(建)(左)(電)(管)(タ)(鋼)(塗)(防)(機)(水)(清)(解)</v>
          </cell>
          <cell r="Z641" t="str">
            <v>土建電管タ鋼塗防機水清解</v>
          </cell>
          <cell r="AA641" t="str">
            <v>機械器具</v>
          </cell>
          <cell r="AB641" t="str">
            <v>電気</v>
          </cell>
          <cell r="AC641" t="str">
            <v>水道施設</v>
          </cell>
          <cell r="AD641" t="str">
            <v>鋼構造物</v>
          </cell>
          <cell r="AE641">
            <v>42978</v>
          </cell>
          <cell r="AF641" t="str">
            <v>希望しない</v>
          </cell>
          <cell r="AG641" t="str">
            <v>機械器具</v>
          </cell>
          <cell r="AH641" t="str">
            <v>一般</v>
          </cell>
          <cell r="AI641">
            <v>695</v>
          </cell>
          <cell r="AJ641">
            <v>279798</v>
          </cell>
          <cell r="AK641" t="str">
            <v>0(0)/0/5</v>
          </cell>
          <cell r="AL641" t="str">
            <v>電気</v>
          </cell>
          <cell r="AM641" t="str">
            <v>特定</v>
          </cell>
          <cell r="AN641">
            <v>684</v>
          </cell>
          <cell r="AO641">
            <v>108143</v>
          </cell>
          <cell r="AP641" t="str">
            <v>2(2)/1/1</v>
          </cell>
          <cell r="AQ641" t="str">
            <v>水道施設</v>
          </cell>
          <cell r="AR641" t="str">
            <v>特定</v>
          </cell>
          <cell r="AS641">
            <v>596</v>
          </cell>
          <cell r="AT641" t="str">
            <v/>
          </cell>
          <cell r="AU641" t="str">
            <v>2(2)/0/0</v>
          </cell>
          <cell r="AV641" t="str">
            <v>鋼構造物</v>
          </cell>
          <cell r="AW641" t="str">
            <v>特定</v>
          </cell>
          <cell r="AX641">
            <v>589</v>
          </cell>
          <cell r="AY641">
            <v>2705</v>
          </cell>
          <cell r="AZ641" t="str">
            <v>1(1)/0/0</v>
          </cell>
          <cell r="BA641" t="str">
            <v>大阪府</v>
          </cell>
          <cell r="BB641">
            <v>0</v>
          </cell>
          <cell r="CR641">
            <v>5514</v>
          </cell>
          <cell r="CS641" t="str">
            <v>ﾄﾁｵ ﾓﾘﾄｼ</v>
          </cell>
          <cell r="CT641" t="str">
            <v>杤尾  守俊</v>
          </cell>
          <cell r="CU641" t="str">
            <v>危機管理室</v>
          </cell>
          <cell r="CW641">
            <v>3155</v>
          </cell>
          <cell r="CX641" t="str">
            <v>主任</v>
          </cell>
          <cell r="CY641" t="str">
            <v>危機管理室長</v>
          </cell>
        </row>
        <row r="642">
          <cell r="B642">
            <v>3007</v>
          </cell>
          <cell r="C642" t="str">
            <v>(株)水機テクノス</v>
          </cell>
          <cell r="D642" t="str">
            <v>06-6337-1061</v>
          </cell>
          <cell r="E642" t="str">
            <v>531-0072</v>
          </cell>
          <cell r="F642" t="str">
            <v>大阪府吹田市江坂町1-23-5</v>
          </cell>
          <cell r="G642" t="str">
            <v/>
          </cell>
          <cell r="H642" t="str">
            <v>大阪営業所</v>
          </cell>
          <cell r="I642" t="str">
            <v>所長　 田代　順一</v>
          </cell>
          <cell r="J642" t="str">
            <v>東京都</v>
          </cell>
          <cell r="K642" t="str">
            <v>06-6337-1062</v>
          </cell>
          <cell r="L642" t="str">
            <v>eigyou-kanri@suiki-tec.co.jp</v>
          </cell>
          <cell r="M642" t="str">
            <v>ｽｲｷﾃｸﾉｽ</v>
          </cell>
          <cell r="N642" t="str">
            <v>有</v>
          </cell>
          <cell r="O642">
            <v>51</v>
          </cell>
          <cell r="P642">
            <v>460</v>
          </cell>
          <cell r="Q642">
            <v>6010900000000</v>
          </cell>
          <cell r="R642">
            <v>80000</v>
          </cell>
          <cell r="S642">
            <v>773130</v>
          </cell>
          <cell r="T642">
            <v>6422334</v>
          </cell>
          <cell r="V642" t="str">
            <v>ce971209</v>
          </cell>
          <cell r="W642" t="str">
            <v>xq440855</v>
          </cell>
          <cell r="X642" t="str">
            <v>(清)(建)(左)(電)(管)(タ)(鋼)(塗)(防)(機)(水)(清)(解)土建電管タ鋼塗防機水清解</v>
          </cell>
          <cell r="Y642" t="str">
            <v>(清)(建)(左)(電)(管)(タ)(鋼)(塗)(防)(機)(水)(清)(解)</v>
          </cell>
          <cell r="Z642" t="str">
            <v>土建電管タ鋼塗防機水清解</v>
          </cell>
          <cell r="AA642" t="str">
            <v>機械器具</v>
          </cell>
          <cell r="AB642" t="str">
            <v>水道施設</v>
          </cell>
          <cell r="AC642" t="str">
            <v>電気</v>
          </cell>
          <cell r="AD642" t="str">
            <v>管</v>
          </cell>
          <cell r="AE642">
            <v>43190</v>
          </cell>
          <cell r="AF642" t="str">
            <v>希望しない</v>
          </cell>
          <cell r="AG642" t="str">
            <v>機械器具</v>
          </cell>
          <cell r="AH642" t="str">
            <v>特定</v>
          </cell>
          <cell r="AI642">
            <v>1103</v>
          </cell>
          <cell r="AJ642">
            <v>3023639</v>
          </cell>
          <cell r="AK642" t="str">
            <v>0(0)/0/95</v>
          </cell>
          <cell r="AL642" t="str">
            <v>水道施設</v>
          </cell>
          <cell r="AM642" t="str">
            <v>特定</v>
          </cell>
          <cell r="AN642">
            <v>1059</v>
          </cell>
          <cell r="AO642">
            <v>374183</v>
          </cell>
          <cell r="AP642" t="str">
            <v>49(48)/6/30</v>
          </cell>
          <cell r="AQ642" t="str">
            <v>電気</v>
          </cell>
          <cell r="AR642" t="str">
            <v>特定</v>
          </cell>
          <cell r="AS642">
            <v>919</v>
          </cell>
          <cell r="AT642">
            <v>70444</v>
          </cell>
          <cell r="AU642" t="str">
            <v>11(11)/0/0</v>
          </cell>
          <cell r="AV642" t="str">
            <v>管</v>
          </cell>
          <cell r="AW642" t="str">
            <v>特定</v>
          </cell>
          <cell r="AX642">
            <v>852</v>
          </cell>
          <cell r="AY642">
            <v>8815</v>
          </cell>
          <cell r="AZ642" t="str">
            <v>8(8)/3/0</v>
          </cell>
          <cell r="BA642" t="str">
            <v>東京都</v>
          </cell>
          <cell r="BB642">
            <v>0</v>
          </cell>
          <cell r="CR642">
            <v>5515</v>
          </cell>
          <cell r="CS642" t="str">
            <v>ﾋﾗｲ ｹﾝｲﾁ</v>
          </cell>
          <cell r="CT642" t="str">
            <v>平井  賢一</v>
          </cell>
          <cell r="CU642" t="str">
            <v>職員課</v>
          </cell>
          <cell r="CW642">
            <v>3617</v>
          </cell>
          <cell r="CX642" t="str">
            <v>副主幹</v>
          </cell>
          <cell r="CY642" t="str">
            <v>職員課長</v>
          </cell>
        </row>
        <row r="643">
          <cell r="B643">
            <v>3009</v>
          </cell>
          <cell r="C643" t="str">
            <v>(株)スナミ</v>
          </cell>
          <cell r="D643" t="str">
            <v>078-241-7301</v>
          </cell>
          <cell r="E643" t="str">
            <v>650-0001</v>
          </cell>
          <cell r="F643" t="str">
            <v>兵庫県神戸市中央区加納町2-6-26</v>
          </cell>
          <cell r="G643" t="str">
            <v>神戸市</v>
          </cell>
          <cell r="H643" t="str">
            <v/>
          </cell>
          <cell r="I643" t="str">
            <v>代表取締役社長 東海林　隆</v>
          </cell>
          <cell r="J643" t="str">
            <v>本店</v>
          </cell>
          <cell r="K643" t="str">
            <v>078-241-7309</v>
          </cell>
          <cell r="L643" t="str">
            <v>info@kk-sunami.com</v>
          </cell>
          <cell r="M643" t="str">
            <v>ｽﾅﾐ</v>
          </cell>
          <cell r="N643" t="str">
            <v>無</v>
          </cell>
          <cell r="O643">
            <v>96</v>
          </cell>
          <cell r="P643">
            <v>12</v>
          </cell>
          <cell r="Q643">
            <v>9140001008672</v>
          </cell>
          <cell r="R643">
            <v>10000</v>
          </cell>
          <cell r="S643">
            <v>55316</v>
          </cell>
          <cell r="T643">
            <v>411811</v>
          </cell>
          <cell r="V643" t="str">
            <v>rt205683</v>
          </cell>
          <cell r="W643" t="str">
            <v>xv701024</v>
          </cell>
          <cell r="X643" t="str">
            <v>内消</v>
          </cell>
          <cell r="Y643" t="str">
            <v>内消</v>
          </cell>
          <cell r="Z643" t="str">
            <v/>
          </cell>
          <cell r="AA643" t="str">
            <v>消防施設</v>
          </cell>
          <cell r="AB643" t="str">
            <v>内装仕上</v>
          </cell>
          <cell r="AC643" t="str">
            <v/>
          </cell>
          <cell r="AD643" t="str">
            <v/>
          </cell>
          <cell r="AE643">
            <v>43281</v>
          </cell>
          <cell r="AF643" t="str">
            <v/>
          </cell>
          <cell r="AG643" t="str">
            <v>消防施設</v>
          </cell>
          <cell r="AH643" t="str">
            <v>一般</v>
          </cell>
          <cell r="AI643">
            <v>753</v>
          </cell>
          <cell r="AJ643">
            <v>73764</v>
          </cell>
          <cell r="AK643" t="str">
            <v>()/4/</v>
          </cell>
          <cell r="AL643" t="str">
            <v>内装仕上</v>
          </cell>
          <cell r="AM643" t="str">
            <v>一般</v>
          </cell>
          <cell r="AN643">
            <v>689</v>
          </cell>
          <cell r="AO643">
            <v>14836</v>
          </cell>
          <cell r="AP643" t="str">
            <v>()//2</v>
          </cell>
          <cell r="AQ643" t="str">
            <v/>
          </cell>
          <cell r="AR643" t="str">
            <v/>
          </cell>
          <cell r="AS643" t="str">
            <v/>
          </cell>
          <cell r="AT643" t="str">
            <v/>
          </cell>
          <cell r="AU643" t="str">
            <v/>
          </cell>
          <cell r="AV643" t="str">
            <v/>
          </cell>
          <cell r="AW643" t="str">
            <v/>
          </cell>
          <cell r="AX643" t="str">
            <v/>
          </cell>
          <cell r="AY643" t="str">
            <v/>
          </cell>
          <cell r="AZ643" t="str">
            <v/>
          </cell>
          <cell r="BA643" t="str">
            <v>兵庫県</v>
          </cell>
          <cell r="BB643">
            <v>0</v>
          </cell>
          <cell r="CR643">
            <v>5516</v>
          </cell>
          <cell r="CS643" t="str">
            <v>ﾏﾂｼﾀ ﾕｳｼﾞ</v>
          </cell>
          <cell r="CT643" t="str">
            <v>松下  裕治</v>
          </cell>
          <cell r="CU643" t="str">
            <v>管理課</v>
          </cell>
          <cell r="CW643" t="str">
            <v xml:space="preserve"> </v>
          </cell>
          <cell r="CX643" t="str">
            <v>主任</v>
          </cell>
          <cell r="CY643" t="str">
            <v>管理課長</v>
          </cell>
        </row>
        <row r="644">
          <cell r="B644">
            <v>3010</v>
          </cell>
          <cell r="C644" t="str">
            <v>スバル興業(株)</v>
          </cell>
          <cell r="D644" t="str">
            <v>06-6476-8801</v>
          </cell>
          <cell r="E644" t="str">
            <v>530-0015</v>
          </cell>
          <cell r="F644" t="str">
            <v>大阪府大阪市北区中崎西2-4-12</v>
          </cell>
          <cell r="G644" t="str">
            <v>千代田区</v>
          </cell>
          <cell r="H644" t="str">
            <v>関西支社</v>
          </cell>
          <cell r="I644" t="str">
            <v>常務取締役支社長 堀内　信之</v>
          </cell>
          <cell r="J644" t="str">
            <v>東京都千代田区</v>
          </cell>
          <cell r="K644" t="str">
            <v>06-6476-8802</v>
          </cell>
          <cell r="L644" t="str">
            <v/>
          </cell>
          <cell r="M644" t="str">
            <v/>
          </cell>
          <cell r="N644" t="str">
            <v>無</v>
          </cell>
          <cell r="O644">
            <v>52</v>
          </cell>
          <cell r="P644">
            <v>196</v>
          </cell>
          <cell r="Q644">
            <v>3010001008699</v>
          </cell>
          <cell r="R644">
            <v>1331000</v>
          </cell>
          <cell r="S644">
            <v>18351550</v>
          </cell>
          <cell r="T644">
            <v>16173359</v>
          </cell>
          <cell r="V644" t="str">
            <v>ut128514</v>
          </cell>
          <cell r="W644" t="str">
            <v>uo181224</v>
          </cell>
          <cell r="X644" t="str">
            <v>内消</v>
          </cell>
          <cell r="Y644" t="str">
            <v>内消</v>
          </cell>
          <cell r="Z644" t="str">
            <v/>
          </cell>
          <cell r="AA644" t="str">
            <v>とび土工</v>
          </cell>
          <cell r="AB644" t="str">
            <v>鋼構造物</v>
          </cell>
          <cell r="AC644" t="str">
            <v>土木一式</v>
          </cell>
          <cell r="AD644" t="str">
            <v>舗装</v>
          </cell>
          <cell r="AE644">
            <v>43555</v>
          </cell>
          <cell r="AF644" t="str">
            <v>希望しない</v>
          </cell>
          <cell r="AG644" t="str">
            <v>とび土工</v>
          </cell>
          <cell r="AH644" t="str">
            <v>特定</v>
          </cell>
          <cell r="AI644">
            <v>1372</v>
          </cell>
          <cell r="AJ644">
            <v>4999806</v>
          </cell>
          <cell r="AK644" t="str">
            <v>51(51)/39/0</v>
          </cell>
          <cell r="AL644" t="str">
            <v>鋼構造物</v>
          </cell>
          <cell r="AM644" t="str">
            <v>特定</v>
          </cell>
          <cell r="AN644">
            <v>1177</v>
          </cell>
          <cell r="AO644">
            <v>190648</v>
          </cell>
          <cell r="AP644" t="str">
            <v>28(27)/16/0</v>
          </cell>
          <cell r="AQ644" t="str">
            <v>土木一式</v>
          </cell>
          <cell r="AR644" t="str">
            <v>特定</v>
          </cell>
          <cell r="AS644">
            <v>1177</v>
          </cell>
          <cell r="AT644">
            <v>272201</v>
          </cell>
          <cell r="AU644" t="str">
            <v>19(18)/12/0</v>
          </cell>
          <cell r="AV644" t="str">
            <v>舗装</v>
          </cell>
          <cell r="AW644" t="str">
            <v>特定</v>
          </cell>
          <cell r="AX644">
            <v>1145</v>
          </cell>
          <cell r="AY644">
            <v>123768</v>
          </cell>
          <cell r="AZ644" t="str">
            <v>16(16)/12/0</v>
          </cell>
          <cell r="BA644" t="str">
            <v>東京都</v>
          </cell>
        </row>
        <row r="645">
          <cell r="B645">
            <v>3011</v>
          </cell>
          <cell r="C645" t="str">
            <v>杉本建設(株)</v>
          </cell>
          <cell r="D645" t="str">
            <v>06-6412-2450</v>
          </cell>
          <cell r="E645" t="str">
            <v>660-0052</v>
          </cell>
          <cell r="F645" t="str">
            <v>兵庫県尼崎市七松町1-13-9</v>
          </cell>
          <cell r="G645" t="str">
            <v>尼崎市</v>
          </cell>
          <cell r="H645" t="str">
            <v/>
          </cell>
          <cell r="I645" t="str">
            <v>代表取締役 杉本　昌一</v>
          </cell>
          <cell r="J645" t="str">
            <v>本店</v>
          </cell>
          <cell r="K645" t="str">
            <v>06-6419-5035</v>
          </cell>
          <cell r="L645" t="str">
            <v>office@sugimoto-kensetsu.co.jp</v>
          </cell>
          <cell r="M645" t="str">
            <v>ｽｷﾞﾓﾄｹﾝｾﾂ</v>
          </cell>
          <cell r="N645" t="str">
            <v>無</v>
          </cell>
          <cell r="O645">
            <v>53</v>
          </cell>
          <cell r="P645">
            <v>24</v>
          </cell>
          <cell r="Q645">
            <v>6140001049389</v>
          </cell>
          <cell r="R645">
            <v>75000</v>
          </cell>
          <cell r="S645">
            <v>93817</v>
          </cell>
          <cell r="T645">
            <v>609625</v>
          </cell>
          <cell r="V645" t="str">
            <v>mi146657</v>
          </cell>
          <cell r="W645" t="str">
            <v>nf181324</v>
          </cell>
          <cell r="X645" t="str">
            <v>管土と石鋼舗浚塗水解</v>
          </cell>
          <cell r="Y645" t="str">
            <v>管</v>
          </cell>
          <cell r="Z645" t="str">
            <v>土と石鋼舗浚塗水解</v>
          </cell>
          <cell r="AA645" t="str">
            <v>土木一式</v>
          </cell>
          <cell r="AB645" t="str">
            <v>舗装</v>
          </cell>
          <cell r="AC645" t="str">
            <v>管</v>
          </cell>
          <cell r="AD645" t="str">
            <v>鋼構造物</v>
          </cell>
          <cell r="AE645">
            <v>43555</v>
          </cell>
          <cell r="AF645" t="str">
            <v>希望しない</v>
          </cell>
          <cell r="AG645" t="str">
            <v>土木一式</v>
          </cell>
          <cell r="AH645" t="str">
            <v>特定</v>
          </cell>
          <cell r="AI645">
            <v>876</v>
          </cell>
          <cell r="AJ645">
            <v>520407</v>
          </cell>
          <cell r="AK645" t="str">
            <v>5(5)/2/2</v>
          </cell>
          <cell r="AL645" t="str">
            <v>舗装</v>
          </cell>
          <cell r="AM645" t="str">
            <v>特定</v>
          </cell>
          <cell r="AN645">
            <v>795</v>
          </cell>
          <cell r="AO645">
            <v>55377</v>
          </cell>
          <cell r="AP645" t="str">
            <v>5(5)/2/2</v>
          </cell>
          <cell r="AQ645" t="str">
            <v>管</v>
          </cell>
          <cell r="AR645" t="str">
            <v>一般</v>
          </cell>
          <cell r="AS645">
            <v>704</v>
          </cell>
          <cell r="AT645">
            <v>21650</v>
          </cell>
          <cell r="AU645" t="str">
            <v>0(0)/0/0</v>
          </cell>
          <cell r="AV645" t="str">
            <v>鋼構造物</v>
          </cell>
          <cell r="AW645" t="str">
            <v>特定</v>
          </cell>
          <cell r="AX645">
            <v>639</v>
          </cell>
          <cell r="AY645" t="str">
            <v/>
          </cell>
          <cell r="AZ645" t="str">
            <v>0(0)/0/0</v>
          </cell>
          <cell r="BA645" t="str">
            <v>兵庫県</v>
          </cell>
        </row>
        <row r="646">
          <cell r="B646">
            <v>3021</v>
          </cell>
          <cell r="C646" t="str">
            <v>世紀東急工業(株)</v>
          </cell>
          <cell r="D646" t="str">
            <v>078-975-0397</v>
          </cell>
          <cell r="E646" t="str">
            <v>651-2117</v>
          </cell>
          <cell r="F646" t="str">
            <v>兵庫県神戸市西区北別府4-2096-3</v>
          </cell>
          <cell r="G646" t="str">
            <v>神戸市</v>
          </cell>
          <cell r="H646" t="str">
            <v>神戸営業所</v>
          </cell>
          <cell r="I646" t="str">
            <v>所長 宮崎　真次</v>
          </cell>
          <cell r="J646" t="str">
            <v>東京都</v>
          </cell>
          <cell r="K646" t="str">
            <v>078-975-0189</v>
          </cell>
          <cell r="L646" t="str">
            <v>shidahara@seikitokyu.co.jp</v>
          </cell>
          <cell r="M646" t="str">
            <v>ｾｲｷﾄｳｷｭｳｺｳｷﾞｮｳ</v>
          </cell>
          <cell r="N646" t="str">
            <v>有</v>
          </cell>
          <cell r="O646">
            <v>68</v>
          </cell>
          <cell r="P646">
            <v>1142</v>
          </cell>
          <cell r="Q646">
            <v>1010401015438</v>
          </cell>
          <cell r="R646">
            <v>2000000</v>
          </cell>
          <cell r="S646">
            <v>27581212</v>
          </cell>
          <cell r="T646">
            <v>81659000</v>
          </cell>
          <cell r="V646" t="str">
            <v>sk505985</v>
          </cell>
          <cell r="W646" t="str">
            <v>nd459212</v>
          </cell>
          <cell r="X646" t="str">
            <v>(清)(と)(石)(鋼)(舗)(塗)(水)土建と石鋼舗塗園水</v>
          </cell>
          <cell r="Y646" t="str">
            <v>(清)(と)(石)(鋼)(舗)(塗)(水)</v>
          </cell>
          <cell r="Z646" t="str">
            <v>土建と石鋼舗塗園水</v>
          </cell>
          <cell r="AA646" t="str">
            <v>舗装</v>
          </cell>
          <cell r="AB646" t="str">
            <v>土木一式</v>
          </cell>
          <cell r="AC646" t="str">
            <v>とび土工</v>
          </cell>
          <cell r="AD646" t="str">
            <v>塗装</v>
          </cell>
          <cell r="AE646">
            <v>43190</v>
          </cell>
          <cell r="AF646" t="str">
            <v/>
          </cell>
          <cell r="AG646" t="str">
            <v>舗装</v>
          </cell>
          <cell r="AH646" t="str">
            <v>特定</v>
          </cell>
          <cell r="AI646">
            <v>1729</v>
          </cell>
          <cell r="AJ646">
            <v>47133848</v>
          </cell>
          <cell r="AK646" t="str">
            <v>521(350)/79/49</v>
          </cell>
          <cell r="AL646" t="str">
            <v>土木一式</v>
          </cell>
          <cell r="AM646" t="str">
            <v>特定</v>
          </cell>
          <cell r="AN646">
            <v>1329</v>
          </cell>
          <cell r="AO646">
            <v>1248362</v>
          </cell>
          <cell r="AP646" t="str">
            <v>36(22)/8/25</v>
          </cell>
          <cell r="AQ646" t="str">
            <v>とび土工</v>
          </cell>
          <cell r="AR646" t="str">
            <v>特定</v>
          </cell>
          <cell r="AS646">
            <v>1448</v>
          </cell>
          <cell r="AT646">
            <v>4490637</v>
          </cell>
          <cell r="AU646" t="str">
            <v>210(141)/17/0</v>
          </cell>
          <cell r="AV646" t="str">
            <v>塗装</v>
          </cell>
          <cell r="AW646" t="str">
            <v>特定</v>
          </cell>
          <cell r="AX646">
            <v>1264</v>
          </cell>
          <cell r="AY646">
            <v>246072</v>
          </cell>
          <cell r="AZ646" t="str">
            <v>53(33)/0/0</v>
          </cell>
          <cell r="BA646" t="str">
            <v>東京都</v>
          </cell>
          <cell r="BB646">
            <v>0</v>
          </cell>
          <cell r="CR646">
            <v>5517</v>
          </cell>
          <cell r="CS646" t="str">
            <v>ｺﾔﾏ ﾏｻﾕｷ</v>
          </cell>
          <cell r="CT646" t="str">
            <v>小山  雅之</v>
          </cell>
          <cell r="CU646" t="str">
            <v>住宅政策課</v>
          </cell>
          <cell r="CW646">
            <v>3363</v>
          </cell>
          <cell r="CX646" t="str">
            <v>主査</v>
          </cell>
          <cell r="CY646" t="str">
            <v>住宅政策課長</v>
          </cell>
        </row>
        <row r="647">
          <cell r="B647">
            <v>3022</v>
          </cell>
          <cell r="C647" t="str">
            <v>(株)精研</v>
          </cell>
          <cell r="D647" t="str">
            <v>078-303-2090</v>
          </cell>
          <cell r="E647" t="str">
            <v>650-0046</v>
          </cell>
          <cell r="F647" t="str">
            <v>兵庫県神戸市中央区港島中町6-9-1</v>
          </cell>
          <cell r="G647" t="str">
            <v>大阪市</v>
          </cell>
          <cell r="H647" t="str">
            <v>神戸営業所</v>
          </cell>
          <cell r="I647" t="str">
            <v>所長 河田　信義</v>
          </cell>
          <cell r="J647" t="str">
            <v>大阪府大阪市</v>
          </cell>
          <cell r="K647" t="str">
            <v>078-303-2091</v>
          </cell>
          <cell r="L647" t="str">
            <v>osakaseikenn@seikenn.co.jp</v>
          </cell>
          <cell r="M647" t="str">
            <v>ｾｲｹﾝ</v>
          </cell>
          <cell r="N647" t="str">
            <v>有</v>
          </cell>
          <cell r="O647">
            <v>56</v>
          </cell>
          <cell r="P647">
            <v>307</v>
          </cell>
          <cell r="Q647">
            <v>3120001082411</v>
          </cell>
          <cell r="R647">
            <v>200000</v>
          </cell>
          <cell r="S647">
            <v>6356194</v>
          </cell>
          <cell r="T647">
            <v>15378999</v>
          </cell>
          <cell r="V647" t="str">
            <v>tj770134</v>
          </cell>
          <cell r="W647" t="str">
            <v>jx741582</v>
          </cell>
          <cell r="X647" t="str">
            <v>消(管)土建と電管塗機</v>
          </cell>
          <cell r="Y647" t="str">
            <v>消(管)</v>
          </cell>
          <cell r="Z647" t="str">
            <v>土建と電管塗機</v>
          </cell>
          <cell r="AA647" t="str">
            <v>管</v>
          </cell>
          <cell r="AB647" t="str">
            <v/>
          </cell>
          <cell r="AC647" t="str">
            <v/>
          </cell>
          <cell r="AD647" t="str">
            <v/>
          </cell>
          <cell r="AE647">
            <v>42998</v>
          </cell>
          <cell r="AF647" t="str">
            <v>希望しない</v>
          </cell>
          <cell r="AG647" t="str">
            <v>管</v>
          </cell>
          <cell r="AH647" t="str">
            <v>特定</v>
          </cell>
          <cell r="AI647">
            <v>1355</v>
          </cell>
          <cell r="AJ647">
            <v>10432789</v>
          </cell>
          <cell r="AK647" t="str">
            <v>121(87)/44/15</v>
          </cell>
          <cell r="AL647" t="str">
            <v/>
          </cell>
          <cell r="AM647" t="str">
            <v/>
          </cell>
          <cell r="AN647" t="str">
            <v/>
          </cell>
          <cell r="AO647" t="str">
            <v/>
          </cell>
          <cell r="AP647" t="str">
            <v/>
          </cell>
          <cell r="AQ647" t="str">
            <v/>
          </cell>
          <cell r="AR647" t="str">
            <v/>
          </cell>
          <cell r="AS647" t="str">
            <v/>
          </cell>
          <cell r="AT647" t="str">
            <v/>
          </cell>
          <cell r="AU647" t="str">
            <v/>
          </cell>
          <cell r="AV647" t="str">
            <v/>
          </cell>
          <cell r="AW647" t="str">
            <v/>
          </cell>
          <cell r="AX647" t="str">
            <v/>
          </cell>
          <cell r="AY647" t="str">
            <v/>
          </cell>
          <cell r="AZ647" t="str">
            <v/>
          </cell>
          <cell r="BA647" t="str">
            <v>大阪府</v>
          </cell>
          <cell r="BB647" t="str">
            <v>フェニックス南船場４階</v>
          </cell>
          <cell r="CR647">
            <v>5518</v>
          </cell>
          <cell r="CS647" t="str">
            <v>ﾐｿﾞﾌﾞﾁ ｺｳｽｹ</v>
          </cell>
          <cell r="CT647" t="str">
            <v>溝淵  宏祐</v>
          </cell>
          <cell r="CU647" t="str">
            <v>公園課</v>
          </cell>
          <cell r="CW647">
            <v>2865</v>
          </cell>
          <cell r="CX647" t="str">
            <v>主査</v>
          </cell>
          <cell r="CY647" t="str">
            <v>公園課長</v>
          </cell>
        </row>
        <row r="648">
          <cell r="B648">
            <v>3024</v>
          </cell>
          <cell r="C648" t="str">
            <v>(株)誠宏</v>
          </cell>
          <cell r="D648" t="str">
            <v>06-6437-3801</v>
          </cell>
          <cell r="E648" t="str">
            <v>661-0033</v>
          </cell>
          <cell r="F648" t="str">
            <v>兵庫県尼崎市南武庫之荘2-9-8</v>
          </cell>
          <cell r="G648" t="str">
            <v>尼崎市</v>
          </cell>
          <cell r="H648" t="str">
            <v/>
          </cell>
          <cell r="I648" t="str">
            <v>代表取締役 中澤　秀起</v>
          </cell>
          <cell r="J648" t="str">
            <v>本店</v>
          </cell>
          <cell r="K648" t="str">
            <v>06-6436-3434</v>
          </cell>
          <cell r="L648" t="str">
            <v>seiko-futureplan@chive.ocn.ne.jp</v>
          </cell>
          <cell r="M648" t="str">
            <v>ｾｲｺｳ</v>
          </cell>
          <cell r="N648" t="str">
            <v>無</v>
          </cell>
          <cell r="O648">
            <v>58</v>
          </cell>
          <cell r="P648">
            <v>9</v>
          </cell>
          <cell r="Q648">
            <v>4140001049424</v>
          </cell>
          <cell r="R648">
            <v>48000</v>
          </cell>
          <cell r="S648">
            <v>130380</v>
          </cell>
          <cell r="T648">
            <v>105760</v>
          </cell>
          <cell r="V648" t="str">
            <v>wq925077</v>
          </cell>
          <cell r="W648" t="str">
            <v>pg381793</v>
          </cell>
          <cell r="X648" t="str">
            <v>土と舗浚水</v>
          </cell>
          <cell r="Y648" t="str">
            <v/>
          </cell>
          <cell r="Z648" t="str">
            <v>土と舗浚水</v>
          </cell>
          <cell r="AA648" t="str">
            <v>土木一式</v>
          </cell>
          <cell r="AB648" t="str">
            <v>水道施設</v>
          </cell>
          <cell r="AC648" t="str">
            <v/>
          </cell>
          <cell r="AD648" t="str">
            <v/>
          </cell>
          <cell r="AE648">
            <v>43251</v>
          </cell>
          <cell r="AF648" t="str">
            <v>希望しない</v>
          </cell>
          <cell r="AG648" t="str">
            <v>土木一式</v>
          </cell>
          <cell r="AH648" t="str">
            <v>特定</v>
          </cell>
          <cell r="AI648">
            <v>769</v>
          </cell>
          <cell r="AJ648">
            <v>51006</v>
          </cell>
          <cell r="AK648" t="str">
            <v>3(3)/0/0</v>
          </cell>
          <cell r="AL648" t="str">
            <v>水道施設</v>
          </cell>
          <cell r="AM648" t="str">
            <v>特定</v>
          </cell>
          <cell r="AN648">
            <v>682</v>
          </cell>
          <cell r="AO648" t="str">
            <v/>
          </cell>
          <cell r="AP648" t="str">
            <v>3(3)/0/0</v>
          </cell>
          <cell r="AQ648" t="str">
            <v/>
          </cell>
          <cell r="AR648" t="str">
            <v/>
          </cell>
          <cell r="AS648" t="str">
            <v/>
          </cell>
          <cell r="AT648" t="str">
            <v/>
          </cell>
          <cell r="AU648" t="str">
            <v/>
          </cell>
          <cell r="AV648" t="str">
            <v/>
          </cell>
          <cell r="AW648" t="str">
            <v/>
          </cell>
          <cell r="AX648" t="str">
            <v/>
          </cell>
          <cell r="AY648" t="str">
            <v/>
          </cell>
          <cell r="AZ648" t="str">
            <v/>
          </cell>
          <cell r="BA648" t="str">
            <v>兵庫県</v>
          </cell>
          <cell r="BB648">
            <v>0</v>
          </cell>
          <cell r="CR648">
            <v>5519</v>
          </cell>
          <cell r="CS648" t="str">
            <v>ﾌｼﾞﾀ ﾐｷ</v>
          </cell>
          <cell r="CT648" t="str">
            <v>藤田  美岐</v>
          </cell>
          <cell r="CU648" t="str">
            <v>福利厚生課</v>
          </cell>
          <cell r="CW648">
            <v>2433</v>
          </cell>
          <cell r="CX648" t="str">
            <v>主査</v>
          </cell>
          <cell r="CY648" t="str">
            <v>福利厚生課長</v>
          </cell>
        </row>
        <row r="649">
          <cell r="B649">
            <v>3025</v>
          </cell>
          <cell r="C649" t="str">
            <v>(株)正興電機製作所</v>
          </cell>
          <cell r="D649" t="str">
            <v>06-6534-4749</v>
          </cell>
          <cell r="E649" t="str">
            <v>550-0005</v>
          </cell>
          <cell r="F649" t="str">
            <v>大阪府大阪市西区西本町1-6-6</v>
          </cell>
          <cell r="G649" t="str">
            <v>福岡市</v>
          </cell>
          <cell r="H649" t="str">
            <v>大阪営業所</v>
          </cell>
          <cell r="I649" t="str">
            <v>所長 原　清介</v>
          </cell>
          <cell r="J649" t="str">
            <v>福岡県福岡市</v>
          </cell>
          <cell r="K649" t="str">
            <v>06-6534-4734</v>
          </cell>
          <cell r="L649" t="str">
            <v>info@seiko-denki.co.jp</v>
          </cell>
          <cell r="M649" t="str">
            <v>ｾｲｺｳﾃﾞﾝｷｾｲｻｸｼｮ</v>
          </cell>
          <cell r="N649" t="str">
            <v>有</v>
          </cell>
          <cell r="O649">
            <v>48</v>
          </cell>
          <cell r="P649">
            <v>639</v>
          </cell>
          <cell r="Q649">
            <v>6290001014089</v>
          </cell>
          <cell r="R649">
            <v>2323000</v>
          </cell>
          <cell r="S649">
            <v>8585540</v>
          </cell>
          <cell r="T649">
            <v>20002000</v>
          </cell>
          <cell r="V649" t="str">
            <v>ay158032</v>
          </cell>
          <cell r="W649" t="str">
            <v>zh690988</v>
          </cell>
          <cell r="X649" t="str">
            <v>(電)電ガ機通</v>
          </cell>
          <cell r="Y649" t="str">
            <v>(電)</v>
          </cell>
          <cell r="Z649" t="str">
            <v>電ガ機通</v>
          </cell>
          <cell r="AA649" t="str">
            <v>電気</v>
          </cell>
          <cell r="AB649" t="str">
            <v/>
          </cell>
          <cell r="AC649" t="str">
            <v/>
          </cell>
          <cell r="AD649" t="str">
            <v/>
          </cell>
          <cell r="AE649">
            <v>43100</v>
          </cell>
          <cell r="AF649" t="str">
            <v>希望しない</v>
          </cell>
          <cell r="AG649" t="str">
            <v>電気</v>
          </cell>
          <cell r="AH649" t="str">
            <v>特定</v>
          </cell>
          <cell r="AI649">
            <v>1329</v>
          </cell>
          <cell r="AJ649">
            <v>9432737</v>
          </cell>
          <cell r="AK649" t="str">
            <v>135(84)/20/13</v>
          </cell>
          <cell r="AL649" t="str">
            <v/>
          </cell>
          <cell r="AM649" t="str">
            <v/>
          </cell>
          <cell r="AN649" t="str">
            <v/>
          </cell>
          <cell r="AO649" t="str">
            <v/>
          </cell>
          <cell r="AP649" t="str">
            <v/>
          </cell>
          <cell r="AQ649" t="str">
            <v/>
          </cell>
          <cell r="AR649" t="str">
            <v/>
          </cell>
          <cell r="AS649" t="str">
            <v/>
          </cell>
          <cell r="AT649" t="str">
            <v/>
          </cell>
          <cell r="AU649" t="str">
            <v/>
          </cell>
          <cell r="AV649" t="str">
            <v/>
          </cell>
          <cell r="AW649" t="str">
            <v/>
          </cell>
          <cell r="AX649" t="str">
            <v/>
          </cell>
          <cell r="AY649" t="str">
            <v/>
          </cell>
          <cell r="AZ649" t="str">
            <v/>
          </cell>
          <cell r="BA649" t="str">
            <v>福岡県</v>
          </cell>
          <cell r="BB649">
            <v>0</v>
          </cell>
          <cell r="CR649">
            <v>5522</v>
          </cell>
          <cell r="CS649" t="str">
            <v>ｶﾜｲ ﾀｶｵ</v>
          </cell>
          <cell r="CT649" t="str">
            <v>河井  孝雄</v>
          </cell>
          <cell r="CU649" t="str">
            <v>業務課</v>
          </cell>
          <cell r="CW649" t="str">
            <v xml:space="preserve"> </v>
          </cell>
          <cell r="CX649" t="str">
            <v xml:space="preserve"> </v>
          </cell>
          <cell r="CY649" t="str">
            <v>業務課長</v>
          </cell>
        </row>
        <row r="650">
          <cell r="B650">
            <v>3026</v>
          </cell>
          <cell r="C650" t="str">
            <v>西武建設(株)</v>
          </cell>
          <cell r="D650" t="str">
            <v>06-6304-8531</v>
          </cell>
          <cell r="E650" t="str">
            <v>532-0011</v>
          </cell>
          <cell r="F650" t="str">
            <v>大阪府大阪市淀川区西中島5-14-10</v>
          </cell>
          <cell r="G650" t="str">
            <v>所沢市</v>
          </cell>
          <cell r="H650" t="str">
            <v>関西支店</v>
          </cell>
          <cell r="I650" t="str">
            <v>執行役員支店長 越口　春樹</v>
          </cell>
          <cell r="J650" t="str">
            <v>埼玉県所沢市</v>
          </cell>
          <cell r="K650" t="str">
            <v>06-6305-7450</v>
          </cell>
          <cell r="L650" t="str">
            <v>tk-kansai@seibu-const.co.jp</v>
          </cell>
          <cell r="M650" t="str">
            <v>ｾｲﾌﾞｹﾝｾﾂ</v>
          </cell>
          <cell r="N650" t="str">
            <v>有</v>
          </cell>
          <cell r="O650">
            <v>62</v>
          </cell>
          <cell r="P650">
            <v>670</v>
          </cell>
          <cell r="Q650">
            <v>3013301006249</v>
          </cell>
          <cell r="R650">
            <v>11000000</v>
          </cell>
          <cell r="S650">
            <v>34518993</v>
          </cell>
          <cell r="T650">
            <v>74054759</v>
          </cell>
          <cell r="V650" t="str">
            <v>jr560329</v>
          </cell>
          <cell r="W650" t="str">
            <v>pj526573</v>
          </cell>
          <cell r="X650" t="str">
            <v>(清)(建)(大)(と)(石)(屋)(タ)(鋼)(舗)(浚)(ガ)(塗)(防)(内)(具)(水)(解)土建大と石屋電管タ鋼舗浚ガ塗防内機園具水解</v>
          </cell>
          <cell r="Y650" t="str">
            <v>(清)(建)(大)(と)(石)(屋)(タ)(鋼)(舗)(浚)(ガ)(塗)(防)(内)(具)(水)(解)</v>
          </cell>
          <cell r="Z650" t="str">
            <v>土建大と石屋電管タ鋼舗浚ガ塗防内機園具水解</v>
          </cell>
          <cell r="AA650" t="str">
            <v>土木一式</v>
          </cell>
          <cell r="AB650" t="str">
            <v>建築一式</v>
          </cell>
          <cell r="AC650" t="str">
            <v>解体</v>
          </cell>
          <cell r="AD650" t="str">
            <v/>
          </cell>
          <cell r="AE650">
            <v>43190</v>
          </cell>
          <cell r="AF650" t="str">
            <v>希望しない</v>
          </cell>
          <cell r="AG650" t="str">
            <v>土木一式</v>
          </cell>
          <cell r="AH650" t="str">
            <v>特定</v>
          </cell>
          <cell r="AI650">
            <v>1608</v>
          </cell>
          <cell r="AJ650">
            <v>23274123</v>
          </cell>
          <cell r="AK650" t="str">
            <v>209(194)/2/0</v>
          </cell>
          <cell r="AL650" t="str">
            <v>建築一式</v>
          </cell>
          <cell r="AM650" t="str">
            <v>特定</v>
          </cell>
          <cell r="AN650">
            <v>1684</v>
          </cell>
          <cell r="AO650">
            <v>48838036</v>
          </cell>
          <cell r="AP650" t="str">
            <v>179(139)/14/4</v>
          </cell>
          <cell r="AQ650" t="str">
            <v>解体</v>
          </cell>
          <cell r="AR650" t="str">
            <v>特定</v>
          </cell>
          <cell r="AS650">
            <v>1354</v>
          </cell>
          <cell r="AT650">
            <v>802335</v>
          </cell>
          <cell r="AU650" t="str">
            <v>155(132)/2/0</v>
          </cell>
          <cell r="AV650" t="str">
            <v/>
          </cell>
          <cell r="AW650" t="str">
            <v/>
          </cell>
          <cell r="AX650" t="str">
            <v/>
          </cell>
          <cell r="AY650" t="str">
            <v/>
          </cell>
          <cell r="AZ650" t="str">
            <v/>
          </cell>
          <cell r="BA650" t="str">
            <v>埼玉県</v>
          </cell>
          <cell r="BB650">
            <v>0</v>
          </cell>
          <cell r="CR650">
            <v>5523</v>
          </cell>
          <cell r="CS650" t="str">
            <v>ｷﾀﾔﾏ ﾀｶﾕｷ</v>
          </cell>
          <cell r="CT650" t="str">
            <v>北山  隆之</v>
          </cell>
          <cell r="CU650" t="str">
            <v>業務課</v>
          </cell>
          <cell r="CW650" t="str">
            <v xml:space="preserve"> </v>
          </cell>
          <cell r="CX650" t="str">
            <v xml:space="preserve"> </v>
          </cell>
          <cell r="CY650" t="str">
            <v>業務課長</v>
          </cell>
        </row>
        <row r="651">
          <cell r="B651">
            <v>3027</v>
          </cell>
          <cell r="C651" t="str">
            <v>西部スポーツ工業(株)</v>
          </cell>
          <cell r="D651" t="str">
            <v>0798-65-4466</v>
          </cell>
          <cell r="E651" t="str">
            <v>663-8107</v>
          </cell>
          <cell r="F651" t="str">
            <v>兵庫県西宮市瓦林町12-8</v>
          </cell>
          <cell r="G651" t="str">
            <v>西宮市</v>
          </cell>
          <cell r="H651" t="str">
            <v/>
          </cell>
          <cell r="I651" t="str">
            <v>代表取締役 今井　照生</v>
          </cell>
          <cell r="J651" t="str">
            <v>本店</v>
          </cell>
          <cell r="K651" t="str">
            <v>0798-65-6550</v>
          </cell>
          <cell r="L651" t="str">
            <v>u6756es792t@asahi-net.or.jp</v>
          </cell>
          <cell r="M651" t="str">
            <v>ｾｲﾌﾞｽﾎﾟｰﾂｺｳｷﾞｮｳ</v>
          </cell>
          <cell r="N651" t="str">
            <v>無</v>
          </cell>
          <cell r="O651">
            <v>32</v>
          </cell>
          <cell r="P651">
            <v>6</v>
          </cell>
          <cell r="Q651">
            <v>1140001069185</v>
          </cell>
          <cell r="R651">
            <v>10000</v>
          </cell>
          <cell r="S651">
            <v>-46255</v>
          </cell>
          <cell r="T651">
            <v>76968</v>
          </cell>
          <cell r="V651" t="str">
            <v>rk294242</v>
          </cell>
          <cell r="W651" t="str">
            <v>tz572150</v>
          </cell>
          <cell r="X651" t="str">
            <v>土と園</v>
          </cell>
          <cell r="Y651" t="str">
            <v>土と園</v>
          </cell>
          <cell r="Z651" t="str">
            <v/>
          </cell>
          <cell r="AA651" t="str">
            <v>とび土工</v>
          </cell>
          <cell r="AB651" t="str">
            <v>土木一式</v>
          </cell>
          <cell r="AC651" t="str">
            <v/>
          </cell>
          <cell r="AD651" t="str">
            <v/>
          </cell>
          <cell r="AE651">
            <v>43131</v>
          </cell>
          <cell r="AF651" t="str">
            <v>希望しない</v>
          </cell>
          <cell r="AG651" t="str">
            <v>とび土工</v>
          </cell>
          <cell r="AH651" t="str">
            <v>一般</v>
          </cell>
          <cell r="AI651">
            <v>637</v>
          </cell>
          <cell r="AJ651">
            <v>102957</v>
          </cell>
          <cell r="AK651" t="str">
            <v>0(0)/4/1</v>
          </cell>
          <cell r="AL651" t="str">
            <v>土木一式</v>
          </cell>
          <cell r="AM651" t="str">
            <v>一般</v>
          </cell>
          <cell r="AN651">
            <v>535</v>
          </cell>
          <cell r="AO651" t="str">
            <v/>
          </cell>
          <cell r="AP651" t="str">
            <v>0(0)/4/1</v>
          </cell>
          <cell r="AQ651" t="str">
            <v/>
          </cell>
          <cell r="AR651" t="str">
            <v/>
          </cell>
          <cell r="AS651" t="str">
            <v/>
          </cell>
          <cell r="AT651" t="str">
            <v/>
          </cell>
          <cell r="AU651" t="str">
            <v/>
          </cell>
          <cell r="AV651" t="str">
            <v/>
          </cell>
          <cell r="AW651" t="str">
            <v/>
          </cell>
          <cell r="AX651" t="str">
            <v/>
          </cell>
          <cell r="AY651" t="str">
            <v/>
          </cell>
          <cell r="AZ651" t="str">
            <v/>
          </cell>
          <cell r="BA651" t="str">
            <v>兵庫県</v>
          </cell>
          <cell r="BB651">
            <v>0</v>
          </cell>
          <cell r="CR651">
            <v>5524</v>
          </cell>
          <cell r="CS651" t="str">
            <v>ﾐﾅﾐﾓﾄ ｱｷﾗ</v>
          </cell>
          <cell r="CT651" t="str">
            <v>南本  章</v>
          </cell>
          <cell r="CU651" t="str">
            <v>環境クリーンセンター</v>
          </cell>
          <cell r="CW651" t="str">
            <v>782-0968</v>
          </cell>
          <cell r="CX651" t="str">
            <v xml:space="preserve"> </v>
          </cell>
          <cell r="CY651" t="str">
            <v>環境クリーンセンター所長</v>
          </cell>
        </row>
        <row r="652">
          <cell r="B652">
            <v>3029</v>
          </cell>
          <cell r="C652" t="str">
            <v>西部造園土木(株)</v>
          </cell>
          <cell r="D652" t="str">
            <v>06-6433-4901</v>
          </cell>
          <cell r="E652" t="str">
            <v>661-0035</v>
          </cell>
          <cell r="F652" t="str">
            <v>兵庫県尼崎市武庫之荘8-12-30</v>
          </cell>
          <cell r="G652" t="str">
            <v>尼崎市</v>
          </cell>
          <cell r="H652" t="str">
            <v/>
          </cell>
          <cell r="I652" t="str">
            <v>代表取締役社長 武井　彰</v>
          </cell>
          <cell r="J652" t="str">
            <v>本店</v>
          </cell>
          <cell r="K652" t="str">
            <v>06-6433-4902</v>
          </cell>
          <cell r="L652" t="str">
            <v>office@seibuzouen.co.jp</v>
          </cell>
          <cell r="M652" t="str">
            <v>ｾｲﾌﾞｿﾞｳｴﾝﾄﾞﾎﾞｸ</v>
          </cell>
          <cell r="N652" t="str">
            <v>無</v>
          </cell>
          <cell r="O652">
            <v>44</v>
          </cell>
          <cell r="P652">
            <v>7</v>
          </cell>
          <cell r="Q652">
            <v>8140001049453</v>
          </cell>
          <cell r="R652">
            <v>20000</v>
          </cell>
          <cell r="S652">
            <v>102920</v>
          </cell>
          <cell r="T652">
            <v>242398</v>
          </cell>
          <cell r="V652" t="str">
            <v>aa415313</v>
          </cell>
          <cell r="W652" t="str">
            <v>ax816619</v>
          </cell>
          <cell r="X652" t="str">
            <v>土と石舗浚園水</v>
          </cell>
          <cell r="Y652" t="str">
            <v/>
          </cell>
          <cell r="Z652" t="str">
            <v>土と石舗浚園水</v>
          </cell>
          <cell r="AA652" t="str">
            <v>造園</v>
          </cell>
          <cell r="AB652" t="str">
            <v>土木一式</v>
          </cell>
          <cell r="AC652" t="str">
            <v/>
          </cell>
          <cell r="AD652" t="str">
            <v/>
          </cell>
          <cell r="AE652">
            <v>43281</v>
          </cell>
          <cell r="AF652" t="str">
            <v>希望しない</v>
          </cell>
          <cell r="AG652" t="str">
            <v>造園</v>
          </cell>
          <cell r="AH652" t="str">
            <v>特定</v>
          </cell>
          <cell r="AI652">
            <v>880</v>
          </cell>
          <cell r="AJ652">
            <v>21624</v>
          </cell>
          <cell r="AK652" t="str">
            <v>3(3)/1/1</v>
          </cell>
          <cell r="AL652" t="str">
            <v>土木一式</v>
          </cell>
          <cell r="AM652" t="str">
            <v>特定</v>
          </cell>
          <cell r="AN652">
            <v>785</v>
          </cell>
          <cell r="AO652">
            <v>29531</v>
          </cell>
          <cell r="AP652" t="str">
            <v>2(2)/0/2</v>
          </cell>
          <cell r="AQ652" t="str">
            <v/>
          </cell>
          <cell r="AR652" t="str">
            <v/>
          </cell>
          <cell r="AS652" t="str">
            <v/>
          </cell>
          <cell r="AT652" t="str">
            <v/>
          </cell>
          <cell r="AU652" t="str">
            <v/>
          </cell>
          <cell r="AV652" t="str">
            <v/>
          </cell>
          <cell r="AW652" t="str">
            <v/>
          </cell>
          <cell r="AX652" t="str">
            <v/>
          </cell>
          <cell r="AY652" t="str">
            <v/>
          </cell>
          <cell r="AZ652" t="str">
            <v/>
          </cell>
          <cell r="BA652" t="str">
            <v>兵庫県</v>
          </cell>
          <cell r="BB652">
            <v>0</v>
          </cell>
          <cell r="CR652">
            <v>5525</v>
          </cell>
          <cell r="CS652" t="str">
            <v>ﾖｼﾀﾞ ｺｳｼﾞ</v>
          </cell>
          <cell r="CT652" t="str">
            <v>吉田  幸司</v>
          </cell>
          <cell r="CU652" t="str">
            <v>環境クリーンセンター</v>
          </cell>
          <cell r="CW652" t="str">
            <v xml:space="preserve"> </v>
          </cell>
          <cell r="CX652" t="str">
            <v xml:space="preserve"> </v>
          </cell>
          <cell r="CY652" t="str">
            <v>環境クリーンセンター所長</v>
          </cell>
        </row>
        <row r="653">
          <cell r="B653">
            <v>3030</v>
          </cell>
          <cell r="C653" t="str">
            <v>西部電機(株)</v>
          </cell>
          <cell r="D653" t="str">
            <v>06-4796-6711</v>
          </cell>
          <cell r="E653" t="str">
            <v>530-0001</v>
          </cell>
          <cell r="F653" t="str">
            <v>大阪府大阪市大阪市北区梅田3-4-5</v>
          </cell>
          <cell r="G653" t="str">
            <v>古賀市</v>
          </cell>
          <cell r="H653" t="str">
            <v>大阪支店</v>
          </cell>
          <cell r="I653" t="str">
            <v>取締役支店長 佐藤　徳生</v>
          </cell>
          <cell r="J653" t="str">
            <v>福岡県古賀市</v>
          </cell>
          <cell r="K653" t="str">
            <v>06-4796-6707</v>
          </cell>
          <cell r="L653" t="str">
            <v>a-osakas@seibudenki.co.jp</v>
          </cell>
          <cell r="M653" t="str">
            <v>ｾｲﾌﾞﾃﾞﾝｷ</v>
          </cell>
          <cell r="N653" t="str">
            <v>有</v>
          </cell>
          <cell r="O653">
            <v>48</v>
          </cell>
          <cell r="P653">
            <v>484</v>
          </cell>
          <cell r="Q653">
            <v>2290001036343</v>
          </cell>
          <cell r="R653">
            <v>2658400</v>
          </cell>
          <cell r="S653">
            <v>20678018</v>
          </cell>
          <cell r="T653">
            <v>22914702</v>
          </cell>
          <cell r="V653" t="str">
            <v>jh248475</v>
          </cell>
          <cell r="W653" t="str">
            <v>ft187195</v>
          </cell>
          <cell r="X653" t="str">
            <v>電(電)(機)建機</v>
          </cell>
          <cell r="Y653" t="str">
            <v>電(電)(機)</v>
          </cell>
          <cell r="Z653" t="str">
            <v>建機</v>
          </cell>
          <cell r="AA653" t="str">
            <v>機械器具</v>
          </cell>
          <cell r="AB653" t="str">
            <v>電気</v>
          </cell>
          <cell r="AC653" t="str">
            <v/>
          </cell>
          <cell r="AD653" t="str">
            <v/>
          </cell>
          <cell r="AE653">
            <v>43190</v>
          </cell>
          <cell r="AF653" t="str">
            <v>希望しない</v>
          </cell>
          <cell r="AG653" t="str">
            <v>機械器具</v>
          </cell>
          <cell r="AH653" t="str">
            <v>特定</v>
          </cell>
          <cell r="AI653">
            <v>1166</v>
          </cell>
          <cell r="AJ653">
            <v>3448052</v>
          </cell>
          <cell r="AK653" t="str">
            <v>1(0)/0/37</v>
          </cell>
          <cell r="AL653" t="str">
            <v>電気</v>
          </cell>
          <cell r="AM653" t="str">
            <v>一般</v>
          </cell>
          <cell r="AN653">
            <v>1087</v>
          </cell>
          <cell r="AO653">
            <v>1121231</v>
          </cell>
          <cell r="AP653" t="str">
            <v>1(0)/6/16</v>
          </cell>
          <cell r="AQ653" t="str">
            <v/>
          </cell>
          <cell r="AR653" t="str">
            <v/>
          </cell>
          <cell r="AS653" t="str">
            <v/>
          </cell>
          <cell r="AT653" t="str">
            <v/>
          </cell>
          <cell r="AU653" t="str">
            <v/>
          </cell>
          <cell r="AV653" t="str">
            <v/>
          </cell>
          <cell r="AW653" t="str">
            <v/>
          </cell>
          <cell r="AX653" t="str">
            <v/>
          </cell>
          <cell r="AY653" t="str">
            <v/>
          </cell>
          <cell r="AZ653" t="str">
            <v/>
          </cell>
          <cell r="BA653" t="str">
            <v>福岡県</v>
          </cell>
          <cell r="BB653">
            <v>0</v>
          </cell>
          <cell r="CR653">
            <v>5526</v>
          </cell>
          <cell r="CS653" t="str">
            <v>ｵｵﾔﾏ ｹｲｼﾞ</v>
          </cell>
          <cell r="CT653" t="str">
            <v>大山  啓司</v>
          </cell>
          <cell r="CU653" t="str">
            <v>小学校給食センター</v>
          </cell>
          <cell r="CW653" t="str">
            <v>782-0400</v>
          </cell>
          <cell r="CX653" t="str">
            <v>主査</v>
          </cell>
          <cell r="CY653" t="str">
            <v>学校給食センター長</v>
          </cell>
        </row>
        <row r="654">
          <cell r="B654">
            <v>3031</v>
          </cell>
          <cell r="C654" t="str">
            <v>西部電気建設(株)</v>
          </cell>
          <cell r="D654" t="str">
            <v>078-882-4051</v>
          </cell>
          <cell r="E654" t="str">
            <v>657-0844</v>
          </cell>
          <cell r="F654" t="str">
            <v>兵庫県神戸市灘区都通4-1‐1</v>
          </cell>
          <cell r="G654" t="str">
            <v>神戸市</v>
          </cell>
          <cell r="H654" t="str">
            <v/>
          </cell>
          <cell r="I654" t="str">
            <v>代表取締役社長 坂上　彰</v>
          </cell>
          <cell r="J654" t="str">
            <v>本店</v>
          </cell>
          <cell r="K654" t="str">
            <v>078-882-4061</v>
          </cell>
          <cell r="L654" t="str">
            <v>kobe@seibu-d.com</v>
          </cell>
          <cell r="M654" t="str">
            <v>ｾｲﾌﾞﾃﾞﾝｷｹﾝｾﾂ</v>
          </cell>
          <cell r="N654" t="str">
            <v>無</v>
          </cell>
          <cell r="O654">
            <v>68</v>
          </cell>
          <cell r="P654">
            <v>161</v>
          </cell>
          <cell r="Q654">
            <v>7140001008749</v>
          </cell>
          <cell r="R654">
            <v>93000</v>
          </cell>
          <cell r="S654">
            <v>11428292</v>
          </cell>
          <cell r="T654">
            <v>16007424</v>
          </cell>
          <cell r="V654" t="str">
            <v>ay564174</v>
          </cell>
          <cell r="W654" t="str">
            <v>zn586350</v>
          </cell>
          <cell r="X654" t="str">
            <v>通消電</v>
          </cell>
          <cell r="Y654" t="str">
            <v>通消</v>
          </cell>
          <cell r="Z654" t="str">
            <v>電</v>
          </cell>
          <cell r="AA654" t="str">
            <v>電気</v>
          </cell>
          <cell r="AB654" t="str">
            <v/>
          </cell>
          <cell r="AC654" t="str">
            <v/>
          </cell>
          <cell r="AD654" t="str">
            <v/>
          </cell>
          <cell r="AE654">
            <v>43179</v>
          </cell>
          <cell r="AF654" t="str">
            <v>希望しない</v>
          </cell>
          <cell r="AG654" t="str">
            <v>電気</v>
          </cell>
          <cell r="AH654" t="str">
            <v>特定</v>
          </cell>
          <cell r="AI654">
            <v>1432</v>
          </cell>
          <cell r="AJ654">
            <v>15645360</v>
          </cell>
          <cell r="AK654" t="str">
            <v>82(72)/19/0</v>
          </cell>
          <cell r="AL654" t="str">
            <v/>
          </cell>
          <cell r="AM654" t="str">
            <v/>
          </cell>
          <cell r="AN654" t="str">
            <v/>
          </cell>
          <cell r="AO654" t="str">
            <v/>
          </cell>
          <cell r="AP654" t="str">
            <v/>
          </cell>
          <cell r="AQ654" t="str">
            <v/>
          </cell>
          <cell r="AR654" t="str">
            <v/>
          </cell>
          <cell r="AS654" t="str">
            <v/>
          </cell>
          <cell r="AT654" t="str">
            <v/>
          </cell>
          <cell r="AU654" t="str">
            <v/>
          </cell>
          <cell r="AV654" t="str">
            <v/>
          </cell>
          <cell r="AW654" t="str">
            <v/>
          </cell>
          <cell r="AX654" t="str">
            <v/>
          </cell>
          <cell r="AY654" t="str">
            <v/>
          </cell>
          <cell r="AZ654" t="str">
            <v/>
          </cell>
          <cell r="BA654" t="str">
            <v>兵庫県</v>
          </cell>
          <cell r="BB654">
            <v>0</v>
          </cell>
          <cell r="CR654">
            <v>5527</v>
          </cell>
          <cell r="CS654" t="str">
            <v>ﾐﾅﾐﾓﾄ ﾕｷ</v>
          </cell>
          <cell r="CT654" t="str">
            <v>南本  裕貴</v>
          </cell>
          <cell r="CU654" t="str">
            <v>国保年金課</v>
          </cell>
          <cell r="CW654">
            <v>2780</v>
          </cell>
          <cell r="CX654" t="str">
            <v xml:space="preserve"> </v>
          </cell>
          <cell r="CY654" t="str">
            <v>国保年金課長</v>
          </cell>
        </row>
        <row r="655">
          <cell r="B655">
            <v>3035</v>
          </cell>
          <cell r="C655" t="str">
            <v>(株)セイワプラント</v>
          </cell>
          <cell r="D655" t="str">
            <v>06-6606-2050</v>
          </cell>
          <cell r="E655" t="str">
            <v>558-0003</v>
          </cell>
          <cell r="F655" t="str">
            <v>大阪府大阪市住吉区長居4-5-18-104</v>
          </cell>
          <cell r="G655" t="str">
            <v>大阪市</v>
          </cell>
          <cell r="H655" t="str">
            <v/>
          </cell>
          <cell r="I655" t="str">
            <v>代表取締役 井原　純</v>
          </cell>
          <cell r="J655" t="str">
            <v>本店</v>
          </cell>
          <cell r="K655" t="str">
            <v>06-6606-2051</v>
          </cell>
          <cell r="L655" t="str">
            <v>seiwa-p@wish.ocn.ne.jp</v>
          </cell>
          <cell r="M655" t="str">
            <v>ｾｲﾜﾌﾟﾗﾝﾄ</v>
          </cell>
          <cell r="N655" t="str">
            <v>無</v>
          </cell>
          <cell r="O655">
            <v>37</v>
          </cell>
          <cell r="P655">
            <v>7</v>
          </cell>
          <cell r="Q655">
            <v>5120001141322</v>
          </cell>
          <cell r="R655">
            <v>33000</v>
          </cell>
          <cell r="S655">
            <v>43091</v>
          </cell>
          <cell r="T655">
            <v>154075</v>
          </cell>
          <cell r="V655" t="str">
            <v>pv331834</v>
          </cell>
          <cell r="W655" t="str">
            <v>xk181852</v>
          </cell>
          <cell r="X655" t="str">
            <v>と管舗浚解土</v>
          </cell>
          <cell r="Y655" t="str">
            <v>と管舗浚解</v>
          </cell>
          <cell r="Z655" t="str">
            <v>土</v>
          </cell>
          <cell r="AA655" t="str">
            <v>浚渫</v>
          </cell>
          <cell r="AB655" t="str">
            <v>土木一式</v>
          </cell>
          <cell r="AC655" t="str">
            <v>管</v>
          </cell>
          <cell r="AD655" t="str">
            <v>とび土工</v>
          </cell>
          <cell r="AE655">
            <v>43069</v>
          </cell>
          <cell r="AF655" t="str">
            <v>希望する</v>
          </cell>
          <cell r="AG655" t="str">
            <v>浚渫</v>
          </cell>
          <cell r="AH655" t="str">
            <v>一般</v>
          </cell>
          <cell r="AI655">
            <v>687</v>
          </cell>
          <cell r="AJ655">
            <v>2650</v>
          </cell>
          <cell r="AK655" t="str">
            <v>0(0)/2/0</v>
          </cell>
          <cell r="AL655" t="str">
            <v>土木一式</v>
          </cell>
          <cell r="AM655" t="str">
            <v>特定</v>
          </cell>
          <cell r="AN655">
            <v>791</v>
          </cell>
          <cell r="AO655">
            <v>67250</v>
          </cell>
          <cell r="AP655" t="str">
            <v>1(1)/4/1</v>
          </cell>
          <cell r="AQ655" t="str">
            <v>管</v>
          </cell>
          <cell r="AR655" t="str">
            <v>一般</v>
          </cell>
          <cell r="AS655">
            <v>681</v>
          </cell>
          <cell r="AT655" t="str">
            <v/>
          </cell>
          <cell r="AU655" t="str">
            <v>1(1)/0/1</v>
          </cell>
          <cell r="AV655" t="str">
            <v>とび土工</v>
          </cell>
          <cell r="AW655" t="str">
            <v>一般</v>
          </cell>
          <cell r="AX655">
            <v>693</v>
          </cell>
          <cell r="AY655">
            <v>7350</v>
          </cell>
          <cell r="AZ655" t="str">
            <v>0(0)/1/0</v>
          </cell>
          <cell r="BA655" t="str">
            <v>大阪府</v>
          </cell>
          <cell r="BB655">
            <v>0</v>
          </cell>
          <cell r="CR655">
            <v>5529</v>
          </cell>
          <cell r="CS655" t="str">
            <v>ﾌｼﾞﾏｷ ｶｽﾞｴ</v>
          </cell>
          <cell r="CT655" t="str">
            <v>藤巻  和恵</v>
          </cell>
          <cell r="CU655" t="str">
            <v xml:space="preserve"> </v>
          </cell>
          <cell r="CW655" t="str">
            <v xml:space="preserve"> </v>
          </cell>
          <cell r="CX655" t="str">
            <v>主任</v>
          </cell>
          <cell r="CY655" t="str">
            <v>　</v>
          </cell>
        </row>
        <row r="656">
          <cell r="B656">
            <v>3037</v>
          </cell>
          <cell r="C656" t="str">
            <v>(株)セーフティーアイランド</v>
          </cell>
          <cell r="D656" t="str">
            <v>078-412-4477</v>
          </cell>
          <cell r="E656" t="str">
            <v>658-0024</v>
          </cell>
          <cell r="F656" t="str">
            <v>兵庫県神戸市東灘区魚崎浜町16-7</v>
          </cell>
          <cell r="G656" t="str">
            <v>神戸市</v>
          </cell>
          <cell r="H656" t="str">
            <v/>
          </cell>
          <cell r="I656" t="str">
            <v>代表取締役 滝谷　繁</v>
          </cell>
          <cell r="J656" t="str">
            <v>本店</v>
          </cell>
          <cell r="K656" t="str">
            <v>078-412-1980</v>
          </cell>
          <cell r="L656" t="str">
            <v>si-takitani@golila.co.jp</v>
          </cell>
          <cell r="M656" t="str">
            <v>ｾｰﾌﾃｨｰｱｲﾗﾝﾄﾞ</v>
          </cell>
          <cell r="N656" t="str">
            <v>無</v>
          </cell>
          <cell r="O656">
            <v>16</v>
          </cell>
          <cell r="P656">
            <v>25</v>
          </cell>
          <cell r="Q656">
            <v>7140001021561</v>
          </cell>
          <cell r="R656">
            <v>21000</v>
          </cell>
          <cell r="S656">
            <v>453542</v>
          </cell>
          <cell r="T656">
            <v>2582073</v>
          </cell>
          <cell r="V656" t="str">
            <v>tr672867</v>
          </cell>
          <cell r="W656" t="str">
            <v>xe710006</v>
          </cell>
          <cell r="X656" t="str">
            <v>土建大と石屋電鋼鉄舗浚板塗防水解</v>
          </cell>
          <cell r="Y656" t="str">
            <v/>
          </cell>
          <cell r="Z656" t="str">
            <v>土建大と石屋電鋼鉄舗浚板塗防水解</v>
          </cell>
          <cell r="AA656" t="str">
            <v>土木一式</v>
          </cell>
          <cell r="AB656" t="str">
            <v>とび土工</v>
          </cell>
          <cell r="AC656" t="str">
            <v>解体</v>
          </cell>
          <cell r="AD656" t="str">
            <v>舗装</v>
          </cell>
          <cell r="AE656">
            <v>43190</v>
          </cell>
          <cell r="AF656" t="str">
            <v>希望しない</v>
          </cell>
          <cell r="AG656" t="str">
            <v>土木一式</v>
          </cell>
          <cell r="AH656" t="str">
            <v>特定</v>
          </cell>
          <cell r="AI656">
            <v>628</v>
          </cell>
          <cell r="AJ656">
            <v>67998</v>
          </cell>
          <cell r="AK656" t="str">
            <v>3(2)/0/1</v>
          </cell>
          <cell r="AL656" t="str">
            <v>とび土工</v>
          </cell>
          <cell r="AM656" t="str">
            <v>特定</v>
          </cell>
          <cell r="AN656">
            <v>568</v>
          </cell>
          <cell r="AO656" t="str">
            <v/>
          </cell>
          <cell r="AP656" t="str">
            <v>4(2)/0/1</v>
          </cell>
          <cell r="AQ656" t="str">
            <v>解体</v>
          </cell>
          <cell r="AR656" t="str">
            <v>特定</v>
          </cell>
          <cell r="AS656">
            <v>610</v>
          </cell>
          <cell r="AT656">
            <v>8573</v>
          </cell>
          <cell r="AU656" t="str">
            <v>4(2)/0/1</v>
          </cell>
          <cell r="AV656" t="str">
            <v>舗装</v>
          </cell>
          <cell r="AW656" t="str">
            <v>特定</v>
          </cell>
          <cell r="AX656">
            <v>515</v>
          </cell>
          <cell r="AY656" t="str">
            <v/>
          </cell>
          <cell r="AZ656" t="str">
            <v>0(0)/0/0</v>
          </cell>
          <cell r="BA656" t="str">
            <v>兵庫県</v>
          </cell>
          <cell r="BB656">
            <v>0</v>
          </cell>
          <cell r="CR656">
            <v>5551</v>
          </cell>
          <cell r="CS656" t="str">
            <v>ﾏﾙｵ ﾀｶﾕｷ</v>
          </cell>
          <cell r="CT656" t="str">
            <v>丸尾  孝幸</v>
          </cell>
          <cell r="CU656" t="str">
            <v>学校給食センター</v>
          </cell>
          <cell r="CW656" t="str">
            <v xml:space="preserve"> </v>
          </cell>
          <cell r="CX656" t="str">
            <v xml:space="preserve"> </v>
          </cell>
          <cell r="CY656" t="str">
            <v>学校給食センター長</v>
          </cell>
        </row>
        <row r="657">
          <cell r="B657">
            <v>3038</v>
          </cell>
          <cell r="C657" t="str">
            <v>積水アクアシステム(株)</v>
          </cell>
          <cell r="D657" t="str">
            <v>06-6440-2500</v>
          </cell>
          <cell r="E657" t="str">
            <v>531-0076</v>
          </cell>
          <cell r="F657" t="str">
            <v>大阪府大阪市北区大淀中1-1-30</v>
          </cell>
          <cell r="G657" t="str">
            <v>大阪市</v>
          </cell>
          <cell r="H657" t="str">
            <v/>
          </cell>
          <cell r="I657" t="str">
            <v>代表取締役社長 植村　政孝</v>
          </cell>
          <cell r="J657" t="str">
            <v>本店</v>
          </cell>
          <cell r="K657" t="str">
            <v>06-6440-2510</v>
          </cell>
          <cell r="L657" t="str">
            <v>aqua-doboku@view.ocn.ne.jp</v>
          </cell>
          <cell r="M657" t="str">
            <v>ｾｷｽｲｱｸｱｼｽﾃﾑ</v>
          </cell>
          <cell r="N657" t="str">
            <v>無</v>
          </cell>
          <cell r="O657">
            <v>53</v>
          </cell>
          <cell r="P657">
            <v>178</v>
          </cell>
          <cell r="Q657">
            <v>6120001065933</v>
          </cell>
          <cell r="R657">
            <v>200000</v>
          </cell>
          <cell r="S657">
            <v>3755257</v>
          </cell>
          <cell r="T657">
            <v>14125011</v>
          </cell>
          <cell r="V657" t="str">
            <v>ez402971</v>
          </cell>
          <cell r="W657" t="str">
            <v>bq747978</v>
          </cell>
          <cell r="X657" t="str">
            <v>消土建と電管鋼塗防機水</v>
          </cell>
          <cell r="Y657" t="str">
            <v>消</v>
          </cell>
          <cell r="Z657" t="str">
            <v>土建と電管鋼塗防機水</v>
          </cell>
          <cell r="AA657" t="str">
            <v>水道施設</v>
          </cell>
          <cell r="AB657" t="str">
            <v>機械器具</v>
          </cell>
          <cell r="AC657" t="str">
            <v>土木一式</v>
          </cell>
          <cell r="AD657" t="str">
            <v>管</v>
          </cell>
          <cell r="AE657">
            <v>43190</v>
          </cell>
          <cell r="AF657" t="str">
            <v>希望しない</v>
          </cell>
          <cell r="AG657" t="str">
            <v>水道施設</v>
          </cell>
          <cell r="AH657" t="str">
            <v>特定</v>
          </cell>
          <cell r="AI657">
            <v>1083</v>
          </cell>
          <cell r="AJ657">
            <v>465259</v>
          </cell>
          <cell r="AK657" t="str">
            <v>34(33)/0/0</v>
          </cell>
          <cell r="AL657" t="str">
            <v>機械器具</v>
          </cell>
          <cell r="AM657" t="str">
            <v>特定</v>
          </cell>
          <cell r="AN657">
            <v>1088</v>
          </cell>
          <cell r="AO657">
            <v>2539367</v>
          </cell>
          <cell r="AP657" t="str">
            <v>1(1)/0/30</v>
          </cell>
          <cell r="AQ657" t="str">
            <v>土木一式</v>
          </cell>
          <cell r="AR657" t="str">
            <v>特定</v>
          </cell>
          <cell r="AS657">
            <v>1101</v>
          </cell>
          <cell r="AT657">
            <v>964195</v>
          </cell>
          <cell r="AU657" t="str">
            <v>32(31)/2/0</v>
          </cell>
          <cell r="AV657" t="str">
            <v>管</v>
          </cell>
          <cell r="AW657" t="str">
            <v>特定</v>
          </cell>
          <cell r="AX657">
            <v>1145</v>
          </cell>
          <cell r="AY657">
            <v>1167678</v>
          </cell>
          <cell r="AZ657" t="str">
            <v>46(29)/5/0</v>
          </cell>
          <cell r="BA657" t="str">
            <v>大阪府</v>
          </cell>
          <cell r="BB657">
            <v>0</v>
          </cell>
          <cell r="CR657">
            <v>5585</v>
          </cell>
          <cell r="CS657" t="str">
            <v>ｷｼﾓﾄ ﾃﾂﾔ</v>
          </cell>
          <cell r="CT657" t="str">
            <v>岸本  哲也</v>
          </cell>
          <cell r="CU657" t="str">
            <v>伊丹高校事務所</v>
          </cell>
          <cell r="CW657">
            <v>2905</v>
          </cell>
          <cell r="CX657" t="str">
            <v>事務局長</v>
          </cell>
          <cell r="CY657" t="str">
            <v>事務局長</v>
          </cell>
        </row>
        <row r="658">
          <cell r="B658">
            <v>3042</v>
          </cell>
          <cell r="C658" t="str">
            <v>(株)錢高組</v>
          </cell>
          <cell r="D658" t="str">
            <v>078-391-5571</v>
          </cell>
          <cell r="E658" t="str">
            <v>650-0012</v>
          </cell>
          <cell r="F658" t="str">
            <v>兵庫県神戸市中央区北長狭通4-9-26</v>
          </cell>
          <cell r="G658" t="str">
            <v>大阪市</v>
          </cell>
          <cell r="H658" t="str">
            <v>神戸支店</v>
          </cell>
          <cell r="I658" t="str">
            <v>支店長 石井　繁</v>
          </cell>
          <cell r="J658" t="str">
            <v>大阪府大阪市</v>
          </cell>
          <cell r="K658" t="str">
            <v>078-391-5572</v>
          </cell>
          <cell r="L658" t="str">
            <v>ishii_shigeru@zenitaka.co.jp</v>
          </cell>
          <cell r="M658" t="str">
            <v>ｾﾞﾆﾀｶｸﾞﾐ</v>
          </cell>
          <cell r="N658" t="str">
            <v>有</v>
          </cell>
          <cell r="O658">
            <v>68</v>
          </cell>
          <cell r="P658">
            <v>934</v>
          </cell>
          <cell r="Q658">
            <v>5120001049004</v>
          </cell>
          <cell r="R658">
            <v>3695790</v>
          </cell>
          <cell r="S658">
            <v>66237000</v>
          </cell>
          <cell r="T658">
            <v>126005000</v>
          </cell>
          <cell r="V658" t="str">
            <v>mk627759</v>
          </cell>
          <cell r="W658" t="str">
            <v>cc178136</v>
          </cell>
          <cell r="X658" t="str">
            <v>(清)(建)(と)(鋼)(舗)(浚)(内)(水)(解)土建大と石屋電管タ鋼鉄舗浚板ガ塗防内熱園具水清解</v>
          </cell>
          <cell r="Y658" t="str">
            <v>(清)(建)(と)(鋼)(舗)(浚)(内)(水)(解)</v>
          </cell>
          <cell r="Z658" t="str">
            <v>土建大と石屋電管タ鋼鉄舗浚板ガ塗防内熱園具水清解</v>
          </cell>
          <cell r="AA658" t="str">
            <v>建築一式</v>
          </cell>
          <cell r="AB658" t="str">
            <v>土木一式</v>
          </cell>
          <cell r="AC658" t="str">
            <v>水道施設</v>
          </cell>
          <cell r="AD658" t="str">
            <v>鋼構造物</v>
          </cell>
          <cell r="AE658">
            <v>43189</v>
          </cell>
          <cell r="AF658" t="str">
            <v>希望しない</v>
          </cell>
          <cell r="AG658" t="str">
            <v>建築一式</v>
          </cell>
          <cell r="AH658" t="str">
            <v/>
          </cell>
          <cell r="AI658" t="str">
            <v>特定</v>
          </cell>
          <cell r="AJ658">
            <v>83047027</v>
          </cell>
          <cell r="AK658" t="str">
            <v>222(143)/4/31</v>
          </cell>
          <cell r="AL658" t="str">
            <v>土木一式</v>
          </cell>
          <cell r="AM658" t="str">
            <v/>
          </cell>
          <cell r="AN658" t="str">
            <v>特定</v>
          </cell>
          <cell r="AO658">
            <v>32822978</v>
          </cell>
          <cell r="AP658" t="str">
            <v>165(146)/0/7</v>
          </cell>
          <cell r="AQ658" t="str">
            <v>水道施設</v>
          </cell>
          <cell r="AR658" t="str">
            <v/>
          </cell>
          <cell r="AS658" t="str">
            <v>特定</v>
          </cell>
          <cell r="AT658">
            <v>192967</v>
          </cell>
          <cell r="AU658" t="str">
            <v>151(137)/0/0</v>
          </cell>
          <cell r="AV658" t="str">
            <v>鋼構造物</v>
          </cell>
          <cell r="AW658" t="str">
            <v/>
          </cell>
          <cell r="AX658" t="str">
            <v>特定</v>
          </cell>
          <cell r="AY658" t="str">
            <v/>
          </cell>
          <cell r="AZ658" t="str">
            <v>207(135)/0/0</v>
          </cell>
          <cell r="BA658" t="str">
            <v>大阪府</v>
          </cell>
          <cell r="BB658">
            <v>0</v>
          </cell>
          <cell r="CR658">
            <v>5586</v>
          </cell>
          <cell r="CS658" t="str">
            <v>ﾆｼｶﾜ ﾏｻｺ</v>
          </cell>
          <cell r="CT658" t="str">
            <v>西川  雅子</v>
          </cell>
          <cell r="CU658" t="str">
            <v>市民税課</v>
          </cell>
          <cell r="CW658">
            <v>2217</v>
          </cell>
          <cell r="CX658" t="str">
            <v>主査</v>
          </cell>
          <cell r="CY658" t="str">
            <v>市民税課長</v>
          </cell>
        </row>
        <row r="659">
          <cell r="B659">
            <v>3045</v>
          </cell>
          <cell r="C659" t="str">
            <v>銭屋電機(株)</v>
          </cell>
          <cell r="D659" t="str">
            <v>0795-22-2131</v>
          </cell>
          <cell r="E659" t="str">
            <v>677-0015</v>
          </cell>
          <cell r="F659" t="str">
            <v>兵庫県西脇市西脇1033</v>
          </cell>
          <cell r="G659" t="str">
            <v>西脇市</v>
          </cell>
          <cell r="H659" t="str">
            <v/>
          </cell>
          <cell r="I659" t="str">
            <v>代表取締役 前川　康二</v>
          </cell>
          <cell r="J659" t="str">
            <v>本店</v>
          </cell>
          <cell r="K659" t="str">
            <v>0795-22-2133</v>
          </cell>
          <cell r="L659" t="str">
            <v>znya1920@cello.ocn.ne.jp</v>
          </cell>
          <cell r="M659" t="str">
            <v>ｾﾞﾆﾔﾃﾞﾝｷ</v>
          </cell>
          <cell r="N659" t="str">
            <v>無</v>
          </cell>
          <cell r="O659">
            <v>47</v>
          </cell>
          <cell r="P659">
            <v>21</v>
          </cell>
          <cell r="Q659">
            <v>2140001075389</v>
          </cell>
          <cell r="R659">
            <v>20000</v>
          </cell>
          <cell r="S659">
            <v>286590</v>
          </cell>
          <cell r="T659">
            <v>491307</v>
          </cell>
          <cell r="V659" t="str">
            <v>jd204837</v>
          </cell>
          <cell r="W659" t="str">
            <v>ep220314</v>
          </cell>
          <cell r="X659" t="str">
            <v>機通消電管</v>
          </cell>
          <cell r="Y659" t="str">
            <v>機通消</v>
          </cell>
          <cell r="Z659" t="str">
            <v>電管</v>
          </cell>
          <cell r="AA659" t="str">
            <v>電気</v>
          </cell>
          <cell r="AB659" t="str">
            <v>管</v>
          </cell>
          <cell r="AC659" t="str">
            <v>機械器具</v>
          </cell>
          <cell r="AD659" t="str">
            <v>電気通信</v>
          </cell>
          <cell r="AE659">
            <v>43190</v>
          </cell>
          <cell r="AF659" t="str">
            <v>希望しない</v>
          </cell>
          <cell r="AG659" t="str">
            <v>電気</v>
          </cell>
          <cell r="AH659" t="str">
            <v>特定</v>
          </cell>
          <cell r="AI659">
            <v>985</v>
          </cell>
          <cell r="AJ659">
            <v>645974</v>
          </cell>
          <cell r="AK659" t="str">
            <v>7(7)/5/4</v>
          </cell>
          <cell r="AL659" t="str">
            <v>管</v>
          </cell>
          <cell r="AM659" t="str">
            <v>特定</v>
          </cell>
          <cell r="AN659">
            <v>783</v>
          </cell>
          <cell r="AO659">
            <v>12240</v>
          </cell>
          <cell r="AP659" t="str">
            <v>2(2)/1/0</v>
          </cell>
          <cell r="AQ659" t="str">
            <v>機械器具</v>
          </cell>
          <cell r="AR659" t="str">
            <v>一般</v>
          </cell>
          <cell r="AS659">
            <v>739</v>
          </cell>
          <cell r="AT659">
            <v>5811</v>
          </cell>
          <cell r="AU659" t="str">
            <v>0(0)/0/0</v>
          </cell>
          <cell r="AV659" t="str">
            <v>電気通信</v>
          </cell>
          <cell r="AW659" t="str">
            <v>一般</v>
          </cell>
          <cell r="AX659">
            <v>716</v>
          </cell>
          <cell r="AY659">
            <v>1457</v>
          </cell>
          <cell r="AZ659" t="str">
            <v>0(0)/0/0</v>
          </cell>
          <cell r="BA659" t="str">
            <v>兵庫県</v>
          </cell>
          <cell r="BB659">
            <v>0</v>
          </cell>
          <cell r="CR659">
            <v>5587</v>
          </cell>
          <cell r="CS659" t="str">
            <v>ﾓﾁﾓﾄ ﾁｶｼｹﾞ</v>
          </cell>
          <cell r="CT659" t="str">
            <v>森本  周成</v>
          </cell>
          <cell r="CU659" t="str">
            <v xml:space="preserve"> </v>
          </cell>
          <cell r="CW659" t="str">
            <v xml:space="preserve"> </v>
          </cell>
          <cell r="CX659" t="str">
            <v>主任</v>
          </cell>
          <cell r="CY659" t="str">
            <v>　</v>
          </cell>
        </row>
        <row r="660">
          <cell r="B660">
            <v>3048</v>
          </cell>
          <cell r="C660" t="str">
            <v>(株)ジンテック</v>
          </cell>
          <cell r="D660" t="str">
            <v>078-927-1889</v>
          </cell>
          <cell r="E660" t="str">
            <v>651-1302</v>
          </cell>
          <cell r="F660" t="str">
            <v>兵庫県神戸市北区藤原台中町4丁目13-5</v>
          </cell>
          <cell r="G660" t="str">
            <v>神戸市</v>
          </cell>
          <cell r="H660" t="str">
            <v/>
          </cell>
          <cell r="I660" t="str">
            <v>代表取締役 仁禮　照雄</v>
          </cell>
          <cell r="J660" t="str">
            <v>本店</v>
          </cell>
          <cell r="K660" t="str">
            <v>078-927-1899</v>
          </cell>
          <cell r="L660" t="str">
            <v>jintec917@m5.gyao.ne.jp</v>
          </cell>
          <cell r="M660" t="str">
            <v>ｼﾞﾝﾃｯｸ</v>
          </cell>
          <cell r="N660" t="str">
            <v>無</v>
          </cell>
          <cell r="O660">
            <v>12</v>
          </cell>
          <cell r="P660">
            <v>15</v>
          </cell>
          <cell r="Q660">
            <v>6140001030035</v>
          </cell>
          <cell r="R660">
            <v>5000</v>
          </cell>
          <cell r="S660">
            <v>79859</v>
          </cell>
          <cell r="T660">
            <v>529465</v>
          </cell>
          <cell r="V660" t="str">
            <v>rp357411</v>
          </cell>
          <cell r="W660" t="str">
            <v>qs866838</v>
          </cell>
          <cell r="X660" t="str">
            <v>土と管舗浚水</v>
          </cell>
          <cell r="Y660" t="str">
            <v>土と管舗浚水</v>
          </cell>
          <cell r="Z660" t="str">
            <v/>
          </cell>
          <cell r="AA660" t="str">
            <v>土木一式</v>
          </cell>
          <cell r="AB660" t="str">
            <v>管</v>
          </cell>
          <cell r="AC660" t="str">
            <v>とび土工</v>
          </cell>
          <cell r="AD660" t="str">
            <v>舗装</v>
          </cell>
          <cell r="AE660">
            <v>43343</v>
          </cell>
          <cell r="AF660" t="str">
            <v>希望する</v>
          </cell>
          <cell r="AG660" t="str">
            <v>土木一式</v>
          </cell>
          <cell r="AH660" t="str">
            <v>一般</v>
          </cell>
          <cell r="AI660">
            <v>824</v>
          </cell>
          <cell r="AJ660">
            <v>262514</v>
          </cell>
          <cell r="AK660" t="str">
            <v>1(1)/3/1</v>
          </cell>
          <cell r="AL660" t="str">
            <v>管</v>
          </cell>
          <cell r="AM660" t="str">
            <v>一般</v>
          </cell>
          <cell r="AN660">
            <v>668</v>
          </cell>
          <cell r="AO660">
            <v>48590</v>
          </cell>
          <cell r="AP660" t="str">
            <v/>
          </cell>
          <cell r="AQ660" t="str">
            <v>とび土工</v>
          </cell>
          <cell r="AR660" t="str">
            <v>一般</v>
          </cell>
          <cell r="AS660">
            <v>637</v>
          </cell>
          <cell r="AT660" t="str">
            <v/>
          </cell>
          <cell r="AU660" t="str">
            <v>1(1)/3/</v>
          </cell>
          <cell r="AV660" t="str">
            <v>舗装</v>
          </cell>
          <cell r="AW660" t="str">
            <v>一般</v>
          </cell>
          <cell r="AX660">
            <v>607</v>
          </cell>
          <cell r="AY660" t="str">
            <v/>
          </cell>
          <cell r="AZ660" t="str">
            <v/>
          </cell>
          <cell r="BA660" t="str">
            <v>兵庫県</v>
          </cell>
          <cell r="BB660">
            <v>0</v>
          </cell>
          <cell r="CR660">
            <v>5589</v>
          </cell>
          <cell r="CS660" t="str">
            <v>ﾀｶｼﾅ ｴﾐ</v>
          </cell>
          <cell r="CT660" t="str">
            <v>高科  恵美</v>
          </cell>
          <cell r="CU660" t="str">
            <v>財政企画課</v>
          </cell>
          <cell r="CW660">
            <v>2223</v>
          </cell>
          <cell r="CX660" t="str">
            <v>主査</v>
          </cell>
          <cell r="CY660" t="str">
            <v>財政企画課長</v>
          </cell>
        </row>
        <row r="661">
          <cell r="B661">
            <v>3052</v>
          </cell>
          <cell r="C661" t="str">
            <v>(株)ゼネラル商会</v>
          </cell>
          <cell r="D661" t="str">
            <v>06-6429-0597</v>
          </cell>
          <cell r="E661" t="str">
            <v>661-0978</v>
          </cell>
          <cell r="F661" t="str">
            <v>兵庫県尼崎市久々知西町2‐3‐6</v>
          </cell>
          <cell r="G661" t="str">
            <v>尼崎市</v>
          </cell>
          <cell r="H661" t="str">
            <v/>
          </cell>
          <cell r="I661" t="str">
            <v>代表取締役 栃尾　進</v>
          </cell>
          <cell r="J661" t="str">
            <v>本店</v>
          </cell>
          <cell r="K661" t="str">
            <v>06-6429-0622</v>
          </cell>
          <cell r="L661" t="str">
            <v>zene-h-soumu@zeneral-s.co.jp</v>
          </cell>
          <cell r="M661" t="str">
            <v>ｾﾞﾈﾗﾙｼｮｳｶｲ</v>
          </cell>
          <cell r="N661" t="str">
            <v>無</v>
          </cell>
          <cell r="O661">
            <v>46</v>
          </cell>
          <cell r="P661">
            <v>14</v>
          </cell>
          <cell r="Q661">
            <v>5140001049506</v>
          </cell>
          <cell r="R661">
            <v>10000</v>
          </cell>
          <cell r="S661">
            <v>4561</v>
          </cell>
          <cell r="T661">
            <v>365287</v>
          </cell>
          <cell r="V661" t="str">
            <v>pc975755</v>
          </cell>
          <cell r="W661" t="str">
            <v>xw250162</v>
          </cell>
          <cell r="X661" t="str">
            <v>消</v>
          </cell>
          <cell r="Y661" t="str">
            <v>消</v>
          </cell>
          <cell r="Z661" t="str">
            <v/>
          </cell>
          <cell r="AA661" t="str">
            <v>消防施設</v>
          </cell>
          <cell r="AB661" t="str">
            <v/>
          </cell>
          <cell r="AC661" t="str">
            <v/>
          </cell>
          <cell r="AD661" t="str">
            <v/>
          </cell>
          <cell r="AE661">
            <v>43131</v>
          </cell>
          <cell r="AF661" t="str">
            <v>希望しない</v>
          </cell>
          <cell r="AG661" t="str">
            <v>消防施設</v>
          </cell>
          <cell r="AH661" t="str">
            <v>一般</v>
          </cell>
          <cell r="AI661">
            <v>687</v>
          </cell>
          <cell r="AJ661">
            <v>168436</v>
          </cell>
          <cell r="AK661" t="str">
            <v>0(0)/8/0</v>
          </cell>
          <cell r="AL661" t="str">
            <v/>
          </cell>
          <cell r="AM661" t="str">
            <v/>
          </cell>
          <cell r="AN661" t="str">
            <v/>
          </cell>
          <cell r="AO661" t="str">
            <v/>
          </cell>
          <cell r="AP661" t="str">
            <v/>
          </cell>
          <cell r="AQ661" t="str">
            <v/>
          </cell>
          <cell r="AR661" t="str">
            <v/>
          </cell>
          <cell r="AS661" t="str">
            <v/>
          </cell>
          <cell r="AT661" t="str">
            <v/>
          </cell>
          <cell r="AU661" t="str">
            <v/>
          </cell>
          <cell r="AV661" t="str">
            <v/>
          </cell>
          <cell r="AW661" t="str">
            <v/>
          </cell>
          <cell r="AX661" t="str">
            <v/>
          </cell>
          <cell r="AY661" t="str">
            <v/>
          </cell>
          <cell r="AZ661" t="str">
            <v/>
          </cell>
          <cell r="BA661" t="str">
            <v>兵庫県</v>
          </cell>
          <cell r="BB661">
            <v>0</v>
          </cell>
          <cell r="CR661">
            <v>5590</v>
          </cell>
          <cell r="CS661" t="str">
            <v>ｱｷﾀ ﾋﾛﾕｷ</v>
          </cell>
          <cell r="CT661" t="str">
            <v>秋田  博之</v>
          </cell>
          <cell r="CU661" t="str">
            <v>総務課</v>
          </cell>
          <cell r="CW661">
            <v>6722</v>
          </cell>
          <cell r="CX661" t="str">
            <v>主査</v>
          </cell>
          <cell r="CY661" t="str">
            <v>総務課長</v>
          </cell>
        </row>
        <row r="662">
          <cell r="B662">
            <v>3056</v>
          </cell>
          <cell r="C662" t="str">
            <v>(株)成友</v>
          </cell>
          <cell r="D662" t="str">
            <v>06-6428-2840</v>
          </cell>
          <cell r="E662" t="str">
            <v>664-0012</v>
          </cell>
          <cell r="F662" t="str">
            <v>兵庫県尼崎市尾浜町3-2-21</v>
          </cell>
          <cell r="G662" t="str">
            <v>尼崎市</v>
          </cell>
          <cell r="I662" t="str">
            <v>代表取締役　野田　茂雄</v>
          </cell>
          <cell r="J662" t="str">
            <v>兵庫県尼崎市</v>
          </cell>
          <cell r="K662" t="str">
            <v>06-6428-2796</v>
          </cell>
          <cell r="L662" t="str">
            <v>kk-seiyu@train.ocn.ne.jp</v>
          </cell>
          <cell r="M662" t="str">
            <v>ｾｲﾕｳ</v>
          </cell>
          <cell r="N662" t="str">
            <v>有</v>
          </cell>
          <cell r="O662">
            <v>18</v>
          </cell>
          <cell r="P662">
            <v>11</v>
          </cell>
          <cell r="Q662">
            <v>8140001054354</v>
          </cell>
          <cell r="R662">
            <v>10000</v>
          </cell>
          <cell r="S662">
            <v>36384</v>
          </cell>
          <cell r="T662">
            <v>219936</v>
          </cell>
          <cell r="V662" t="str">
            <v>bv117382</v>
          </cell>
          <cell r="W662" t="str">
            <v>yx638831</v>
          </cell>
          <cell r="X662" t="str">
            <v>管</v>
          </cell>
          <cell r="Y662" t="str">
            <v>管</v>
          </cell>
          <cell r="Z662" t="str">
            <v/>
          </cell>
          <cell r="AA662" t="str">
            <v>管</v>
          </cell>
          <cell r="AB662" t="str">
            <v/>
          </cell>
          <cell r="AC662" t="str">
            <v/>
          </cell>
          <cell r="AD662" t="str">
            <v/>
          </cell>
          <cell r="AE662">
            <v>43190</v>
          </cell>
          <cell r="AF662" t="str">
            <v>希望しない</v>
          </cell>
          <cell r="AG662" t="str">
            <v>管</v>
          </cell>
          <cell r="AH662" t="str">
            <v>一般</v>
          </cell>
          <cell r="AI662">
            <v>755</v>
          </cell>
          <cell r="AJ662">
            <v>284800</v>
          </cell>
          <cell r="AK662" t="str">
            <v>3(3)/1/1</v>
          </cell>
          <cell r="AL662" t="str">
            <v/>
          </cell>
          <cell r="AM662" t="str">
            <v/>
          </cell>
          <cell r="AN662" t="str">
            <v/>
          </cell>
          <cell r="AO662" t="str">
            <v/>
          </cell>
          <cell r="AP662" t="str">
            <v/>
          </cell>
          <cell r="AQ662" t="str">
            <v/>
          </cell>
          <cell r="AR662" t="str">
            <v/>
          </cell>
          <cell r="AS662" t="str">
            <v/>
          </cell>
          <cell r="AT662" t="str">
            <v/>
          </cell>
          <cell r="AU662" t="str">
            <v/>
          </cell>
          <cell r="AV662" t="str">
            <v/>
          </cell>
          <cell r="AW662" t="str">
            <v/>
          </cell>
          <cell r="AX662" t="str">
            <v/>
          </cell>
          <cell r="AY662" t="str">
            <v/>
          </cell>
          <cell r="AZ662" t="str">
            <v/>
          </cell>
          <cell r="BA662" t="str">
            <v>兵庫県</v>
          </cell>
          <cell r="BB662">
            <v>0</v>
          </cell>
          <cell r="CR662">
            <v>5591</v>
          </cell>
          <cell r="CS662" t="str">
            <v>ﾅｶﾀ ﾕｷｺ</v>
          </cell>
          <cell r="CT662" t="str">
            <v>中田  由起子</v>
          </cell>
          <cell r="CU662" t="str">
            <v>人権教育担当</v>
          </cell>
          <cell r="CW662">
            <v>3755</v>
          </cell>
          <cell r="CX662" t="str">
            <v>主任</v>
          </cell>
          <cell r="CY662" t="str">
            <v>人権教育担当長</v>
          </cell>
        </row>
        <row r="663">
          <cell r="B663">
            <v>3057</v>
          </cell>
          <cell r="C663" t="str">
            <v>積水化学工業(株)</v>
          </cell>
          <cell r="D663" t="str">
            <v>06-6365-4500</v>
          </cell>
          <cell r="E663" t="str">
            <v>530-8565</v>
          </cell>
          <cell r="F663" t="str">
            <v>大阪府大阪市北区西天満2-4-4</v>
          </cell>
          <cell r="G663" t="str">
            <v/>
          </cell>
          <cell r="H663" t="str">
            <v>環境・ライフラインカンパニー西日本支店</v>
          </cell>
          <cell r="I663" t="str">
            <v>支店長 北村　実朗</v>
          </cell>
          <cell r="J663" t="str">
            <v>東京都</v>
          </cell>
          <cell r="K663" t="str">
            <v>06-6365-4387</v>
          </cell>
          <cell r="L663" t="str">
            <v>tezuka.makoto@sekisui.com</v>
          </cell>
          <cell r="M663" t="str">
            <v>ｾｷｽｲｶｶﾞｸｺｳｷﾞｮｳ</v>
          </cell>
          <cell r="N663" t="str">
            <v>有</v>
          </cell>
          <cell r="O663">
            <v>60</v>
          </cell>
          <cell r="P663">
            <v>2615</v>
          </cell>
          <cell r="Q663">
            <v>1120001059650</v>
          </cell>
          <cell r="R663">
            <v>100002000</v>
          </cell>
          <cell r="S663">
            <v>311286000</v>
          </cell>
          <cell r="T663">
            <v>1107429000</v>
          </cell>
          <cell r="V663" t="str">
            <v>sb124265</v>
          </cell>
          <cell r="W663" t="str">
            <v>eq858899</v>
          </cell>
          <cell r="X663" t="str">
            <v>(清)(と)(石)(管)(鋼)(舗)(浚)(塗)(水)土建と石管鋼舗浚塗内水</v>
          </cell>
          <cell r="Y663" t="str">
            <v>(清)(と)(石)(管)(鋼)(舗)(浚)(塗)(水)</v>
          </cell>
          <cell r="Z663" t="str">
            <v>土建と石管鋼舗浚塗内水</v>
          </cell>
          <cell r="AA663" t="str">
            <v>土木一式</v>
          </cell>
          <cell r="AB663" t="str">
            <v>管</v>
          </cell>
          <cell r="AC663" t="str">
            <v>水道施設</v>
          </cell>
          <cell r="AD663" t="str">
            <v/>
          </cell>
          <cell r="AE663">
            <v>43190</v>
          </cell>
          <cell r="AF663" t="str">
            <v>希望する</v>
          </cell>
          <cell r="AG663" t="str">
            <v>土木一式</v>
          </cell>
          <cell r="AH663" t="str">
            <v>特定</v>
          </cell>
          <cell r="AI663">
            <v>1304</v>
          </cell>
          <cell r="AJ663">
            <v>104847</v>
          </cell>
          <cell r="AK663" t="str">
            <v>27(5)/19/0</v>
          </cell>
          <cell r="AL663" t="str">
            <v>管</v>
          </cell>
          <cell r="AM663" t="str">
            <v>特定</v>
          </cell>
          <cell r="AN663">
            <v>1245</v>
          </cell>
          <cell r="AO663">
            <v>20252</v>
          </cell>
          <cell r="AP663" t="str">
            <v>20(5)/27/3</v>
          </cell>
          <cell r="AQ663" t="str">
            <v>水道施設</v>
          </cell>
          <cell r="AR663" t="str">
            <v>特定</v>
          </cell>
          <cell r="AS663">
            <v>1167</v>
          </cell>
          <cell r="AT663" t="str">
            <v/>
          </cell>
          <cell r="AU663" t="str">
            <v>11(0)/14/0</v>
          </cell>
          <cell r="AV663" t="str">
            <v/>
          </cell>
          <cell r="AW663" t="str">
            <v/>
          </cell>
          <cell r="AX663" t="str">
            <v/>
          </cell>
          <cell r="AY663" t="str">
            <v/>
          </cell>
          <cell r="AZ663" t="str">
            <v/>
          </cell>
          <cell r="BA663" t="str">
            <v>東京都</v>
          </cell>
          <cell r="BB663">
            <v>0</v>
          </cell>
          <cell r="CR663">
            <v>5592</v>
          </cell>
          <cell r="CS663" t="str">
            <v>ｲﾇｲ ﾂﾔｺ</v>
          </cell>
          <cell r="CT663" t="str">
            <v>乾  ツヤコ</v>
          </cell>
          <cell r="CU663" t="str">
            <v>保育課</v>
          </cell>
          <cell r="CW663" t="str">
            <v xml:space="preserve"> </v>
          </cell>
          <cell r="CX663" t="str">
            <v>副所長</v>
          </cell>
          <cell r="CY663" t="str">
            <v>保育課長</v>
          </cell>
        </row>
        <row r="664">
          <cell r="B664">
            <v>3059</v>
          </cell>
          <cell r="C664" t="str">
            <v>(有)セイコー・コーポレーション</v>
          </cell>
          <cell r="D664" t="str">
            <v>072-755-8040</v>
          </cell>
          <cell r="E664" t="str">
            <v>666-0017</v>
          </cell>
          <cell r="F664" t="str">
            <v>兵庫県川西市火打1-1-7-12</v>
          </cell>
          <cell r="G664" t="str">
            <v>川西市</v>
          </cell>
          <cell r="H664" t="str">
            <v/>
          </cell>
          <cell r="I664" t="str">
            <v>代表取締役 宮本　智子</v>
          </cell>
          <cell r="J664" t="str">
            <v>本店</v>
          </cell>
          <cell r="K664" t="str">
            <v>072-755-8040</v>
          </cell>
          <cell r="L664" t="str">
            <v>satoko388@yahoo.co.jp</v>
          </cell>
          <cell r="M664" t="str">
            <v>ｾｲｺｰ･ｺｰﾎﾟﾚｰｼｮﾝ</v>
          </cell>
          <cell r="N664" t="str">
            <v>無</v>
          </cell>
          <cell r="O664">
            <v>8</v>
          </cell>
          <cell r="P664">
            <v>3</v>
          </cell>
          <cell r="Q664">
            <v>6140002065162</v>
          </cell>
          <cell r="R664">
            <v>10000</v>
          </cell>
          <cell r="S664">
            <v>14320</v>
          </cell>
          <cell r="T664">
            <v>172753</v>
          </cell>
          <cell r="V664" t="str">
            <v>qs866838</v>
          </cell>
          <cell r="W664" t="str">
            <v>wr508094</v>
          </cell>
          <cell r="X664" t="str">
            <v>土と舗水解</v>
          </cell>
          <cell r="Y664" t="str">
            <v>土と舗水解</v>
          </cell>
          <cell r="Z664" t="str">
            <v/>
          </cell>
          <cell r="AA664" t="str">
            <v>土木一式</v>
          </cell>
          <cell r="AB664" t="str">
            <v>水道施設</v>
          </cell>
          <cell r="AC664" t="str">
            <v>舗装</v>
          </cell>
          <cell r="AD664" t="str">
            <v>とび土工</v>
          </cell>
          <cell r="AE664">
            <v>43008</v>
          </cell>
          <cell r="AF664" t="str">
            <v>希望する</v>
          </cell>
          <cell r="AG664" t="str">
            <v>土木一式</v>
          </cell>
          <cell r="AH664" t="str">
            <v>一般</v>
          </cell>
          <cell r="AI664">
            <v>638</v>
          </cell>
          <cell r="AJ664">
            <v>116207</v>
          </cell>
          <cell r="AK664" t="str">
            <v>1(1)/1/1</v>
          </cell>
          <cell r="AL664" t="str">
            <v>水道施設</v>
          </cell>
          <cell r="AM664" t="str">
            <v>一般</v>
          </cell>
          <cell r="AN664">
            <v>577</v>
          </cell>
          <cell r="AO664">
            <v>38841</v>
          </cell>
          <cell r="AP664" t="str">
            <v/>
          </cell>
          <cell r="AQ664" t="str">
            <v>舗装</v>
          </cell>
          <cell r="AR664" t="str">
            <v>一般</v>
          </cell>
          <cell r="AS664">
            <v>565</v>
          </cell>
          <cell r="AT664">
            <v>8756</v>
          </cell>
          <cell r="AU664" t="str">
            <v>1(1)/1/</v>
          </cell>
          <cell r="AV664" t="str">
            <v>とび土工</v>
          </cell>
          <cell r="AW664" t="str">
            <v>一般</v>
          </cell>
          <cell r="AX664">
            <v>521</v>
          </cell>
          <cell r="AY664">
            <v>2693</v>
          </cell>
          <cell r="AZ664" t="str">
            <v/>
          </cell>
          <cell r="BA664" t="str">
            <v>兵庫県</v>
          </cell>
          <cell r="BB664" t="str">
            <v>星和ビル５Ｆ</v>
          </cell>
          <cell r="CR664">
            <v>5594</v>
          </cell>
          <cell r="CS664" t="str">
            <v>ｼﾊﾞ ﾒｸﾞﾐ</v>
          </cell>
          <cell r="CT664" t="str">
            <v>芝  恵美</v>
          </cell>
          <cell r="CU664" t="str">
            <v>保育課</v>
          </cell>
          <cell r="CW664" t="str">
            <v xml:space="preserve"> </v>
          </cell>
          <cell r="CX664" t="str">
            <v>主任</v>
          </cell>
          <cell r="CY664" t="str">
            <v>保育課長</v>
          </cell>
        </row>
        <row r="665">
          <cell r="B665">
            <v>3060</v>
          </cell>
          <cell r="C665" t="str">
            <v>セコム株式会社</v>
          </cell>
          <cell r="D665" t="str">
            <v>03-5775-8475</v>
          </cell>
          <cell r="E665" t="str">
            <v>530-0011</v>
          </cell>
          <cell r="F665" t="str">
            <v>東京都渋谷区神宮前1-5-1</v>
          </cell>
          <cell r="G665" t="str">
            <v/>
          </cell>
          <cell r="H665" t="str">
            <v/>
          </cell>
          <cell r="I665" t="str">
            <v>代表取締役社長 尾関　一郎</v>
          </cell>
          <cell r="J665" t="str">
            <v>本店</v>
          </cell>
          <cell r="K665" t="str">
            <v>03-5775-8921</v>
          </cell>
          <cell r="L665" t="str">
            <v>nyusatsu-info-hyogo@secom.co.jp</v>
          </cell>
          <cell r="M665" t="str">
            <v>ｾｺﾑ</v>
          </cell>
          <cell r="N665" t="str">
            <v>無</v>
          </cell>
          <cell r="O665">
            <v>24</v>
          </cell>
          <cell r="P665">
            <v>16935</v>
          </cell>
          <cell r="Q665">
            <v>6011000000000</v>
          </cell>
          <cell r="R665">
            <v>66385263</v>
          </cell>
          <cell r="S665">
            <v>748988294</v>
          </cell>
          <cell r="T665">
            <v>970624000</v>
          </cell>
          <cell r="V665" t="str">
            <v>px632084</v>
          </cell>
          <cell r="W665" t="str">
            <v>jd204837</v>
          </cell>
          <cell r="X665" t="str">
            <v>土と舗水解</v>
          </cell>
          <cell r="Y665" t="str">
            <v>土と舗水解</v>
          </cell>
          <cell r="Z665" t="str">
            <v/>
          </cell>
          <cell r="AA665" t="str">
            <v>電気通信</v>
          </cell>
          <cell r="AB665" t="str">
            <v/>
          </cell>
          <cell r="AC665" t="str">
            <v/>
          </cell>
          <cell r="AD665" t="str">
            <v/>
          </cell>
          <cell r="AE665">
            <v>43190</v>
          </cell>
          <cell r="AF665" t="str">
            <v>希望しない</v>
          </cell>
          <cell r="AG665" t="str">
            <v>電気通信</v>
          </cell>
          <cell r="AH665" t="str">
            <v>一般</v>
          </cell>
          <cell r="AI665">
            <v>1485</v>
          </cell>
          <cell r="AJ665">
            <v>48057523</v>
          </cell>
          <cell r="AK665" t="str">
            <v>0(0)/0/14</v>
          </cell>
          <cell r="AL665" t="str">
            <v/>
          </cell>
          <cell r="AM665" t="str">
            <v/>
          </cell>
          <cell r="AN665" t="str">
            <v/>
          </cell>
          <cell r="AO665" t="str">
            <v/>
          </cell>
          <cell r="AP665" t="str">
            <v/>
          </cell>
          <cell r="AQ665" t="str">
            <v/>
          </cell>
          <cell r="AR665" t="str">
            <v/>
          </cell>
          <cell r="AS665" t="str">
            <v/>
          </cell>
          <cell r="AT665" t="str">
            <v/>
          </cell>
          <cell r="AU665" t="str">
            <v/>
          </cell>
          <cell r="AV665" t="str">
            <v/>
          </cell>
          <cell r="AW665" t="str">
            <v/>
          </cell>
          <cell r="AX665" t="str">
            <v/>
          </cell>
          <cell r="AY665" t="str">
            <v/>
          </cell>
          <cell r="AZ665" t="str">
            <v/>
          </cell>
          <cell r="BA665" t="str">
            <v>東京都</v>
          </cell>
          <cell r="BB665">
            <v>0</v>
          </cell>
          <cell r="CR665">
            <v>5595</v>
          </cell>
          <cell r="CS665" t="str">
            <v>ﾀｻｷ ﾋﾛｺ</v>
          </cell>
          <cell r="CT665" t="str">
            <v>田﨑  裕子</v>
          </cell>
          <cell r="CU665" t="str">
            <v>障害福祉課</v>
          </cell>
          <cell r="CW665">
            <v>2544</v>
          </cell>
          <cell r="CX665" t="str">
            <v>主査</v>
          </cell>
          <cell r="CY665" t="str">
            <v>障害福祉課長</v>
          </cell>
        </row>
        <row r="666">
          <cell r="B666">
            <v>3076</v>
          </cell>
          <cell r="C666" t="str">
            <v>(株)ソトムラ</v>
          </cell>
          <cell r="D666" t="str">
            <v>06-6721-1644</v>
          </cell>
          <cell r="E666" t="str">
            <v>577-0841</v>
          </cell>
          <cell r="F666" t="str">
            <v>大阪府東大阪市足代3-5-1</v>
          </cell>
          <cell r="G666" t="str">
            <v>東大阪市</v>
          </cell>
          <cell r="H666" t="str">
            <v/>
          </cell>
          <cell r="I666" t="str">
            <v>代表取締役 外村　耕作</v>
          </cell>
          <cell r="J666" t="str">
            <v>本店</v>
          </cell>
          <cell r="K666" t="str">
            <v>06-6722-1328</v>
          </cell>
          <cell r="L666" t="str">
            <v>main@stmr.info</v>
          </cell>
          <cell r="M666" t="str">
            <v>ｿﾄﾑﾗ</v>
          </cell>
          <cell r="N666" t="str">
            <v>無</v>
          </cell>
          <cell r="O666">
            <v>44</v>
          </cell>
          <cell r="P666">
            <v>41</v>
          </cell>
          <cell r="Q666">
            <v>5122001004054</v>
          </cell>
          <cell r="R666">
            <v>50000</v>
          </cell>
          <cell r="S666">
            <v>471236</v>
          </cell>
          <cell r="T666">
            <v>2326136</v>
          </cell>
          <cell r="V666" t="str">
            <v>gc942169</v>
          </cell>
          <cell r="W666" t="str">
            <v>zr386307</v>
          </cell>
          <cell r="X666" t="str">
            <v>土建大と石屋タ鋼鉄舗浚板ガ塗防内熱具水解</v>
          </cell>
          <cell r="Y666" t="str">
            <v/>
          </cell>
          <cell r="Z666" t="str">
            <v>土建大と石屋タ鋼鉄舗浚板ガ塗防内熱具水解</v>
          </cell>
          <cell r="AA666" t="str">
            <v>防水</v>
          </cell>
          <cell r="AB666" t="str">
            <v>塗装</v>
          </cell>
          <cell r="AC666" t="str">
            <v>建具</v>
          </cell>
          <cell r="AD666" t="str">
            <v>屋根</v>
          </cell>
          <cell r="AE666">
            <v>43281</v>
          </cell>
          <cell r="AF666" t="str">
            <v>希望しない</v>
          </cell>
          <cell r="AG666" t="str">
            <v>防水</v>
          </cell>
          <cell r="AH666" t="str">
            <v>特定</v>
          </cell>
          <cell r="AI666">
            <v>849</v>
          </cell>
          <cell r="AJ666">
            <v>81666</v>
          </cell>
          <cell r="AK666" t="str">
            <v>4(4)/1/6</v>
          </cell>
          <cell r="AL666" t="str">
            <v>塗装</v>
          </cell>
          <cell r="AM666" t="str">
            <v>特定</v>
          </cell>
          <cell r="AN666">
            <v>1017</v>
          </cell>
          <cell r="AO666">
            <v>1190465</v>
          </cell>
          <cell r="AP666" t="str">
            <v>13(13)/4/8</v>
          </cell>
          <cell r="AQ666" t="str">
            <v>建具</v>
          </cell>
          <cell r="AR666" t="str">
            <v>特定</v>
          </cell>
          <cell r="AS666">
            <v>685</v>
          </cell>
          <cell r="AT666">
            <v>269</v>
          </cell>
          <cell r="AU666" t="str">
            <v>0(0)/0/0</v>
          </cell>
          <cell r="AV666" t="str">
            <v>屋根</v>
          </cell>
          <cell r="AW666" t="str">
            <v>特定</v>
          </cell>
          <cell r="AX666">
            <v>749</v>
          </cell>
          <cell r="AY666">
            <v>20743</v>
          </cell>
          <cell r="AZ666" t="str">
            <v>0(0)/0/0</v>
          </cell>
          <cell r="BA666" t="str">
            <v>大阪府</v>
          </cell>
          <cell r="BB666">
            <v>0</v>
          </cell>
          <cell r="CR666">
            <v>5597</v>
          </cell>
          <cell r="CS666" t="str">
            <v>ﾊﾗﾀﾞ ﾐﾎ</v>
          </cell>
          <cell r="CT666" t="str">
            <v>原田  美穂</v>
          </cell>
          <cell r="CU666" t="str">
            <v>こども福祉課</v>
          </cell>
          <cell r="CW666" t="str">
            <v xml:space="preserve"> </v>
          </cell>
          <cell r="CX666" t="str">
            <v>主査</v>
          </cell>
          <cell r="CY666" t="str">
            <v>こども福祉課長</v>
          </cell>
        </row>
        <row r="667">
          <cell r="B667">
            <v>3077</v>
          </cell>
          <cell r="C667" t="str">
            <v>(株)ソネック</v>
          </cell>
          <cell r="D667" t="str">
            <v>078-366-5177</v>
          </cell>
          <cell r="E667" t="str">
            <v>650-0027</v>
          </cell>
          <cell r="F667" t="str">
            <v>兵庫県神戸市中央区中町通2-3-2</v>
          </cell>
          <cell r="G667" t="str">
            <v>高砂市</v>
          </cell>
          <cell r="H667" t="str">
            <v>神戸支店</v>
          </cell>
          <cell r="I667" t="str">
            <v>支店長 中村　恵二</v>
          </cell>
          <cell r="J667" t="str">
            <v>兵庫県高砂市</v>
          </cell>
          <cell r="K667" t="str">
            <v>078-366-5176</v>
          </cell>
          <cell r="L667" t="str">
            <v>eigyo@sonec-const.co.jp</v>
          </cell>
          <cell r="M667" t="str">
            <v>ｿﾈﾂｸ</v>
          </cell>
          <cell r="N667" t="str">
            <v>有</v>
          </cell>
          <cell r="O667">
            <v>68</v>
          </cell>
          <cell r="P667">
            <v>139</v>
          </cell>
          <cell r="Q667">
            <v>6140000000000</v>
          </cell>
          <cell r="R667">
            <v>723000</v>
          </cell>
          <cell r="S667">
            <v>5777887</v>
          </cell>
          <cell r="T667">
            <v>13880847</v>
          </cell>
          <cell r="V667" t="str">
            <v>gg495749</v>
          </cell>
          <cell r="W667" t="str">
            <v>mw613071</v>
          </cell>
          <cell r="X667" t="str">
            <v>土建大と石屋タ鋼鉄舗浚板ガ塗防内熱具水解</v>
          </cell>
          <cell r="Y667" t="str">
            <v/>
          </cell>
          <cell r="Z667" t="str">
            <v>土建大と石屋タ鋼鉄舗浚板ガ塗防内熱具水解</v>
          </cell>
          <cell r="AA667" t="str">
            <v>建築一式</v>
          </cell>
          <cell r="AB667" t="str">
            <v>土木一式</v>
          </cell>
          <cell r="AC667" t="str">
            <v>舗装</v>
          </cell>
          <cell r="AD667" t="str">
            <v>解体</v>
          </cell>
          <cell r="AE667">
            <v>43190</v>
          </cell>
          <cell r="AF667" t="str">
            <v>希望しない</v>
          </cell>
          <cell r="AG667" t="str">
            <v>建築一式</v>
          </cell>
          <cell r="AH667" t="str">
            <v>特定</v>
          </cell>
          <cell r="AI667">
            <v>1191</v>
          </cell>
          <cell r="AJ667">
            <v>1600009</v>
          </cell>
          <cell r="AK667" t="str">
            <v>29(28)/1/0</v>
          </cell>
          <cell r="AL667" t="str">
            <v>土木一式</v>
          </cell>
          <cell r="AM667" t="str">
            <v>特定</v>
          </cell>
          <cell r="AN667">
            <v>1372</v>
          </cell>
          <cell r="AO667">
            <v>12257777</v>
          </cell>
          <cell r="AP667" t="str">
            <v>60(56)/12/0</v>
          </cell>
          <cell r="AQ667" t="str">
            <v>舗装</v>
          </cell>
          <cell r="AR667" t="str">
            <v>特定</v>
          </cell>
          <cell r="AS667">
            <v>935</v>
          </cell>
          <cell r="AT667">
            <v>1593</v>
          </cell>
          <cell r="AU667" t="str">
            <v>14(13)/1/0</v>
          </cell>
          <cell r="AV667" t="str">
            <v>解体</v>
          </cell>
          <cell r="AW667" t="str">
            <v>特定</v>
          </cell>
          <cell r="AX667">
            <v>917</v>
          </cell>
          <cell r="AY667">
            <v>16816</v>
          </cell>
          <cell r="AZ667" t="str">
            <v>3(2)/0/0</v>
          </cell>
          <cell r="BA667" t="str">
            <v>兵庫県</v>
          </cell>
          <cell r="BB667">
            <v>0</v>
          </cell>
          <cell r="CR667">
            <v>5598</v>
          </cell>
          <cell r="CS667" t="str">
            <v>ｱﾜｲ ﾏｻｵﾐ</v>
          </cell>
          <cell r="CT667" t="str">
            <v>粟井  正臣</v>
          </cell>
          <cell r="CU667" t="str">
            <v>予防課</v>
          </cell>
          <cell r="CW667">
            <v>6680235</v>
          </cell>
          <cell r="CX667" t="str">
            <v>副主幹</v>
          </cell>
          <cell r="CY667" t="str">
            <v>予防課長</v>
          </cell>
        </row>
        <row r="668">
          <cell r="B668">
            <v>3079</v>
          </cell>
          <cell r="C668" t="str">
            <v>綜合警備保障(株)</v>
          </cell>
          <cell r="D668" t="str">
            <v>06-6470-2500</v>
          </cell>
          <cell r="E668" t="str">
            <v>661-0976</v>
          </cell>
          <cell r="F668" t="str">
            <v>兵庫県尼崎市潮江1-3-43緑遊新都心ﾋﾞﾙ2Ｆ</v>
          </cell>
          <cell r="G668" t="str">
            <v/>
          </cell>
          <cell r="H668" t="str">
            <v>阪神支社</v>
          </cell>
          <cell r="I668" t="str">
            <v>支社長 上口　智之</v>
          </cell>
          <cell r="J668" t="str">
            <v>東京都</v>
          </cell>
          <cell r="K668" t="str">
            <v>06-6499-1100</v>
          </cell>
          <cell r="L668" t="str">
            <v>hanshin-s@alsok.co.jp</v>
          </cell>
          <cell r="M668" t="str">
            <v>ｿｳｺﾞｳｹｲﾋﾞﾎｼｮｳ</v>
          </cell>
          <cell r="N668" t="str">
            <v>有</v>
          </cell>
          <cell r="O668">
            <v>47</v>
          </cell>
          <cell r="P668">
            <v>12005</v>
          </cell>
          <cell r="Q668">
            <v>3010401016070</v>
          </cell>
          <cell r="R668">
            <v>18675011</v>
          </cell>
          <cell r="S668">
            <v>180363953</v>
          </cell>
          <cell r="T668">
            <v>435982000</v>
          </cell>
          <cell r="V668" t="str">
            <v>rz816259</v>
          </cell>
          <cell r="W668" t="str">
            <v>xr269551</v>
          </cell>
          <cell r="X668" t="str">
            <v>通消電</v>
          </cell>
          <cell r="Y668" t="str">
            <v>通消</v>
          </cell>
          <cell r="Z668" t="str">
            <v>電</v>
          </cell>
          <cell r="AA668" t="str">
            <v>電気通信</v>
          </cell>
          <cell r="AB668" t="str">
            <v>消防施設</v>
          </cell>
          <cell r="AC668" t="str">
            <v>電気</v>
          </cell>
          <cell r="AD668" t="str">
            <v/>
          </cell>
          <cell r="AE668">
            <v>43190</v>
          </cell>
          <cell r="AF668" t="str">
            <v>希望しない</v>
          </cell>
          <cell r="AG668" t="str">
            <v>電気通信</v>
          </cell>
          <cell r="AH668" t="str">
            <v>一般</v>
          </cell>
          <cell r="AI668">
            <v>1266</v>
          </cell>
          <cell r="AJ668">
            <v>4142655</v>
          </cell>
          <cell r="AK668" t="str">
            <v>1(1)/0/173</v>
          </cell>
          <cell r="AL668" t="str">
            <v>消防施設</v>
          </cell>
          <cell r="AM668" t="str">
            <v>一般</v>
          </cell>
          <cell r="AN668">
            <v>1099</v>
          </cell>
          <cell r="AO668">
            <v>1729274</v>
          </cell>
          <cell r="AP668" t="str">
            <v>0(0)/181/5</v>
          </cell>
          <cell r="AQ668" t="str">
            <v>電気</v>
          </cell>
          <cell r="AR668" t="str">
            <v>特定</v>
          </cell>
          <cell r="AS668">
            <v>602</v>
          </cell>
          <cell r="AT668">
            <v>30332</v>
          </cell>
          <cell r="AU668" t="str">
            <v>6(6)/15/61</v>
          </cell>
          <cell r="AV668" t="str">
            <v/>
          </cell>
          <cell r="AW668" t="str">
            <v/>
          </cell>
          <cell r="AX668" t="str">
            <v/>
          </cell>
          <cell r="AY668" t="str">
            <v/>
          </cell>
          <cell r="AZ668" t="str">
            <v/>
          </cell>
          <cell r="BA668" t="str">
            <v>東京都</v>
          </cell>
          <cell r="BB668">
            <v>0</v>
          </cell>
          <cell r="CR668">
            <v>5602</v>
          </cell>
          <cell r="CS668" t="str">
            <v>ﾏﾄﾞﾉ ﾕｳｷ</v>
          </cell>
          <cell r="CT668" t="str">
            <v>眞殿  雄揮</v>
          </cell>
          <cell r="CU668" t="str">
            <v>消防総務課</v>
          </cell>
          <cell r="CW668">
            <v>6680205</v>
          </cell>
          <cell r="CX668" t="str">
            <v>副主幹</v>
          </cell>
          <cell r="CY668" t="str">
            <v>警防課長</v>
          </cell>
        </row>
        <row r="669">
          <cell r="B669">
            <v>3081</v>
          </cell>
          <cell r="C669" t="str">
            <v>(株)ソイルリサイクル工業</v>
          </cell>
          <cell r="D669" t="str">
            <v>06-6998-7759</v>
          </cell>
          <cell r="E669" t="str">
            <v>570-0074</v>
          </cell>
          <cell r="F669" t="str">
            <v>大阪府守口市文園町5番19号</v>
          </cell>
          <cell r="G669" t="str">
            <v>守口市</v>
          </cell>
          <cell r="H669" t="str">
            <v/>
          </cell>
          <cell r="I669" t="str">
            <v>代表取締役 青野　高乃</v>
          </cell>
          <cell r="J669" t="str">
            <v>本店</v>
          </cell>
          <cell r="K669" t="str">
            <v>06-6998-6102</v>
          </cell>
          <cell r="L669" t="str">
            <v>info@soil-recycle.com</v>
          </cell>
          <cell r="M669" t="str">
            <v>ｿｲﾙﾘｻｲｸﾙｺｳｷﾞｮｳ</v>
          </cell>
          <cell r="N669" t="str">
            <v>無</v>
          </cell>
          <cell r="O669">
            <v>26</v>
          </cell>
          <cell r="P669">
            <v>3</v>
          </cell>
          <cell r="Q669">
            <v>5120001156056</v>
          </cell>
          <cell r="R669">
            <v>10000</v>
          </cell>
          <cell r="S669">
            <v>14941</v>
          </cell>
          <cell r="T669">
            <v>317130</v>
          </cell>
          <cell r="V669" t="str">
            <v>sn258011</v>
          </cell>
          <cell r="W669" t="str">
            <v>jf970549</v>
          </cell>
          <cell r="X669" t="str">
            <v>土建大と石屋タ鋼舗浚内水解</v>
          </cell>
          <cell r="Y669" t="str">
            <v>土建大と石屋タ鋼舗浚内水解</v>
          </cell>
          <cell r="Z669" t="str">
            <v/>
          </cell>
          <cell r="AA669" t="str">
            <v>土木一式</v>
          </cell>
          <cell r="AB669" t="str">
            <v>とび土工</v>
          </cell>
          <cell r="AC669" t="str">
            <v>舗装</v>
          </cell>
          <cell r="AD669" t="str">
            <v/>
          </cell>
          <cell r="AE669">
            <v>43312</v>
          </cell>
          <cell r="AF669" t="str">
            <v>希望しない</v>
          </cell>
          <cell r="AG669" t="str">
            <v>土木一式</v>
          </cell>
          <cell r="AH669" t="str">
            <v>一般</v>
          </cell>
          <cell r="AI669">
            <v>765</v>
          </cell>
          <cell r="AJ669">
            <v>419587</v>
          </cell>
          <cell r="AK669" t="str">
            <v>()/1/2</v>
          </cell>
          <cell r="AL669" t="str">
            <v>とび土工</v>
          </cell>
          <cell r="AM669" t="str">
            <v>一般</v>
          </cell>
          <cell r="AN669">
            <v>689</v>
          </cell>
          <cell r="AO669">
            <v>31349</v>
          </cell>
          <cell r="AP669" t="str">
            <v/>
          </cell>
          <cell r="AQ669" t="str">
            <v>舗装</v>
          </cell>
          <cell r="AR669" t="str">
            <v>一般</v>
          </cell>
          <cell r="AS669">
            <v>678</v>
          </cell>
          <cell r="AT669">
            <v>13322</v>
          </cell>
          <cell r="AU669" t="str">
            <v>()/1/1</v>
          </cell>
          <cell r="AV669" t="str">
            <v/>
          </cell>
          <cell r="AW669" t="str">
            <v/>
          </cell>
          <cell r="AX669" t="str">
            <v/>
          </cell>
          <cell r="AY669" t="str">
            <v/>
          </cell>
          <cell r="AZ669" t="str">
            <v/>
          </cell>
          <cell r="BA669" t="str">
            <v>大阪府</v>
          </cell>
          <cell r="BB669">
            <v>0</v>
          </cell>
          <cell r="CR669">
            <v>5603</v>
          </cell>
          <cell r="CS669" t="str">
            <v>ｱｻｲ ｼﾖｳｲﾁ</v>
          </cell>
          <cell r="CT669" t="str">
            <v>浅井  章一</v>
          </cell>
          <cell r="CU669" t="str">
            <v>都市安全企画課</v>
          </cell>
          <cell r="CW669">
            <v>4220</v>
          </cell>
          <cell r="CX669" t="str">
            <v>主任</v>
          </cell>
          <cell r="CY669" t="str">
            <v>都市安全企画課長</v>
          </cell>
        </row>
        <row r="670">
          <cell r="B670">
            <v>3082</v>
          </cell>
          <cell r="C670" t="str">
            <v>(株)綜合電装</v>
          </cell>
          <cell r="D670" t="str">
            <v>06-6379-7565</v>
          </cell>
          <cell r="E670" t="str">
            <v>533-0031</v>
          </cell>
          <cell r="F670" t="str">
            <v>大阪府大阪市東淀川区西淡路1-3-26</v>
          </cell>
          <cell r="G670" t="str">
            <v>大阪市</v>
          </cell>
          <cell r="H670" t="str">
            <v/>
          </cell>
          <cell r="I670" t="str">
            <v>代表取締役 高藤　俊信</v>
          </cell>
          <cell r="J670" t="str">
            <v>本店</v>
          </cell>
          <cell r="K670" t="str">
            <v>06-6379-7596</v>
          </cell>
          <cell r="L670" t="str">
            <v>hayashi@k-soden.co.jp</v>
          </cell>
          <cell r="M670" t="str">
            <v>ｿｳｺﾞｳﾃﾞﾝｿｳ</v>
          </cell>
          <cell r="N670" t="str">
            <v>無</v>
          </cell>
          <cell r="O670">
            <v>21</v>
          </cell>
          <cell r="P670">
            <v>39</v>
          </cell>
          <cell r="Q670">
            <v>4120001052181</v>
          </cell>
          <cell r="R670">
            <v>20000</v>
          </cell>
          <cell r="S670">
            <v>21328</v>
          </cell>
          <cell r="T670">
            <v>570406</v>
          </cell>
          <cell r="V670" t="str">
            <v>ma120872</v>
          </cell>
          <cell r="W670" t="str">
            <v>sy126099</v>
          </cell>
          <cell r="X670" t="str">
            <v>電管</v>
          </cell>
          <cell r="Y670" t="str">
            <v>電管</v>
          </cell>
          <cell r="Z670" t="str">
            <v/>
          </cell>
          <cell r="AA670" t="str">
            <v>管</v>
          </cell>
          <cell r="AB670" t="str">
            <v>電気</v>
          </cell>
          <cell r="AC670" t="str">
            <v/>
          </cell>
          <cell r="AD670" t="str">
            <v/>
          </cell>
          <cell r="AE670">
            <v>43524</v>
          </cell>
          <cell r="AF670" t="str">
            <v>希望しない</v>
          </cell>
          <cell r="AG670" t="str">
            <v>管</v>
          </cell>
          <cell r="AH670" t="str">
            <v>一般</v>
          </cell>
          <cell r="AI670">
            <v>716</v>
          </cell>
          <cell r="AJ670">
            <v>218006</v>
          </cell>
          <cell r="AK670" t="str">
            <v>3(2)/0/3</v>
          </cell>
          <cell r="AL670" t="str">
            <v>電気</v>
          </cell>
          <cell r="AM670" t="str">
            <v>一般</v>
          </cell>
          <cell r="AN670">
            <v>714</v>
          </cell>
          <cell r="AO670">
            <v>206720</v>
          </cell>
          <cell r="AP670" t="str">
            <v>3(2)/0/2</v>
          </cell>
          <cell r="AQ670" t="str">
            <v/>
          </cell>
          <cell r="AR670" t="str">
            <v/>
          </cell>
          <cell r="AS670" t="str">
            <v/>
          </cell>
          <cell r="AT670" t="str">
            <v/>
          </cell>
          <cell r="AU670" t="str">
            <v/>
          </cell>
          <cell r="AV670" t="str">
            <v/>
          </cell>
          <cell r="AW670" t="str">
            <v/>
          </cell>
          <cell r="AX670" t="str">
            <v/>
          </cell>
          <cell r="AY670" t="str">
            <v/>
          </cell>
          <cell r="AZ670" t="str">
            <v/>
          </cell>
          <cell r="BA670" t="str">
            <v>大阪府</v>
          </cell>
        </row>
        <row r="671">
          <cell r="B671">
            <v>3087</v>
          </cell>
          <cell r="C671" t="str">
            <v>大成有楽不動産(株)</v>
          </cell>
          <cell r="D671" t="str">
            <v>06-6262-1601</v>
          </cell>
          <cell r="E671" t="str">
            <v>541-0053</v>
          </cell>
          <cell r="F671" t="str">
            <v>大阪府大阪市中央区本町4-1-7</v>
          </cell>
          <cell r="G671" t="str">
            <v/>
          </cell>
          <cell r="H671" t="str">
            <v>関西支店</v>
          </cell>
          <cell r="I671" t="str">
            <v>支店長 太田　孝三</v>
          </cell>
          <cell r="J671" t="str">
            <v>東京都</v>
          </cell>
          <cell r="K671" t="str">
            <v>06-6262-1631</v>
          </cell>
          <cell r="L671" t="str">
            <v/>
          </cell>
          <cell r="M671" t="str">
            <v>ﾀｲｾｲﾕｳﾗｸﾌﾄﾞｳｻﾝ</v>
          </cell>
          <cell r="N671" t="str">
            <v>有</v>
          </cell>
          <cell r="O671">
            <v>47</v>
          </cell>
          <cell r="P671">
            <v>3075</v>
          </cell>
          <cell r="Q671">
            <v>7010001049087</v>
          </cell>
          <cell r="R671">
            <v>10000000</v>
          </cell>
          <cell r="S671">
            <v>72501338</v>
          </cell>
          <cell r="T671">
            <v>95827796</v>
          </cell>
          <cell r="V671" t="str">
            <v>fb100408</v>
          </cell>
          <cell r="W671" t="str">
            <v>ys142119</v>
          </cell>
          <cell r="X671" t="str">
            <v>園消(建)(大)(左)(と)(石)(屋)(電)(管)(タ)(鋼)(塗)(防)(内)(具)(消)土建大と石屋電管タ鋼舗浚塗防内具水</v>
          </cell>
          <cell r="Y671" t="str">
            <v>園消(建)(大)(左)(と)(石)(屋)(電)(管)(タ)(鋼)(塗)(防)(内)(具)(消)</v>
          </cell>
          <cell r="Z671" t="str">
            <v>土建大と石屋電管タ鋼舗浚塗防内具水</v>
          </cell>
          <cell r="AA671" t="str">
            <v>管</v>
          </cell>
          <cell r="AB671" t="str">
            <v>電気</v>
          </cell>
          <cell r="AC671" t="str">
            <v>防水</v>
          </cell>
          <cell r="AD671" t="str">
            <v>内装仕上</v>
          </cell>
          <cell r="AE671" t="str">
            <v>H.31.3.31</v>
          </cell>
          <cell r="AF671" t="str">
            <v>希望しない</v>
          </cell>
          <cell r="AG671" t="str">
            <v>管</v>
          </cell>
          <cell r="AH671" t="str">
            <v>特定</v>
          </cell>
          <cell r="AI671">
            <v>1338</v>
          </cell>
          <cell r="AJ671">
            <v>2054102</v>
          </cell>
          <cell r="AK671" t="str">
            <v>63(12)/30/1</v>
          </cell>
          <cell r="AL671" t="str">
            <v>電気</v>
          </cell>
          <cell r="AM671" t="str">
            <v>特定</v>
          </cell>
          <cell r="AN671">
            <v>1352</v>
          </cell>
          <cell r="AO671">
            <v>1036614</v>
          </cell>
          <cell r="AP671" t="str">
            <v>39(6)/189/519</v>
          </cell>
          <cell r="AQ671" t="str">
            <v>防水</v>
          </cell>
          <cell r="AR671" t="str">
            <v>特定</v>
          </cell>
          <cell r="AS671">
            <v>1084</v>
          </cell>
          <cell r="AT671">
            <v>500967</v>
          </cell>
          <cell r="AU671" t="str">
            <v>0(0)/0/0</v>
          </cell>
          <cell r="AV671" t="str">
            <v>内装仕上</v>
          </cell>
          <cell r="AW671" t="str">
            <v>特定</v>
          </cell>
          <cell r="AX671">
            <v>1336</v>
          </cell>
          <cell r="AY671">
            <v>1697175</v>
          </cell>
          <cell r="AZ671" t="str">
            <v>78(16)/21/0</v>
          </cell>
          <cell r="BA671" t="str">
            <v>東京都</v>
          </cell>
        </row>
        <row r="672">
          <cell r="B672">
            <v>3093</v>
          </cell>
          <cell r="C672" t="str">
            <v>第一建設機工(株)</v>
          </cell>
          <cell r="D672" t="str">
            <v>0798-22-3301</v>
          </cell>
          <cell r="E672" t="str">
            <v>663-8226</v>
          </cell>
          <cell r="F672" t="str">
            <v>兵庫県西宮市今津港町2-30</v>
          </cell>
          <cell r="G672" t="str">
            <v>西宮市</v>
          </cell>
          <cell r="H672" t="str">
            <v/>
          </cell>
          <cell r="I672" t="str">
            <v>代表取締役 礒野　雅文</v>
          </cell>
          <cell r="J672" t="str">
            <v>本店</v>
          </cell>
          <cell r="K672" t="str">
            <v>0798-33-4580</v>
          </cell>
          <cell r="L672" t="str">
            <v>info@dai1-sep.com</v>
          </cell>
          <cell r="M672" t="str">
            <v>ﾀﾞｲｲﾁｹﾝｾﾂｷｺｳ</v>
          </cell>
          <cell r="N672" t="str">
            <v>無</v>
          </cell>
          <cell r="O672">
            <v>54</v>
          </cell>
          <cell r="P672">
            <v>46</v>
          </cell>
          <cell r="Q672">
            <v>7140001069254</v>
          </cell>
          <cell r="R672">
            <v>48000</v>
          </cell>
          <cell r="S672">
            <v>1013129</v>
          </cell>
          <cell r="T672">
            <v>2277708</v>
          </cell>
          <cell r="V672" t="str">
            <v>hs888259</v>
          </cell>
          <cell r="W672" t="str">
            <v>es918088</v>
          </cell>
          <cell r="X672" t="str">
            <v>土建大と石屋タ鋼鉄舗浚板ガ塗防内熱具水解</v>
          </cell>
          <cell r="Y672" t="str">
            <v/>
          </cell>
          <cell r="Z672" t="str">
            <v>土建大と石屋タ鋼鉄舗浚板ガ塗防内熱具水解</v>
          </cell>
          <cell r="AA672" t="str">
            <v>土木一式</v>
          </cell>
          <cell r="AB672" t="str">
            <v>とび土工</v>
          </cell>
          <cell r="AC672" t="str">
            <v>建築一式</v>
          </cell>
          <cell r="AD672" t="str">
            <v>舗装</v>
          </cell>
          <cell r="AE672">
            <v>43069</v>
          </cell>
          <cell r="AF672" t="str">
            <v>希望する</v>
          </cell>
          <cell r="AG672" t="str">
            <v>土木一式</v>
          </cell>
          <cell r="AH672" t="str">
            <v>特定</v>
          </cell>
          <cell r="AI672">
            <v>1045</v>
          </cell>
          <cell r="AJ672">
            <v>1805499</v>
          </cell>
          <cell r="AK672" t="str">
            <v>11(11)/5/9</v>
          </cell>
          <cell r="AL672" t="str">
            <v>とび土工</v>
          </cell>
          <cell r="AM672" t="str">
            <v>特定</v>
          </cell>
          <cell r="AN672">
            <v>923</v>
          </cell>
          <cell r="AO672">
            <v>236398</v>
          </cell>
          <cell r="AP672" t="str">
            <v>9(9)/5/4</v>
          </cell>
          <cell r="AQ672" t="str">
            <v>建築一式</v>
          </cell>
          <cell r="AR672" t="str">
            <v>特定</v>
          </cell>
          <cell r="AS672">
            <v>827</v>
          </cell>
          <cell r="AT672">
            <v>54178</v>
          </cell>
          <cell r="AU672" t="str">
            <v>1(1)/1/0</v>
          </cell>
          <cell r="AV672" t="str">
            <v>舗装</v>
          </cell>
          <cell r="AW672" t="str">
            <v>特定</v>
          </cell>
          <cell r="AX672">
            <v>720</v>
          </cell>
          <cell r="AY672">
            <v>544</v>
          </cell>
          <cell r="AZ672" t="str">
            <v>0(0)/0/0</v>
          </cell>
          <cell r="BA672" t="str">
            <v>兵庫県</v>
          </cell>
          <cell r="BB672">
            <v>0</v>
          </cell>
          <cell r="CR672">
            <v>5604</v>
          </cell>
          <cell r="CS672" t="str">
            <v>ｱｻﾔﾏ ｼﾞﾕﾝｲﾁ</v>
          </cell>
          <cell r="CT672" t="str">
            <v>朝山  順一</v>
          </cell>
          <cell r="CU672" t="str">
            <v>まちづくり推進課</v>
          </cell>
          <cell r="CW672">
            <v>4221</v>
          </cell>
          <cell r="CX672" t="str">
            <v>主任</v>
          </cell>
          <cell r="CY672" t="str">
            <v>まちづくり推進課長</v>
          </cell>
        </row>
        <row r="673">
          <cell r="B673">
            <v>3094</v>
          </cell>
          <cell r="C673" t="str">
            <v>第一工業(株)</v>
          </cell>
          <cell r="D673" t="str">
            <v>078-392-1811</v>
          </cell>
          <cell r="E673" t="str">
            <v>650-0036</v>
          </cell>
          <cell r="F673" t="str">
            <v>兵庫県神戸市播磨町49番地</v>
          </cell>
          <cell r="G673" t="str">
            <v/>
          </cell>
          <cell r="H673" t="str">
            <v>神戸営業所</v>
          </cell>
          <cell r="I673" t="str">
            <v>所長　 山崎　幸貴</v>
          </cell>
          <cell r="J673" t="str">
            <v>東京都</v>
          </cell>
          <cell r="K673" t="str">
            <v>078-392-1810</v>
          </cell>
          <cell r="L673" t="str">
            <v>k-kawai@chiko.co.jp</v>
          </cell>
          <cell r="M673" t="str">
            <v>ﾀﾞｲｲﾁｺｳｷﾞｮｳ</v>
          </cell>
          <cell r="N673" t="str">
            <v>有</v>
          </cell>
          <cell r="O673">
            <v>68</v>
          </cell>
          <cell r="P673">
            <v>442</v>
          </cell>
          <cell r="Q673">
            <v>4010001034620</v>
          </cell>
          <cell r="R673">
            <v>1017100</v>
          </cell>
          <cell r="S673">
            <v>7843151</v>
          </cell>
          <cell r="T673">
            <v>18376725</v>
          </cell>
          <cell r="V673" t="str">
            <v>fp271056</v>
          </cell>
          <cell r="W673" t="str">
            <v>ms801229</v>
          </cell>
          <cell r="X673" t="str">
            <v>建電消(管)管機</v>
          </cell>
          <cell r="Y673" t="str">
            <v>建電消(管)</v>
          </cell>
          <cell r="Z673" t="str">
            <v>管機</v>
          </cell>
          <cell r="AA673" t="str">
            <v>管</v>
          </cell>
          <cell r="AB673" t="str">
            <v/>
          </cell>
          <cell r="AC673" t="str">
            <v/>
          </cell>
          <cell r="AD673" t="str">
            <v/>
          </cell>
          <cell r="AE673">
            <v>43190</v>
          </cell>
          <cell r="AF673" t="str">
            <v>希望する</v>
          </cell>
          <cell r="AG673" t="str">
            <v>管</v>
          </cell>
          <cell r="AH673" t="str">
            <v>特定</v>
          </cell>
          <cell r="AI673">
            <v>1458</v>
          </cell>
          <cell r="AJ673">
            <v>18376725</v>
          </cell>
          <cell r="AK673" t="str">
            <v>246(193)/22/12</v>
          </cell>
          <cell r="AL673" t="str">
            <v/>
          </cell>
          <cell r="AM673" t="str">
            <v/>
          </cell>
          <cell r="AN673" t="str">
            <v/>
          </cell>
          <cell r="AO673" t="str">
            <v/>
          </cell>
          <cell r="AP673" t="str">
            <v/>
          </cell>
          <cell r="AQ673" t="str">
            <v/>
          </cell>
          <cell r="AR673" t="str">
            <v/>
          </cell>
          <cell r="AS673" t="str">
            <v/>
          </cell>
          <cell r="AT673" t="str">
            <v/>
          </cell>
          <cell r="AU673" t="str">
            <v/>
          </cell>
          <cell r="AV673" t="str">
            <v/>
          </cell>
          <cell r="AW673" t="str">
            <v/>
          </cell>
          <cell r="AX673" t="str">
            <v/>
          </cell>
          <cell r="AY673" t="str">
            <v/>
          </cell>
          <cell r="AZ673" t="str">
            <v/>
          </cell>
          <cell r="BA673" t="str">
            <v>東京都</v>
          </cell>
          <cell r="BB673">
            <v>0</v>
          </cell>
          <cell r="CR673">
            <v>5605</v>
          </cell>
          <cell r="CS673" t="str">
            <v>ｲﾉｳｴ ﾀﾞｲｽｹ</v>
          </cell>
          <cell r="CT673" t="str">
            <v>井上  大輔</v>
          </cell>
          <cell r="CU673" t="str">
            <v>業務課</v>
          </cell>
          <cell r="CW673" t="str">
            <v xml:space="preserve"> </v>
          </cell>
          <cell r="CX673" t="str">
            <v xml:space="preserve"> </v>
          </cell>
          <cell r="CY673" t="str">
            <v>業務課長</v>
          </cell>
        </row>
        <row r="674">
          <cell r="B674">
            <v>3096</v>
          </cell>
          <cell r="C674" t="str">
            <v>(株)第一テクノ</v>
          </cell>
          <cell r="D674" t="str">
            <v>079-225-5585</v>
          </cell>
          <cell r="E674" t="str">
            <v>670-0944</v>
          </cell>
          <cell r="F674" t="str">
            <v>兵庫県姫路市阿保甲843</v>
          </cell>
          <cell r="G674" t="str">
            <v/>
          </cell>
          <cell r="H674" t="str">
            <v>兵庫営業所</v>
          </cell>
          <cell r="I674" t="str">
            <v>所長 恩藤　優</v>
          </cell>
          <cell r="J674" t="str">
            <v>東京都</v>
          </cell>
          <cell r="K674" t="str">
            <v>079-225-5586</v>
          </cell>
          <cell r="L674" t="str">
            <v>hyougo@daii.co.jp</v>
          </cell>
          <cell r="M674" t="str">
            <v>ﾀﾞｲｲﾁﾃｸﾉ</v>
          </cell>
          <cell r="N674" t="str">
            <v>有</v>
          </cell>
          <cell r="O674">
            <v>58</v>
          </cell>
          <cell r="P674">
            <v>286</v>
          </cell>
          <cell r="Q674">
            <v>8010701005413</v>
          </cell>
          <cell r="R674">
            <v>99000</v>
          </cell>
          <cell r="S674">
            <v>12547616</v>
          </cell>
          <cell r="T674">
            <v>20430463</v>
          </cell>
          <cell r="V674" t="str">
            <v>ty606396</v>
          </cell>
          <cell r="W674" t="str">
            <v>st801380</v>
          </cell>
          <cell r="X674" t="str">
            <v>(清)(電)(鋼)(機)(水)土電管鋼機通水</v>
          </cell>
          <cell r="Y674" t="str">
            <v>(清)(電)(鋼)(機)(水)</v>
          </cell>
          <cell r="Z674" t="str">
            <v>土電管鋼機通水</v>
          </cell>
          <cell r="AA674" t="str">
            <v>機械器具</v>
          </cell>
          <cell r="AB674" t="str">
            <v>電気</v>
          </cell>
          <cell r="AC674" t="str">
            <v>水道施設</v>
          </cell>
          <cell r="AD674" t="str">
            <v>電気通信</v>
          </cell>
          <cell r="AE674">
            <v>43100</v>
          </cell>
          <cell r="AF674" t="str">
            <v>希望しない</v>
          </cell>
          <cell r="AG674" t="str">
            <v>機械器具</v>
          </cell>
          <cell r="AH674" t="str">
            <v>特定</v>
          </cell>
          <cell r="AI674">
            <v>1332</v>
          </cell>
          <cell r="AJ674">
            <v>6940507</v>
          </cell>
          <cell r="AK674" t="str">
            <v>1(0)/0/156</v>
          </cell>
          <cell r="AL674" t="str">
            <v>電気</v>
          </cell>
          <cell r="AM674" t="str">
            <v>特定</v>
          </cell>
          <cell r="AN674">
            <v>1381</v>
          </cell>
          <cell r="AO674">
            <v>7850754</v>
          </cell>
          <cell r="AP674" t="str">
            <v>80(77)/8/105</v>
          </cell>
          <cell r="AQ674" t="str">
            <v>水道施設</v>
          </cell>
          <cell r="AR674" t="str">
            <v>特定</v>
          </cell>
          <cell r="AS674">
            <v>1106</v>
          </cell>
          <cell r="AT674">
            <v>117007</v>
          </cell>
          <cell r="AU674" t="str">
            <v>18(17)/0/1</v>
          </cell>
          <cell r="AV674" t="str">
            <v>電気通信</v>
          </cell>
          <cell r="AW674" t="str">
            <v>特定</v>
          </cell>
          <cell r="AX674">
            <v>1022</v>
          </cell>
          <cell r="AY674">
            <v>157872</v>
          </cell>
          <cell r="AZ674" t="str">
            <v>2(2)/0/0</v>
          </cell>
          <cell r="BA674" t="str">
            <v>東京都</v>
          </cell>
          <cell r="BB674">
            <v>0</v>
          </cell>
          <cell r="CR674">
            <v>5606</v>
          </cell>
          <cell r="CS674" t="str">
            <v>ｶﾜｲ ﾖｼｶｽﾞ</v>
          </cell>
          <cell r="CT674" t="str">
            <v>河井  義和</v>
          </cell>
          <cell r="CU674" t="str">
            <v>業務課</v>
          </cell>
          <cell r="CW674" t="str">
            <v xml:space="preserve"> </v>
          </cell>
          <cell r="CX674" t="str">
            <v xml:space="preserve"> </v>
          </cell>
          <cell r="CY674" t="str">
            <v>業務課長</v>
          </cell>
        </row>
        <row r="675">
          <cell r="B675">
            <v>3097</v>
          </cell>
          <cell r="C675" t="str">
            <v>第一塗工(株)</v>
          </cell>
          <cell r="D675" t="str">
            <v>06-6372-7027</v>
          </cell>
          <cell r="E675" t="str">
            <v>531-0072</v>
          </cell>
          <cell r="F675" t="str">
            <v>大阪府大阪市北区豊崎3-16-10</v>
          </cell>
          <cell r="G675" t="str">
            <v>名古屋市</v>
          </cell>
          <cell r="H675" t="str">
            <v>大阪支店</v>
          </cell>
          <cell r="I675" t="str">
            <v>支店長 山下　勇</v>
          </cell>
          <cell r="J675" t="str">
            <v>愛知県名古屋市</v>
          </cell>
          <cell r="K675" t="str">
            <v>06-6372-7068</v>
          </cell>
          <cell r="L675" t="str">
            <v>onepaint@abeam.ocn.ne.jp</v>
          </cell>
          <cell r="M675" t="str">
            <v>ﾀﾞｲｲﾁﾄｺｳ</v>
          </cell>
          <cell r="N675" t="str">
            <v>有</v>
          </cell>
          <cell r="O675">
            <v>64</v>
          </cell>
          <cell r="P675">
            <v>13</v>
          </cell>
          <cell r="Q675">
            <v>1180001037618</v>
          </cell>
          <cell r="R675">
            <v>30000</v>
          </cell>
          <cell r="S675">
            <v>77631</v>
          </cell>
          <cell r="T675">
            <v>684745</v>
          </cell>
          <cell r="V675" t="str">
            <v>xe685050</v>
          </cell>
          <cell r="W675" t="str">
            <v>vq902155</v>
          </cell>
          <cell r="X675" t="str">
            <v>建防(塗)土と鋼塗</v>
          </cell>
          <cell r="Y675" t="str">
            <v>建防(塗)</v>
          </cell>
          <cell r="Z675" t="str">
            <v>土と鋼塗</v>
          </cell>
          <cell r="AA675" t="str">
            <v>塗装</v>
          </cell>
          <cell r="AB675" t="str">
            <v/>
          </cell>
          <cell r="AC675" t="str">
            <v/>
          </cell>
          <cell r="AD675" t="str">
            <v/>
          </cell>
          <cell r="AE675">
            <v>43008</v>
          </cell>
          <cell r="AF675" t="str">
            <v/>
          </cell>
          <cell r="AG675" t="str">
            <v>塗装</v>
          </cell>
          <cell r="AH675" t="str">
            <v>特定</v>
          </cell>
          <cell r="AI675">
            <v>916</v>
          </cell>
          <cell r="AJ675">
            <v>551771</v>
          </cell>
          <cell r="AK675" t="str">
            <v>1(1)/3/3</v>
          </cell>
          <cell r="AL675" t="str">
            <v/>
          </cell>
          <cell r="AM675" t="str">
            <v/>
          </cell>
          <cell r="AN675" t="str">
            <v/>
          </cell>
          <cell r="AO675" t="str">
            <v/>
          </cell>
          <cell r="AP675" t="str">
            <v/>
          </cell>
          <cell r="AQ675" t="str">
            <v/>
          </cell>
          <cell r="AR675" t="str">
            <v/>
          </cell>
          <cell r="AS675" t="str">
            <v/>
          </cell>
          <cell r="AT675" t="str">
            <v/>
          </cell>
          <cell r="AU675" t="str">
            <v/>
          </cell>
          <cell r="AV675" t="str">
            <v/>
          </cell>
          <cell r="AW675" t="str">
            <v/>
          </cell>
          <cell r="AX675" t="str">
            <v/>
          </cell>
          <cell r="AY675" t="str">
            <v/>
          </cell>
          <cell r="AZ675" t="str">
            <v/>
          </cell>
          <cell r="BA675" t="str">
            <v>愛知県</v>
          </cell>
          <cell r="BB675">
            <v>0</v>
          </cell>
          <cell r="CR675">
            <v>5607</v>
          </cell>
          <cell r="CS675" t="str">
            <v>ﾌｼﾞｶﾜ ﾘﾖｳ</v>
          </cell>
          <cell r="CT675" t="str">
            <v>藤川  僚</v>
          </cell>
          <cell r="CU675" t="str">
            <v>業務課</v>
          </cell>
          <cell r="CW675" t="str">
            <v xml:space="preserve"> </v>
          </cell>
          <cell r="CX675" t="str">
            <v xml:space="preserve"> </v>
          </cell>
          <cell r="CY675" t="str">
            <v>業務課長</v>
          </cell>
        </row>
        <row r="676">
          <cell r="B676">
            <v>3100</v>
          </cell>
          <cell r="C676" t="str">
            <v>第一舗道(株)</v>
          </cell>
          <cell r="D676" t="str">
            <v>06-6438-1216</v>
          </cell>
          <cell r="E676" t="str">
            <v>661-0026</v>
          </cell>
          <cell r="F676" t="str">
            <v>兵庫県尼崎市水堂町4-20-3</v>
          </cell>
          <cell r="G676" t="str">
            <v>尼崎市</v>
          </cell>
          <cell r="H676" t="str">
            <v/>
          </cell>
          <cell r="I676" t="str">
            <v>代表取締役　 中家　健一郎</v>
          </cell>
          <cell r="J676" t="str">
            <v>本店</v>
          </cell>
          <cell r="K676" t="str">
            <v>06-6438-1275</v>
          </cell>
          <cell r="L676" t="str">
            <v>hodou-1@sea.plala.or.jp</v>
          </cell>
          <cell r="M676" t="str">
            <v>ﾀﾞｲｲﾁﾎﾄﾞｳ</v>
          </cell>
          <cell r="N676" t="str">
            <v>無</v>
          </cell>
          <cell r="O676">
            <v>43</v>
          </cell>
          <cell r="P676">
            <v>7</v>
          </cell>
          <cell r="Q676">
            <v>1140000000000</v>
          </cell>
          <cell r="R676">
            <v>20000</v>
          </cell>
          <cell r="S676">
            <v>159997</v>
          </cell>
          <cell r="T676">
            <v>303082</v>
          </cell>
          <cell r="V676" t="str">
            <v>us254770</v>
          </cell>
          <cell r="W676" t="str">
            <v>ez532530</v>
          </cell>
          <cell r="X676" t="str">
            <v>建防(塗)土と鋼塗</v>
          </cell>
          <cell r="Y676" t="str">
            <v>建防(塗)</v>
          </cell>
          <cell r="Z676" t="str">
            <v>土と鋼塗</v>
          </cell>
          <cell r="AA676" t="str">
            <v>舗装</v>
          </cell>
          <cell r="AB676" t="str">
            <v>土木一式</v>
          </cell>
          <cell r="AC676" t="str">
            <v/>
          </cell>
          <cell r="AD676" t="str">
            <v/>
          </cell>
          <cell r="AE676">
            <v>42978</v>
          </cell>
          <cell r="AF676" t="str">
            <v>希望しない</v>
          </cell>
          <cell r="AG676" t="str">
            <v>舗装</v>
          </cell>
          <cell r="AH676" t="str">
            <v>特定</v>
          </cell>
          <cell r="AI676">
            <v>830</v>
          </cell>
          <cell r="AJ676">
            <v>301476</v>
          </cell>
          <cell r="AK676" t="str">
            <v>4(4)/0/3</v>
          </cell>
          <cell r="AL676" t="str">
            <v>土木一式</v>
          </cell>
          <cell r="AM676" t="str">
            <v>特定</v>
          </cell>
          <cell r="AN676">
            <v>736</v>
          </cell>
          <cell r="AO676">
            <v>17507</v>
          </cell>
          <cell r="AP676" t="str">
            <v>4(4)/0/2</v>
          </cell>
          <cell r="AQ676" t="str">
            <v/>
          </cell>
          <cell r="AR676" t="str">
            <v/>
          </cell>
          <cell r="AS676" t="str">
            <v/>
          </cell>
          <cell r="AT676" t="str">
            <v/>
          </cell>
          <cell r="AU676" t="str">
            <v/>
          </cell>
          <cell r="AV676" t="str">
            <v/>
          </cell>
          <cell r="AW676" t="str">
            <v/>
          </cell>
          <cell r="AX676" t="str">
            <v/>
          </cell>
          <cell r="AY676" t="str">
            <v/>
          </cell>
          <cell r="AZ676" t="str">
            <v/>
          </cell>
          <cell r="BA676" t="str">
            <v>兵庫県</v>
          </cell>
          <cell r="BB676">
            <v>0</v>
          </cell>
          <cell r="CR676">
            <v>5608</v>
          </cell>
          <cell r="CS676" t="str">
            <v>ﾏｴｶﾜ ﾀｶｵ</v>
          </cell>
          <cell r="CT676" t="str">
            <v>前川  孝雄</v>
          </cell>
          <cell r="CU676" t="str">
            <v>業務課</v>
          </cell>
          <cell r="CW676" t="str">
            <v xml:space="preserve"> </v>
          </cell>
          <cell r="CX676" t="str">
            <v xml:space="preserve"> </v>
          </cell>
          <cell r="CY676" t="str">
            <v>業務課長</v>
          </cell>
        </row>
        <row r="677">
          <cell r="B677">
            <v>3101</v>
          </cell>
          <cell r="C677" t="str">
            <v>大栄電気(株)</v>
          </cell>
          <cell r="D677" t="str">
            <v>06-7167-4952</v>
          </cell>
          <cell r="E677" t="str">
            <v>550-0005</v>
          </cell>
          <cell r="F677" t="str">
            <v>大阪府大阪市西区西本町2-3-10</v>
          </cell>
          <cell r="G677" t="str">
            <v/>
          </cell>
          <cell r="H677" t="str">
            <v>大阪支店</v>
          </cell>
          <cell r="I677" t="str">
            <v>支店長 友竹　三利</v>
          </cell>
          <cell r="J677" t="str">
            <v>東京都</v>
          </cell>
          <cell r="K677" t="str">
            <v>06-7167-4954</v>
          </cell>
          <cell r="L677" t="str">
            <v>osaka@daieidenki.com</v>
          </cell>
          <cell r="M677" t="str">
            <v>ﾀﾞｲｴｲﾃﾞﾝｷ</v>
          </cell>
          <cell r="N677" t="str">
            <v>有</v>
          </cell>
          <cell r="O677">
            <v>63</v>
          </cell>
          <cell r="P677">
            <v>157</v>
          </cell>
          <cell r="Q677">
            <v>7010001049005</v>
          </cell>
          <cell r="R677">
            <v>300000</v>
          </cell>
          <cell r="S677">
            <v>2173658</v>
          </cell>
          <cell r="T677">
            <v>6806615</v>
          </cell>
          <cell r="V677" t="str">
            <v>gs944231</v>
          </cell>
          <cell r="W677" t="str">
            <v>nh102228</v>
          </cell>
          <cell r="X677" t="str">
            <v>通消電</v>
          </cell>
          <cell r="Y677" t="str">
            <v>通消</v>
          </cell>
          <cell r="Z677" t="str">
            <v>電</v>
          </cell>
          <cell r="AA677" t="str">
            <v>電気</v>
          </cell>
          <cell r="AB677" t="str">
            <v/>
          </cell>
          <cell r="AC677" t="str">
            <v/>
          </cell>
          <cell r="AD677" t="str">
            <v/>
          </cell>
          <cell r="AE677">
            <v>43008</v>
          </cell>
          <cell r="AF677" t="str">
            <v>希望しない</v>
          </cell>
          <cell r="AG677" t="str">
            <v>電気</v>
          </cell>
          <cell r="AH677" t="str">
            <v>特定</v>
          </cell>
          <cell r="AI677">
            <v>1250</v>
          </cell>
          <cell r="AJ677">
            <v>6880408</v>
          </cell>
          <cell r="AK677" t="str">
            <v>91(84)/5/8</v>
          </cell>
          <cell r="AL677" t="str">
            <v/>
          </cell>
          <cell r="AM677" t="str">
            <v/>
          </cell>
          <cell r="AN677" t="str">
            <v/>
          </cell>
          <cell r="AO677" t="str">
            <v/>
          </cell>
          <cell r="AP677" t="str">
            <v/>
          </cell>
          <cell r="AQ677" t="str">
            <v/>
          </cell>
          <cell r="AR677" t="str">
            <v/>
          </cell>
          <cell r="AS677" t="str">
            <v/>
          </cell>
          <cell r="AT677" t="str">
            <v/>
          </cell>
          <cell r="AU677" t="str">
            <v/>
          </cell>
          <cell r="AV677" t="str">
            <v/>
          </cell>
          <cell r="AW677" t="str">
            <v/>
          </cell>
          <cell r="AX677" t="str">
            <v/>
          </cell>
          <cell r="AY677" t="str">
            <v/>
          </cell>
          <cell r="AZ677" t="str">
            <v/>
          </cell>
          <cell r="BA677" t="str">
            <v>東京都</v>
          </cell>
          <cell r="BB677">
            <v>0</v>
          </cell>
          <cell r="CR677">
            <v>5609</v>
          </cell>
          <cell r="CS677" t="str">
            <v>ﾎｳﾉ ﾔｽｵ</v>
          </cell>
          <cell r="CT677" t="str">
            <v>宝野  靖雄</v>
          </cell>
          <cell r="CU677" t="str">
            <v>業務課</v>
          </cell>
          <cell r="CW677" t="str">
            <v xml:space="preserve"> </v>
          </cell>
          <cell r="CX677" t="str">
            <v xml:space="preserve"> </v>
          </cell>
          <cell r="CY677" t="str">
            <v>業務課長</v>
          </cell>
        </row>
        <row r="678">
          <cell r="B678">
            <v>3102</v>
          </cell>
          <cell r="C678" t="str">
            <v>(株)ダイエーメンテ</v>
          </cell>
          <cell r="D678" t="str">
            <v>06-4869-5515</v>
          </cell>
          <cell r="E678" t="str">
            <v>660-0062</v>
          </cell>
          <cell r="F678" t="str">
            <v>兵庫県尼崎市浜田町5ｰ6ｰ12</v>
          </cell>
          <cell r="G678" t="str">
            <v>尼崎市</v>
          </cell>
          <cell r="H678" t="str">
            <v/>
          </cell>
          <cell r="I678" t="str">
            <v>代表取締役 谷口　英次</v>
          </cell>
          <cell r="J678" t="str">
            <v>本店</v>
          </cell>
          <cell r="K678" t="str">
            <v>06-4869-5516</v>
          </cell>
          <cell r="L678" t="str">
            <v>dmt@r7.dion.ne.jp</v>
          </cell>
          <cell r="M678" t="str">
            <v>ﾀﾞｲｴｰﾒﾝﾃ</v>
          </cell>
          <cell r="N678" t="str">
            <v>無</v>
          </cell>
          <cell r="O678">
            <v>28</v>
          </cell>
          <cell r="P678">
            <v>9</v>
          </cell>
          <cell r="Q678">
            <v>6140001049570</v>
          </cell>
          <cell r="R678">
            <v>20000</v>
          </cell>
          <cell r="S678">
            <v>24924</v>
          </cell>
          <cell r="T678">
            <v>241386</v>
          </cell>
          <cell r="V678" t="str">
            <v>sc535596</v>
          </cell>
          <cell r="W678" t="str">
            <v>xg716221</v>
          </cell>
          <cell r="X678" t="str">
            <v>防</v>
          </cell>
          <cell r="Y678" t="str">
            <v>防</v>
          </cell>
          <cell r="Z678" t="str">
            <v/>
          </cell>
          <cell r="AA678" t="str">
            <v>防水</v>
          </cell>
          <cell r="AB678" t="str">
            <v/>
          </cell>
          <cell r="AC678" t="str">
            <v/>
          </cell>
          <cell r="AD678" t="str">
            <v/>
          </cell>
          <cell r="AE678">
            <v>43281</v>
          </cell>
          <cell r="AF678" t="str">
            <v>希望しない</v>
          </cell>
          <cell r="AG678" t="str">
            <v>防水</v>
          </cell>
          <cell r="AH678" t="str">
            <v>一般</v>
          </cell>
          <cell r="AI678">
            <v>694</v>
          </cell>
          <cell r="AJ678">
            <v>241386</v>
          </cell>
          <cell r="AK678" t="str">
            <v>0(1)/1/0</v>
          </cell>
          <cell r="AL678" t="str">
            <v/>
          </cell>
          <cell r="AM678" t="str">
            <v/>
          </cell>
          <cell r="AN678" t="str">
            <v/>
          </cell>
          <cell r="AO678" t="str">
            <v/>
          </cell>
          <cell r="AP678" t="str">
            <v/>
          </cell>
          <cell r="AQ678" t="str">
            <v/>
          </cell>
          <cell r="AR678" t="str">
            <v/>
          </cell>
          <cell r="AS678" t="str">
            <v/>
          </cell>
          <cell r="AT678" t="str">
            <v/>
          </cell>
          <cell r="AU678" t="str">
            <v/>
          </cell>
          <cell r="AV678" t="str">
            <v/>
          </cell>
          <cell r="AW678" t="str">
            <v/>
          </cell>
          <cell r="AX678" t="str">
            <v/>
          </cell>
          <cell r="AY678" t="str">
            <v/>
          </cell>
          <cell r="AZ678" t="str">
            <v/>
          </cell>
          <cell r="BA678" t="str">
            <v>兵庫県</v>
          </cell>
          <cell r="BB678">
            <v>0</v>
          </cell>
          <cell r="CR678">
            <v>5610</v>
          </cell>
          <cell r="CS678" t="str">
            <v>ｲｼﾀﾞ ﾊﾙﾉﾌﾞ</v>
          </cell>
          <cell r="CT678" t="str">
            <v>石田  治照</v>
          </cell>
          <cell r="CU678" t="str">
            <v>管財課</v>
          </cell>
          <cell r="CW678">
            <v>2459</v>
          </cell>
          <cell r="CX678" t="str">
            <v xml:space="preserve"> </v>
          </cell>
          <cell r="CY678" t="str">
            <v>管財課長</v>
          </cell>
        </row>
        <row r="679">
          <cell r="B679">
            <v>3104</v>
          </cell>
          <cell r="C679" t="str">
            <v>(株)タイキ</v>
          </cell>
          <cell r="D679" t="str">
            <v>06-6779-9001</v>
          </cell>
          <cell r="E679" t="str">
            <v>543-0045</v>
          </cell>
          <cell r="F679" t="str">
            <v>大阪府大阪市天王寺区寺田町1-1-2</v>
          </cell>
          <cell r="G679" t="str">
            <v>大阪市</v>
          </cell>
          <cell r="H679" t="str">
            <v/>
          </cell>
          <cell r="I679" t="str">
            <v>代表取締役 矢野　幸吉</v>
          </cell>
          <cell r="J679" t="str">
            <v>本店</v>
          </cell>
          <cell r="K679" t="str">
            <v>06-6773-3893</v>
          </cell>
          <cell r="L679" t="str">
            <v>eigyou-bu@osa-taiki.co.jp</v>
          </cell>
          <cell r="M679" t="str">
            <v>ﾀｲｷ</v>
          </cell>
          <cell r="N679" t="str">
            <v>無</v>
          </cell>
          <cell r="O679">
            <v>53</v>
          </cell>
          <cell r="P679">
            <v>30</v>
          </cell>
          <cell r="Q679">
            <v>9120001024127</v>
          </cell>
          <cell r="R679">
            <v>70000</v>
          </cell>
          <cell r="S679">
            <v>884390</v>
          </cell>
          <cell r="T679">
            <v>1736068</v>
          </cell>
          <cell r="V679" t="str">
            <v>gu927969</v>
          </cell>
          <cell r="W679" t="str">
            <v>te641018</v>
          </cell>
          <cell r="X679" t="str">
            <v>土と石鋼舗浚塗園水解</v>
          </cell>
          <cell r="Y679" t="str">
            <v/>
          </cell>
          <cell r="Z679" t="str">
            <v>土と石鋼舗浚塗園水解</v>
          </cell>
          <cell r="AA679" t="str">
            <v>造園</v>
          </cell>
          <cell r="AB679" t="str">
            <v>土木一式</v>
          </cell>
          <cell r="AC679" t="str">
            <v>とび土工</v>
          </cell>
          <cell r="AD679" t="str">
            <v>舗装</v>
          </cell>
          <cell r="AE679">
            <v>42936</v>
          </cell>
          <cell r="AF679" t="str">
            <v>希望しない</v>
          </cell>
          <cell r="AG679" t="str">
            <v>造園</v>
          </cell>
          <cell r="AH679" t="str">
            <v>特定</v>
          </cell>
          <cell r="AI679">
            <v>1008</v>
          </cell>
          <cell r="AJ679">
            <v>1590441</v>
          </cell>
          <cell r="AK679" t="str">
            <v>22(20)/3/0</v>
          </cell>
          <cell r="AL679" t="str">
            <v>土木一式</v>
          </cell>
          <cell r="AM679" t="str">
            <v>特定</v>
          </cell>
          <cell r="AN679">
            <v>927</v>
          </cell>
          <cell r="AO679">
            <v>205912</v>
          </cell>
          <cell r="AP679" t="str">
            <v>20(18)/6/1</v>
          </cell>
          <cell r="AQ679" t="str">
            <v>とび土工</v>
          </cell>
          <cell r="AR679" t="str">
            <v>特定</v>
          </cell>
          <cell r="AS679">
            <v>787</v>
          </cell>
          <cell r="AT679">
            <v>92314</v>
          </cell>
          <cell r="AU679" t="str">
            <v>2(2)/2/1</v>
          </cell>
          <cell r="AV679" t="str">
            <v>舗装</v>
          </cell>
          <cell r="AW679" t="str">
            <v>特定</v>
          </cell>
          <cell r="AX679">
            <v>714</v>
          </cell>
          <cell r="AY679">
            <v>22096</v>
          </cell>
          <cell r="AZ679" t="str">
            <v>0(0)/0/0</v>
          </cell>
          <cell r="BA679" t="str">
            <v>大阪府</v>
          </cell>
          <cell r="BB679">
            <v>0</v>
          </cell>
          <cell r="CR679">
            <v>5611</v>
          </cell>
          <cell r="CS679" t="str">
            <v>ｵｵｶﾞﾐ ｱｷﾋﾛ</v>
          </cell>
          <cell r="CT679" t="str">
            <v>大神  明広</v>
          </cell>
          <cell r="CU679" t="str">
            <v>学校給食センター</v>
          </cell>
          <cell r="CW679" t="str">
            <v xml:space="preserve"> </v>
          </cell>
          <cell r="CX679" t="str">
            <v>業務主任</v>
          </cell>
          <cell r="CY679" t="str">
            <v>学校給食センター長</v>
          </cell>
        </row>
        <row r="680">
          <cell r="B680">
            <v>3106</v>
          </cell>
          <cell r="C680" t="str">
            <v>大喜建設(株)</v>
          </cell>
          <cell r="D680" t="str">
            <v>0798-72-8340</v>
          </cell>
          <cell r="E680" t="str">
            <v>662-0866</v>
          </cell>
          <cell r="F680" t="str">
            <v>兵庫県西宮市柳本町1-23</v>
          </cell>
          <cell r="G680" t="str">
            <v>西宮市</v>
          </cell>
          <cell r="H680" t="str">
            <v/>
          </cell>
          <cell r="I680" t="str">
            <v>代表取締役 諸富　真一</v>
          </cell>
          <cell r="J680" t="str">
            <v>本店</v>
          </cell>
          <cell r="K680" t="str">
            <v>0798-74-7250</v>
          </cell>
          <cell r="L680" t="str">
            <v>eigyo@daikikensetsu.co.jp</v>
          </cell>
          <cell r="M680" t="str">
            <v>ﾀﾞｲｷｹﾝｾﾂ</v>
          </cell>
          <cell r="N680" t="str">
            <v>無</v>
          </cell>
          <cell r="O680">
            <v>48</v>
          </cell>
          <cell r="P680">
            <v>26</v>
          </cell>
          <cell r="Q680">
            <v>4140001069273</v>
          </cell>
          <cell r="R680">
            <v>90750</v>
          </cell>
          <cell r="S680">
            <v>1185572</v>
          </cell>
          <cell r="T680">
            <v>1089703</v>
          </cell>
          <cell r="V680" t="str">
            <v>ek499837</v>
          </cell>
          <cell r="W680" t="str">
            <v>md288874</v>
          </cell>
          <cell r="X680" t="str">
            <v>土建大と鉄舗浚水解</v>
          </cell>
          <cell r="Y680" t="str">
            <v/>
          </cell>
          <cell r="Z680" t="str">
            <v>土建大と鉄舗浚水解</v>
          </cell>
          <cell r="AA680" t="str">
            <v>土木一式</v>
          </cell>
          <cell r="AB680" t="str">
            <v>舗装</v>
          </cell>
          <cell r="AC680" t="str">
            <v>建築一式</v>
          </cell>
          <cell r="AD680" t="str">
            <v>とび土工</v>
          </cell>
          <cell r="AE680">
            <v>43281</v>
          </cell>
          <cell r="AF680" t="str">
            <v>希望する</v>
          </cell>
          <cell r="AG680" t="str">
            <v>土木一式</v>
          </cell>
          <cell r="AH680" t="str">
            <v>特定</v>
          </cell>
          <cell r="AI680">
            <v>1069</v>
          </cell>
          <cell r="AJ680">
            <v>1213221</v>
          </cell>
          <cell r="AK680" t="str">
            <v>18(16)/4/1</v>
          </cell>
          <cell r="AL680" t="str">
            <v>舗装</v>
          </cell>
          <cell r="AM680" t="str">
            <v>特定</v>
          </cell>
          <cell r="AN680">
            <v>855</v>
          </cell>
          <cell r="AO680">
            <v>700</v>
          </cell>
          <cell r="AP680" t="str">
            <v>17(15)/4/0</v>
          </cell>
          <cell r="AQ680" t="str">
            <v>建築一式</v>
          </cell>
          <cell r="AR680" t="str">
            <v>特定</v>
          </cell>
          <cell r="AS680">
            <v>854</v>
          </cell>
          <cell r="AT680">
            <v>58942</v>
          </cell>
          <cell r="AU680" t="str">
            <v>2(2)/1/0</v>
          </cell>
          <cell r="AV680" t="str">
            <v>とび土工</v>
          </cell>
          <cell r="AW680" t="str">
            <v>特定</v>
          </cell>
          <cell r="AX680">
            <v>828</v>
          </cell>
          <cell r="AY680">
            <v>46598</v>
          </cell>
          <cell r="AZ680" t="str">
            <v>1(1)/0/0</v>
          </cell>
          <cell r="BA680" t="str">
            <v>兵庫県</v>
          </cell>
          <cell r="BB680">
            <v>0</v>
          </cell>
          <cell r="CR680">
            <v>5612</v>
          </cell>
          <cell r="CS680" t="str">
            <v>ﾕｽｲ ｶﾅｺ</v>
          </cell>
          <cell r="CT680" t="str">
            <v>湯水  加奈子</v>
          </cell>
          <cell r="CU680" t="str">
            <v>保育課</v>
          </cell>
          <cell r="CW680" t="str">
            <v xml:space="preserve"> </v>
          </cell>
          <cell r="CX680" t="str">
            <v xml:space="preserve"> </v>
          </cell>
          <cell r="CY680" t="str">
            <v>保育課長</v>
          </cell>
        </row>
        <row r="681">
          <cell r="B681">
            <v>3107</v>
          </cell>
          <cell r="C681" t="str">
            <v>(株)大氣社</v>
          </cell>
          <cell r="D681" t="str">
            <v>078-232-1841</v>
          </cell>
          <cell r="E681" t="str">
            <v>651-0087</v>
          </cell>
          <cell r="F681" t="str">
            <v>兵庫県神戸市中央区御幸通3-1-14 三宮ﾋﾞﾙｼｯｸｽ</v>
          </cell>
          <cell r="G681" t="str">
            <v/>
          </cell>
          <cell r="H681" t="str">
            <v>神戸営業所</v>
          </cell>
          <cell r="I681" t="str">
            <v>所長　 大島　隆史</v>
          </cell>
          <cell r="J681" t="str">
            <v>東京都</v>
          </cell>
          <cell r="K681" t="str">
            <v>078-231-0561</v>
          </cell>
          <cell r="L681" t="str">
            <v>n-sakaibara@taikisha.co.jp</v>
          </cell>
          <cell r="M681" t="str">
            <v>ﾀｲｷｼﾔ</v>
          </cell>
          <cell r="N681" t="str">
            <v>有</v>
          </cell>
          <cell r="O681">
            <v>68</v>
          </cell>
          <cell r="P681">
            <v>1478</v>
          </cell>
          <cell r="Q681">
            <v>7011100000000</v>
          </cell>
          <cell r="R681">
            <v>6455176</v>
          </cell>
          <cell r="S681">
            <v>100787319</v>
          </cell>
          <cell r="T681">
            <v>231898000</v>
          </cell>
          <cell r="V681" t="str">
            <v>af866408</v>
          </cell>
          <cell r="W681" t="str">
            <v>pc190384</v>
          </cell>
          <cell r="X681" t="str">
            <v>土建大と鉄舗浚水解</v>
          </cell>
          <cell r="Y681" t="str">
            <v/>
          </cell>
          <cell r="Z681" t="str">
            <v>土建大と鉄舗浚水解</v>
          </cell>
          <cell r="AA681" t="str">
            <v>管</v>
          </cell>
          <cell r="AB681" t="str">
            <v>機械器具</v>
          </cell>
          <cell r="AC681" t="str">
            <v>消防施設</v>
          </cell>
          <cell r="AD681" t="str">
            <v>電気</v>
          </cell>
          <cell r="AE681">
            <v>43190</v>
          </cell>
          <cell r="AF681" t="str">
            <v>希望しない</v>
          </cell>
          <cell r="AG681" t="str">
            <v>管</v>
          </cell>
          <cell r="AH681" t="str">
            <v>特定</v>
          </cell>
          <cell r="AI681">
            <v>1853</v>
          </cell>
          <cell r="AJ681">
            <v>115507475</v>
          </cell>
          <cell r="AK681" t="str">
            <v>745(551)/71/10</v>
          </cell>
          <cell r="AL681" t="str">
            <v>機械器具</v>
          </cell>
          <cell r="AM681" t="str">
            <v>特定</v>
          </cell>
          <cell r="AN681">
            <v>1512</v>
          </cell>
          <cell r="AO681">
            <v>21119090</v>
          </cell>
          <cell r="AP681" t="str">
            <v>2(0)/0/153</v>
          </cell>
          <cell r="AQ681" t="str">
            <v>消防施設</v>
          </cell>
          <cell r="AR681" t="str">
            <v>特定</v>
          </cell>
          <cell r="AS681">
            <v>1242</v>
          </cell>
          <cell r="AT681">
            <v>47321</v>
          </cell>
          <cell r="AU681" t="str">
            <v>0(0)/261/0</v>
          </cell>
          <cell r="AV681" t="str">
            <v>電気</v>
          </cell>
          <cell r="AW681" t="str">
            <v>特定</v>
          </cell>
          <cell r="AX681">
            <v>1102</v>
          </cell>
          <cell r="AY681" t="str">
            <v/>
          </cell>
          <cell r="AZ681" t="str">
            <v>19(13)/17/22</v>
          </cell>
          <cell r="BA681" t="str">
            <v>東京都</v>
          </cell>
          <cell r="BB681">
            <v>0</v>
          </cell>
          <cell r="CR681">
            <v>5613</v>
          </cell>
          <cell r="CS681" t="str">
            <v>ｺﾀﾞｶ ｼﾝｲﾁ</v>
          </cell>
          <cell r="CT681" t="str">
            <v>小高  伸一</v>
          </cell>
          <cell r="CU681" t="str">
            <v>学校給食センター</v>
          </cell>
          <cell r="CW681" t="str">
            <v xml:space="preserve"> </v>
          </cell>
          <cell r="CX681" t="str">
            <v>業務主任</v>
          </cell>
          <cell r="CY681" t="str">
            <v>学校給食センター長</v>
          </cell>
        </row>
        <row r="682">
          <cell r="B682">
            <v>3108</v>
          </cell>
          <cell r="C682" t="str">
            <v>大共道路設備(株)</v>
          </cell>
          <cell r="D682" t="str">
            <v>0797-62-2731</v>
          </cell>
          <cell r="E682" t="str">
            <v>669-1132</v>
          </cell>
          <cell r="F682" t="str">
            <v>兵庫県西宮市名塩南台4-11-5</v>
          </cell>
          <cell r="G682" t="str">
            <v>大阪市</v>
          </cell>
          <cell r="H682" t="str">
            <v>兵庫営業所</v>
          </cell>
          <cell r="I682" t="str">
            <v>兵庫営業所長 秋山　實</v>
          </cell>
          <cell r="J682" t="str">
            <v>大阪府大阪市</v>
          </cell>
          <cell r="K682" t="str">
            <v>0797-62-2756</v>
          </cell>
          <cell r="L682" t="str">
            <v>daikyo_e@movie.ocn.ne.jp</v>
          </cell>
          <cell r="M682" t="str">
            <v>ﾀﾞｲｷｮｳﾄﾞｳﾛｾﾂﾋﾞ</v>
          </cell>
          <cell r="N682" t="str">
            <v>有</v>
          </cell>
          <cell r="O682">
            <v>44</v>
          </cell>
          <cell r="P682">
            <v>20</v>
          </cell>
          <cell r="Q682">
            <v>1120001020777</v>
          </cell>
          <cell r="R682">
            <v>20000</v>
          </cell>
          <cell r="S682">
            <v>331862</v>
          </cell>
          <cell r="T682">
            <v>488631</v>
          </cell>
          <cell r="V682" t="str">
            <v>tw630710</v>
          </cell>
          <cell r="W682" t="str">
            <v>vv853033</v>
          </cell>
          <cell r="X682" t="str">
            <v>と塗</v>
          </cell>
          <cell r="Y682" t="str">
            <v>と塗</v>
          </cell>
          <cell r="Z682" t="str">
            <v/>
          </cell>
          <cell r="AA682" t="str">
            <v>とび土工</v>
          </cell>
          <cell r="AB682" t="str">
            <v>塗装</v>
          </cell>
          <cell r="AC682" t="str">
            <v/>
          </cell>
          <cell r="AD682" t="str">
            <v/>
          </cell>
          <cell r="AE682">
            <v>43281</v>
          </cell>
          <cell r="AF682" t="str">
            <v>希望しない</v>
          </cell>
          <cell r="AG682" t="str">
            <v>とび土工</v>
          </cell>
          <cell r="AH682" t="str">
            <v>一般</v>
          </cell>
          <cell r="AI682">
            <v>830</v>
          </cell>
          <cell r="AJ682">
            <v>334129</v>
          </cell>
          <cell r="AK682" t="str">
            <v>2(2)/2/2</v>
          </cell>
          <cell r="AL682" t="str">
            <v>塗装</v>
          </cell>
          <cell r="AM682" t="str">
            <v>一般</v>
          </cell>
          <cell r="AN682">
            <v>819</v>
          </cell>
          <cell r="AO682">
            <v>162955</v>
          </cell>
          <cell r="AP682" t="str">
            <v>3(2)/2/3</v>
          </cell>
          <cell r="AQ682" t="str">
            <v/>
          </cell>
          <cell r="AR682" t="str">
            <v/>
          </cell>
          <cell r="AS682" t="str">
            <v/>
          </cell>
          <cell r="AT682" t="str">
            <v/>
          </cell>
          <cell r="AU682" t="str">
            <v/>
          </cell>
          <cell r="AV682" t="str">
            <v/>
          </cell>
          <cell r="AW682" t="str">
            <v/>
          </cell>
          <cell r="AX682" t="str">
            <v/>
          </cell>
          <cell r="AY682" t="str">
            <v/>
          </cell>
          <cell r="AZ682" t="str">
            <v/>
          </cell>
          <cell r="BA682" t="str">
            <v>大阪府</v>
          </cell>
          <cell r="BB682">
            <v>0</v>
          </cell>
          <cell r="CR682">
            <v>5614</v>
          </cell>
          <cell r="CS682" t="str">
            <v>ﾊﾏﾓﾄ ﾋﾛﾐ</v>
          </cell>
          <cell r="CT682" t="str">
            <v>浜本  弘美</v>
          </cell>
          <cell r="CU682" t="str">
            <v>保育課</v>
          </cell>
          <cell r="CW682" t="str">
            <v xml:space="preserve"> </v>
          </cell>
          <cell r="CX682" t="str">
            <v xml:space="preserve"> </v>
          </cell>
          <cell r="CY682" t="str">
            <v>保育課長</v>
          </cell>
        </row>
        <row r="683">
          <cell r="B683">
            <v>3112</v>
          </cell>
          <cell r="C683" t="str">
            <v>ダイクウ(株)</v>
          </cell>
          <cell r="D683" t="str">
            <v>06-6910-6590</v>
          </cell>
          <cell r="E683" t="str">
            <v>540-0035</v>
          </cell>
          <cell r="F683" t="str">
            <v>大阪府大阪市中央区釣鐘町1-3-4</v>
          </cell>
          <cell r="G683" t="str">
            <v>大阪市</v>
          </cell>
          <cell r="H683" t="str">
            <v/>
          </cell>
          <cell r="I683" t="str">
            <v>代表取締役 中村　淳一</v>
          </cell>
          <cell r="J683" t="str">
            <v>本店</v>
          </cell>
          <cell r="K683" t="str">
            <v>06-6910-6592</v>
          </cell>
          <cell r="L683" t="str">
            <v>eigyo-bu@daikuu.com</v>
          </cell>
          <cell r="M683" t="str">
            <v>ﾀﾞｲｸｳ</v>
          </cell>
          <cell r="N683" t="str">
            <v>無</v>
          </cell>
          <cell r="O683">
            <v>26</v>
          </cell>
          <cell r="P683">
            <v>29</v>
          </cell>
          <cell r="Q683">
            <v>5120001083085</v>
          </cell>
          <cell r="R683">
            <v>50000</v>
          </cell>
          <cell r="S683">
            <v>692712</v>
          </cell>
          <cell r="T683">
            <v>1915237</v>
          </cell>
          <cell r="V683" t="str">
            <v>eu283094</v>
          </cell>
          <cell r="W683" t="str">
            <v>wk126054</v>
          </cell>
          <cell r="X683" t="str">
            <v>消管</v>
          </cell>
          <cell r="Y683" t="str">
            <v>消</v>
          </cell>
          <cell r="Z683" t="str">
            <v>管</v>
          </cell>
          <cell r="AA683" t="str">
            <v>管</v>
          </cell>
          <cell r="AB683" t="str">
            <v>消防施設</v>
          </cell>
          <cell r="AC683" t="str">
            <v/>
          </cell>
          <cell r="AD683" t="str">
            <v/>
          </cell>
          <cell r="AE683">
            <v>43008</v>
          </cell>
          <cell r="AF683" t="str">
            <v>希望しない</v>
          </cell>
          <cell r="AG683" t="str">
            <v>管</v>
          </cell>
          <cell r="AH683" t="str">
            <v>特定</v>
          </cell>
          <cell r="AI683">
            <v>1002</v>
          </cell>
          <cell r="AJ683">
            <v>1914000</v>
          </cell>
          <cell r="AK683" t="str">
            <v>18(18)/5/0</v>
          </cell>
          <cell r="AL683" t="str">
            <v>消防施設</v>
          </cell>
          <cell r="AM683" t="str">
            <v>一般</v>
          </cell>
          <cell r="AN683">
            <v>715</v>
          </cell>
          <cell r="AO683">
            <v>1238</v>
          </cell>
          <cell r="AP683" t="str">
            <v>0(0)/11/1</v>
          </cell>
          <cell r="AQ683" t="str">
            <v/>
          </cell>
          <cell r="AR683" t="str">
            <v/>
          </cell>
          <cell r="AS683" t="str">
            <v/>
          </cell>
          <cell r="AT683" t="str">
            <v/>
          </cell>
          <cell r="AU683" t="str">
            <v/>
          </cell>
          <cell r="AV683" t="str">
            <v/>
          </cell>
          <cell r="AW683" t="str">
            <v/>
          </cell>
          <cell r="AX683" t="str">
            <v/>
          </cell>
          <cell r="AY683" t="str">
            <v/>
          </cell>
          <cell r="AZ683" t="str">
            <v/>
          </cell>
          <cell r="BA683" t="str">
            <v>大阪府</v>
          </cell>
          <cell r="BB683" t="str">
            <v>ダイクウビル</v>
          </cell>
          <cell r="CR683">
            <v>5667</v>
          </cell>
          <cell r="CS683" t="str">
            <v>ﾅｶｸﾞﾛ ｱｽｶ</v>
          </cell>
          <cell r="CT683" t="str">
            <v>中畔  明日香</v>
          </cell>
          <cell r="CU683" t="str">
            <v>社会教育課</v>
          </cell>
          <cell r="CW683">
            <v>3718</v>
          </cell>
          <cell r="CX683" t="str">
            <v>主査</v>
          </cell>
          <cell r="CY683" t="str">
            <v>社会教育課長</v>
          </cell>
        </row>
        <row r="684">
          <cell r="B684">
            <v>3113</v>
          </cell>
          <cell r="C684" t="str">
            <v>大工園設備工業(株)</v>
          </cell>
          <cell r="D684" t="str">
            <v>0798-64-7176</v>
          </cell>
          <cell r="E684" t="str">
            <v>663-8113</v>
          </cell>
          <cell r="F684" t="str">
            <v>兵庫県西宮市甲子園口6-7-14</v>
          </cell>
          <cell r="G684" t="str">
            <v>神戸市</v>
          </cell>
          <cell r="H684" t="str">
            <v>西宮営業所</v>
          </cell>
          <cell r="I684" t="str">
            <v>所長 井關　三穂</v>
          </cell>
          <cell r="J684" t="str">
            <v>兵庫県神戸市</v>
          </cell>
          <cell r="K684" t="str">
            <v>0798-64-9188</v>
          </cell>
          <cell r="L684" t="str">
            <v>daikuzono1@nike.eonet.ne.jp</v>
          </cell>
          <cell r="M684" t="str">
            <v>ﾀﾞｲｸｿﾞﾉｾﾂﾋﾞｺｳｷﾞｮｳ</v>
          </cell>
          <cell r="N684" t="str">
            <v>有</v>
          </cell>
          <cell r="O684">
            <v>42</v>
          </cell>
          <cell r="P684">
            <v>18</v>
          </cell>
          <cell r="Q684">
            <v>6140001024169</v>
          </cell>
          <cell r="R684">
            <v>20000</v>
          </cell>
          <cell r="S684">
            <v>302095</v>
          </cell>
          <cell r="T684">
            <v>471729</v>
          </cell>
          <cell r="V684" t="str">
            <v>tm536098</v>
          </cell>
          <cell r="W684" t="str">
            <v>aj277432</v>
          </cell>
          <cell r="X684" t="str">
            <v>土管浚</v>
          </cell>
          <cell r="Y684" t="str">
            <v/>
          </cell>
          <cell r="Z684" t="str">
            <v>土管浚</v>
          </cell>
          <cell r="AA684" t="str">
            <v>土木一式</v>
          </cell>
          <cell r="AB684" t="str">
            <v>管</v>
          </cell>
          <cell r="AC684" t="str">
            <v>浚渫</v>
          </cell>
          <cell r="AD684" t="str">
            <v/>
          </cell>
          <cell r="AE684">
            <v>43131</v>
          </cell>
          <cell r="AF684" t="str">
            <v>希望する</v>
          </cell>
          <cell r="AG684" t="str">
            <v>土木一式</v>
          </cell>
          <cell r="AH684" t="str">
            <v>特定</v>
          </cell>
          <cell r="AI684">
            <v>888</v>
          </cell>
          <cell r="AJ684">
            <v>342001</v>
          </cell>
          <cell r="AK684" t="str">
            <v>6(6)/2/4</v>
          </cell>
          <cell r="AL684" t="str">
            <v>管</v>
          </cell>
          <cell r="AM684" t="str">
            <v>特定</v>
          </cell>
          <cell r="AN684">
            <v>694</v>
          </cell>
          <cell r="AO684">
            <v>4899</v>
          </cell>
          <cell r="AP684" t="str">
            <v>1(1)/0/1</v>
          </cell>
          <cell r="AQ684" t="str">
            <v>浚渫</v>
          </cell>
          <cell r="AR684" t="str">
            <v>特定</v>
          </cell>
          <cell r="AS684">
            <v>725</v>
          </cell>
          <cell r="AT684" t="str">
            <v/>
          </cell>
          <cell r="AU684" t="str">
            <v>5(5)/2/0</v>
          </cell>
          <cell r="AV684" t="str">
            <v/>
          </cell>
          <cell r="AW684" t="str">
            <v/>
          </cell>
          <cell r="AX684" t="str">
            <v/>
          </cell>
          <cell r="AY684" t="str">
            <v/>
          </cell>
          <cell r="AZ684" t="str">
            <v/>
          </cell>
          <cell r="BA684" t="str">
            <v>兵庫県</v>
          </cell>
          <cell r="BB684">
            <v>0</v>
          </cell>
          <cell r="CR684">
            <v>5668</v>
          </cell>
          <cell r="CS684" t="str">
            <v>ﾔﾏﾅ ｱｷｺ</v>
          </cell>
          <cell r="CT684" t="str">
            <v>山名  晶子</v>
          </cell>
          <cell r="CU684" t="str">
            <v>まちづくり推進課</v>
          </cell>
          <cell r="CW684">
            <v>2112</v>
          </cell>
          <cell r="CX684" t="str">
            <v>主査</v>
          </cell>
          <cell r="CY684" t="str">
            <v>まちづくり推進課長</v>
          </cell>
        </row>
        <row r="685">
          <cell r="B685">
            <v>3114</v>
          </cell>
          <cell r="C685" t="str">
            <v>大興機工(株)</v>
          </cell>
          <cell r="D685" t="str">
            <v>06-6748-7838</v>
          </cell>
          <cell r="E685" t="str">
            <v>577-0012</v>
          </cell>
          <cell r="F685" t="str">
            <v>大阪府東大阪市長田東5-1-14</v>
          </cell>
          <cell r="G685" t="str">
            <v>東大阪市</v>
          </cell>
          <cell r="H685" t="str">
            <v/>
          </cell>
          <cell r="I685" t="str">
            <v>代表取締役 佐々木　厚治</v>
          </cell>
          <cell r="J685" t="str">
            <v>本店</v>
          </cell>
          <cell r="K685" t="str">
            <v>06-6748-7840</v>
          </cell>
          <cell r="L685" t="str">
            <v>daikouk@smile.ocn.ne.jp</v>
          </cell>
          <cell r="M685" t="str">
            <v>ﾀﾞｲｺｳｷｺｳ</v>
          </cell>
          <cell r="N685" t="str">
            <v>無</v>
          </cell>
          <cell r="O685">
            <v>38</v>
          </cell>
          <cell r="P685">
            <v>5</v>
          </cell>
          <cell r="Q685">
            <v>7122001014811</v>
          </cell>
          <cell r="R685">
            <v>20000</v>
          </cell>
          <cell r="S685">
            <v>98906</v>
          </cell>
          <cell r="T685">
            <v>74753</v>
          </cell>
          <cell r="V685" t="str">
            <v>bm568358</v>
          </cell>
          <cell r="W685" t="str">
            <v>cx195652</v>
          </cell>
          <cell r="X685" t="str">
            <v>電鋼機水</v>
          </cell>
          <cell r="Y685" t="str">
            <v>電鋼機水</v>
          </cell>
          <cell r="Z685" t="str">
            <v/>
          </cell>
          <cell r="AA685" t="str">
            <v>機械器具</v>
          </cell>
          <cell r="AB685" t="str">
            <v>鋼構造物</v>
          </cell>
          <cell r="AC685" t="str">
            <v>水道施設</v>
          </cell>
          <cell r="AD685" t="str">
            <v>電気</v>
          </cell>
          <cell r="AE685">
            <v>43271</v>
          </cell>
          <cell r="AF685" t="str">
            <v>希望しない</v>
          </cell>
          <cell r="AG685" t="str">
            <v>機械器具</v>
          </cell>
          <cell r="AH685" t="str">
            <v>一般</v>
          </cell>
          <cell r="AI685">
            <v>749</v>
          </cell>
          <cell r="AJ685">
            <v>91885</v>
          </cell>
          <cell r="AK685" t="str">
            <v>0(0)/0/4</v>
          </cell>
          <cell r="AL685" t="str">
            <v>鋼構造物</v>
          </cell>
          <cell r="AM685" t="str">
            <v>一般</v>
          </cell>
          <cell r="AN685">
            <v>718</v>
          </cell>
          <cell r="AO685">
            <v>6847</v>
          </cell>
          <cell r="AP685" t="str">
            <v>3(3)/1/0</v>
          </cell>
          <cell r="AQ685" t="str">
            <v>水道施設</v>
          </cell>
          <cell r="AR685" t="str">
            <v>一般</v>
          </cell>
          <cell r="AS685">
            <v>641</v>
          </cell>
          <cell r="AT685">
            <v>2081</v>
          </cell>
          <cell r="AU685" t="str">
            <v>0(0)/0/0</v>
          </cell>
          <cell r="AV685" t="str">
            <v>電気</v>
          </cell>
          <cell r="AW685" t="str">
            <v>一般</v>
          </cell>
          <cell r="AX685">
            <v>636</v>
          </cell>
          <cell r="AY685">
            <v>444</v>
          </cell>
          <cell r="AZ685" t="str">
            <v>0(0)/0/0</v>
          </cell>
          <cell r="BA685" t="str">
            <v>大阪府</v>
          </cell>
          <cell r="BB685">
            <v>0</v>
          </cell>
          <cell r="CR685">
            <v>5670</v>
          </cell>
          <cell r="CS685" t="str">
            <v>ﾉﾅｶ ﾀｶｼ</v>
          </cell>
          <cell r="CT685" t="str">
            <v>野中  孝志</v>
          </cell>
          <cell r="CU685" t="str">
            <v>営繕課</v>
          </cell>
          <cell r="CW685">
            <v>3324</v>
          </cell>
          <cell r="CX685" t="str">
            <v>主査</v>
          </cell>
          <cell r="CY685" t="str">
            <v>営繕課長</v>
          </cell>
        </row>
        <row r="686">
          <cell r="B686">
            <v>3116</v>
          </cell>
          <cell r="C686" t="str">
            <v>大幸道路管理(株)</v>
          </cell>
          <cell r="D686" t="str">
            <v>078-671-6503</v>
          </cell>
          <cell r="E686" t="str">
            <v>652-0833</v>
          </cell>
          <cell r="F686" t="str">
            <v>兵庫県神戸市兵庫区島上町二丁目2-22-2F</v>
          </cell>
          <cell r="G686" t="str">
            <v>神戸市</v>
          </cell>
          <cell r="H686" t="str">
            <v/>
          </cell>
          <cell r="I686" t="str">
            <v>代表取締役 田中　秀行</v>
          </cell>
          <cell r="J686" t="str">
            <v>本店</v>
          </cell>
          <cell r="K686" t="str">
            <v>078-671-6579</v>
          </cell>
          <cell r="L686" t="str">
            <v>daikou@k3.dion.ne.jp</v>
          </cell>
          <cell r="M686" t="str">
            <v>ﾀﾞｲｺｳﾄﾞｳﾛｶﾝﾘ</v>
          </cell>
          <cell r="N686" t="str">
            <v>無</v>
          </cell>
          <cell r="O686">
            <v>33</v>
          </cell>
          <cell r="P686">
            <v>48</v>
          </cell>
          <cell r="Q686">
            <v>8140001013434</v>
          </cell>
          <cell r="R686">
            <v>20000</v>
          </cell>
          <cell r="S686">
            <v>451834</v>
          </cell>
          <cell r="T686">
            <v>2113915</v>
          </cell>
          <cell r="V686" t="str">
            <v>sf888342</v>
          </cell>
          <cell r="W686" t="str">
            <v>rj944760</v>
          </cell>
          <cell r="X686" t="str">
            <v>管土と舗浚水</v>
          </cell>
          <cell r="Y686" t="str">
            <v>管</v>
          </cell>
          <cell r="Z686" t="str">
            <v>土と舗浚水</v>
          </cell>
          <cell r="AA686" t="str">
            <v>土木一式</v>
          </cell>
          <cell r="AB686" t="str">
            <v>浚渫</v>
          </cell>
          <cell r="AC686" t="str">
            <v>とび土工</v>
          </cell>
          <cell r="AD686" t="str">
            <v>舗装</v>
          </cell>
          <cell r="AE686">
            <v>43251</v>
          </cell>
          <cell r="AF686" t="str">
            <v>希望する</v>
          </cell>
          <cell r="AG686" t="str">
            <v>土木一式</v>
          </cell>
          <cell r="AH686" t="str">
            <v>特定</v>
          </cell>
          <cell r="AI686">
            <v>987</v>
          </cell>
          <cell r="AJ686">
            <v>1484587</v>
          </cell>
          <cell r="AK686" t="str">
            <v>7(7)/10/5</v>
          </cell>
          <cell r="AL686" t="str">
            <v>浚渫</v>
          </cell>
          <cell r="AM686" t="str">
            <v>特定</v>
          </cell>
          <cell r="AN686">
            <v>849</v>
          </cell>
          <cell r="AO686">
            <v>29746</v>
          </cell>
          <cell r="AP686" t="str">
            <v>7(7)/10/0</v>
          </cell>
          <cell r="AQ686" t="str">
            <v>とび土工</v>
          </cell>
          <cell r="AR686" t="str">
            <v>特定</v>
          </cell>
          <cell r="AS686">
            <v>680</v>
          </cell>
          <cell r="AT686" t="str">
            <v/>
          </cell>
          <cell r="AU686" t="str">
            <v>0(0)/0/0</v>
          </cell>
          <cell r="AV686" t="str">
            <v>舗装</v>
          </cell>
          <cell r="AW686" t="str">
            <v>特定</v>
          </cell>
          <cell r="AX686">
            <v>680</v>
          </cell>
          <cell r="AY686" t="str">
            <v/>
          </cell>
          <cell r="AZ686" t="str">
            <v>0(0)/0/0</v>
          </cell>
          <cell r="BA686" t="str">
            <v>兵庫県</v>
          </cell>
          <cell r="BB686">
            <v>0</v>
          </cell>
          <cell r="CR686">
            <v>5671</v>
          </cell>
          <cell r="CS686" t="str">
            <v>ﾀｹﾀ ﾐﾅ</v>
          </cell>
          <cell r="CT686" t="str">
            <v>武田  美奈</v>
          </cell>
          <cell r="CU686" t="str">
            <v>健康政策課</v>
          </cell>
          <cell r="CW686">
            <v>2563</v>
          </cell>
          <cell r="CX686" t="str">
            <v xml:space="preserve"> </v>
          </cell>
          <cell r="CY686" t="str">
            <v>健康政策課長</v>
          </cell>
        </row>
        <row r="687">
          <cell r="B687">
            <v>3120</v>
          </cell>
          <cell r="C687" t="str">
            <v>大正ライン工業(株)</v>
          </cell>
          <cell r="D687" t="str">
            <v>06-6553-6711</v>
          </cell>
          <cell r="E687" t="str">
            <v>551-0013</v>
          </cell>
          <cell r="F687" t="str">
            <v>大阪府大阪市大正区小林西2-15-2</v>
          </cell>
          <cell r="G687" t="str">
            <v>大阪市</v>
          </cell>
          <cell r="H687" t="str">
            <v/>
          </cell>
          <cell r="I687" t="str">
            <v>代表取締役 山内　隆</v>
          </cell>
          <cell r="J687" t="str">
            <v>本店</v>
          </cell>
          <cell r="K687" t="str">
            <v>06-6553-8501</v>
          </cell>
          <cell r="L687" t="str">
            <v>k-taisho@sirius.ocn.ne.jp</v>
          </cell>
          <cell r="M687" t="str">
            <v>ﾀｲｼｮｳﾗｲﾝｺｳｷﾞｮｳ</v>
          </cell>
          <cell r="N687" t="str">
            <v>無</v>
          </cell>
          <cell r="O687">
            <v>42</v>
          </cell>
          <cell r="P687">
            <v>20</v>
          </cell>
          <cell r="Q687">
            <v>2120001027796</v>
          </cell>
          <cell r="R687">
            <v>10000</v>
          </cell>
          <cell r="S687">
            <v>197910</v>
          </cell>
          <cell r="T687">
            <v>336774</v>
          </cell>
          <cell r="V687" t="str">
            <v>ge329266</v>
          </cell>
          <cell r="W687" t="str">
            <v>tc521429</v>
          </cell>
          <cell r="X687" t="str">
            <v>と塗</v>
          </cell>
          <cell r="Y687" t="str">
            <v>と塗</v>
          </cell>
          <cell r="Z687" t="str">
            <v/>
          </cell>
          <cell r="AA687" t="str">
            <v>塗装</v>
          </cell>
          <cell r="AB687" t="str">
            <v>とび土工</v>
          </cell>
          <cell r="AC687" t="str">
            <v/>
          </cell>
          <cell r="AD687" t="str">
            <v/>
          </cell>
          <cell r="AE687">
            <v>43312</v>
          </cell>
          <cell r="AF687" t="str">
            <v>希望しない</v>
          </cell>
          <cell r="AG687" t="str">
            <v>塗装</v>
          </cell>
          <cell r="AH687" t="str">
            <v>一般</v>
          </cell>
          <cell r="AI687">
            <v>847</v>
          </cell>
          <cell r="AJ687">
            <v>340541</v>
          </cell>
          <cell r="AK687" t="str">
            <v>2(2)/5/4</v>
          </cell>
          <cell r="AL687" t="str">
            <v>とび土工</v>
          </cell>
          <cell r="AM687" t="str">
            <v>一般</v>
          </cell>
          <cell r="AN687">
            <v>709</v>
          </cell>
          <cell r="AO687">
            <v>1635</v>
          </cell>
          <cell r="AP687" t="str">
            <v>2(2)/2/7</v>
          </cell>
          <cell r="AQ687" t="str">
            <v/>
          </cell>
          <cell r="AR687" t="str">
            <v/>
          </cell>
          <cell r="AS687" t="str">
            <v/>
          </cell>
          <cell r="AT687" t="str">
            <v/>
          </cell>
          <cell r="AU687" t="str">
            <v/>
          </cell>
          <cell r="AV687" t="str">
            <v/>
          </cell>
          <cell r="AW687" t="str">
            <v/>
          </cell>
          <cell r="AX687" t="str">
            <v/>
          </cell>
          <cell r="AY687" t="str">
            <v/>
          </cell>
          <cell r="AZ687" t="str">
            <v/>
          </cell>
          <cell r="BA687" t="str">
            <v>大阪府</v>
          </cell>
          <cell r="BB687">
            <v>0</v>
          </cell>
          <cell r="CR687">
            <v>5672</v>
          </cell>
          <cell r="CS687" t="str">
            <v>ｺｳﾉ ｹｲｺ</v>
          </cell>
          <cell r="CT687" t="str">
            <v>河野  恵子</v>
          </cell>
          <cell r="CU687" t="str">
            <v>健康政策課</v>
          </cell>
          <cell r="CW687">
            <v>2558</v>
          </cell>
          <cell r="CX687" t="str">
            <v>主査</v>
          </cell>
          <cell r="CY687" t="str">
            <v>健康政策課長</v>
          </cell>
        </row>
        <row r="688">
          <cell r="B688">
            <v>3122</v>
          </cell>
          <cell r="C688" t="str">
            <v>大末建設(株)</v>
          </cell>
          <cell r="D688" t="str">
            <v>06-6121-7132</v>
          </cell>
          <cell r="E688" t="str">
            <v>541-0056</v>
          </cell>
          <cell r="F688" t="str">
            <v>大阪府大阪市中央区久太郎町2-5-28</v>
          </cell>
          <cell r="G688" t="str">
            <v>大阪市</v>
          </cell>
          <cell r="H688" t="str">
            <v>大阪本店</v>
          </cell>
          <cell r="I688" t="str">
            <v>取締役常務執行役員本店長　 郷右近　英弘</v>
          </cell>
          <cell r="J688" t="str">
            <v>大阪府大阪市</v>
          </cell>
          <cell r="K688" t="str">
            <v>06-6121-7408</v>
          </cell>
          <cell r="L688" t="str">
            <v>m-kaj@daisue.co.jp</v>
          </cell>
          <cell r="M688" t="str">
            <v>ﾀﾞｲｽｴｹﾝｾﾂ</v>
          </cell>
          <cell r="N688" t="str">
            <v>有</v>
          </cell>
          <cell r="O688">
            <v>68</v>
          </cell>
          <cell r="P688">
            <v>539</v>
          </cell>
          <cell r="Q688">
            <v>5120000000000</v>
          </cell>
          <cell r="R688">
            <v>4324497</v>
          </cell>
          <cell r="S688">
            <v>13281000</v>
          </cell>
          <cell r="T688">
            <v>52872000</v>
          </cell>
          <cell r="V688" t="str">
            <v>af239597</v>
          </cell>
          <cell r="W688" t="str">
            <v>bm278908</v>
          </cell>
          <cell r="X688" t="str">
            <v>と塗</v>
          </cell>
          <cell r="Y688" t="str">
            <v>と塗</v>
          </cell>
          <cell r="Z688" t="str">
            <v/>
          </cell>
          <cell r="AA688" t="str">
            <v>建築一式</v>
          </cell>
          <cell r="AB688" t="str">
            <v/>
          </cell>
          <cell r="AC688" t="str">
            <v/>
          </cell>
          <cell r="AD688" t="str">
            <v/>
          </cell>
          <cell r="AE688">
            <v>43190</v>
          </cell>
          <cell r="AF688" t="str">
            <v>希望しない</v>
          </cell>
          <cell r="AG688" t="str">
            <v>建築一式</v>
          </cell>
          <cell r="AH688" t="str">
            <v>特定</v>
          </cell>
          <cell r="AI688">
            <v>1662</v>
          </cell>
          <cell r="AJ688">
            <v>2064</v>
          </cell>
          <cell r="AK688" t="str">
            <v>251/11/0</v>
          </cell>
          <cell r="AL688" t="str">
            <v/>
          </cell>
          <cell r="AM688" t="str">
            <v/>
          </cell>
          <cell r="AN688" t="str">
            <v/>
          </cell>
          <cell r="AO688" t="str">
            <v/>
          </cell>
          <cell r="AP688" t="str">
            <v/>
          </cell>
          <cell r="AQ688" t="str">
            <v/>
          </cell>
          <cell r="AR688" t="str">
            <v/>
          </cell>
          <cell r="AS688" t="str">
            <v/>
          </cell>
          <cell r="AT688" t="str">
            <v/>
          </cell>
          <cell r="AU688" t="str">
            <v/>
          </cell>
          <cell r="AV688" t="str">
            <v/>
          </cell>
          <cell r="AW688" t="str">
            <v/>
          </cell>
          <cell r="AX688" t="str">
            <v/>
          </cell>
          <cell r="AY688" t="str">
            <v/>
          </cell>
          <cell r="AZ688" t="str">
            <v/>
          </cell>
          <cell r="BA688" t="str">
            <v>大阪府</v>
          </cell>
          <cell r="BB688">
            <v>0</v>
          </cell>
          <cell r="CR688">
            <v>5674</v>
          </cell>
          <cell r="CS688" t="str">
            <v>ﾏﾂﾀﾞｲﾗ ﾉﾘｺ</v>
          </cell>
          <cell r="CT688" t="str">
            <v>松平  典子</v>
          </cell>
          <cell r="CU688" t="str">
            <v>こども発達支援センター</v>
          </cell>
          <cell r="CW688">
            <v>2698</v>
          </cell>
          <cell r="CX688" t="str">
            <v>副主幹</v>
          </cell>
          <cell r="CY688" t="str">
            <v>こども発達支援センター長</v>
          </cell>
        </row>
        <row r="689">
          <cell r="B689">
            <v>3123</v>
          </cell>
          <cell r="C689" t="str">
            <v>大成温調(株)</v>
          </cell>
          <cell r="D689" t="str">
            <v>078-771-5225</v>
          </cell>
          <cell r="E689" t="str">
            <v>650-0025</v>
          </cell>
          <cell r="F689" t="str">
            <v>兵庫県神戸市中央区相生町4-2-28</v>
          </cell>
          <cell r="G689" t="str">
            <v/>
          </cell>
          <cell r="H689" t="str">
            <v>神戸営業所</v>
          </cell>
          <cell r="I689" t="str">
            <v>所長 野田　恭弘</v>
          </cell>
          <cell r="J689" t="str">
            <v>東京都</v>
          </cell>
          <cell r="K689" t="str">
            <v>078-361-8980</v>
          </cell>
          <cell r="L689" t="str">
            <v>osaka01@taisei-oncho.co.jp</v>
          </cell>
          <cell r="M689" t="str">
            <v>ﾀｲｾｲｵﾝﾁｮｳ</v>
          </cell>
          <cell r="N689" t="str">
            <v>有</v>
          </cell>
          <cell r="O689">
            <v>59</v>
          </cell>
          <cell r="P689">
            <v>636</v>
          </cell>
          <cell r="Q689">
            <v>3010701005946</v>
          </cell>
          <cell r="R689">
            <v>5195057</v>
          </cell>
          <cell r="S689">
            <v>22667669</v>
          </cell>
          <cell r="T689">
            <v>51906126</v>
          </cell>
          <cell r="V689" t="str">
            <v>gs831583</v>
          </cell>
          <cell r="W689" t="str">
            <v>yn729857</v>
          </cell>
          <cell r="X689" t="str">
            <v>熱(管)建電管機消</v>
          </cell>
          <cell r="Y689" t="str">
            <v>熱(管)</v>
          </cell>
          <cell r="Z689" t="str">
            <v>建電管機消</v>
          </cell>
          <cell r="AA689" t="str">
            <v>管</v>
          </cell>
          <cell r="AB689" t="str">
            <v/>
          </cell>
          <cell r="AC689" t="str">
            <v/>
          </cell>
          <cell r="AD689" t="str">
            <v/>
          </cell>
          <cell r="AE689">
            <v>43190</v>
          </cell>
          <cell r="AF689" t="str">
            <v>希望しない</v>
          </cell>
          <cell r="AG689" t="str">
            <v>管</v>
          </cell>
          <cell r="AH689" t="str">
            <v>特定</v>
          </cell>
          <cell r="AI689">
            <v>1673</v>
          </cell>
          <cell r="AJ689">
            <v>44453701</v>
          </cell>
          <cell r="AK689" t="str">
            <v>394(254)/93/50</v>
          </cell>
          <cell r="AL689" t="str">
            <v/>
          </cell>
          <cell r="AM689" t="str">
            <v/>
          </cell>
          <cell r="AN689" t="str">
            <v/>
          </cell>
          <cell r="AO689" t="str">
            <v/>
          </cell>
          <cell r="AP689" t="str">
            <v/>
          </cell>
          <cell r="AQ689" t="str">
            <v/>
          </cell>
          <cell r="AR689" t="str">
            <v/>
          </cell>
          <cell r="AS689" t="str">
            <v/>
          </cell>
          <cell r="AT689" t="str">
            <v/>
          </cell>
          <cell r="AU689" t="str">
            <v/>
          </cell>
          <cell r="AV689" t="str">
            <v/>
          </cell>
          <cell r="AW689" t="str">
            <v/>
          </cell>
          <cell r="AX689" t="str">
            <v/>
          </cell>
          <cell r="AY689" t="str">
            <v/>
          </cell>
          <cell r="AZ689" t="str">
            <v/>
          </cell>
          <cell r="BA689" t="str">
            <v>東京都</v>
          </cell>
          <cell r="BB689">
            <v>0</v>
          </cell>
          <cell r="CR689">
            <v>5675</v>
          </cell>
          <cell r="CS689" t="str">
            <v>ﾖｼﾑﾗ ﾐﾁﾉ</v>
          </cell>
          <cell r="CT689" t="str">
            <v>吉村  道乃</v>
          </cell>
          <cell r="CU689" t="str">
            <v>こども福祉課</v>
          </cell>
          <cell r="CW689" t="str">
            <v xml:space="preserve"> </v>
          </cell>
          <cell r="CX689" t="str">
            <v>主査</v>
          </cell>
          <cell r="CY689" t="str">
            <v>こども福祉課長</v>
          </cell>
        </row>
        <row r="690">
          <cell r="B690">
            <v>3124</v>
          </cell>
          <cell r="C690" t="str">
            <v>大成機工(株)</v>
          </cell>
          <cell r="D690" t="str">
            <v>06-6344-1144</v>
          </cell>
          <cell r="E690" t="str">
            <v>530-0001</v>
          </cell>
          <cell r="F690" t="str">
            <v>大阪府大阪市北区梅田1-1-3-2700</v>
          </cell>
          <cell r="G690" t="str">
            <v>大阪市</v>
          </cell>
          <cell r="H690" t="str">
            <v/>
          </cell>
          <cell r="I690" t="str">
            <v>代表取締役社長 鈴木　仁</v>
          </cell>
          <cell r="J690" t="str">
            <v>本店</v>
          </cell>
          <cell r="K690" t="str">
            <v>06-63447942</v>
          </cell>
          <cell r="L690" t="str">
            <v>osaka@taiseikiko.com</v>
          </cell>
          <cell r="M690" t="str">
            <v>ﾀｲｾｲｷｺｳ</v>
          </cell>
          <cell r="N690" t="str">
            <v>無</v>
          </cell>
          <cell r="O690">
            <v>60</v>
          </cell>
          <cell r="P690">
            <v>365</v>
          </cell>
          <cell r="Q690">
            <v>1120001066556</v>
          </cell>
          <cell r="R690">
            <v>98000</v>
          </cell>
          <cell r="S690">
            <v>17841938</v>
          </cell>
          <cell r="T690">
            <v>15425395</v>
          </cell>
          <cell r="V690" t="str">
            <v>tw921633</v>
          </cell>
          <cell r="W690" t="str">
            <v>zu640272</v>
          </cell>
          <cell r="X690" t="str">
            <v>土管鋼塗防水</v>
          </cell>
          <cell r="Y690" t="str">
            <v/>
          </cell>
          <cell r="Z690" t="str">
            <v>土管鋼塗防水</v>
          </cell>
          <cell r="AA690" t="str">
            <v>水道施設</v>
          </cell>
          <cell r="AB690" t="str">
            <v>管</v>
          </cell>
          <cell r="AC690" t="str">
            <v>土木一式</v>
          </cell>
          <cell r="AD690" t="str">
            <v>防水</v>
          </cell>
          <cell r="AE690">
            <v>43100</v>
          </cell>
          <cell r="AF690" t="str">
            <v>希望する</v>
          </cell>
          <cell r="AG690" t="str">
            <v>水道施設</v>
          </cell>
          <cell r="AH690" t="str">
            <v>特定</v>
          </cell>
          <cell r="AI690">
            <v>1300</v>
          </cell>
          <cell r="AJ690">
            <v>6051255</v>
          </cell>
          <cell r="AK690" t="str">
            <v>57(49)/13/0</v>
          </cell>
          <cell r="AL690" t="str">
            <v>管</v>
          </cell>
          <cell r="AM690" t="str">
            <v>特定</v>
          </cell>
          <cell r="AN690">
            <v>1141</v>
          </cell>
          <cell r="AO690">
            <v>722515</v>
          </cell>
          <cell r="AP690" t="str">
            <v>25(20)/3/0</v>
          </cell>
          <cell r="AQ690" t="str">
            <v>土木一式</v>
          </cell>
          <cell r="AR690" t="str">
            <v>特定</v>
          </cell>
          <cell r="AS690">
            <v>1086</v>
          </cell>
          <cell r="AT690">
            <v>74607</v>
          </cell>
          <cell r="AU690" t="str">
            <v>30(28)/11/0</v>
          </cell>
          <cell r="AV690" t="str">
            <v>防水</v>
          </cell>
          <cell r="AW690" t="str">
            <v>特定</v>
          </cell>
          <cell r="AX690">
            <v>908</v>
          </cell>
          <cell r="AY690">
            <v>3100</v>
          </cell>
          <cell r="AZ690" t="str">
            <v>5(4)/0/0</v>
          </cell>
          <cell r="BA690" t="str">
            <v>大阪府</v>
          </cell>
          <cell r="BB690">
            <v>0</v>
          </cell>
          <cell r="CR690">
            <v>5676</v>
          </cell>
          <cell r="CS690" t="str">
            <v>ｲﾉｳｴ ｴｲｺ</v>
          </cell>
          <cell r="CT690" t="str">
            <v>井ノ上  英子</v>
          </cell>
          <cell r="CU690" t="str">
            <v>保育課</v>
          </cell>
          <cell r="CW690" t="str">
            <v xml:space="preserve"> </v>
          </cell>
          <cell r="CX690" t="str">
            <v xml:space="preserve"> </v>
          </cell>
          <cell r="CY690" t="str">
            <v>保育課長</v>
          </cell>
        </row>
        <row r="691">
          <cell r="B691">
            <v>3125</v>
          </cell>
          <cell r="C691" t="str">
            <v>大成建設(株)</v>
          </cell>
          <cell r="D691" t="str">
            <v>078-332-5523</v>
          </cell>
          <cell r="E691" t="str">
            <v>650-0011</v>
          </cell>
          <cell r="F691" t="str">
            <v>兵庫県神戸市中央区下山手通3-12-1</v>
          </cell>
          <cell r="G691" t="str">
            <v/>
          </cell>
          <cell r="H691" t="str">
            <v>神戸支店</v>
          </cell>
          <cell r="I691" t="str">
            <v>支店長 櫻井　信一</v>
          </cell>
          <cell r="J691" t="str">
            <v>東京都</v>
          </cell>
          <cell r="K691" t="str">
            <v>078-332-5526</v>
          </cell>
          <cell r="L691" t="str">
            <v>eigyo03@pub.taisei.co.jp</v>
          </cell>
          <cell r="M691" t="str">
            <v>ﾀｲｾｲｹﾝｾﾂ</v>
          </cell>
          <cell r="N691" t="str">
            <v>有</v>
          </cell>
          <cell r="O691">
            <v>68</v>
          </cell>
          <cell r="P691">
            <v>8926</v>
          </cell>
          <cell r="Q691">
            <v>4011101011880</v>
          </cell>
          <cell r="R691">
            <v>122742000</v>
          </cell>
          <cell r="S691">
            <v>560921000</v>
          </cell>
          <cell r="T691">
            <v>1585497000</v>
          </cell>
          <cell r="V691" t="str">
            <v>tr493843</v>
          </cell>
          <cell r="W691" t="str">
            <v>ub999194</v>
          </cell>
          <cell r="X691" t="str">
            <v>消(清)(建)(と)(鋼)(舗)(浚)(内)(水)(解)土建大と石屋電管タ鋼鉄舗浚板ガ塗防内機熱通園具水清解</v>
          </cell>
          <cell r="Y691" t="str">
            <v>消(清)(建)(と)(鋼)(舗)(浚)(内)(水)(解)</v>
          </cell>
          <cell r="Z691" t="str">
            <v>土建大と石屋電管タ鋼鉄舗浚板ガ塗防内機熱通園具水清解</v>
          </cell>
          <cell r="AA691" t="str">
            <v>建築一式</v>
          </cell>
          <cell r="AB691" t="str">
            <v>土木一式</v>
          </cell>
          <cell r="AC691" t="str">
            <v>水道施設</v>
          </cell>
          <cell r="AD691" t="str">
            <v>鋼構造物</v>
          </cell>
          <cell r="AE691">
            <v>43190</v>
          </cell>
          <cell r="AF691" t="str">
            <v>希望しない</v>
          </cell>
          <cell r="AG691" t="str">
            <v>建築一式</v>
          </cell>
          <cell r="AH691" t="str">
            <v>特定</v>
          </cell>
          <cell r="AI691">
            <v>2043</v>
          </cell>
          <cell r="AJ691">
            <v>815831000</v>
          </cell>
          <cell r="AK691" t="str">
            <v>2798(1528)/2/99</v>
          </cell>
          <cell r="AL691" t="str">
            <v>土木一式</v>
          </cell>
          <cell r="AM691" t="str">
            <v>特定</v>
          </cell>
          <cell r="AN691">
            <v>2023</v>
          </cell>
          <cell r="AO691">
            <v>234095333</v>
          </cell>
          <cell r="AP691" t="str">
            <v>1783(1358)/7/24</v>
          </cell>
          <cell r="AQ691" t="str">
            <v>水道施設</v>
          </cell>
          <cell r="AR691" t="str">
            <v>特定</v>
          </cell>
          <cell r="AS691">
            <v>1630</v>
          </cell>
          <cell r="AT691">
            <v>2930667</v>
          </cell>
          <cell r="AU691" t="str">
            <v>647(640)/0/0</v>
          </cell>
          <cell r="AV691" t="str">
            <v>鋼構造物</v>
          </cell>
          <cell r="AW691" t="str">
            <v>特定</v>
          </cell>
          <cell r="AX691">
            <v>1643</v>
          </cell>
          <cell r="AY691">
            <v>3226333</v>
          </cell>
          <cell r="AZ691" t="str">
            <v>988(134)/0/0</v>
          </cell>
          <cell r="BA691" t="str">
            <v>東京都</v>
          </cell>
          <cell r="BB691">
            <v>0</v>
          </cell>
          <cell r="CR691">
            <v>5680</v>
          </cell>
          <cell r="CS691" t="str">
            <v>ｲﾉｳｴ ﾊﾙｺ</v>
          </cell>
          <cell r="CT691" t="str">
            <v>井ノ上  治子</v>
          </cell>
          <cell r="CU691" t="str">
            <v>保育課</v>
          </cell>
          <cell r="CW691" t="str">
            <v xml:space="preserve"> </v>
          </cell>
          <cell r="CX691" t="str">
            <v xml:space="preserve"> </v>
          </cell>
          <cell r="CY691" t="str">
            <v>保育課長</v>
          </cell>
        </row>
        <row r="692">
          <cell r="B692">
            <v>3126</v>
          </cell>
          <cell r="C692" t="str">
            <v>(株)大成スポーツ施設</v>
          </cell>
          <cell r="D692" t="str">
            <v>078-452-7902</v>
          </cell>
          <cell r="E692" t="str">
            <v>658-0004</v>
          </cell>
          <cell r="F692" t="str">
            <v>兵庫県神戸市東灘区本山町田辺252ｰ2</v>
          </cell>
          <cell r="G692" t="str">
            <v>神戸市</v>
          </cell>
          <cell r="H692" t="str">
            <v/>
          </cell>
          <cell r="I692" t="str">
            <v>代表取締役 安田　洋一</v>
          </cell>
          <cell r="J692" t="str">
            <v>本店</v>
          </cell>
          <cell r="K692" t="str">
            <v>078-441-2556</v>
          </cell>
          <cell r="L692" t="str">
            <v>taispo@ch.mbn.or.jp</v>
          </cell>
          <cell r="M692" t="str">
            <v>ﾀｲｾｲｽﾎﾟｰﾂｼｾﾂ</v>
          </cell>
          <cell r="N692" t="str">
            <v>無</v>
          </cell>
          <cell r="O692">
            <v>39</v>
          </cell>
          <cell r="P692">
            <v>5</v>
          </cell>
          <cell r="Q692">
            <v>1140001001882</v>
          </cell>
          <cell r="R692">
            <v>45000</v>
          </cell>
          <cell r="S692">
            <v>65344</v>
          </cell>
          <cell r="T692">
            <v>303603</v>
          </cell>
          <cell r="V692" t="str">
            <v>qn768237</v>
          </cell>
          <cell r="W692" t="str">
            <v>et973890</v>
          </cell>
          <cell r="X692" t="str">
            <v>土建大と石屋タ鋼舗浚塗内園水</v>
          </cell>
          <cell r="Y692" t="str">
            <v/>
          </cell>
          <cell r="Z692" t="str">
            <v>土建大と石屋タ鋼舗浚塗内園水</v>
          </cell>
          <cell r="AA692" t="str">
            <v>造園</v>
          </cell>
          <cell r="AB692" t="str">
            <v>土木一式</v>
          </cell>
          <cell r="AC692" t="str">
            <v>舗装</v>
          </cell>
          <cell r="AD692" t="str">
            <v>とび土工</v>
          </cell>
          <cell r="AE692">
            <v>43008</v>
          </cell>
          <cell r="AF692" t="str">
            <v/>
          </cell>
          <cell r="AG692" t="str">
            <v>造園</v>
          </cell>
          <cell r="AH692" t="str">
            <v>特定</v>
          </cell>
          <cell r="AI692">
            <v>865</v>
          </cell>
          <cell r="AJ692">
            <v>249173</v>
          </cell>
          <cell r="AK692" t="str">
            <v>2(2)/3/1</v>
          </cell>
          <cell r="AL692" t="str">
            <v>土木一式</v>
          </cell>
          <cell r="AM692" t="str">
            <v>特定</v>
          </cell>
          <cell r="AN692">
            <v>812</v>
          </cell>
          <cell r="AO692">
            <v>49709</v>
          </cell>
          <cell r="AP692" t="str">
            <v>2(2)/3/1</v>
          </cell>
          <cell r="AQ692" t="str">
            <v>舗装</v>
          </cell>
          <cell r="AR692" t="str">
            <v>特定</v>
          </cell>
          <cell r="AS692">
            <v>691</v>
          </cell>
          <cell r="AT692">
            <v>2524</v>
          </cell>
          <cell r="AU692" t="str">
            <v>0(0)/0/0</v>
          </cell>
          <cell r="AV692" t="str">
            <v>とび土工</v>
          </cell>
          <cell r="AW692" t="str">
            <v>特定</v>
          </cell>
          <cell r="AX692">
            <v>687</v>
          </cell>
          <cell r="AY692">
            <v>2198</v>
          </cell>
          <cell r="AZ692" t="str">
            <v>0(0)/0/0</v>
          </cell>
          <cell r="BA692" t="str">
            <v>兵庫県</v>
          </cell>
          <cell r="BB692">
            <v>0</v>
          </cell>
          <cell r="CR692">
            <v>5681</v>
          </cell>
          <cell r="CS692" t="str">
            <v>ｵｸﾓﾄ ﾕｳｲﾁﾛｳ</v>
          </cell>
          <cell r="CT692" t="str">
            <v>奥本  雄一郎</v>
          </cell>
          <cell r="CU692" t="str">
            <v>国保年金課</v>
          </cell>
          <cell r="CW692">
            <v>2781</v>
          </cell>
          <cell r="CX692" t="str">
            <v xml:space="preserve"> </v>
          </cell>
          <cell r="CY692" t="str">
            <v>国保年金課長</v>
          </cell>
        </row>
        <row r="693">
          <cell r="B693">
            <v>3128</v>
          </cell>
          <cell r="C693" t="str">
            <v>(株)大成電機工業所</v>
          </cell>
          <cell r="D693" t="str">
            <v>06-6487-0491</v>
          </cell>
          <cell r="E693" t="str">
            <v>660-0832</v>
          </cell>
          <cell r="F693" t="str">
            <v>兵庫県尼崎市東初島町2-24</v>
          </cell>
          <cell r="G693" t="str">
            <v>尼崎市</v>
          </cell>
          <cell r="H693" t="str">
            <v/>
          </cell>
          <cell r="I693" t="str">
            <v>代表取締役 都倉　忠夫</v>
          </cell>
          <cell r="J693" t="str">
            <v>本店</v>
          </cell>
          <cell r="K693" t="str">
            <v>06-6487-0492</v>
          </cell>
          <cell r="L693" t="str">
            <v>info@taisei-denki.co.jp</v>
          </cell>
          <cell r="M693" t="str">
            <v>ﾀｲｾｲﾃﾞﾝｷｺｳｷﾞｮｳｼｮ</v>
          </cell>
          <cell r="N693" t="str">
            <v>無</v>
          </cell>
          <cell r="O693">
            <v>33</v>
          </cell>
          <cell r="P693">
            <v>17</v>
          </cell>
          <cell r="Q693">
            <v>5140001049638</v>
          </cell>
          <cell r="R693">
            <v>16000</v>
          </cell>
          <cell r="S693">
            <v>362453</v>
          </cell>
          <cell r="T693">
            <v>483459</v>
          </cell>
          <cell r="V693" t="str">
            <v>ty772374</v>
          </cell>
          <cell r="W693" t="str">
            <v>qz847109</v>
          </cell>
          <cell r="X693" t="str">
            <v>機</v>
          </cell>
          <cell r="Y693" t="str">
            <v>機</v>
          </cell>
          <cell r="Z693" t="str">
            <v/>
          </cell>
          <cell r="AA693" t="str">
            <v>機械器具</v>
          </cell>
          <cell r="AB693" t="str">
            <v/>
          </cell>
          <cell r="AC693" t="str">
            <v/>
          </cell>
          <cell r="AD693" t="str">
            <v/>
          </cell>
          <cell r="AE693">
            <v>43039</v>
          </cell>
          <cell r="AF693" t="str">
            <v>希望しない</v>
          </cell>
          <cell r="AG693" t="str">
            <v>機械器具</v>
          </cell>
          <cell r="AH693" t="str">
            <v>一般</v>
          </cell>
          <cell r="AI693">
            <v>836</v>
          </cell>
          <cell r="AJ693">
            <v>419168</v>
          </cell>
          <cell r="AK693" t="str">
            <v>0(0)/0/12</v>
          </cell>
          <cell r="AL693" t="str">
            <v/>
          </cell>
          <cell r="AM693" t="str">
            <v/>
          </cell>
          <cell r="AN693" t="str">
            <v/>
          </cell>
          <cell r="AO693" t="str">
            <v/>
          </cell>
          <cell r="AP693" t="str">
            <v/>
          </cell>
          <cell r="AQ693" t="str">
            <v/>
          </cell>
          <cell r="AR693" t="str">
            <v/>
          </cell>
          <cell r="AS693" t="str">
            <v/>
          </cell>
          <cell r="AT693" t="str">
            <v/>
          </cell>
          <cell r="AU693" t="str">
            <v/>
          </cell>
          <cell r="AV693" t="str">
            <v/>
          </cell>
          <cell r="AW693" t="str">
            <v/>
          </cell>
          <cell r="AX693" t="str">
            <v/>
          </cell>
          <cell r="AY693" t="str">
            <v/>
          </cell>
          <cell r="AZ693" t="str">
            <v/>
          </cell>
          <cell r="BA693" t="str">
            <v>兵庫県</v>
          </cell>
          <cell r="BB693">
            <v>0</v>
          </cell>
          <cell r="CR693">
            <v>5682</v>
          </cell>
          <cell r="CS693" t="str">
            <v>ｵｻｶﾀﾞ ﾔｽﾋﾛ</v>
          </cell>
          <cell r="CT693" t="str">
            <v>小坂田  靖広</v>
          </cell>
          <cell r="CU693" t="str">
            <v>業務課</v>
          </cell>
          <cell r="CW693" t="str">
            <v xml:space="preserve"> </v>
          </cell>
          <cell r="CX693" t="str">
            <v xml:space="preserve"> </v>
          </cell>
          <cell r="CY693" t="str">
            <v>業務課長</v>
          </cell>
        </row>
        <row r="694">
          <cell r="B694">
            <v>3129</v>
          </cell>
          <cell r="C694" t="str">
            <v>(株)ＮＥＯ　ＤＡＩＳＥＩ</v>
          </cell>
          <cell r="D694" t="str">
            <v>078-331-1955</v>
          </cell>
          <cell r="E694" t="str">
            <v>650-0023</v>
          </cell>
          <cell r="F694" t="str">
            <v>兵庫県神戸市中央区栄町通2丁目4番14号</v>
          </cell>
          <cell r="G694" t="str">
            <v>神戸市</v>
          </cell>
          <cell r="H694" t="str">
            <v/>
          </cell>
          <cell r="I694" t="str">
            <v>代表取締役 平井　良治</v>
          </cell>
          <cell r="J694" t="str">
            <v>本店</v>
          </cell>
          <cell r="K694" t="str">
            <v>078-331-4500</v>
          </cell>
          <cell r="L694" t="str">
            <v>eigyou@daisei-cs.com</v>
          </cell>
          <cell r="M694" t="str">
            <v>ﾈｵ ﾀﾞｲｾｲ</v>
          </cell>
          <cell r="N694" t="str">
            <v>無</v>
          </cell>
          <cell r="O694">
            <v>46</v>
          </cell>
          <cell r="P694">
            <v>100</v>
          </cell>
          <cell r="Q694">
            <v>1140001077898</v>
          </cell>
          <cell r="R694">
            <v>50000</v>
          </cell>
          <cell r="S694">
            <v>875655</v>
          </cell>
          <cell r="T694">
            <v>2399633</v>
          </cell>
          <cell r="V694" t="str">
            <v>xk884388</v>
          </cell>
          <cell r="W694" t="str">
            <v>jp107287</v>
          </cell>
          <cell r="X694" t="str">
            <v>管土と石鋼舗浚塗園水解</v>
          </cell>
          <cell r="Y694" t="str">
            <v>管</v>
          </cell>
          <cell r="Z694" t="str">
            <v>土と石鋼舗浚塗園水解</v>
          </cell>
          <cell r="AA694" t="str">
            <v>土木一式</v>
          </cell>
          <cell r="AB694" t="str">
            <v>とび土工</v>
          </cell>
          <cell r="AC694" t="str">
            <v>鋼構造物</v>
          </cell>
          <cell r="AD694" t="str">
            <v>舗装</v>
          </cell>
          <cell r="AE694">
            <v>43100</v>
          </cell>
          <cell r="AF694" t="str">
            <v>希望する</v>
          </cell>
          <cell r="AG694" t="str">
            <v>土木一式</v>
          </cell>
          <cell r="AH694" t="str">
            <v>特定</v>
          </cell>
          <cell r="AI694">
            <v>1107</v>
          </cell>
          <cell r="AJ694">
            <v>1333782</v>
          </cell>
          <cell r="AK694" t="str">
            <v>21(19)/38/0</v>
          </cell>
          <cell r="AL694" t="str">
            <v>とび土工</v>
          </cell>
          <cell r="AM694" t="str">
            <v>特定</v>
          </cell>
          <cell r="AN694">
            <v>1029</v>
          </cell>
          <cell r="AO694">
            <v>368835</v>
          </cell>
          <cell r="AP694" t="str">
            <v>15(13)/25/0</v>
          </cell>
          <cell r="AQ694" t="str">
            <v>鋼構造物</v>
          </cell>
          <cell r="AR694" t="str">
            <v>特定</v>
          </cell>
          <cell r="AS694">
            <v>734</v>
          </cell>
          <cell r="AT694" t="str">
            <v/>
          </cell>
          <cell r="AU694" t="str">
            <v>0(0)/0/0</v>
          </cell>
          <cell r="AV694" t="str">
            <v>舗装</v>
          </cell>
          <cell r="AW694" t="str">
            <v>特定</v>
          </cell>
          <cell r="AX694">
            <v>871</v>
          </cell>
          <cell r="AY694">
            <v>9262</v>
          </cell>
          <cell r="AZ694" t="str">
            <v>5(5)/12/0</v>
          </cell>
          <cell r="BA694" t="str">
            <v>兵庫県</v>
          </cell>
          <cell r="BB694" t="str">
            <v>日栄ビル４Ｆ</v>
          </cell>
          <cell r="CR694">
            <v>5683</v>
          </cell>
          <cell r="CS694" t="str">
            <v>ｶﾄｳ ｼｹﾞﾙ</v>
          </cell>
          <cell r="CT694" t="str">
            <v>加藤  茂</v>
          </cell>
          <cell r="CU694" t="str">
            <v>環境クリーンセンター</v>
          </cell>
          <cell r="CW694" t="str">
            <v xml:space="preserve"> </v>
          </cell>
          <cell r="CX694" t="str">
            <v xml:space="preserve"> </v>
          </cell>
          <cell r="CY694" t="str">
            <v>環境クリーンセンター所長</v>
          </cell>
        </row>
        <row r="695">
          <cell r="B695">
            <v>3130</v>
          </cell>
          <cell r="C695" t="str">
            <v>(株)大生土木</v>
          </cell>
          <cell r="D695" t="str">
            <v>06-6433-9338</v>
          </cell>
          <cell r="E695" t="str">
            <v>661-0026</v>
          </cell>
          <cell r="F695" t="str">
            <v>兵庫県尼崎市水堂町2-31-18</v>
          </cell>
          <cell r="G695" t="str">
            <v>尼崎市</v>
          </cell>
          <cell r="H695" t="str">
            <v/>
          </cell>
          <cell r="I695" t="str">
            <v>代表取締役 河村　貴史</v>
          </cell>
          <cell r="J695" t="str">
            <v>本店</v>
          </cell>
          <cell r="K695" t="str">
            <v>06-6437-4976</v>
          </cell>
          <cell r="L695" t="str">
            <v>b-park@tg8.so-net.ne.jp</v>
          </cell>
          <cell r="M695" t="str">
            <v>ﾀｲｾｲﾄﾞﾎﾞｸ</v>
          </cell>
          <cell r="N695" t="str">
            <v>無</v>
          </cell>
          <cell r="O695">
            <v>55</v>
          </cell>
          <cell r="P695">
            <v>6</v>
          </cell>
          <cell r="Q695">
            <v>4140001049639</v>
          </cell>
          <cell r="R695">
            <v>40000</v>
          </cell>
          <cell r="S695">
            <v>41428</v>
          </cell>
          <cell r="T695">
            <v>53029</v>
          </cell>
          <cell r="V695" t="str">
            <v>wt381932</v>
          </cell>
          <cell r="W695" t="str">
            <v>fn576887</v>
          </cell>
          <cell r="X695" t="str">
            <v>土と石鋼舗浚水</v>
          </cell>
          <cell r="Y695" t="str">
            <v>土と石鋼舗浚水</v>
          </cell>
          <cell r="Z695" t="str">
            <v/>
          </cell>
          <cell r="AA695" t="str">
            <v>土木一式</v>
          </cell>
          <cell r="AB695" t="str">
            <v>浚渫</v>
          </cell>
          <cell r="AC695" t="str">
            <v/>
          </cell>
          <cell r="AD695" t="str">
            <v/>
          </cell>
          <cell r="AE695">
            <v>43555</v>
          </cell>
          <cell r="AF695" t="str">
            <v>希望しない</v>
          </cell>
          <cell r="AG695" t="str">
            <v>土木一式</v>
          </cell>
          <cell r="AH695" t="str">
            <v>一般</v>
          </cell>
          <cell r="AI695">
            <v>719</v>
          </cell>
          <cell r="AJ695">
            <v>19333</v>
          </cell>
          <cell r="AK695" t="str">
            <v>0(0)/1/2</v>
          </cell>
          <cell r="AL695" t="str">
            <v>浚渫</v>
          </cell>
          <cell r="AM695" t="str">
            <v>一般</v>
          </cell>
          <cell r="AN695">
            <v>654</v>
          </cell>
          <cell r="AO695" t="str">
            <v/>
          </cell>
          <cell r="AP695" t="str">
            <v>0(0)/1/0</v>
          </cell>
          <cell r="AQ695" t="str">
            <v/>
          </cell>
          <cell r="AR695" t="str">
            <v/>
          </cell>
          <cell r="AS695" t="str">
            <v/>
          </cell>
          <cell r="AT695" t="str">
            <v/>
          </cell>
          <cell r="AU695" t="str">
            <v/>
          </cell>
          <cell r="AV695" t="str">
            <v/>
          </cell>
          <cell r="AW695" t="str">
            <v/>
          </cell>
          <cell r="AX695" t="str">
            <v/>
          </cell>
          <cell r="AY695" t="str">
            <v/>
          </cell>
          <cell r="AZ695" t="str">
            <v/>
          </cell>
          <cell r="BA695" t="str">
            <v>兵庫県</v>
          </cell>
        </row>
        <row r="696">
          <cell r="B696">
            <v>3132</v>
          </cell>
          <cell r="C696" t="str">
            <v>(株)ダイゾー</v>
          </cell>
          <cell r="D696" t="str">
            <v>06-6577-2503</v>
          </cell>
          <cell r="E696" t="str">
            <v>552-0013</v>
          </cell>
          <cell r="F696" t="str">
            <v>大阪府大阪市港区福崎3-1-201</v>
          </cell>
          <cell r="G696" t="str">
            <v>大阪市</v>
          </cell>
          <cell r="H696" t="str">
            <v/>
          </cell>
          <cell r="I696" t="str">
            <v>代表取締役 相川　武利</v>
          </cell>
          <cell r="J696" t="str">
            <v>本店</v>
          </cell>
          <cell r="K696" t="str">
            <v>06-6577-2520</v>
          </cell>
          <cell r="L696" t="str">
            <v>y-ishitsubo@daizo.co.jp</v>
          </cell>
          <cell r="M696" t="str">
            <v>ﾀﾞｲｿﾞｰ</v>
          </cell>
          <cell r="N696" t="str">
            <v>無</v>
          </cell>
          <cell r="O696">
            <v>44</v>
          </cell>
          <cell r="P696">
            <v>817</v>
          </cell>
          <cell r="Q696">
            <v>9120001030109</v>
          </cell>
          <cell r="R696">
            <v>310000</v>
          </cell>
          <cell r="S696">
            <v>22598265</v>
          </cell>
          <cell r="T696">
            <v>42368578</v>
          </cell>
          <cell r="V696" t="str">
            <v>ph858880</v>
          </cell>
          <cell r="W696" t="str">
            <v>jn473375</v>
          </cell>
          <cell r="X696" t="str">
            <v>土建と鋼舗塗機水</v>
          </cell>
          <cell r="Y696" t="str">
            <v>土建と鋼舗塗機水</v>
          </cell>
          <cell r="Z696" t="str">
            <v/>
          </cell>
          <cell r="AA696" t="str">
            <v>機械器具</v>
          </cell>
          <cell r="AB696" t="str">
            <v>建築一式</v>
          </cell>
          <cell r="AC696" t="str">
            <v/>
          </cell>
          <cell r="AD696" t="str">
            <v/>
          </cell>
          <cell r="AE696">
            <v>43312</v>
          </cell>
          <cell r="AF696" t="str">
            <v>希望しない</v>
          </cell>
          <cell r="AG696" t="str">
            <v>機械器具</v>
          </cell>
          <cell r="AH696" t="str">
            <v>一般</v>
          </cell>
          <cell r="AI696">
            <v>976</v>
          </cell>
          <cell r="AJ696">
            <v>721888</v>
          </cell>
          <cell r="AK696" t="str">
            <v>0(0)/0/11</v>
          </cell>
          <cell r="AL696" t="str">
            <v>建築一式</v>
          </cell>
          <cell r="AM696" t="str">
            <v>一般</v>
          </cell>
          <cell r="AN696">
            <v>781</v>
          </cell>
          <cell r="AO696" t="str">
            <v/>
          </cell>
          <cell r="AP696" t="str">
            <v>1(1)/0/0</v>
          </cell>
          <cell r="AQ696" t="str">
            <v/>
          </cell>
          <cell r="AR696" t="str">
            <v/>
          </cell>
          <cell r="AS696" t="str">
            <v/>
          </cell>
          <cell r="AT696" t="str">
            <v/>
          </cell>
          <cell r="AU696" t="str">
            <v/>
          </cell>
          <cell r="AV696" t="str">
            <v/>
          </cell>
          <cell r="AW696" t="str">
            <v/>
          </cell>
          <cell r="AX696" t="str">
            <v/>
          </cell>
          <cell r="AY696" t="str">
            <v/>
          </cell>
          <cell r="AZ696" t="str">
            <v/>
          </cell>
          <cell r="BA696" t="str">
            <v>大阪府</v>
          </cell>
          <cell r="BB696">
            <v>0</v>
          </cell>
          <cell r="CR696">
            <v>5684</v>
          </cell>
          <cell r="CS696" t="str">
            <v>ﾀﾅｶ ｼﾝｽｹ</v>
          </cell>
          <cell r="CT696" t="str">
            <v>田中  伸祐</v>
          </cell>
          <cell r="CU696" t="str">
            <v>環境クリーンセンター</v>
          </cell>
          <cell r="CW696">
            <v>7820968</v>
          </cell>
          <cell r="CX696" t="str">
            <v xml:space="preserve"> </v>
          </cell>
          <cell r="CY696" t="str">
            <v>環境クリーンセンター所長</v>
          </cell>
        </row>
        <row r="697">
          <cell r="B697">
            <v>3134</v>
          </cell>
          <cell r="C697" t="str">
            <v>ダイダン(株)</v>
          </cell>
          <cell r="D697" t="str">
            <v>078-221-7777</v>
          </cell>
          <cell r="E697" t="str">
            <v>651-0088</v>
          </cell>
          <cell r="F697" t="str">
            <v>兵庫県神戸市中央区小野柄通7-1-1</v>
          </cell>
          <cell r="G697" t="str">
            <v>大阪市</v>
          </cell>
          <cell r="H697" t="str">
            <v>神戸支店</v>
          </cell>
          <cell r="I697" t="str">
            <v>支店長 浜田　浩</v>
          </cell>
          <cell r="J697" t="str">
            <v>大阪府大阪市</v>
          </cell>
          <cell r="K697" t="str">
            <v>078-221-6500</v>
          </cell>
          <cell r="L697" t="str">
            <v>umeyamaakira@daidan.co.jp</v>
          </cell>
          <cell r="M697" t="str">
            <v>ﾀﾞｲﾀﾞﾝ</v>
          </cell>
          <cell r="N697" t="str">
            <v>有</v>
          </cell>
          <cell r="O697">
            <v>68</v>
          </cell>
          <cell r="P697">
            <v>1713</v>
          </cell>
          <cell r="Q697">
            <v>6120001045084</v>
          </cell>
          <cell r="R697">
            <v>4479725</v>
          </cell>
          <cell r="S697">
            <v>63336871</v>
          </cell>
          <cell r="T697">
            <v>143448000</v>
          </cell>
          <cell r="V697" t="str">
            <v>ww822106</v>
          </cell>
          <cell r="W697" t="str">
            <v>tm324676</v>
          </cell>
          <cell r="X697" t="str">
            <v>建消(電)(管)(消)電管機通水</v>
          </cell>
          <cell r="Y697" t="str">
            <v>建消(電)(管)(消)</v>
          </cell>
          <cell r="Z697" t="str">
            <v>電管機通水</v>
          </cell>
          <cell r="AA697" t="str">
            <v>管</v>
          </cell>
          <cell r="AB697" t="str">
            <v>電気</v>
          </cell>
          <cell r="AC697" t="str">
            <v>消防施設</v>
          </cell>
          <cell r="AD697" t="str">
            <v/>
          </cell>
          <cell r="AE697">
            <v>43190</v>
          </cell>
          <cell r="AF697" t="str">
            <v>希望する</v>
          </cell>
          <cell r="AG697" t="str">
            <v>管</v>
          </cell>
          <cell r="AH697" t="str">
            <v>特定</v>
          </cell>
          <cell r="AI697">
            <v>2309</v>
          </cell>
          <cell r="AJ697">
            <v>109411520</v>
          </cell>
          <cell r="AK697" t="str">
            <v>811(733)/31/3</v>
          </cell>
          <cell r="AL697" t="str">
            <v>電気</v>
          </cell>
          <cell r="AM697" t="str">
            <v>特定</v>
          </cell>
          <cell r="AN697">
            <v>1727</v>
          </cell>
          <cell r="AO697">
            <v>23296358</v>
          </cell>
          <cell r="AP697" t="str">
            <v>227(205)/49/28</v>
          </cell>
          <cell r="AQ697" t="str">
            <v>消防施設</v>
          </cell>
          <cell r="AR697" t="str">
            <v>一般</v>
          </cell>
          <cell r="AS697">
            <v>890</v>
          </cell>
          <cell r="AT697">
            <v>419543</v>
          </cell>
          <cell r="AU697" t="str">
            <v>0(0)/845/0</v>
          </cell>
          <cell r="AV697" t="str">
            <v/>
          </cell>
          <cell r="AW697" t="str">
            <v/>
          </cell>
          <cell r="AX697" t="str">
            <v/>
          </cell>
          <cell r="AY697" t="str">
            <v/>
          </cell>
          <cell r="AZ697" t="str">
            <v/>
          </cell>
          <cell r="BA697" t="str">
            <v>大阪府</v>
          </cell>
          <cell r="BB697">
            <v>0</v>
          </cell>
          <cell r="CR697">
            <v>5685</v>
          </cell>
          <cell r="CS697" t="str">
            <v>ﾆｼｸﾞﾁ ﾄﾓﾔ</v>
          </cell>
          <cell r="CT697" t="str">
            <v>西口  智也</v>
          </cell>
          <cell r="CU697" t="str">
            <v>業務課</v>
          </cell>
          <cell r="CW697" t="str">
            <v xml:space="preserve"> </v>
          </cell>
          <cell r="CX697" t="str">
            <v xml:space="preserve"> </v>
          </cell>
          <cell r="CY697" t="str">
            <v>業務課長</v>
          </cell>
        </row>
        <row r="698">
          <cell r="B698">
            <v>3135</v>
          </cell>
          <cell r="C698" t="str">
            <v>大鉄工業(株)</v>
          </cell>
          <cell r="D698" t="str">
            <v>078-362-8777</v>
          </cell>
          <cell r="E698" t="str">
            <v>650-0027</v>
          </cell>
          <cell r="F698" t="str">
            <v>兵庫県神戸市中央区中町通2-1-18</v>
          </cell>
          <cell r="G698" t="str">
            <v>大阪市</v>
          </cell>
          <cell r="H698" t="str">
            <v>神戸支店</v>
          </cell>
          <cell r="I698" t="str">
            <v>執行役員支店長 加來　惠介</v>
          </cell>
          <cell r="J698" t="str">
            <v>大阪府大阪市</v>
          </cell>
          <cell r="K698" t="str">
            <v>078-362-5350</v>
          </cell>
          <cell r="L698" t="str">
            <v>ko-eigyo@daitetsu.co.jp</v>
          </cell>
          <cell r="M698" t="str">
            <v>ﾀﾞｲﾃﾂｺｳｷﾞｮｳ</v>
          </cell>
          <cell r="N698" t="str">
            <v>有</v>
          </cell>
          <cell r="O698">
            <v>68</v>
          </cell>
          <cell r="P698">
            <v>1225</v>
          </cell>
          <cell r="Q698">
            <v>6120001056577</v>
          </cell>
          <cell r="R698">
            <v>1232000</v>
          </cell>
          <cell r="S698">
            <v>51141552</v>
          </cell>
          <cell r="T698">
            <v>88520936</v>
          </cell>
          <cell r="V698" t="str">
            <v>yz754899</v>
          </cell>
          <cell r="W698" t="str">
            <v>dt260742</v>
          </cell>
          <cell r="X698" t="str">
            <v>(清)(建)(と)(屋)(鋼)(舗)(塗)(防)(内)(具)(水)土建と屋電管鋼舗塗防内園具水</v>
          </cell>
          <cell r="Y698" t="str">
            <v>(清)(建)(と)(屋)(鋼)(舗)(塗)(防)(内)(具)(水)</v>
          </cell>
          <cell r="Z698" t="str">
            <v>土建と屋電管鋼舗塗防内園具水</v>
          </cell>
          <cell r="AA698" t="str">
            <v>土木一式</v>
          </cell>
          <cell r="AB698" t="str">
            <v>建築一式</v>
          </cell>
          <cell r="AC698" t="str">
            <v>鋼構造物</v>
          </cell>
          <cell r="AD698" t="str">
            <v>水道施設</v>
          </cell>
          <cell r="AE698">
            <v>43190</v>
          </cell>
          <cell r="AF698" t="str">
            <v/>
          </cell>
          <cell r="AG698" t="str">
            <v>土木一式</v>
          </cell>
          <cell r="AH698" t="str">
            <v>特定</v>
          </cell>
          <cell r="AI698">
            <v>1759</v>
          </cell>
          <cell r="AJ698">
            <v>54205283</v>
          </cell>
          <cell r="AK698" t="str">
            <v>487(434)/41/86</v>
          </cell>
          <cell r="AL698" t="str">
            <v>建築一式</v>
          </cell>
          <cell r="AM698" t="str">
            <v>特定</v>
          </cell>
          <cell r="AN698">
            <v>1652</v>
          </cell>
          <cell r="AO698">
            <v>30655192</v>
          </cell>
          <cell r="AP698" t="str">
            <v>206(184)/32/3</v>
          </cell>
          <cell r="AQ698" t="str">
            <v>鋼構造物</v>
          </cell>
          <cell r="AR698" t="str">
            <v>特定</v>
          </cell>
          <cell r="AS698">
            <v>1317</v>
          </cell>
          <cell r="AT698">
            <v>138109</v>
          </cell>
          <cell r="AU698" t="str">
            <v>231(206)/41/60</v>
          </cell>
          <cell r="AV698" t="str">
            <v>水道施設</v>
          </cell>
          <cell r="AW698" t="str">
            <v>特定</v>
          </cell>
          <cell r="AX698">
            <v>1198</v>
          </cell>
          <cell r="AY698" t="str">
            <v/>
          </cell>
          <cell r="AZ698" t="str">
            <v>254(224)//</v>
          </cell>
          <cell r="BA698" t="str">
            <v>大阪府</v>
          </cell>
          <cell r="BB698">
            <v>0</v>
          </cell>
          <cell r="CR698">
            <v>5686</v>
          </cell>
          <cell r="CS698" t="str">
            <v>ﾏｴﾀﾞ ｶｵﾙ</v>
          </cell>
          <cell r="CT698" t="str">
            <v>前田  馨</v>
          </cell>
          <cell r="CU698" t="str">
            <v>浄水課</v>
          </cell>
          <cell r="CW698" t="str">
            <v xml:space="preserve"> </v>
          </cell>
          <cell r="CX698" t="str">
            <v xml:space="preserve"> </v>
          </cell>
          <cell r="CY698" t="str">
            <v>浄水課長</v>
          </cell>
        </row>
        <row r="699">
          <cell r="B699">
            <v>3136</v>
          </cell>
          <cell r="C699" t="str">
            <v>(株)大電</v>
          </cell>
          <cell r="D699" t="str">
            <v>078-871-0585</v>
          </cell>
          <cell r="E699" t="str">
            <v>657-0845</v>
          </cell>
          <cell r="F699" t="str">
            <v>兵庫県神戸市灘区岩屋中町1-2-9</v>
          </cell>
          <cell r="G699" t="str">
            <v>大阪市</v>
          </cell>
          <cell r="H699" t="str">
            <v>神戸支店</v>
          </cell>
          <cell r="I699" t="str">
            <v>取締役支店長 森山　圭一</v>
          </cell>
          <cell r="J699" t="str">
            <v>大阪府大阪市</v>
          </cell>
          <cell r="K699" t="str">
            <v>078-871-0589</v>
          </cell>
          <cell r="L699" t="str">
            <v>noguchi@d-den.co.jp</v>
          </cell>
          <cell r="M699" t="str">
            <v>ﾀﾞｲﾃﾞﾝ</v>
          </cell>
          <cell r="N699" t="str">
            <v>有</v>
          </cell>
          <cell r="O699">
            <v>56</v>
          </cell>
          <cell r="P699">
            <v>104</v>
          </cell>
          <cell r="Q699">
            <v>7120001000708</v>
          </cell>
          <cell r="R699">
            <v>96000</v>
          </cell>
          <cell r="S699">
            <v>2574647</v>
          </cell>
          <cell r="T699">
            <v>4798476</v>
          </cell>
          <cell r="V699" t="str">
            <v>gx962259</v>
          </cell>
          <cell r="W699" t="str">
            <v>ec607012</v>
          </cell>
          <cell r="X699" t="str">
            <v>管通消(電)電</v>
          </cell>
          <cell r="Y699" t="str">
            <v>管通消(電)</v>
          </cell>
          <cell r="Z699" t="str">
            <v>電</v>
          </cell>
          <cell r="AA699" t="str">
            <v>電気</v>
          </cell>
          <cell r="AB699" t="str">
            <v/>
          </cell>
          <cell r="AC699" t="str">
            <v/>
          </cell>
          <cell r="AD699" t="str">
            <v/>
          </cell>
          <cell r="AE699">
            <v>43039</v>
          </cell>
          <cell r="AF699" t="str">
            <v>希望しない</v>
          </cell>
          <cell r="AG699" t="str">
            <v>電気</v>
          </cell>
          <cell r="AH699" t="str">
            <v>特定</v>
          </cell>
          <cell r="AI699">
            <v>1148</v>
          </cell>
          <cell r="AJ699">
            <v>4803175</v>
          </cell>
          <cell r="AK699" t="str">
            <v>54(54)/11/6</v>
          </cell>
          <cell r="AL699" t="str">
            <v/>
          </cell>
          <cell r="AM699" t="str">
            <v/>
          </cell>
          <cell r="AN699" t="str">
            <v/>
          </cell>
          <cell r="AO699" t="str">
            <v/>
          </cell>
          <cell r="AP699" t="str">
            <v/>
          </cell>
          <cell r="AQ699" t="str">
            <v/>
          </cell>
          <cell r="AR699" t="str">
            <v/>
          </cell>
          <cell r="AS699" t="str">
            <v/>
          </cell>
          <cell r="AT699" t="str">
            <v/>
          </cell>
          <cell r="AU699" t="str">
            <v/>
          </cell>
          <cell r="AV699" t="str">
            <v/>
          </cell>
          <cell r="AW699" t="str">
            <v/>
          </cell>
          <cell r="AX699" t="str">
            <v/>
          </cell>
          <cell r="AY699" t="str">
            <v/>
          </cell>
          <cell r="AZ699" t="str">
            <v/>
          </cell>
          <cell r="BA699" t="str">
            <v>大阪府</v>
          </cell>
          <cell r="BB699">
            <v>0</v>
          </cell>
          <cell r="CR699">
            <v>5688</v>
          </cell>
          <cell r="CS699" t="str">
            <v>ｵｵﾔﾏ ﾐﾅｺ</v>
          </cell>
          <cell r="CT699" t="str">
            <v>大山  美奈子</v>
          </cell>
          <cell r="CU699" t="str">
            <v>こども福祉課</v>
          </cell>
          <cell r="CW699" t="str">
            <v xml:space="preserve"> </v>
          </cell>
          <cell r="CX699" t="str">
            <v xml:space="preserve"> </v>
          </cell>
          <cell r="CY699" t="str">
            <v>こども福祉課長</v>
          </cell>
        </row>
        <row r="700">
          <cell r="B700">
            <v>3137</v>
          </cell>
          <cell r="C700" t="str">
            <v>大東衛生(株)</v>
          </cell>
          <cell r="D700" t="str">
            <v>06-6971-7339</v>
          </cell>
          <cell r="E700" t="str">
            <v>537-0014</v>
          </cell>
          <cell r="F700" t="str">
            <v>大阪府大阪市東成区大今里西1-19-38</v>
          </cell>
          <cell r="G700" t="str">
            <v>大阪市</v>
          </cell>
          <cell r="H700" t="str">
            <v/>
          </cell>
          <cell r="I700" t="str">
            <v>代表取締役 渡部　敏弘</v>
          </cell>
          <cell r="J700" t="str">
            <v>本店</v>
          </cell>
          <cell r="K700" t="str">
            <v>06-6971-7339</v>
          </cell>
          <cell r="L700" t="str">
            <v>info@daitoueisei.com</v>
          </cell>
          <cell r="M700" t="str">
            <v>ﾀﾞｲﾄｳｴｲｾｲ</v>
          </cell>
          <cell r="N700" t="str">
            <v>無</v>
          </cell>
          <cell r="O700">
            <v>48</v>
          </cell>
          <cell r="P700">
            <v>93</v>
          </cell>
          <cell r="Q700">
            <v>7120001012810</v>
          </cell>
          <cell r="R700">
            <v>30000</v>
          </cell>
          <cell r="S700">
            <v>1608866</v>
          </cell>
          <cell r="T700">
            <v>1618510</v>
          </cell>
          <cell r="V700" t="str">
            <v>tq763835</v>
          </cell>
          <cell r="W700" t="str">
            <v>uw911266</v>
          </cell>
          <cell r="X700" t="str">
            <v>土と舗浚</v>
          </cell>
          <cell r="Y700" t="str">
            <v/>
          </cell>
          <cell r="Z700" t="str">
            <v>土と舗浚</v>
          </cell>
          <cell r="AA700" t="str">
            <v>浚渫</v>
          </cell>
          <cell r="AB700" t="str">
            <v>土木一式</v>
          </cell>
          <cell r="AC700" t="str">
            <v/>
          </cell>
          <cell r="AD700" t="str">
            <v/>
          </cell>
          <cell r="AE700">
            <v>43281</v>
          </cell>
          <cell r="AF700" t="str">
            <v>希望する</v>
          </cell>
          <cell r="AG700" t="str">
            <v>浚渫</v>
          </cell>
          <cell r="AH700" t="str">
            <v>特定</v>
          </cell>
          <cell r="AI700">
            <v>727</v>
          </cell>
          <cell r="AJ700" t="str">
            <v/>
          </cell>
          <cell r="AK700" t="str">
            <v>0(0)/1/3</v>
          </cell>
          <cell r="AL700" t="str">
            <v>土木一式</v>
          </cell>
          <cell r="AM700" t="str">
            <v>特定</v>
          </cell>
          <cell r="AN700">
            <v>918</v>
          </cell>
          <cell r="AO700">
            <v>165725</v>
          </cell>
          <cell r="AP700" t="str">
            <v>3(3)/5/14</v>
          </cell>
          <cell r="AQ700" t="str">
            <v/>
          </cell>
          <cell r="AR700" t="str">
            <v/>
          </cell>
          <cell r="AS700" t="str">
            <v/>
          </cell>
          <cell r="AT700" t="str">
            <v/>
          </cell>
          <cell r="AU700" t="str">
            <v/>
          </cell>
          <cell r="AV700" t="str">
            <v/>
          </cell>
          <cell r="AW700" t="str">
            <v/>
          </cell>
          <cell r="AX700" t="str">
            <v/>
          </cell>
          <cell r="AY700" t="str">
            <v/>
          </cell>
          <cell r="AZ700" t="str">
            <v/>
          </cell>
          <cell r="BA700" t="str">
            <v>大阪府</v>
          </cell>
          <cell r="BB700">
            <v>0</v>
          </cell>
          <cell r="CR700">
            <v>5689</v>
          </cell>
          <cell r="CS700" t="str">
            <v>ｶｼﾞ ｼﾞﾛｳ</v>
          </cell>
          <cell r="CT700" t="str">
            <v>梶  次郎</v>
          </cell>
          <cell r="CU700" t="str">
            <v>事業課</v>
          </cell>
          <cell r="CW700" t="str">
            <v xml:space="preserve"> </v>
          </cell>
          <cell r="CX700" t="str">
            <v xml:space="preserve"> </v>
          </cell>
          <cell r="CY700" t="str">
            <v>事業課長</v>
          </cell>
        </row>
        <row r="701">
          <cell r="B701">
            <v>3139</v>
          </cell>
          <cell r="C701" t="str">
            <v>大東産業(株)</v>
          </cell>
          <cell r="D701" t="str">
            <v>072-963-2970</v>
          </cell>
          <cell r="E701" t="str">
            <v>578-0904</v>
          </cell>
          <cell r="F701" t="str">
            <v>大阪府東大阪市吉原1-7-17</v>
          </cell>
          <cell r="G701" t="str">
            <v>高松市</v>
          </cell>
          <cell r="H701" t="str">
            <v>大阪支店</v>
          </cell>
          <cell r="I701" t="str">
            <v>支店長 森　幹彦</v>
          </cell>
          <cell r="J701" t="str">
            <v>香川県高松市</v>
          </cell>
          <cell r="K701" t="str">
            <v>072-965-1207</v>
          </cell>
          <cell r="L701" t="str">
            <v>daito.osk@m8.dion.ne.jp</v>
          </cell>
          <cell r="M701" t="str">
            <v>ﾀﾞｲﾄｳｻﾝｷﾞｮｳ</v>
          </cell>
          <cell r="N701" t="str">
            <v>有</v>
          </cell>
          <cell r="O701">
            <v>51</v>
          </cell>
          <cell r="P701">
            <v>30</v>
          </cell>
          <cell r="Q701">
            <v>9470001002568</v>
          </cell>
          <cell r="R701">
            <v>48000</v>
          </cell>
          <cell r="S701">
            <v>699025</v>
          </cell>
          <cell r="T701">
            <v>571896</v>
          </cell>
          <cell r="V701" t="str">
            <v>gh754255</v>
          </cell>
          <cell r="W701" t="str">
            <v>ch573715</v>
          </cell>
          <cell r="X701" t="str">
            <v>土電舗(清)(と)(電)(鋼)(舗)(塗)と鋼塗</v>
          </cell>
          <cell r="Y701" t="str">
            <v>土電舗(清)(と)(電)(鋼)(舗)(塗)</v>
          </cell>
          <cell r="Z701" t="str">
            <v>と鋼塗</v>
          </cell>
          <cell r="AA701" t="str">
            <v>塗装</v>
          </cell>
          <cell r="AB701" t="str">
            <v>とび土工</v>
          </cell>
          <cell r="AC701" t="str">
            <v>土木一式</v>
          </cell>
          <cell r="AD701" t="str">
            <v>舗装</v>
          </cell>
          <cell r="AE701">
            <v>43240</v>
          </cell>
          <cell r="AF701" t="str">
            <v>希望しない</v>
          </cell>
          <cell r="AG701" t="str">
            <v>塗装</v>
          </cell>
          <cell r="AH701" t="str">
            <v>特定</v>
          </cell>
          <cell r="AI701">
            <v>940</v>
          </cell>
          <cell r="AJ701">
            <v>163858</v>
          </cell>
          <cell r="AK701" t="str">
            <v>7(7)/5/1</v>
          </cell>
          <cell r="AL701" t="str">
            <v>とび土工</v>
          </cell>
          <cell r="AM701" t="str">
            <v>特定</v>
          </cell>
          <cell r="AN701">
            <v>988</v>
          </cell>
          <cell r="AO701">
            <v>337637</v>
          </cell>
          <cell r="AP701" t="str">
            <v>11(11)/7/3</v>
          </cell>
          <cell r="AQ701" t="str">
            <v>土木一式</v>
          </cell>
          <cell r="AR701" t="str">
            <v>一般</v>
          </cell>
          <cell r="AS701">
            <v>736</v>
          </cell>
          <cell r="AT701" t="str">
            <v/>
          </cell>
          <cell r="AU701" t="str">
            <v>0(0)/3/0</v>
          </cell>
          <cell r="AV701" t="str">
            <v>舗装</v>
          </cell>
          <cell r="AW701" t="str">
            <v>一般</v>
          </cell>
          <cell r="AX701">
            <v>721</v>
          </cell>
          <cell r="AY701" t="str">
            <v/>
          </cell>
          <cell r="AZ701" t="str">
            <v>0(0)/0/0</v>
          </cell>
          <cell r="BA701" t="str">
            <v>香川県</v>
          </cell>
          <cell r="BB701">
            <v>0</v>
          </cell>
          <cell r="CR701">
            <v>5691</v>
          </cell>
          <cell r="CS701" t="str">
            <v>ﾋﾗｵｶ ﾏﾕﾐ</v>
          </cell>
          <cell r="CT701" t="str">
            <v>平岡  眞由美</v>
          </cell>
          <cell r="CU701" t="str">
            <v>保育課</v>
          </cell>
          <cell r="CW701" t="str">
            <v xml:space="preserve"> </v>
          </cell>
          <cell r="CX701" t="str">
            <v xml:space="preserve"> </v>
          </cell>
          <cell r="CY701" t="str">
            <v>保育課長</v>
          </cell>
        </row>
        <row r="702">
          <cell r="B702">
            <v>3140</v>
          </cell>
          <cell r="C702" t="str">
            <v>(株)大同電機製作所</v>
          </cell>
          <cell r="D702" t="str">
            <v>06-6401-8010</v>
          </cell>
          <cell r="E702" t="str">
            <v>660-0824</v>
          </cell>
          <cell r="F702" t="str">
            <v>兵庫県尼崎市東本町3-1</v>
          </cell>
          <cell r="G702" t="str">
            <v>尼崎市</v>
          </cell>
          <cell r="H702" t="str">
            <v/>
          </cell>
          <cell r="I702" t="str">
            <v>代表取締役 池田　雄二</v>
          </cell>
          <cell r="J702" t="str">
            <v>本店</v>
          </cell>
          <cell r="K702" t="str">
            <v>06-6476-3015</v>
          </cell>
          <cell r="L702" t="str">
            <v>eigyou-nyuusatu@daidoelectric.co.jp</v>
          </cell>
          <cell r="M702" t="str">
            <v>ﾀﾞｲﾄﾞｳﾃﾞﾝｷｾｲｻｸｼｮ</v>
          </cell>
          <cell r="N702" t="str">
            <v>無</v>
          </cell>
          <cell r="O702">
            <v>29</v>
          </cell>
          <cell r="P702">
            <v>41</v>
          </cell>
          <cell r="Q702">
            <v>9140001049691</v>
          </cell>
          <cell r="R702">
            <v>30000</v>
          </cell>
          <cell r="S702">
            <v>418725</v>
          </cell>
          <cell r="T702">
            <v>639512</v>
          </cell>
          <cell r="V702" t="str">
            <v>sc454792</v>
          </cell>
          <cell r="W702" t="str">
            <v>dm707491</v>
          </cell>
          <cell r="X702" t="str">
            <v>通電</v>
          </cell>
          <cell r="Y702" t="str">
            <v>通</v>
          </cell>
          <cell r="Z702" t="str">
            <v>電</v>
          </cell>
          <cell r="AA702" t="str">
            <v>電気</v>
          </cell>
          <cell r="AB702" t="str">
            <v>電気通信</v>
          </cell>
          <cell r="AC702" t="str">
            <v/>
          </cell>
          <cell r="AD702" t="str">
            <v/>
          </cell>
          <cell r="AE702">
            <v>43251</v>
          </cell>
          <cell r="AF702" t="str">
            <v>希望しない</v>
          </cell>
          <cell r="AG702" t="str">
            <v>電気</v>
          </cell>
          <cell r="AH702" t="str">
            <v>特定</v>
          </cell>
          <cell r="AI702">
            <v>952</v>
          </cell>
          <cell r="AJ702">
            <v>607129</v>
          </cell>
          <cell r="AK702" t="str">
            <v>7(7)/5/15</v>
          </cell>
          <cell r="AL702" t="str">
            <v>電気通信</v>
          </cell>
          <cell r="AM702" t="str">
            <v>一般</v>
          </cell>
          <cell r="AN702">
            <v>745</v>
          </cell>
          <cell r="AO702">
            <v>18875</v>
          </cell>
          <cell r="AP702" t="str">
            <v>0(0)/0/1</v>
          </cell>
          <cell r="AQ702" t="str">
            <v/>
          </cell>
          <cell r="AR702" t="str">
            <v/>
          </cell>
          <cell r="AS702" t="str">
            <v/>
          </cell>
          <cell r="AT702" t="str">
            <v/>
          </cell>
          <cell r="AU702" t="str">
            <v/>
          </cell>
          <cell r="AV702" t="str">
            <v/>
          </cell>
          <cell r="AW702" t="str">
            <v/>
          </cell>
          <cell r="AX702" t="str">
            <v/>
          </cell>
          <cell r="AY702" t="str">
            <v/>
          </cell>
          <cell r="AZ702" t="str">
            <v/>
          </cell>
          <cell r="BA702" t="str">
            <v>兵庫県</v>
          </cell>
          <cell r="BB702">
            <v>0</v>
          </cell>
          <cell r="CR702">
            <v>5695</v>
          </cell>
          <cell r="CS702" t="str">
            <v>ｶｻｲ　ﾏﾕﾐ</v>
          </cell>
          <cell r="CT702" t="str">
            <v>葛西　真由美</v>
          </cell>
          <cell r="CU702" t="str">
            <v>救急課</v>
          </cell>
          <cell r="CW702">
            <v>6680224</v>
          </cell>
          <cell r="CY702" t="str">
            <v>救急課長</v>
          </cell>
        </row>
        <row r="703">
          <cell r="B703">
            <v>3143</v>
          </cell>
          <cell r="C703" t="str">
            <v>大日本土木(株)</v>
          </cell>
          <cell r="D703" t="str">
            <v>078-232-0404</v>
          </cell>
          <cell r="E703" t="str">
            <v>651-0094</v>
          </cell>
          <cell r="F703" t="str">
            <v>兵庫県神戸市中央区琴ﾉ緒町5ｰ7ｰ4</v>
          </cell>
          <cell r="G703" t="str">
            <v>岐阜市</v>
          </cell>
          <cell r="H703" t="str">
            <v>神戸営業所</v>
          </cell>
          <cell r="I703" t="str">
            <v>所長 家重　志郎</v>
          </cell>
          <cell r="J703" t="str">
            <v>岐阜県岐阜市</v>
          </cell>
          <cell r="K703" t="str">
            <v>078-232-0400</v>
          </cell>
          <cell r="L703" t="str">
            <v>ob66@dnc.co.jp</v>
          </cell>
          <cell r="M703" t="str">
            <v>ﾀﾞｲﾆｯﾎﾟﾝﾄﾞﾎﾞｸ</v>
          </cell>
          <cell r="N703" t="str">
            <v>有</v>
          </cell>
          <cell r="O703">
            <v>68</v>
          </cell>
          <cell r="P703">
            <v>853</v>
          </cell>
          <cell r="Q703">
            <v>6200001003034</v>
          </cell>
          <cell r="R703">
            <v>2000000</v>
          </cell>
          <cell r="S703">
            <v>27890000</v>
          </cell>
          <cell r="T703">
            <v>77736000</v>
          </cell>
          <cell r="V703" t="str">
            <v>uh597970</v>
          </cell>
          <cell r="W703" t="str">
            <v>sr493675</v>
          </cell>
          <cell r="X703" t="str">
            <v>(清)(建)(大)(と)(石)(屋)(タ)(鋼)(舗)(浚)(塗)(防)(内)(水)土建大と石屋電管タ鋼舗浚塗防内園水</v>
          </cell>
          <cell r="Y703" t="str">
            <v>(清)(建)(大)(と)(石)(屋)(タ)(鋼)(舗)(浚)(塗)(防)(内)(水)</v>
          </cell>
          <cell r="Z703" t="str">
            <v>土建大と石屋電管タ鋼舗浚塗防内園水</v>
          </cell>
          <cell r="AA703" t="str">
            <v>建築一式</v>
          </cell>
          <cell r="AB703" t="str">
            <v>土木一式</v>
          </cell>
          <cell r="AC703" t="str">
            <v>水道施設</v>
          </cell>
          <cell r="AD703" t="str">
            <v>とび土工</v>
          </cell>
          <cell r="AE703">
            <v>43190</v>
          </cell>
          <cell r="AF703" t="str">
            <v/>
          </cell>
          <cell r="AG703" t="str">
            <v>建築一式</v>
          </cell>
          <cell r="AH703" t="str">
            <v/>
          </cell>
          <cell r="AI703">
            <v>1650</v>
          </cell>
          <cell r="AJ703">
            <v>35441879</v>
          </cell>
          <cell r="AK703" t="str">
            <v>228(220)/6/0</v>
          </cell>
          <cell r="AL703" t="str">
            <v>土木一式</v>
          </cell>
          <cell r="AM703" t="str">
            <v/>
          </cell>
          <cell r="AN703">
            <v>1661</v>
          </cell>
          <cell r="AO703">
            <v>35406616</v>
          </cell>
          <cell r="AP703" t="str">
            <v>287(267)/0/0</v>
          </cell>
          <cell r="AQ703" t="str">
            <v>水道施設</v>
          </cell>
          <cell r="AR703" t="str">
            <v/>
          </cell>
          <cell r="AS703">
            <v>1379</v>
          </cell>
          <cell r="AT703">
            <v>1161712</v>
          </cell>
          <cell r="AU703" t="str">
            <v>199(182)/0/0</v>
          </cell>
          <cell r="AV703" t="str">
            <v>とび土工</v>
          </cell>
          <cell r="AW703" t="str">
            <v/>
          </cell>
          <cell r="AX703">
            <v>1352</v>
          </cell>
          <cell r="AY703">
            <v>2502926</v>
          </cell>
          <cell r="AZ703" t="str">
            <v>161(155)/0/0</v>
          </cell>
          <cell r="BA703" t="str">
            <v>岐阜県</v>
          </cell>
          <cell r="BB703">
            <v>0</v>
          </cell>
          <cell r="CR703">
            <v>5735</v>
          </cell>
          <cell r="CS703" t="str">
            <v>ｵｶﾀﾞ ﾉﾌﾞﾀｶ</v>
          </cell>
          <cell r="CT703" t="str">
            <v>岡田  宣隆</v>
          </cell>
          <cell r="CU703" t="str">
            <v>図書館</v>
          </cell>
          <cell r="CW703">
            <v>5101</v>
          </cell>
          <cell r="CX703" t="str">
            <v>主査</v>
          </cell>
          <cell r="CY703" t="str">
            <v>図書館長</v>
          </cell>
        </row>
        <row r="704">
          <cell r="B704">
            <v>3144</v>
          </cell>
          <cell r="C704" t="str">
            <v>ダイハツディーゼル(株)</v>
          </cell>
          <cell r="D704" t="str">
            <v>06-6454-2345</v>
          </cell>
          <cell r="E704" t="str">
            <v>531-0076</v>
          </cell>
          <cell r="F704" t="str">
            <v>大阪府大阪市北区大淀中1-1-30</v>
          </cell>
          <cell r="G704" t="str">
            <v>大阪市</v>
          </cell>
          <cell r="H704" t="str">
            <v/>
          </cell>
          <cell r="I704" t="str">
            <v>代表取締役 堀田　佳伸</v>
          </cell>
          <cell r="J704" t="str">
            <v>本店</v>
          </cell>
          <cell r="K704" t="str">
            <v>06-6151-2813</v>
          </cell>
          <cell r="L704" t="str">
            <v>nyusatsuddk@dhtd.co.jp</v>
          </cell>
          <cell r="M704" t="str">
            <v>ﾀﾞｲﾊﾂﾃﾞｨｰｾﾞﾙ</v>
          </cell>
          <cell r="N704" t="str">
            <v>無</v>
          </cell>
          <cell r="O704">
            <v>52</v>
          </cell>
          <cell r="P704">
            <v>854</v>
          </cell>
          <cell r="Q704">
            <v>3120001083145</v>
          </cell>
          <cell r="R704">
            <v>2434300</v>
          </cell>
          <cell r="S704">
            <v>32382270</v>
          </cell>
          <cell r="T704">
            <v>49755113</v>
          </cell>
          <cell r="V704" t="str">
            <v>tf791230</v>
          </cell>
          <cell r="W704" t="str">
            <v>cv562605</v>
          </cell>
          <cell r="X704" t="str">
            <v>建電機</v>
          </cell>
          <cell r="Y704" t="str">
            <v/>
          </cell>
          <cell r="Z704" t="str">
            <v>建電機</v>
          </cell>
          <cell r="AA704" t="str">
            <v>電気</v>
          </cell>
          <cell r="AB704" t="str">
            <v>機械器具</v>
          </cell>
          <cell r="AC704" t="str">
            <v/>
          </cell>
          <cell r="AD704" t="str">
            <v/>
          </cell>
          <cell r="AE704">
            <v>43555</v>
          </cell>
          <cell r="AF704" t="str">
            <v/>
          </cell>
          <cell r="AG704" t="str">
            <v>電気</v>
          </cell>
          <cell r="AH704" t="str">
            <v>特定</v>
          </cell>
          <cell r="AI704">
            <v>1200</v>
          </cell>
          <cell r="AJ704">
            <v>941354</v>
          </cell>
          <cell r="AK704" t="str">
            <v>25(23)/5/4</v>
          </cell>
          <cell r="AL704" t="str">
            <v>機械器具</v>
          </cell>
          <cell r="AM704" t="str">
            <v>特定</v>
          </cell>
          <cell r="AN704">
            <v>1174</v>
          </cell>
          <cell r="AO704">
            <v>923858</v>
          </cell>
          <cell r="AP704" t="str">
            <v>0(0)/0/93</v>
          </cell>
          <cell r="AQ704" t="str">
            <v/>
          </cell>
          <cell r="AR704" t="str">
            <v/>
          </cell>
          <cell r="AS704" t="str">
            <v/>
          </cell>
          <cell r="AT704" t="str">
            <v/>
          </cell>
          <cell r="AU704" t="str">
            <v/>
          </cell>
          <cell r="AV704" t="str">
            <v/>
          </cell>
          <cell r="AW704" t="str">
            <v/>
          </cell>
          <cell r="AX704" t="str">
            <v/>
          </cell>
          <cell r="AY704" t="str">
            <v/>
          </cell>
          <cell r="AZ704" t="str">
            <v/>
          </cell>
          <cell r="BA704" t="str">
            <v>大阪府</v>
          </cell>
        </row>
        <row r="705">
          <cell r="B705">
            <v>3146</v>
          </cell>
          <cell r="C705" t="str">
            <v>大豊建設(株)</v>
          </cell>
          <cell r="D705" t="str">
            <v>078-251-4353</v>
          </cell>
          <cell r="E705" t="str">
            <v>651-0085</v>
          </cell>
          <cell r="F705" t="str">
            <v>兵庫県神戸市中央区八幡通3-1-19</v>
          </cell>
          <cell r="G705" t="str">
            <v/>
          </cell>
          <cell r="H705" t="str">
            <v>神戸営業所</v>
          </cell>
          <cell r="I705" t="str">
            <v>所長 柏　和成</v>
          </cell>
          <cell r="J705" t="str">
            <v>東京都</v>
          </cell>
          <cell r="K705" t="str">
            <v>078-251-0411</v>
          </cell>
          <cell r="L705" t="str">
            <v>cals7@daiho.jp</v>
          </cell>
          <cell r="M705" t="str">
            <v>ﾀﾞｲﾎｳｹﾝｾﾂ</v>
          </cell>
          <cell r="N705" t="str">
            <v>有</v>
          </cell>
          <cell r="O705">
            <v>69</v>
          </cell>
          <cell r="P705">
            <v>969</v>
          </cell>
          <cell r="Q705">
            <v>3010001034869</v>
          </cell>
          <cell r="R705">
            <v>9039773</v>
          </cell>
          <cell r="S705">
            <v>57536000</v>
          </cell>
          <cell r="T705">
            <v>149649000</v>
          </cell>
          <cell r="V705" t="str">
            <v>bg103967</v>
          </cell>
          <cell r="W705" t="str">
            <v>zy258366</v>
          </cell>
          <cell r="X705" t="str">
            <v>(清)(建)(大)(と)(石)(屋)(電)(管)(タ)(鋼)(舗)(浚)(内)(園)(水)土建大と石屋電管タ鋼舗浚内園水</v>
          </cell>
          <cell r="Y705" t="str">
            <v>(清)(建)(大)(と)(石)(屋)(電)(管)(タ)(鋼)(舗)(浚)(内)(園)(水)</v>
          </cell>
          <cell r="Z705" t="str">
            <v>土建大と石屋電管タ鋼舗浚内園水</v>
          </cell>
          <cell r="AA705" t="str">
            <v>土木一式</v>
          </cell>
          <cell r="AB705" t="str">
            <v>建築一式</v>
          </cell>
          <cell r="AC705" t="str">
            <v>水道施設</v>
          </cell>
          <cell r="AD705" t="str">
            <v>鋼構造物</v>
          </cell>
          <cell r="AE705">
            <v>43190</v>
          </cell>
          <cell r="AF705" t="str">
            <v>希望する</v>
          </cell>
          <cell r="AG705" t="str">
            <v>土木一式</v>
          </cell>
          <cell r="AH705" t="str">
            <v>特定</v>
          </cell>
          <cell r="AI705">
            <v>1722</v>
          </cell>
          <cell r="AJ705">
            <v>49082990</v>
          </cell>
          <cell r="AK705" t="str">
            <v>362(312)/4/20</v>
          </cell>
          <cell r="AL705" t="str">
            <v>建築一式</v>
          </cell>
          <cell r="AM705" t="str">
            <v>特定</v>
          </cell>
          <cell r="AN705">
            <v>1700</v>
          </cell>
          <cell r="AO705">
            <v>47323359</v>
          </cell>
          <cell r="AP705" t="str">
            <v>249(193)/1/51</v>
          </cell>
          <cell r="AQ705" t="str">
            <v>水道施設</v>
          </cell>
          <cell r="AR705" t="str">
            <v>特定</v>
          </cell>
          <cell r="AS705">
            <v>1381</v>
          </cell>
          <cell r="AT705">
            <v>608945</v>
          </cell>
          <cell r="AU705" t="str">
            <v>300(267)/3/0</v>
          </cell>
          <cell r="AV705" t="str">
            <v>鋼構造物</v>
          </cell>
          <cell r="AW705" t="str">
            <v>特定</v>
          </cell>
          <cell r="AX705">
            <v>939</v>
          </cell>
          <cell r="AY705" t="str">
            <v/>
          </cell>
          <cell r="AZ705" t="str">
            <v>0(0)/0/0</v>
          </cell>
          <cell r="BA705" t="str">
            <v>東京都</v>
          </cell>
          <cell r="BB705">
            <v>0</v>
          </cell>
          <cell r="CR705">
            <v>5736</v>
          </cell>
          <cell r="CS705" t="str">
            <v>ｷﾘｷﾋﾗ ﾕｶﾘ</v>
          </cell>
          <cell r="CT705" t="str">
            <v>桐木平  ゆかり</v>
          </cell>
          <cell r="CU705" t="str">
            <v>収納管理課</v>
          </cell>
          <cell r="CW705">
            <v>2360</v>
          </cell>
          <cell r="CX705" t="str">
            <v>主査</v>
          </cell>
          <cell r="CY705" t="str">
            <v>収納管理課長</v>
          </cell>
        </row>
        <row r="706">
          <cell r="B706">
            <v>3152</v>
          </cell>
          <cell r="C706" t="str">
            <v>大有建設(株)</v>
          </cell>
          <cell r="D706" t="str">
            <v>072-872-8001</v>
          </cell>
          <cell r="E706" t="str">
            <v>574-0077</v>
          </cell>
          <cell r="F706" t="str">
            <v>大阪府大東市三箇4-17-3</v>
          </cell>
          <cell r="G706" t="str">
            <v>名古屋市</v>
          </cell>
          <cell r="H706" t="str">
            <v>大阪支店</v>
          </cell>
          <cell r="I706" t="str">
            <v>支店長 平松　亨</v>
          </cell>
          <cell r="J706" t="str">
            <v>愛知県名古屋市</v>
          </cell>
          <cell r="K706" t="str">
            <v>072-872-8866</v>
          </cell>
          <cell r="L706" t="str">
            <v>e-osaka@taiyu.co.jp</v>
          </cell>
          <cell r="M706" t="str">
            <v>ﾀｲﾕｳｹﾝｾﾂ</v>
          </cell>
          <cell r="N706" t="str">
            <v>有</v>
          </cell>
          <cell r="O706">
            <v>61</v>
          </cell>
          <cell r="P706">
            <v>381</v>
          </cell>
          <cell r="Q706">
            <v>4180001037565</v>
          </cell>
          <cell r="R706">
            <v>660000</v>
          </cell>
          <cell r="S706">
            <v>12744069</v>
          </cell>
          <cell r="T706">
            <v>23547201</v>
          </cell>
          <cell r="V706" t="str">
            <v>jj694148</v>
          </cell>
          <cell r="W706" t="str">
            <v>db554024</v>
          </cell>
          <cell r="X706" t="str">
            <v>(清)(と)(石)(鋼)(舗)(浚)(塗)(水)土建大と石屋電管タ鋼舗浚塗内機園水解</v>
          </cell>
          <cell r="Y706" t="str">
            <v>(清)(と)(石)(鋼)(舗)(浚)(塗)(水)</v>
          </cell>
          <cell r="Z706" t="str">
            <v>土建大と石屋電管タ鋼舗浚塗内機園水解</v>
          </cell>
          <cell r="AA706" t="str">
            <v>舗装</v>
          </cell>
          <cell r="AB706" t="str">
            <v>土木一式</v>
          </cell>
          <cell r="AC706" t="str">
            <v>水道施設</v>
          </cell>
          <cell r="AD706" t="str">
            <v>とび土工</v>
          </cell>
          <cell r="AE706">
            <v>43281</v>
          </cell>
          <cell r="AF706" t="str">
            <v>希望する</v>
          </cell>
          <cell r="AG706" t="str">
            <v>舗装</v>
          </cell>
          <cell r="AH706" t="str">
            <v>特定</v>
          </cell>
          <cell r="AI706">
            <v>1523</v>
          </cell>
          <cell r="AJ706">
            <v>13725919</v>
          </cell>
          <cell r="AK706" t="str">
            <v>212(193)/34/21</v>
          </cell>
          <cell r="AL706" t="str">
            <v>土木一式</v>
          </cell>
          <cell r="AM706" t="str">
            <v>特定</v>
          </cell>
          <cell r="AN706">
            <v>1418</v>
          </cell>
          <cell r="AO706">
            <v>3233486</v>
          </cell>
          <cell r="AP706" t="str">
            <v>211(193)/33/38</v>
          </cell>
          <cell r="AQ706" t="str">
            <v>水道施設</v>
          </cell>
          <cell r="AR706" t="str">
            <v>特定</v>
          </cell>
          <cell r="AS706">
            <v>1057</v>
          </cell>
          <cell r="AT706">
            <v>248310</v>
          </cell>
          <cell r="AU706" t="str">
            <v>1(1)/0/0</v>
          </cell>
          <cell r="AV706" t="str">
            <v>とび土工</v>
          </cell>
          <cell r="AW706" t="str">
            <v>特定</v>
          </cell>
          <cell r="AX706">
            <v>1175</v>
          </cell>
          <cell r="AY706">
            <v>1479348</v>
          </cell>
          <cell r="AZ706" t="str">
            <v>6(6)/0/0</v>
          </cell>
          <cell r="BA706" t="str">
            <v>愛知県</v>
          </cell>
          <cell r="BB706">
            <v>0</v>
          </cell>
          <cell r="CR706">
            <v>5737</v>
          </cell>
          <cell r="CS706" t="str">
            <v>ﾀﾅｶ　ﾕｳｺ</v>
          </cell>
          <cell r="CT706" t="str">
            <v>田中　裕子</v>
          </cell>
          <cell r="CU706" t="str">
            <v>共生推進室</v>
          </cell>
          <cell r="CW706">
            <v>4796</v>
          </cell>
          <cell r="CX706" t="str">
            <v>主幹</v>
          </cell>
          <cell r="CY706" t="str">
            <v>共生推進室長</v>
          </cell>
        </row>
        <row r="707">
          <cell r="B707">
            <v>3159</v>
          </cell>
          <cell r="C707" t="str">
            <v>大和リース(株)</v>
          </cell>
          <cell r="D707" t="str">
            <v>078-291-0815</v>
          </cell>
          <cell r="E707" t="str">
            <v>651-0086</v>
          </cell>
          <cell r="F707" t="str">
            <v>兵庫県神戸市中央区磯上通4-1-6</v>
          </cell>
          <cell r="G707" t="str">
            <v>大阪市</v>
          </cell>
          <cell r="H707" t="str">
            <v>神戸支店</v>
          </cell>
          <cell r="I707" t="str">
            <v>支店長 角一　吉昭</v>
          </cell>
          <cell r="J707" t="str">
            <v>大阪府大阪市</v>
          </cell>
          <cell r="K707" t="str">
            <v>078-291-0814</v>
          </cell>
          <cell r="L707" t="str">
            <v>m-iida@daiwalease.jp</v>
          </cell>
          <cell r="M707" t="str">
            <v>ﾀﾞｲﾜﾘｰｽ</v>
          </cell>
          <cell r="N707" t="str">
            <v>有</v>
          </cell>
          <cell r="O707">
            <v>59</v>
          </cell>
          <cell r="P707">
            <v>2262</v>
          </cell>
          <cell r="Q707">
            <v>4120001077476</v>
          </cell>
          <cell r="R707">
            <v>21768383</v>
          </cell>
          <cell r="S707">
            <v>146528607</v>
          </cell>
          <cell r="T707">
            <v>207317326</v>
          </cell>
          <cell r="V707" t="str">
            <v>qn169460</v>
          </cell>
          <cell r="W707" t="str">
            <v>cr269896</v>
          </cell>
          <cell r="X707" t="str">
            <v>(清)(建)(大)(左)(と)(石)(屋)(タ)(鋼)(鉄)(舗)(浚)(板)(ガ)(塗)(防)(内)(熱)(具)(水)(解)土建大と石屋電管タ鋼鉄舗浚板ガ塗防内熱園具水</v>
          </cell>
          <cell r="Y707" t="str">
            <v>(清)(建)(大)(左)(と)(石)(屋)(タ)(鋼)(鉄)(舗)(浚)(板)(ガ)(塗)(防)(内)(熱)(具)(水)(解)</v>
          </cell>
          <cell r="Z707" t="str">
            <v>土建大と石屋電管タ鋼鉄舗浚板ガ塗防内熱園具水</v>
          </cell>
          <cell r="AA707" t="str">
            <v>建築一式</v>
          </cell>
          <cell r="AB707" t="str">
            <v>屋根</v>
          </cell>
          <cell r="AC707" t="str">
            <v>土木一式</v>
          </cell>
          <cell r="AD707" t="str">
            <v>造園</v>
          </cell>
          <cell r="AE707">
            <v>43190</v>
          </cell>
          <cell r="AF707" t="str">
            <v>希望しない</v>
          </cell>
          <cell r="AG707" t="str">
            <v>建築一式</v>
          </cell>
          <cell r="AH707" t="str">
            <v>特定</v>
          </cell>
          <cell r="AI707">
            <v>1836</v>
          </cell>
          <cell r="AJ707">
            <v>92188735</v>
          </cell>
          <cell r="AK707" t="str">
            <v>528(406)/103/1</v>
          </cell>
          <cell r="AL707" t="str">
            <v>屋根</v>
          </cell>
          <cell r="AM707" t="str">
            <v>特定</v>
          </cell>
          <cell r="AN707">
            <v>1238</v>
          </cell>
          <cell r="AO707" t="str">
            <v/>
          </cell>
          <cell r="AP707" t="str">
            <v>428(314)/66/0</v>
          </cell>
          <cell r="AQ707" t="str">
            <v>土木一式</v>
          </cell>
          <cell r="AR707" t="str">
            <v>特定</v>
          </cell>
          <cell r="AS707">
            <v>1165</v>
          </cell>
          <cell r="AT707" t="str">
            <v/>
          </cell>
          <cell r="AU707" t="str">
            <v>95(89)/0/0</v>
          </cell>
          <cell r="AV707" t="str">
            <v>造園</v>
          </cell>
          <cell r="AW707" t="str">
            <v>特定</v>
          </cell>
          <cell r="AX707">
            <v>1041</v>
          </cell>
          <cell r="AY707" t="str">
            <v/>
          </cell>
          <cell r="AZ707" t="str">
            <v>7(6)/2/0</v>
          </cell>
          <cell r="BA707" t="str">
            <v>大阪府</v>
          </cell>
          <cell r="BB707" t="str">
            <v>ピップビル４～６階</v>
          </cell>
          <cell r="CR707">
            <v>5739</v>
          </cell>
          <cell r="CS707" t="str">
            <v>ﾏﾙ ﾊﾙｺ</v>
          </cell>
          <cell r="CT707" t="str">
            <v>丸  晴子</v>
          </cell>
          <cell r="CU707" t="str">
            <v>総務課</v>
          </cell>
          <cell r="CW707" t="str">
            <v xml:space="preserve"> </v>
          </cell>
          <cell r="CX707" t="str">
            <v>主査</v>
          </cell>
          <cell r="CY707" t="str">
            <v>総務課長</v>
          </cell>
        </row>
        <row r="708">
          <cell r="B708">
            <v>3160</v>
          </cell>
          <cell r="C708" t="str">
            <v>大和ハウス工業(株)</v>
          </cell>
          <cell r="D708" t="str">
            <v>078-272-3800</v>
          </cell>
          <cell r="E708" t="str">
            <v>651-0084</v>
          </cell>
          <cell r="F708" t="str">
            <v>兵庫県神戸市中央区磯辺通4-2-22</v>
          </cell>
          <cell r="G708" t="str">
            <v>大阪市</v>
          </cell>
          <cell r="H708" t="str">
            <v>神戸支社</v>
          </cell>
          <cell r="I708" t="str">
            <v>支社長 三浦　洋一</v>
          </cell>
          <cell r="J708" t="str">
            <v>大阪府大阪市</v>
          </cell>
          <cell r="K708" t="str">
            <v>078-265-3555</v>
          </cell>
          <cell r="L708" t="str">
            <v/>
          </cell>
          <cell r="M708" t="str">
            <v>ﾀﾞｲﾜﾊｳｽｺｳｷﾞｮｳ</v>
          </cell>
          <cell r="N708" t="str">
            <v>有</v>
          </cell>
          <cell r="O708">
            <v>62</v>
          </cell>
          <cell r="P708">
            <v>15438</v>
          </cell>
          <cell r="Q708">
            <v>6120001059662</v>
          </cell>
          <cell r="R708">
            <v>161699201</v>
          </cell>
          <cell r="S708">
            <v>1174649508</v>
          </cell>
          <cell r="T708">
            <v>3795992000</v>
          </cell>
          <cell r="V708" t="str">
            <v>ak497144</v>
          </cell>
          <cell r="W708" t="str">
            <v>ae292049</v>
          </cell>
          <cell r="X708" t="str">
            <v>(清)(建)(大)(左)(と)(石)(屋)(タ)(鋼)(鉄)(舗)(浚)(板)(ガ)(塗)(防)(内)(具)(水)(解)土建大と石屋電管タ鋼鉄舗浚板ガ塗防内熱園具水解</v>
          </cell>
          <cell r="Y708" t="str">
            <v>(清)(建)(大)(左)(と)(石)(屋)(タ)(鋼)(鉄)(舗)(浚)(板)(ガ)(塗)(防)(内)(具)(水)(解)</v>
          </cell>
          <cell r="Z708" t="str">
            <v>土建大と石屋電管タ鋼鉄舗浚板ガ塗防内熱園具水解</v>
          </cell>
          <cell r="AA708" t="str">
            <v>建築一式</v>
          </cell>
          <cell r="AB708" t="str">
            <v>土木一式</v>
          </cell>
          <cell r="AC708" t="str">
            <v>内装仕上</v>
          </cell>
          <cell r="AD708" t="str">
            <v>解体</v>
          </cell>
          <cell r="AE708">
            <v>43190</v>
          </cell>
          <cell r="AF708" t="str">
            <v>希望しない</v>
          </cell>
          <cell r="AG708" t="str">
            <v>建築一式</v>
          </cell>
          <cell r="AH708" t="str">
            <v>特定</v>
          </cell>
          <cell r="AI708">
            <v>1981</v>
          </cell>
          <cell r="AJ708">
            <v>1273306640</v>
          </cell>
          <cell r="AK708" t="str">
            <v>2568(585)/1347/296</v>
          </cell>
          <cell r="AL708" t="str">
            <v>土木一式</v>
          </cell>
          <cell r="AM708" t="str">
            <v>特定</v>
          </cell>
          <cell r="AN708">
            <v>1595</v>
          </cell>
          <cell r="AO708">
            <v>3430048</v>
          </cell>
          <cell r="AP708" t="str">
            <v>975(651)/20/6</v>
          </cell>
          <cell r="AQ708" t="str">
            <v>内装仕上</v>
          </cell>
          <cell r="AR708" t="str">
            <v>特定</v>
          </cell>
          <cell r="AS708">
            <v>1668</v>
          </cell>
          <cell r="AT708">
            <v>4862244</v>
          </cell>
          <cell r="AU708" t="str">
            <v>2516(793)/1150/0</v>
          </cell>
          <cell r="AV708" t="str">
            <v>解体</v>
          </cell>
          <cell r="AW708" t="str">
            <v>特定</v>
          </cell>
          <cell r="AX708">
            <v>1321</v>
          </cell>
          <cell r="AY708">
            <v>6067900</v>
          </cell>
          <cell r="AZ708" t="str">
            <v>0(0)/0/0</v>
          </cell>
          <cell r="BA708" t="str">
            <v>大阪府</v>
          </cell>
          <cell r="BB708">
            <v>0</v>
          </cell>
          <cell r="CR708">
            <v>5740</v>
          </cell>
          <cell r="CS708" t="str">
            <v>ﾔﾅｷﾞﾀﾆ ﾖｼｷ</v>
          </cell>
          <cell r="CT708" t="str">
            <v>柳谷  吉紀</v>
          </cell>
          <cell r="CU708" t="str">
            <v>総務課</v>
          </cell>
          <cell r="CW708" t="str">
            <v xml:space="preserve"> </v>
          </cell>
          <cell r="CX708" t="str">
            <v>主査</v>
          </cell>
          <cell r="CY708" t="str">
            <v>総務課長</v>
          </cell>
        </row>
        <row r="709">
          <cell r="B709">
            <v>3163</v>
          </cell>
          <cell r="C709" t="str">
            <v>高砂熱学工業(株)</v>
          </cell>
          <cell r="D709" t="str">
            <v>078-251-6771</v>
          </cell>
          <cell r="E709" t="str">
            <v>651-0087</v>
          </cell>
          <cell r="F709" t="str">
            <v>兵庫県神戸市中央区御幸通7-1-15</v>
          </cell>
          <cell r="G709" t="str">
            <v/>
          </cell>
          <cell r="H709" t="str">
            <v>神戸営業所</v>
          </cell>
          <cell r="I709" t="str">
            <v>所長 吉岡　勝</v>
          </cell>
          <cell r="J709" t="str">
            <v>東京都</v>
          </cell>
          <cell r="K709" t="str">
            <v>078-232-3547</v>
          </cell>
          <cell r="L709" t="str">
            <v>motoyuki_amano@tte-net.com</v>
          </cell>
          <cell r="M709" t="str">
            <v>ﾀｶｻｺﾞﾈﾂｶﾞｸｺｳｷﾞｮｳ</v>
          </cell>
          <cell r="N709" t="str">
            <v>有</v>
          </cell>
          <cell r="O709">
            <v>68</v>
          </cell>
          <cell r="P709">
            <v>2073</v>
          </cell>
          <cell r="Q709">
            <v>3010001008749</v>
          </cell>
          <cell r="R709">
            <v>13134919</v>
          </cell>
          <cell r="S709">
            <v>120776000</v>
          </cell>
          <cell r="T709">
            <v>289933000</v>
          </cell>
          <cell r="V709" t="str">
            <v>tx699296</v>
          </cell>
          <cell r="W709" t="str">
            <v>jc180964</v>
          </cell>
          <cell r="X709" t="str">
            <v>消建電管機通</v>
          </cell>
          <cell r="Y709" t="str">
            <v>消</v>
          </cell>
          <cell r="Z709" t="str">
            <v>建電管機通</v>
          </cell>
          <cell r="AA709" t="str">
            <v>管</v>
          </cell>
          <cell r="AB709" t="str">
            <v/>
          </cell>
          <cell r="AC709" t="str">
            <v/>
          </cell>
          <cell r="AD709" t="str">
            <v/>
          </cell>
          <cell r="AE709">
            <v>43189</v>
          </cell>
          <cell r="AF709" t="str">
            <v>希望しない</v>
          </cell>
          <cell r="AG709" t="str">
            <v>管</v>
          </cell>
          <cell r="AH709" t="str">
            <v>特定</v>
          </cell>
          <cell r="AI709">
            <v>1930</v>
          </cell>
          <cell r="AJ709">
            <v>207928517</v>
          </cell>
          <cell r="AK709" t="str">
            <v>1175(1020)/75/22</v>
          </cell>
          <cell r="AL709" t="str">
            <v/>
          </cell>
          <cell r="AM709" t="str">
            <v/>
          </cell>
          <cell r="AN709" t="str">
            <v/>
          </cell>
          <cell r="AO709" t="str">
            <v/>
          </cell>
          <cell r="AP709" t="str">
            <v/>
          </cell>
          <cell r="AQ709" t="str">
            <v/>
          </cell>
          <cell r="AR709" t="str">
            <v/>
          </cell>
          <cell r="AS709" t="str">
            <v/>
          </cell>
          <cell r="AT709" t="str">
            <v/>
          </cell>
          <cell r="AU709" t="str">
            <v/>
          </cell>
          <cell r="AV709" t="str">
            <v/>
          </cell>
          <cell r="AW709" t="str">
            <v/>
          </cell>
          <cell r="AX709" t="str">
            <v/>
          </cell>
          <cell r="AY709" t="str">
            <v/>
          </cell>
          <cell r="AZ709" t="str">
            <v/>
          </cell>
          <cell r="BA709" t="str">
            <v>東京都</v>
          </cell>
          <cell r="BB709" t="str">
            <v>新宿イーストサイドスクエア</v>
          </cell>
          <cell r="CR709">
            <v>5741</v>
          </cell>
          <cell r="CS709" t="str">
            <v>ﾔﾉ ｹｲｲﾁ</v>
          </cell>
          <cell r="CT709" t="str">
            <v>矢野  敬一</v>
          </cell>
          <cell r="CU709" t="str">
            <v>こども若者企画課</v>
          </cell>
          <cell r="CW709">
            <v>4314</v>
          </cell>
          <cell r="CX709" t="str">
            <v>主査</v>
          </cell>
          <cell r="CY709" t="str">
            <v>こども若者企画課長</v>
          </cell>
        </row>
        <row r="710">
          <cell r="B710">
            <v>3164</v>
          </cell>
          <cell r="C710" t="str">
            <v>(株)高階</v>
          </cell>
          <cell r="D710" t="str">
            <v>06-6206-3920</v>
          </cell>
          <cell r="E710" t="str">
            <v>541-0041</v>
          </cell>
          <cell r="F710" t="str">
            <v>大阪府大阪市中央区北浜1‐5‐10</v>
          </cell>
          <cell r="G710" t="str">
            <v>三木市</v>
          </cell>
          <cell r="H710" t="str">
            <v>大阪支店</v>
          </cell>
          <cell r="I710" t="str">
            <v>取締役大阪支店長 田岡　新市</v>
          </cell>
          <cell r="J710" t="str">
            <v>兵庫県三木市</v>
          </cell>
          <cell r="K710" t="str">
            <v>06-6206-3918</v>
          </cell>
          <cell r="L710" t="str">
            <v>oosaka@m-takashina.co.jp</v>
          </cell>
          <cell r="M710" t="str">
            <v>ﾀｶｼﾅ</v>
          </cell>
          <cell r="N710" t="str">
            <v>有</v>
          </cell>
          <cell r="O710">
            <v>67</v>
          </cell>
          <cell r="P710">
            <v>70</v>
          </cell>
          <cell r="Q710">
            <v>2140001036317</v>
          </cell>
          <cell r="R710">
            <v>70200</v>
          </cell>
          <cell r="S710">
            <v>2381943</v>
          </cell>
          <cell r="T710">
            <v>9001088</v>
          </cell>
          <cell r="V710" t="str">
            <v>gd286174</v>
          </cell>
          <cell r="W710" t="str">
            <v>hr260844</v>
          </cell>
          <cell r="X710" t="str">
            <v>(建)(大)(左)(と)(石)(屋)(タ)(鋼)(鉄)(板)(ガ)(塗)(防)(内)(熱)(具)(解)土建大と石屋タ鋼鉄舗板ガ塗防内熱園具水解</v>
          </cell>
          <cell r="Y710" t="str">
            <v>(建)(大)(左)(と)(石)(屋)(タ)(鋼)(鉄)(板)(ガ)(塗)(防)(内)(熱)(具)(解)</v>
          </cell>
          <cell r="Z710" t="str">
            <v>土建大と石屋タ鋼鉄舗板ガ塗防内熱園具水解</v>
          </cell>
          <cell r="AA710" t="str">
            <v>建築一式</v>
          </cell>
          <cell r="AB710" t="str">
            <v/>
          </cell>
          <cell r="AC710" t="str">
            <v/>
          </cell>
          <cell r="AD710" t="str">
            <v/>
          </cell>
          <cell r="AE710">
            <v>43008</v>
          </cell>
          <cell r="AF710" t="str">
            <v>希望しない</v>
          </cell>
          <cell r="AG710" t="str">
            <v>建築一式</v>
          </cell>
          <cell r="AH710" t="str">
            <v>特定</v>
          </cell>
          <cell r="AI710">
            <v>1222</v>
          </cell>
          <cell r="AJ710">
            <v>8649467</v>
          </cell>
          <cell r="AK710" t="str">
            <v>33(27)/13/1</v>
          </cell>
          <cell r="AL710" t="str">
            <v/>
          </cell>
          <cell r="AM710" t="str">
            <v/>
          </cell>
          <cell r="AN710" t="str">
            <v/>
          </cell>
          <cell r="AO710" t="str">
            <v/>
          </cell>
          <cell r="AP710" t="str">
            <v/>
          </cell>
          <cell r="AQ710" t="str">
            <v/>
          </cell>
          <cell r="AR710" t="str">
            <v/>
          </cell>
          <cell r="AS710" t="str">
            <v/>
          </cell>
          <cell r="AT710" t="str">
            <v/>
          </cell>
          <cell r="AU710" t="str">
            <v/>
          </cell>
          <cell r="AV710" t="str">
            <v/>
          </cell>
          <cell r="AW710" t="str">
            <v/>
          </cell>
          <cell r="AX710" t="str">
            <v/>
          </cell>
          <cell r="AY710" t="str">
            <v/>
          </cell>
          <cell r="AZ710" t="str">
            <v/>
          </cell>
          <cell r="BA710" t="str">
            <v>兵庫県</v>
          </cell>
          <cell r="BB710">
            <v>0</v>
          </cell>
          <cell r="CR710">
            <v>5742</v>
          </cell>
          <cell r="CS710" t="str">
            <v>ﾖｼﾀﾞ ﾀｶｼ</v>
          </cell>
          <cell r="CT710" t="str">
            <v>吉田  卓</v>
          </cell>
          <cell r="CU710" t="str">
            <v>社会教育課</v>
          </cell>
          <cell r="CW710">
            <v>2136</v>
          </cell>
          <cell r="CX710" t="str">
            <v>主査</v>
          </cell>
          <cell r="CY710" t="str">
            <v>社会教育課長</v>
          </cell>
        </row>
        <row r="711">
          <cell r="B711">
            <v>3167</v>
          </cell>
          <cell r="C711" t="str">
            <v>高松建設(株)</v>
          </cell>
          <cell r="D711" t="str">
            <v>06-6307-8101</v>
          </cell>
          <cell r="E711" t="str">
            <v>532-0025</v>
          </cell>
          <cell r="F711" t="str">
            <v>大阪府大阪市淀川区新北野1丁目2番3号</v>
          </cell>
          <cell r="G711" t="str">
            <v>大阪市</v>
          </cell>
          <cell r="H711" t="str">
            <v>大阪本店</v>
          </cell>
          <cell r="I711" t="str">
            <v>取締役専務執行役員本店長 工藤　孝宏</v>
          </cell>
          <cell r="J711" t="str">
            <v>大阪府大阪市</v>
          </cell>
          <cell r="K711" t="str">
            <v>06-6307-8133</v>
          </cell>
          <cell r="L711" t="str">
            <v>ryoichiyamamoto@takamatsu-const.co.jp</v>
          </cell>
          <cell r="M711" t="str">
            <v>ﾀｶﾏﾂｹﾝｾﾂ</v>
          </cell>
          <cell r="N711" t="str">
            <v>有</v>
          </cell>
          <cell r="O711">
            <v>55</v>
          </cell>
          <cell r="P711">
            <v>1304</v>
          </cell>
          <cell r="Q711">
            <v>9120001059478</v>
          </cell>
          <cell r="R711">
            <v>5000000</v>
          </cell>
          <cell r="S711">
            <v>20611671</v>
          </cell>
          <cell r="T711">
            <v>70206228</v>
          </cell>
          <cell r="V711" t="str">
            <v>ej744374</v>
          </cell>
          <cell r="W711" t="str">
            <v>ha380184</v>
          </cell>
          <cell r="X711" t="str">
            <v>(清)(建)(大)(左)(と)(石)(屋)(電)(管)(タ)(鋼)(鉄)(舗)(浚)(板)(ガ)(塗)(防)(内)(熱)(具)(水)(解)土建大と石屋電管タ鋼鉄舗浚板ガ塗防内熱園具水解</v>
          </cell>
          <cell r="Y711" t="str">
            <v>(清)(建)(大)(左)(と)(石)(屋)(電)(管)(タ)(鋼)(鉄)(舗)(浚)(板)(ガ)(塗)(防)(内)(熱)(具)(水)(解)</v>
          </cell>
          <cell r="Z711" t="str">
            <v>土建大と石屋電管タ鋼鉄舗浚板ガ塗防内熱園具水解</v>
          </cell>
          <cell r="AA711" t="str">
            <v>建築一式</v>
          </cell>
          <cell r="AB711" t="str">
            <v>土木一式</v>
          </cell>
          <cell r="AC711" t="str">
            <v/>
          </cell>
          <cell r="AD711" t="str">
            <v/>
          </cell>
          <cell r="AE711">
            <v>43190</v>
          </cell>
          <cell r="AF711" t="str">
            <v/>
          </cell>
          <cell r="AG711" t="str">
            <v>建築一式</v>
          </cell>
          <cell r="AH711" t="str">
            <v>特定</v>
          </cell>
          <cell r="AI711">
            <v>1756</v>
          </cell>
          <cell r="AJ711">
            <v>60328161</v>
          </cell>
          <cell r="AK711" t="str">
            <v>410(180)/42/142</v>
          </cell>
          <cell r="AL711" t="str">
            <v>土木一式</v>
          </cell>
          <cell r="AM711" t="str">
            <v>特定</v>
          </cell>
          <cell r="AN711">
            <v>1237</v>
          </cell>
          <cell r="AO711">
            <v>602389</v>
          </cell>
          <cell r="AP711" t="str">
            <v>15(9)/4/7</v>
          </cell>
          <cell r="AQ711" t="str">
            <v/>
          </cell>
          <cell r="AR711" t="str">
            <v/>
          </cell>
          <cell r="AS711" t="str">
            <v/>
          </cell>
          <cell r="AT711" t="str">
            <v/>
          </cell>
          <cell r="AU711" t="str">
            <v/>
          </cell>
          <cell r="AV711" t="str">
            <v/>
          </cell>
          <cell r="AW711" t="str">
            <v/>
          </cell>
          <cell r="AX711" t="str">
            <v/>
          </cell>
          <cell r="AY711" t="str">
            <v/>
          </cell>
          <cell r="AZ711" t="str">
            <v/>
          </cell>
          <cell r="BA711" t="str">
            <v>大阪府</v>
          </cell>
          <cell r="BB711">
            <v>0</v>
          </cell>
          <cell r="CR711">
            <v>5743</v>
          </cell>
          <cell r="CS711" t="str">
            <v>ﾏﾂﾀﾞ ﾅｵﾐ</v>
          </cell>
          <cell r="CT711" t="str">
            <v>松田  有美</v>
          </cell>
          <cell r="CU711" t="str">
            <v>健康政策課</v>
          </cell>
          <cell r="CW711">
            <v>2561</v>
          </cell>
          <cell r="CX711" t="str">
            <v>主任</v>
          </cell>
          <cell r="CY711" t="str">
            <v>健康政策課長</v>
          </cell>
        </row>
        <row r="712">
          <cell r="B712">
            <v>3175</v>
          </cell>
          <cell r="C712" t="str">
            <v>武田興業(株)</v>
          </cell>
          <cell r="D712" t="str">
            <v>072-851-2511</v>
          </cell>
          <cell r="E712" t="str">
            <v>573-1115</v>
          </cell>
          <cell r="F712" t="str">
            <v>大阪府枚方市東船橋1-1</v>
          </cell>
          <cell r="G712" t="str">
            <v>枚方市</v>
          </cell>
          <cell r="H712" t="str">
            <v/>
          </cell>
          <cell r="I712" t="str">
            <v>代表取締役 武田 基由</v>
          </cell>
          <cell r="J712" t="str">
            <v>本店</v>
          </cell>
          <cell r="K712" t="str">
            <v>072-851-2526</v>
          </cell>
          <cell r="L712" t="str">
            <v>honsya@takeda-kougyo.com</v>
          </cell>
          <cell r="M712" t="str">
            <v>ﾀｹﾀﾞｺｳｷﾞｮｳ</v>
          </cell>
          <cell r="N712" t="str">
            <v>無</v>
          </cell>
          <cell r="O712">
            <v>44</v>
          </cell>
          <cell r="P712">
            <v>14</v>
          </cell>
          <cell r="Q712">
            <v>7120001149925</v>
          </cell>
          <cell r="R712">
            <v>30000</v>
          </cell>
          <cell r="S712">
            <v>44666</v>
          </cell>
          <cell r="T712">
            <v>222597</v>
          </cell>
          <cell r="V712" t="str">
            <v>cv791877</v>
          </cell>
          <cell r="W712" t="str">
            <v>nz956617</v>
          </cell>
          <cell r="X712" t="str">
            <v>(清)土と管浚</v>
          </cell>
          <cell r="Y712" t="str">
            <v>(清)</v>
          </cell>
          <cell r="Z712" t="str">
            <v>土と管浚</v>
          </cell>
          <cell r="AA712" t="str">
            <v>土木一式</v>
          </cell>
          <cell r="AB712" t="str">
            <v>浚渫</v>
          </cell>
          <cell r="AC712" t="str">
            <v>管</v>
          </cell>
          <cell r="AD712" t="str">
            <v/>
          </cell>
          <cell r="AE712">
            <v>43281</v>
          </cell>
          <cell r="AF712" t="str">
            <v>希望する</v>
          </cell>
          <cell r="AG712" t="str">
            <v>土木一式</v>
          </cell>
          <cell r="AH712" t="str">
            <v>特定</v>
          </cell>
          <cell r="AI712">
            <v>835</v>
          </cell>
          <cell r="AJ712">
            <v>47849</v>
          </cell>
          <cell r="AK712" t="str">
            <v>6(6)/0/4</v>
          </cell>
          <cell r="AL712" t="str">
            <v>浚渫</v>
          </cell>
          <cell r="AM712" t="str">
            <v>特定</v>
          </cell>
          <cell r="AN712">
            <v>828</v>
          </cell>
          <cell r="AO712">
            <v>119612</v>
          </cell>
          <cell r="AP712" t="str">
            <v>3(3)/0/1</v>
          </cell>
          <cell r="AQ712" t="str">
            <v>管</v>
          </cell>
          <cell r="AR712" t="str">
            <v>特定</v>
          </cell>
          <cell r="AS712">
            <v>759</v>
          </cell>
          <cell r="AT712">
            <v>9349</v>
          </cell>
          <cell r="AU712" t="str">
            <v>3(3)/0/3</v>
          </cell>
          <cell r="AV712" t="str">
            <v/>
          </cell>
          <cell r="AW712" t="str">
            <v/>
          </cell>
          <cell r="AX712" t="str">
            <v/>
          </cell>
          <cell r="AY712" t="str">
            <v/>
          </cell>
          <cell r="AZ712" t="str">
            <v/>
          </cell>
          <cell r="BA712" t="str">
            <v>大阪府</v>
          </cell>
          <cell r="BB712">
            <v>0</v>
          </cell>
          <cell r="CR712">
            <v>5744</v>
          </cell>
          <cell r="CS712" t="str">
            <v>ﾉﾅｶ ﾏｷ</v>
          </cell>
          <cell r="CT712" t="str">
            <v>野中  麻記</v>
          </cell>
          <cell r="CU712" t="str">
            <v>交通政策課</v>
          </cell>
          <cell r="CW712">
            <v>2144</v>
          </cell>
          <cell r="CX712" t="str">
            <v>主査</v>
          </cell>
          <cell r="CY712" t="str">
            <v>交通政策課長</v>
          </cell>
        </row>
        <row r="713">
          <cell r="B713">
            <v>3178</v>
          </cell>
          <cell r="C713" t="str">
            <v>(株)竹中工務店</v>
          </cell>
          <cell r="D713" t="str">
            <v>06-6252-1201</v>
          </cell>
          <cell r="E713" t="str">
            <v>541-0053</v>
          </cell>
          <cell r="F713" t="str">
            <v>大阪府大阪市中央区本町4-1-13</v>
          </cell>
          <cell r="G713" t="str">
            <v>大阪市</v>
          </cell>
          <cell r="H713" t="str">
            <v>大阪本店</v>
          </cell>
          <cell r="I713" t="str">
            <v>執行役員本店長 丁野　成人</v>
          </cell>
          <cell r="J713" t="str">
            <v>大阪府大阪市</v>
          </cell>
          <cell r="K713" t="str">
            <v>06-6263-5781</v>
          </cell>
          <cell r="L713" t="str">
            <v>nyusatsu1@ml.imc.tanekana.co.jp</v>
          </cell>
          <cell r="M713" t="str">
            <v>ﾀｹﾅｶｺｳﾑﾃﾝ</v>
          </cell>
          <cell r="N713" t="str">
            <v>有</v>
          </cell>
          <cell r="O713">
            <v>68</v>
          </cell>
          <cell r="P713">
            <v>7425</v>
          </cell>
          <cell r="Q713">
            <v>3120001077469</v>
          </cell>
          <cell r="R713">
            <v>50000000</v>
          </cell>
          <cell r="S713">
            <v>542347824</v>
          </cell>
          <cell r="T713">
            <v>1295951000</v>
          </cell>
          <cell r="V713" t="str">
            <v>cc868520</v>
          </cell>
          <cell r="W713" t="str">
            <v>pe976411</v>
          </cell>
          <cell r="X713" t="str">
            <v>消(清)(建)(大)(左)(と)(石)(屋)(電)(管)(タ)(鋼)(鉄)(舗)(浚)(板)(ガ)(塗)(防)(内)(機)(熱)(園)(具)(水)(消)(解)土建大と石屋電管タ鋼鉄舗浚板ガ塗防内機熱園具水解</v>
          </cell>
          <cell r="Y713" t="str">
            <v>消(清)(建)(大)(左)(と)(石)(屋)(電)(管)(タ)(鋼)(鉄)(舗)(浚)(板)(ガ)(塗)(防)(内)(機)(熱)(園)(具)(水)(消)(解)</v>
          </cell>
          <cell r="Z713" t="str">
            <v>土建大と石屋電管タ鋼鉄舗浚板ガ塗防内機熱園具水解</v>
          </cell>
          <cell r="AA713" t="str">
            <v>建築一式</v>
          </cell>
          <cell r="AB713" t="str">
            <v>土木一式</v>
          </cell>
          <cell r="AC713" t="str">
            <v>電気</v>
          </cell>
          <cell r="AD713" t="str">
            <v>管</v>
          </cell>
          <cell r="AE713">
            <v>43100</v>
          </cell>
          <cell r="AF713" t="str">
            <v>希望しない</v>
          </cell>
          <cell r="AG713" t="str">
            <v>建築一式</v>
          </cell>
          <cell r="AH713" t="str">
            <v>特定</v>
          </cell>
          <cell r="AI713">
            <v>2056</v>
          </cell>
          <cell r="AJ713">
            <v>890601070</v>
          </cell>
          <cell r="AK713" t="str">
            <v>2807(1545)/81/492</v>
          </cell>
          <cell r="AL713" t="str">
            <v>土木一式</v>
          </cell>
          <cell r="AM713" t="str">
            <v>特定</v>
          </cell>
          <cell r="AN713">
            <v>1756</v>
          </cell>
          <cell r="AO713">
            <v>20567385</v>
          </cell>
          <cell r="AP713" t="str">
            <v>291(174)/26/11</v>
          </cell>
          <cell r="AQ713" t="str">
            <v>電気</v>
          </cell>
          <cell r="AR713" t="str">
            <v>特定</v>
          </cell>
          <cell r="AS713">
            <v>1674</v>
          </cell>
          <cell r="AT713">
            <v>6357205</v>
          </cell>
          <cell r="AU713" t="str">
            <v>431(255)/4/34</v>
          </cell>
          <cell r="AV713" t="str">
            <v>管</v>
          </cell>
          <cell r="AW713" t="str">
            <v>特定</v>
          </cell>
          <cell r="AX713">
            <v>1695</v>
          </cell>
          <cell r="AY713">
            <v>8389347</v>
          </cell>
          <cell r="AZ713" t="str">
            <v>469(285)/6/0</v>
          </cell>
          <cell r="BA713" t="str">
            <v>大阪府</v>
          </cell>
          <cell r="BB713">
            <v>0</v>
          </cell>
          <cell r="CR713">
            <v>5745</v>
          </cell>
          <cell r="CS713" t="str">
            <v>ﾀｹﾀﾆ ﾐｻ</v>
          </cell>
          <cell r="CT713" t="str">
            <v>竹谷  美佐</v>
          </cell>
          <cell r="CU713" t="str">
            <v>学校改革・学事課</v>
          </cell>
          <cell r="CW713">
            <v>3638</v>
          </cell>
          <cell r="CX713" t="str">
            <v>主任</v>
          </cell>
          <cell r="CY713" t="str">
            <v>学校改革・学事課長</v>
          </cell>
        </row>
        <row r="714">
          <cell r="B714">
            <v>3181</v>
          </cell>
          <cell r="C714" t="str">
            <v>(株)竹中土木</v>
          </cell>
          <cell r="D714" t="str">
            <v>078-252-3355</v>
          </cell>
          <cell r="E714" t="str">
            <v>651-8115</v>
          </cell>
          <cell r="F714" t="str">
            <v>兵庫県神戸市中央区浜辺通2-1-17</v>
          </cell>
          <cell r="G714" t="str">
            <v/>
          </cell>
          <cell r="H714" t="str">
            <v>神戸営業所</v>
          </cell>
          <cell r="I714" t="str">
            <v>所長 八木　茂</v>
          </cell>
          <cell r="J714" t="str">
            <v>東京都</v>
          </cell>
          <cell r="K714" t="str">
            <v>078-230-2154</v>
          </cell>
          <cell r="L714" t="str">
            <v>e-bid51@takenaka-doboku.co.jp</v>
          </cell>
          <cell r="M714" t="str">
            <v>ﾀｹﾅｶﾄﾞﾎﾞｸ</v>
          </cell>
          <cell r="N714" t="str">
            <v>有</v>
          </cell>
          <cell r="O714">
            <v>68</v>
          </cell>
          <cell r="P714">
            <v>952</v>
          </cell>
          <cell r="Q714">
            <v>4010601030580</v>
          </cell>
          <cell r="R714">
            <v>7000000</v>
          </cell>
          <cell r="S714">
            <v>26849085</v>
          </cell>
          <cell r="T714">
            <v>6114100</v>
          </cell>
          <cell r="V714" t="str">
            <v>aj823547</v>
          </cell>
          <cell r="W714" t="str">
            <v>cn270900</v>
          </cell>
          <cell r="X714" t="str">
            <v>(清)(と)(石)(鋼)(舗)(浚)(水)土建大と石屋電管タ鋼舗浚内園水解</v>
          </cell>
          <cell r="Y714" t="str">
            <v>(清)(と)(石)(鋼)(舗)(浚)(水)</v>
          </cell>
          <cell r="Z714" t="str">
            <v>土建大と石屋電管タ鋼舗浚内園水解</v>
          </cell>
          <cell r="AA714" t="str">
            <v>土木一式</v>
          </cell>
          <cell r="AB714" t="str">
            <v>建築一式</v>
          </cell>
          <cell r="AC714" t="str">
            <v>水道施設</v>
          </cell>
          <cell r="AD714" t="str">
            <v>とび土工</v>
          </cell>
          <cell r="AE714">
            <v>43100</v>
          </cell>
          <cell r="AF714" t="str">
            <v>希望しない</v>
          </cell>
          <cell r="AG714" t="str">
            <v>土木一式</v>
          </cell>
          <cell r="AH714" t="str">
            <v/>
          </cell>
          <cell r="AI714">
            <v>1805</v>
          </cell>
          <cell r="AJ714">
            <v>83213789</v>
          </cell>
          <cell r="AK714" t="str">
            <v>575(479)/7/29</v>
          </cell>
          <cell r="AL714" t="str">
            <v>建築一式</v>
          </cell>
          <cell r="AM714" t="str">
            <v/>
          </cell>
          <cell r="AN714">
            <v>1290</v>
          </cell>
          <cell r="AO714">
            <v>251480</v>
          </cell>
          <cell r="AP714" t="str">
            <v>118(106)/0/0</v>
          </cell>
          <cell r="AQ714" t="str">
            <v>水道施設</v>
          </cell>
          <cell r="AR714" t="str">
            <v/>
          </cell>
          <cell r="AS714">
            <v>1245</v>
          </cell>
          <cell r="AT714">
            <v>176305</v>
          </cell>
          <cell r="AU714" t="str">
            <v>61(54)/0/0</v>
          </cell>
          <cell r="AV714" t="str">
            <v>とび土工</v>
          </cell>
          <cell r="AW714" t="str">
            <v/>
          </cell>
          <cell r="AX714">
            <v>1376</v>
          </cell>
          <cell r="AY714">
            <v>3791290</v>
          </cell>
          <cell r="AZ714" t="str">
            <v>161(124)/7/0</v>
          </cell>
          <cell r="BA714" t="str">
            <v>東京都</v>
          </cell>
          <cell r="BB714">
            <v>0</v>
          </cell>
          <cell r="CR714">
            <v>5746</v>
          </cell>
          <cell r="CS714" t="str">
            <v>ｷﾀﾑﾗ ｺｳｲﾁﾛｳ</v>
          </cell>
          <cell r="CT714" t="str">
            <v>北村  浩一朗</v>
          </cell>
          <cell r="CU714" t="str">
            <v>まちづくり推進課</v>
          </cell>
          <cell r="CW714">
            <v>2105</v>
          </cell>
          <cell r="CX714" t="str">
            <v>主任</v>
          </cell>
          <cell r="CY714" t="str">
            <v>まちづくり推進課長</v>
          </cell>
        </row>
        <row r="715">
          <cell r="B715">
            <v>3189</v>
          </cell>
          <cell r="C715" t="str">
            <v>棚田建材(株)</v>
          </cell>
          <cell r="D715" t="str">
            <v>078-841-3551</v>
          </cell>
          <cell r="E715" t="str">
            <v>657-0035</v>
          </cell>
          <cell r="F715" t="str">
            <v>兵庫県神戸市灘区友田町3-2-1</v>
          </cell>
          <cell r="G715" t="str">
            <v>神戸市</v>
          </cell>
          <cell r="H715" t="str">
            <v/>
          </cell>
          <cell r="I715" t="str">
            <v>代表取締役 棚田　聡一</v>
          </cell>
          <cell r="J715" t="str">
            <v>本店</v>
          </cell>
          <cell r="K715" t="str">
            <v>078-841-3553</v>
          </cell>
          <cell r="L715" t="str">
            <v>info@tanadakenzai.co.jp</v>
          </cell>
          <cell r="M715" t="str">
            <v>ﾀﾅﾀﾞｹﾝｻﾞｲ</v>
          </cell>
          <cell r="N715" t="str">
            <v>無</v>
          </cell>
          <cell r="O715">
            <v>62</v>
          </cell>
          <cell r="P715">
            <v>71</v>
          </cell>
          <cell r="Q715">
            <v>1140001003672</v>
          </cell>
          <cell r="R715">
            <v>33000</v>
          </cell>
          <cell r="S715">
            <v>401829</v>
          </cell>
          <cell r="T715">
            <v>1704374</v>
          </cell>
          <cell r="V715" t="str">
            <v>nj732299</v>
          </cell>
          <cell r="W715" t="str">
            <v>tn462201</v>
          </cell>
          <cell r="X715" t="str">
            <v>建屋塗防内</v>
          </cell>
          <cell r="Y715" t="str">
            <v/>
          </cell>
          <cell r="Z715" t="str">
            <v>建屋塗防内</v>
          </cell>
          <cell r="AA715" t="str">
            <v>防水</v>
          </cell>
          <cell r="AB715" t="str">
            <v>建築一式</v>
          </cell>
          <cell r="AC715" t="str">
            <v>塗装</v>
          </cell>
          <cell r="AD715" t="str">
            <v>屋根</v>
          </cell>
          <cell r="AE715">
            <v>43281</v>
          </cell>
          <cell r="AF715" t="str">
            <v>希望しない</v>
          </cell>
          <cell r="AG715" t="str">
            <v>防水</v>
          </cell>
          <cell r="AH715" t="str">
            <v>特定</v>
          </cell>
          <cell r="AI715">
            <v>1004</v>
          </cell>
          <cell r="AJ715">
            <v>1414171</v>
          </cell>
          <cell r="AK715" t="str">
            <v>6(6)/9/1</v>
          </cell>
          <cell r="AL715" t="str">
            <v>建築一式</v>
          </cell>
          <cell r="AM715" t="str">
            <v>特定</v>
          </cell>
          <cell r="AN715">
            <v>885</v>
          </cell>
          <cell r="AO715">
            <v>210218</v>
          </cell>
          <cell r="AP715" t="str">
            <v>3(3)/0/0</v>
          </cell>
          <cell r="AQ715" t="str">
            <v>塗装</v>
          </cell>
          <cell r="AR715" t="str">
            <v>特定</v>
          </cell>
          <cell r="AS715">
            <v>860</v>
          </cell>
          <cell r="AT715">
            <v>107154</v>
          </cell>
          <cell r="AU715" t="str">
            <v>3(3)/6/1</v>
          </cell>
          <cell r="AV715" t="str">
            <v>屋根</v>
          </cell>
          <cell r="AW715" t="str">
            <v>特定</v>
          </cell>
          <cell r="AX715">
            <v>787</v>
          </cell>
          <cell r="AY715">
            <v>15131</v>
          </cell>
          <cell r="AZ715" t="str">
            <v>2(2)/2/0</v>
          </cell>
          <cell r="BA715" t="str">
            <v>兵庫県</v>
          </cell>
          <cell r="BB715">
            <v>0</v>
          </cell>
          <cell r="CR715">
            <v>5747</v>
          </cell>
          <cell r="CS715" t="str">
            <v>ｽｷﾞﾉ ﾉｿﾞﾐ</v>
          </cell>
          <cell r="CT715" t="str">
            <v>杉野  希聖</v>
          </cell>
          <cell r="CU715" t="str">
            <v>こども福祉課</v>
          </cell>
          <cell r="CW715" t="str">
            <v xml:space="preserve"> </v>
          </cell>
          <cell r="CX715" t="str">
            <v>主査</v>
          </cell>
          <cell r="CY715" t="str">
            <v>こども福祉課長</v>
          </cell>
        </row>
        <row r="716">
          <cell r="B716">
            <v>3193</v>
          </cell>
          <cell r="C716" t="str">
            <v>田村建設(株)</v>
          </cell>
          <cell r="D716" t="str">
            <v>078-331-5064</v>
          </cell>
          <cell r="E716" t="str">
            <v>650-0024</v>
          </cell>
          <cell r="F716" t="str">
            <v>兵庫県神戸市中央区海岸通1-2-9</v>
          </cell>
          <cell r="G716" t="str">
            <v>神戸市</v>
          </cell>
          <cell r="H716" t="str">
            <v/>
          </cell>
          <cell r="I716" t="str">
            <v>代表取締役 田村　芳樹</v>
          </cell>
          <cell r="J716" t="str">
            <v>本店</v>
          </cell>
          <cell r="K716" t="str">
            <v>078-391-1624</v>
          </cell>
          <cell r="L716" t="str">
            <v>eigyou@tamken.jp</v>
          </cell>
          <cell r="M716" t="str">
            <v>ﾀﾑﾗｹﾝｾﾂ</v>
          </cell>
          <cell r="N716" t="str">
            <v>無</v>
          </cell>
          <cell r="O716">
            <v>54</v>
          </cell>
          <cell r="P716">
            <v>14</v>
          </cell>
          <cell r="Q716">
            <v>4140001009279</v>
          </cell>
          <cell r="R716">
            <v>98000</v>
          </cell>
          <cell r="S716">
            <v>761913</v>
          </cell>
          <cell r="T716">
            <v>534504</v>
          </cell>
          <cell r="V716" t="str">
            <v>jm969001</v>
          </cell>
          <cell r="W716" t="str">
            <v>ht715807</v>
          </cell>
          <cell r="X716" t="str">
            <v>建土と石鋼舗浚塗園水</v>
          </cell>
          <cell r="Y716" t="str">
            <v>建</v>
          </cell>
          <cell r="Z716" t="str">
            <v>土と石鋼舗浚塗園水</v>
          </cell>
          <cell r="AA716" t="str">
            <v>土木一式</v>
          </cell>
          <cell r="AB716" t="str">
            <v>舗装</v>
          </cell>
          <cell r="AC716" t="str">
            <v/>
          </cell>
          <cell r="AD716" t="str">
            <v/>
          </cell>
          <cell r="AE716">
            <v>43220</v>
          </cell>
          <cell r="AF716" t="str">
            <v>希望する</v>
          </cell>
          <cell r="AG716" t="str">
            <v>土木一式</v>
          </cell>
          <cell r="AH716" t="str">
            <v>特定</v>
          </cell>
          <cell r="AI716">
            <v>956</v>
          </cell>
          <cell r="AJ716">
            <v>409994</v>
          </cell>
          <cell r="AK716" t="str">
            <v>13(13)/0/0</v>
          </cell>
          <cell r="AL716" t="str">
            <v>舗装</v>
          </cell>
          <cell r="AM716" t="str">
            <v>特定</v>
          </cell>
          <cell r="AN716">
            <v>900</v>
          </cell>
          <cell r="AO716">
            <v>124511</v>
          </cell>
          <cell r="AP716" t="str">
            <v>13(13)/0/0</v>
          </cell>
          <cell r="AQ716" t="str">
            <v/>
          </cell>
          <cell r="AR716" t="str">
            <v/>
          </cell>
          <cell r="AS716" t="str">
            <v/>
          </cell>
          <cell r="AT716" t="str">
            <v>.</v>
          </cell>
          <cell r="AU716" t="str">
            <v/>
          </cell>
          <cell r="AV716" t="str">
            <v/>
          </cell>
          <cell r="AW716" t="str">
            <v/>
          </cell>
          <cell r="AX716" t="str">
            <v/>
          </cell>
          <cell r="AY716" t="str">
            <v/>
          </cell>
          <cell r="AZ716" t="str">
            <v/>
          </cell>
          <cell r="BA716" t="str">
            <v>兵庫県</v>
          </cell>
          <cell r="BB716">
            <v>0</v>
          </cell>
          <cell r="CR716">
            <v>5748</v>
          </cell>
          <cell r="CS716" t="str">
            <v>ﾏﾂﾓﾄ ｶｽﾞﾔ</v>
          </cell>
          <cell r="CT716" t="str">
            <v>松本  和也</v>
          </cell>
          <cell r="CU716" t="str">
            <v>こども福祉課</v>
          </cell>
          <cell r="CW716" t="str">
            <v xml:space="preserve"> </v>
          </cell>
          <cell r="CX716" t="str">
            <v>主査</v>
          </cell>
          <cell r="CY716" t="str">
            <v>こども福祉課長</v>
          </cell>
        </row>
        <row r="717">
          <cell r="B717">
            <v>3194</v>
          </cell>
          <cell r="C717" t="str">
            <v>(株)丹青社</v>
          </cell>
          <cell r="D717" t="str">
            <v>06-6377-5982</v>
          </cell>
          <cell r="E717" t="str">
            <v>530-0000</v>
          </cell>
          <cell r="F717" t="str">
            <v>大阪府大阪市北区大深町3-1</v>
          </cell>
          <cell r="G717" t="str">
            <v/>
          </cell>
          <cell r="H717" t="str">
            <v>関西支店</v>
          </cell>
          <cell r="I717" t="str">
            <v>関西支店長　 大岩　典文</v>
          </cell>
          <cell r="J717" t="str">
            <v>東京都</v>
          </cell>
          <cell r="K717" t="str">
            <v>06-6377-5992</v>
          </cell>
          <cell r="L717" t="str">
            <v>dnsnst0604@tanseisha.co.jp</v>
          </cell>
          <cell r="M717" t="str">
            <v>ﾀﾝｾｲｼﾔ</v>
          </cell>
          <cell r="N717" t="str">
            <v>有</v>
          </cell>
          <cell r="O717">
            <v>72</v>
          </cell>
          <cell r="P717">
            <v>920</v>
          </cell>
          <cell r="Q717">
            <v>3010500000000</v>
          </cell>
          <cell r="R717">
            <v>4026750</v>
          </cell>
          <cell r="S717">
            <v>23921832</v>
          </cell>
          <cell r="T717">
            <v>71394389</v>
          </cell>
          <cell r="V717" t="str">
            <v>wm383392</v>
          </cell>
          <cell r="W717" t="str">
            <v>ej708152</v>
          </cell>
          <cell r="X717" t="str">
            <v>建土と石鋼舗浚塗園水</v>
          </cell>
          <cell r="Y717" t="str">
            <v>建</v>
          </cell>
          <cell r="Z717" t="str">
            <v>土と石鋼舗浚塗園水</v>
          </cell>
          <cell r="AA717" t="str">
            <v>内装仕上</v>
          </cell>
          <cell r="AB717" t="str">
            <v>建築一式</v>
          </cell>
          <cell r="AC717" t="str">
            <v/>
          </cell>
          <cell r="AD717" t="str">
            <v/>
          </cell>
          <cell r="AE717">
            <v>43131</v>
          </cell>
          <cell r="AF717" t="str">
            <v>希望しない</v>
          </cell>
          <cell r="AG717" t="str">
            <v>内装仕上</v>
          </cell>
          <cell r="AH717" t="str">
            <v>特定</v>
          </cell>
          <cell r="AI717">
            <v>1670</v>
          </cell>
          <cell r="AJ717">
            <v>60058206</v>
          </cell>
          <cell r="AK717" t="str">
            <v>242(195)/38/152</v>
          </cell>
          <cell r="AL717" t="str">
            <v>建築一式</v>
          </cell>
          <cell r="AM717" t="str">
            <v>特定</v>
          </cell>
          <cell r="AN717">
            <v>1216</v>
          </cell>
          <cell r="AO717">
            <v>50410</v>
          </cell>
          <cell r="AP717" t="str">
            <v>240(193)/31/111</v>
          </cell>
          <cell r="AQ717" t="str">
            <v/>
          </cell>
          <cell r="AR717" t="str">
            <v/>
          </cell>
          <cell r="AS717" t="str">
            <v/>
          </cell>
          <cell r="AT717" t="str">
            <v/>
          </cell>
          <cell r="AU717" t="str">
            <v/>
          </cell>
          <cell r="AV717" t="str">
            <v/>
          </cell>
          <cell r="AW717" t="str">
            <v/>
          </cell>
          <cell r="AX717" t="str">
            <v/>
          </cell>
          <cell r="AY717" t="str">
            <v/>
          </cell>
          <cell r="AZ717" t="str">
            <v/>
          </cell>
          <cell r="BA717" t="str">
            <v>東京都</v>
          </cell>
          <cell r="BB717">
            <v>0</v>
          </cell>
          <cell r="CR717">
            <v>5750</v>
          </cell>
          <cell r="CS717" t="str">
            <v>ﾆｼｶﾜ ｱｷｺ</v>
          </cell>
          <cell r="CT717" t="str">
            <v>西川　晶子</v>
          </cell>
          <cell r="CU717" t="str">
            <v>こども福祉課</v>
          </cell>
          <cell r="CW717" t="str">
            <v xml:space="preserve"> </v>
          </cell>
          <cell r="CX717" t="str">
            <v xml:space="preserve"> </v>
          </cell>
          <cell r="CY717" t="str">
            <v>こども福祉課長</v>
          </cell>
        </row>
        <row r="718">
          <cell r="B718">
            <v>3195</v>
          </cell>
          <cell r="C718" t="str">
            <v>但南建設(株)</v>
          </cell>
          <cell r="D718" t="str">
            <v>079-564-4105</v>
          </cell>
          <cell r="E718" t="str">
            <v>669-1522</v>
          </cell>
          <cell r="F718" t="str">
            <v>兵庫県三田市下田中字向井560-4</v>
          </cell>
          <cell r="G718" t="str">
            <v>朝来市</v>
          </cell>
          <cell r="H718" t="str">
            <v>三田営業所</v>
          </cell>
          <cell r="I718" t="str">
            <v>所長 下田　輝明</v>
          </cell>
          <cell r="J718" t="str">
            <v>兵庫県朝来市</v>
          </cell>
          <cell r="K718" t="str">
            <v>079-564-2208</v>
          </cell>
          <cell r="L718" t="str">
            <v>eigyou@tn-net.co.jp</v>
          </cell>
          <cell r="M718" t="str">
            <v>ﾀﾝﾅﾝｹﾝｾﾂ</v>
          </cell>
          <cell r="N718" t="str">
            <v>有</v>
          </cell>
          <cell r="O718">
            <v>64</v>
          </cell>
          <cell r="P718">
            <v>108</v>
          </cell>
          <cell r="Q718">
            <v>7140001046831</v>
          </cell>
          <cell r="R718">
            <v>50000</v>
          </cell>
          <cell r="S718">
            <v>2702255</v>
          </cell>
          <cell r="T718">
            <v>5205404</v>
          </cell>
          <cell r="V718" t="str">
            <v>uw411555</v>
          </cell>
          <cell r="W718" t="str">
            <v>wq434181</v>
          </cell>
          <cell r="X718" t="str">
            <v>管園(清)(建)(大)(左)(と)(石)(屋)(管)(タ)(鋼)(鉄)(板)(ガ)(塗)(防)(内)(熱)(具)土建大と石屋タ鋼鉄舗浚板ガ塗防内熱具水</v>
          </cell>
          <cell r="Y718" t="str">
            <v>管園(清)(建)(大)(左)(と)(石)(屋)(管)(タ)(鋼)(鉄)(板)(ガ)(塗)(防)(内)(熱)(具)</v>
          </cell>
          <cell r="Z718" t="str">
            <v>土建大と石屋タ鋼鉄舗浚板ガ塗防内熱具水</v>
          </cell>
          <cell r="AA718" t="str">
            <v>建築一式</v>
          </cell>
          <cell r="AB718" t="str">
            <v>土木一式</v>
          </cell>
          <cell r="AC718" t="str">
            <v>とび土工</v>
          </cell>
          <cell r="AD718" t="str">
            <v>鋼構造物</v>
          </cell>
          <cell r="AE718">
            <v>43190</v>
          </cell>
          <cell r="AF718" t="str">
            <v>希望しない</v>
          </cell>
          <cell r="AG718" t="str">
            <v>建築一式</v>
          </cell>
          <cell r="AH718" t="str">
            <v/>
          </cell>
          <cell r="AI718">
            <v>1185</v>
          </cell>
          <cell r="AJ718">
            <v>3453568</v>
          </cell>
          <cell r="AK718" t="str">
            <v>25(25)/10/0</v>
          </cell>
          <cell r="AL718" t="str">
            <v>土木一式</v>
          </cell>
          <cell r="AM718" t="str">
            <v/>
          </cell>
          <cell r="AN718">
            <v>1124</v>
          </cell>
          <cell r="AO718">
            <v>1281792</v>
          </cell>
          <cell r="AP718" t="str">
            <v>23(23)/9/2</v>
          </cell>
          <cell r="AQ718" t="str">
            <v>とび土工</v>
          </cell>
          <cell r="AR718" t="str">
            <v/>
          </cell>
          <cell r="AS718">
            <v>943</v>
          </cell>
          <cell r="AT718">
            <v>54530</v>
          </cell>
          <cell r="AU718" t="str">
            <v>9(9)/3/0</v>
          </cell>
          <cell r="AV718" t="str">
            <v>鋼構造物</v>
          </cell>
          <cell r="AW718" t="str">
            <v/>
          </cell>
          <cell r="AX718">
            <v>994</v>
          </cell>
          <cell r="AY718">
            <v>295973</v>
          </cell>
          <cell r="AZ718" t="str">
            <v>16(16)/0/2</v>
          </cell>
          <cell r="BA718" t="str">
            <v>兵庫県</v>
          </cell>
          <cell r="BB718">
            <v>0</v>
          </cell>
          <cell r="CR718">
            <v>5752</v>
          </cell>
          <cell r="CS718" t="str">
            <v>ﾖｼﾀﾞ ﾕﾐｺ</v>
          </cell>
          <cell r="CT718" t="str">
            <v>吉田  由美子</v>
          </cell>
          <cell r="CU718" t="str">
            <v>保育課</v>
          </cell>
          <cell r="CW718" t="str">
            <v xml:space="preserve"> </v>
          </cell>
          <cell r="CX718" t="str">
            <v>主任</v>
          </cell>
          <cell r="CY718" t="str">
            <v>保育課長</v>
          </cell>
        </row>
        <row r="719">
          <cell r="B719">
            <v>3196</v>
          </cell>
          <cell r="C719" t="str">
            <v>太陽築炉工業(株)</v>
          </cell>
          <cell r="D719" t="str">
            <v>092-651-4131</v>
          </cell>
          <cell r="E719" t="str">
            <v>812-0045</v>
          </cell>
          <cell r="F719" t="str">
            <v>福岡県福岡市博多区東公園6-21</v>
          </cell>
          <cell r="G719" t="str">
            <v>福岡市</v>
          </cell>
          <cell r="H719" t="str">
            <v/>
          </cell>
          <cell r="I719" t="str">
            <v>代表取締役社長 江口　正司</v>
          </cell>
          <cell r="J719" t="str">
            <v>本店</v>
          </cell>
          <cell r="K719" t="str">
            <v>092-651-4149</v>
          </cell>
          <cell r="L719" t="str">
            <v>headoffice@taiyochikuro.jp</v>
          </cell>
          <cell r="M719" t="str">
            <v>ﾀｲﾖｳﾁｸﾛｺｳｷﾞｮｳ</v>
          </cell>
          <cell r="N719" t="str">
            <v>無</v>
          </cell>
          <cell r="O719">
            <v>68</v>
          </cell>
          <cell r="P719">
            <v>34</v>
          </cell>
          <cell r="Q719">
            <v>7290001014377</v>
          </cell>
          <cell r="R719">
            <v>50000</v>
          </cell>
          <cell r="S719">
            <v>1008721</v>
          </cell>
          <cell r="T719">
            <v>1608900</v>
          </cell>
          <cell r="V719" t="str">
            <v>ar536563</v>
          </cell>
          <cell r="W719" t="str">
            <v>xp916061</v>
          </cell>
          <cell r="X719" t="str">
            <v>タ機清</v>
          </cell>
          <cell r="Y719" t="str">
            <v>タ</v>
          </cell>
          <cell r="Z719" t="str">
            <v>機清</v>
          </cell>
          <cell r="AA719" t="str">
            <v>機械器具</v>
          </cell>
          <cell r="AB719" t="str">
            <v>タイル</v>
          </cell>
          <cell r="AC719" t="str">
            <v>清掃施設</v>
          </cell>
          <cell r="AD719" t="str">
            <v/>
          </cell>
          <cell r="AE719">
            <v>43220</v>
          </cell>
          <cell r="AF719" t="str">
            <v>希望しない</v>
          </cell>
          <cell r="AG719" t="str">
            <v>機械器具</v>
          </cell>
          <cell r="AH719" t="str">
            <v>特定</v>
          </cell>
          <cell r="AI719">
            <v>884</v>
          </cell>
          <cell r="AJ719">
            <v>960855</v>
          </cell>
          <cell r="AK719" t="str">
            <v>0(0)/0/7</v>
          </cell>
          <cell r="AL719" t="str">
            <v>タイル</v>
          </cell>
          <cell r="AM719" t="str">
            <v>一般</v>
          </cell>
          <cell r="AN719">
            <v>825</v>
          </cell>
          <cell r="AO719">
            <v>83058</v>
          </cell>
          <cell r="AP719" t="str">
            <v>4(4)/0/0</v>
          </cell>
          <cell r="AQ719" t="str">
            <v>清掃施設</v>
          </cell>
          <cell r="AR719" t="str">
            <v>特定</v>
          </cell>
          <cell r="AS719">
            <v>678</v>
          </cell>
          <cell r="AT719" t="str">
            <v/>
          </cell>
          <cell r="AU719" t="str">
            <v>0(0)/0/4</v>
          </cell>
          <cell r="AV719" t="str">
            <v/>
          </cell>
          <cell r="AW719" t="str">
            <v/>
          </cell>
          <cell r="AX719" t="str">
            <v/>
          </cell>
          <cell r="AY719" t="str">
            <v/>
          </cell>
          <cell r="AZ719" t="str">
            <v/>
          </cell>
          <cell r="BA719" t="str">
            <v>福岡県</v>
          </cell>
          <cell r="BB719">
            <v>0</v>
          </cell>
          <cell r="CR719">
            <v>5753</v>
          </cell>
          <cell r="CS719" t="str">
            <v>ﾅｶﾑﾗ ｱｷ</v>
          </cell>
          <cell r="CT719" t="str">
            <v>中村  亜希</v>
          </cell>
          <cell r="CU719" t="str">
            <v>保育課</v>
          </cell>
          <cell r="CW719" t="str">
            <v xml:space="preserve"> </v>
          </cell>
          <cell r="CX719" t="str">
            <v>主任</v>
          </cell>
          <cell r="CY719" t="str">
            <v>保育課長</v>
          </cell>
        </row>
        <row r="720">
          <cell r="B720">
            <v>3200</v>
          </cell>
          <cell r="C720" t="str">
            <v>タカオ(株)</v>
          </cell>
          <cell r="D720" t="str">
            <v>084-955-1275</v>
          </cell>
          <cell r="E720" t="str">
            <v>720-0004</v>
          </cell>
          <cell r="F720" t="str">
            <v>広島県福山市御幸町中津原1787-1</v>
          </cell>
          <cell r="G720" t="str">
            <v>福山市</v>
          </cell>
          <cell r="H720" t="str">
            <v/>
          </cell>
          <cell r="I720" t="str">
            <v>代表取締役 高尾　典秀</v>
          </cell>
          <cell r="J720" t="str">
            <v>本店</v>
          </cell>
          <cell r="K720" t="str">
            <v>084-955-2481</v>
          </cell>
          <cell r="L720" t="str">
            <v>takao@takao-world.co.jp</v>
          </cell>
          <cell r="M720" t="str">
            <v>ﾀｶｵ</v>
          </cell>
          <cell r="N720" t="str">
            <v>無</v>
          </cell>
          <cell r="O720">
            <v>38</v>
          </cell>
          <cell r="P720">
            <v>152</v>
          </cell>
          <cell r="Q720">
            <v>7240001031229</v>
          </cell>
          <cell r="R720">
            <v>80000</v>
          </cell>
          <cell r="S720">
            <v>1924837</v>
          </cell>
          <cell r="T720">
            <v>3561046</v>
          </cell>
          <cell r="V720" t="str">
            <v>nc675277</v>
          </cell>
          <cell r="W720" t="str">
            <v>qe220578</v>
          </cell>
          <cell r="X720" t="str">
            <v>と鋼機園</v>
          </cell>
          <cell r="Y720" t="str">
            <v>と鋼機園</v>
          </cell>
          <cell r="Z720" t="str">
            <v/>
          </cell>
          <cell r="AA720" t="str">
            <v>とび土工</v>
          </cell>
          <cell r="AB720" t="str">
            <v>造園</v>
          </cell>
          <cell r="AC720" t="str">
            <v>鋼構造物</v>
          </cell>
          <cell r="AD720" t="str">
            <v>機械器具</v>
          </cell>
          <cell r="AE720">
            <v>43069</v>
          </cell>
          <cell r="AF720" t="str">
            <v>希望しない</v>
          </cell>
          <cell r="AG720" t="str">
            <v>とび土工</v>
          </cell>
          <cell r="AH720" t="str">
            <v>一般</v>
          </cell>
          <cell r="AI720">
            <v>929</v>
          </cell>
          <cell r="AJ720">
            <v>446093</v>
          </cell>
          <cell r="AK720" t="str">
            <v>3(2)/11/21</v>
          </cell>
          <cell r="AL720" t="str">
            <v>造園</v>
          </cell>
          <cell r="AM720" t="str">
            <v>一般</v>
          </cell>
          <cell r="AN720">
            <v>826</v>
          </cell>
          <cell r="AO720">
            <v>78302</v>
          </cell>
          <cell r="AP720" t="str">
            <v>1(1)/1/16</v>
          </cell>
          <cell r="AQ720" t="str">
            <v>鋼構造物</v>
          </cell>
          <cell r="AR720" t="str">
            <v>一般</v>
          </cell>
          <cell r="AS720">
            <v>736</v>
          </cell>
          <cell r="AT720" t="str">
            <v/>
          </cell>
          <cell r="AU720" t="str">
            <v>1(0)/9/8</v>
          </cell>
          <cell r="AV720" t="str">
            <v>機械器具</v>
          </cell>
          <cell r="AW720" t="str">
            <v>一般</v>
          </cell>
          <cell r="AX720">
            <v>677</v>
          </cell>
          <cell r="AY720" t="str">
            <v/>
          </cell>
          <cell r="AZ720" t="str">
            <v>0(0)/0/2</v>
          </cell>
          <cell r="BA720" t="str">
            <v>広島県</v>
          </cell>
          <cell r="BB720">
            <v>0</v>
          </cell>
          <cell r="CR720">
            <v>5754</v>
          </cell>
          <cell r="CS720" t="str">
            <v>ｶﾜﾓﾄ ｺｳｼﾞ</v>
          </cell>
          <cell r="CT720" t="str">
            <v>川本  幸司</v>
          </cell>
          <cell r="CU720" t="str">
            <v>業務課</v>
          </cell>
          <cell r="CW720" t="str">
            <v xml:space="preserve"> </v>
          </cell>
          <cell r="CX720" t="str">
            <v xml:space="preserve"> </v>
          </cell>
          <cell r="CY720" t="str">
            <v>業務課長</v>
          </cell>
        </row>
        <row r="721">
          <cell r="B721">
            <v>3205</v>
          </cell>
          <cell r="C721" t="str">
            <v>(株)ダイキアクシス</v>
          </cell>
          <cell r="D721" t="str">
            <v>0797-83-0065</v>
          </cell>
          <cell r="E721" t="str">
            <v>665-0825</v>
          </cell>
          <cell r="F721" t="str">
            <v>兵庫県宝塚市安倉西4-2-43</v>
          </cell>
          <cell r="G721" t="str">
            <v>松山市</v>
          </cell>
          <cell r="H721" t="str">
            <v>兵庫営業所</v>
          </cell>
          <cell r="I721" t="str">
            <v>所長 谷山　智志</v>
          </cell>
          <cell r="J721" t="str">
            <v>愛媛県松山市</v>
          </cell>
          <cell r="K721" t="str">
            <v>0797-83-0066</v>
          </cell>
          <cell r="L721" t="str">
            <v>hpadmin@daiki-axis.com</v>
          </cell>
          <cell r="M721" t="str">
            <v>ﾀﾞｲｷｱｸｼｽ</v>
          </cell>
          <cell r="N721" t="str">
            <v>有</v>
          </cell>
          <cell r="O721">
            <v>44</v>
          </cell>
          <cell r="P721">
            <v>525</v>
          </cell>
          <cell r="Q721">
            <v>4500001005530</v>
          </cell>
          <cell r="R721">
            <v>1983290</v>
          </cell>
          <cell r="S721">
            <v>6824475</v>
          </cell>
          <cell r="T721">
            <v>33561242</v>
          </cell>
          <cell r="V721" t="str">
            <v>zf132151</v>
          </cell>
          <cell r="W721" t="str">
            <v>ye529718</v>
          </cell>
          <cell r="X721" t="str">
            <v>石屋タ板内園井消(管)(機)土建と電管鋼塗機具水清解</v>
          </cell>
          <cell r="Y721" t="str">
            <v>石屋タ板内園井消(管)(機)</v>
          </cell>
          <cell r="Z721" t="str">
            <v>土建と電管鋼塗機具水清解</v>
          </cell>
          <cell r="AA721" t="str">
            <v>管</v>
          </cell>
          <cell r="AB721" t="str">
            <v>機械器具</v>
          </cell>
          <cell r="AC721" t="str">
            <v/>
          </cell>
          <cell r="AD721" t="str">
            <v/>
          </cell>
          <cell r="AE721">
            <v>43100</v>
          </cell>
          <cell r="AF721" t="str">
            <v>希望しない</v>
          </cell>
          <cell r="AG721" t="str">
            <v>管</v>
          </cell>
          <cell r="AH721" t="str">
            <v>特定</v>
          </cell>
          <cell r="AI721">
            <v>1242</v>
          </cell>
          <cell r="AJ721">
            <v>3718247</v>
          </cell>
          <cell r="AK721" t="str">
            <v>44(25)/13/0</v>
          </cell>
          <cell r="AL721" t="str">
            <v>機械器具</v>
          </cell>
          <cell r="AM721" t="str">
            <v>特定</v>
          </cell>
          <cell r="AN721">
            <v>1098</v>
          </cell>
          <cell r="AO721">
            <v>2563282</v>
          </cell>
          <cell r="AP721" t="str">
            <v>0(0)/0/18</v>
          </cell>
          <cell r="AQ721" t="str">
            <v/>
          </cell>
          <cell r="AR721" t="str">
            <v/>
          </cell>
          <cell r="AS721" t="str">
            <v/>
          </cell>
          <cell r="AT721" t="str">
            <v/>
          </cell>
          <cell r="AU721" t="str">
            <v/>
          </cell>
          <cell r="AV721" t="str">
            <v/>
          </cell>
          <cell r="AW721" t="str">
            <v/>
          </cell>
          <cell r="AX721" t="str">
            <v/>
          </cell>
          <cell r="AY721" t="str">
            <v/>
          </cell>
          <cell r="AZ721" t="str">
            <v/>
          </cell>
          <cell r="BA721" t="str">
            <v>愛媛県</v>
          </cell>
          <cell r="BB721">
            <v>0</v>
          </cell>
          <cell r="CR721">
            <v>5755</v>
          </cell>
          <cell r="CS721" t="str">
            <v>ﾅｶﾑﾗ ｼﾞﾕﾝﾔ</v>
          </cell>
          <cell r="CT721" t="str">
            <v>中村  純也</v>
          </cell>
          <cell r="CU721" t="str">
            <v>業務課</v>
          </cell>
          <cell r="CW721" t="str">
            <v xml:space="preserve"> </v>
          </cell>
          <cell r="CX721" t="str">
            <v xml:space="preserve"> </v>
          </cell>
          <cell r="CY721" t="str">
            <v>業務課長</v>
          </cell>
        </row>
        <row r="722">
          <cell r="B722">
            <v>3206</v>
          </cell>
          <cell r="C722" t="str">
            <v>大容建設(株)</v>
          </cell>
          <cell r="D722" t="str">
            <v>078-414-7661</v>
          </cell>
          <cell r="E722" t="str">
            <v>657-0043</v>
          </cell>
          <cell r="F722" t="str">
            <v>兵庫県神戸市大石東町6-6-1</v>
          </cell>
          <cell r="G722" t="str">
            <v>堺市</v>
          </cell>
          <cell r="H722" t="str">
            <v>神戸支店</v>
          </cell>
          <cell r="I722" t="str">
            <v>支店長 芦田　克之</v>
          </cell>
          <cell r="J722" t="str">
            <v>大阪府堺市</v>
          </cell>
          <cell r="K722" t="str">
            <v>078-414-7662</v>
          </cell>
          <cell r="L722" t="str">
            <v>eigyou@daiyou.co.jp</v>
          </cell>
          <cell r="M722" t="str">
            <v>ﾀﾞｲﾖｳｹﾝｾﾂ</v>
          </cell>
          <cell r="N722" t="str">
            <v>有</v>
          </cell>
          <cell r="O722">
            <v>46</v>
          </cell>
          <cell r="P722">
            <v>30</v>
          </cell>
          <cell r="Q722">
            <v>3120101029139</v>
          </cell>
          <cell r="R722">
            <v>200000</v>
          </cell>
          <cell r="S722">
            <v>1789284</v>
          </cell>
          <cell r="T722">
            <v>1565330</v>
          </cell>
          <cell r="V722" t="str">
            <v>nz663541</v>
          </cell>
          <cell r="W722" t="str">
            <v>pm446651</v>
          </cell>
          <cell r="X722" t="str">
            <v>(清)(建)(大)(左)(と)(石)(屋)(タ)(鋼)(鉄)(舗)(浚)(板)(ガ)(塗)(防)(内)(熱)(園)(具)(水)(解)土建大と石屋タ鋼鉄舗浚板ガ塗防内熱園具水解</v>
          </cell>
          <cell r="Y722" t="str">
            <v>(清)(建)(大)(左)(と)(石)(屋)(タ)(鋼)(鉄)(舗)(浚)(板)(ガ)(塗)(防)(内)(熱)(園)(具)(水)(解)</v>
          </cell>
          <cell r="Z722" t="str">
            <v>土建大と石屋タ鋼鉄舗浚板ガ塗防内熱園具水解</v>
          </cell>
          <cell r="AA722" t="str">
            <v>土木一式</v>
          </cell>
          <cell r="AB722" t="str">
            <v>建築一式</v>
          </cell>
          <cell r="AC722" t="str">
            <v>鋼構造物</v>
          </cell>
          <cell r="AD722" t="str">
            <v>とび土工</v>
          </cell>
          <cell r="AE722">
            <v>43190</v>
          </cell>
          <cell r="AF722" t="str">
            <v>希望する</v>
          </cell>
          <cell r="AG722" t="str">
            <v>土木一式</v>
          </cell>
          <cell r="AH722" t="str">
            <v>特定</v>
          </cell>
          <cell r="AI722">
            <v>1045</v>
          </cell>
          <cell r="AJ722">
            <v>1229489</v>
          </cell>
          <cell r="AK722" t="str">
            <v>14(14)/6/1</v>
          </cell>
          <cell r="AL722" t="str">
            <v>建築一式</v>
          </cell>
          <cell r="AM722" t="str">
            <v>特定</v>
          </cell>
          <cell r="AN722">
            <v>933</v>
          </cell>
          <cell r="AO722">
            <v>195474</v>
          </cell>
          <cell r="AP722" t="str">
            <v>10(10)/2/0</v>
          </cell>
          <cell r="AQ722" t="str">
            <v>鋼構造物</v>
          </cell>
          <cell r="AR722" t="str">
            <v>特定</v>
          </cell>
          <cell r="AS722">
            <v>784</v>
          </cell>
          <cell r="AT722">
            <v>6210</v>
          </cell>
          <cell r="AU722" t="str">
            <v>3(3)/1/0</v>
          </cell>
          <cell r="AV722" t="str">
            <v>とび土工</v>
          </cell>
          <cell r="AW722" t="str">
            <v>特定</v>
          </cell>
          <cell r="AX722">
            <v>773</v>
          </cell>
          <cell r="AY722">
            <v>1389</v>
          </cell>
          <cell r="AZ722" t="str">
            <v>2(2)/5/0</v>
          </cell>
          <cell r="BA722" t="str">
            <v>大阪府</v>
          </cell>
          <cell r="BB722">
            <v>0</v>
          </cell>
          <cell r="CR722">
            <v>5756</v>
          </cell>
          <cell r="CS722" t="str">
            <v>ﾓﾘｶﾜ ﾋﾃﾞﾕｷ</v>
          </cell>
          <cell r="CT722" t="str">
            <v>森川  秀幸</v>
          </cell>
          <cell r="CU722" t="str">
            <v>業務課</v>
          </cell>
          <cell r="CW722" t="str">
            <v xml:space="preserve"> </v>
          </cell>
          <cell r="CX722" t="str">
            <v xml:space="preserve"> </v>
          </cell>
          <cell r="CY722" t="str">
            <v>業務課長</v>
          </cell>
        </row>
        <row r="723">
          <cell r="B723">
            <v>3211</v>
          </cell>
          <cell r="C723" t="str">
            <v>(株)大城建設</v>
          </cell>
          <cell r="D723" t="str">
            <v>06-4961-3404</v>
          </cell>
          <cell r="E723" t="str">
            <v>661-0012</v>
          </cell>
          <cell r="F723" t="str">
            <v>兵庫県尼崎市南塚口町7-4-15</v>
          </cell>
          <cell r="G723" t="str">
            <v>尼崎市</v>
          </cell>
          <cell r="H723" t="str">
            <v/>
          </cell>
          <cell r="I723" t="str">
            <v>代表取締役 大城　絹子</v>
          </cell>
          <cell r="J723" t="str">
            <v>本店</v>
          </cell>
          <cell r="K723" t="str">
            <v>06-4961-3405</v>
          </cell>
          <cell r="L723" t="str">
            <v>kensetu@ohshiro.co.jp</v>
          </cell>
          <cell r="M723" t="str">
            <v>ｵｵｼﾛｹﾝｾﾂ</v>
          </cell>
          <cell r="N723" t="str">
            <v>無</v>
          </cell>
          <cell r="O723">
            <v>51</v>
          </cell>
          <cell r="P723">
            <v>6</v>
          </cell>
          <cell r="Q723">
            <v>6140001054637</v>
          </cell>
          <cell r="R723">
            <v>20000</v>
          </cell>
          <cell r="S723">
            <v>73257</v>
          </cell>
          <cell r="T723">
            <v>211068</v>
          </cell>
          <cell r="V723" t="str">
            <v>nx272733</v>
          </cell>
          <cell r="W723" t="str">
            <v>bc730251</v>
          </cell>
          <cell r="X723" t="str">
            <v>土と石管鋼舗浚塗水</v>
          </cell>
          <cell r="Y723" t="str">
            <v/>
          </cell>
          <cell r="Z723" t="str">
            <v>土と石管鋼舗浚塗水</v>
          </cell>
          <cell r="AA723" t="str">
            <v>土木一式</v>
          </cell>
          <cell r="AB723" t="str">
            <v>水道施設</v>
          </cell>
          <cell r="AC723" t="str">
            <v>鋼構造物</v>
          </cell>
          <cell r="AD723" t="str">
            <v>管</v>
          </cell>
          <cell r="AE723">
            <v>43251</v>
          </cell>
          <cell r="AF723" t="str">
            <v>希望する</v>
          </cell>
          <cell r="AG723" t="str">
            <v>土木一式</v>
          </cell>
          <cell r="AH723" t="str">
            <v>特定</v>
          </cell>
          <cell r="AI723">
            <v>881</v>
          </cell>
          <cell r="AJ723">
            <v>211098</v>
          </cell>
          <cell r="AK723" t="str">
            <v>3(3)/1/1</v>
          </cell>
          <cell r="AL723" t="str">
            <v>水道施設</v>
          </cell>
          <cell r="AM723" t="str">
            <v>特定</v>
          </cell>
          <cell r="AN723">
            <v>729</v>
          </cell>
          <cell r="AO723" t="str">
            <v/>
          </cell>
          <cell r="AP723" t="str">
            <v>2(2)/0/0</v>
          </cell>
          <cell r="AQ723" t="str">
            <v>鋼構造物</v>
          </cell>
          <cell r="AR723" t="str">
            <v>特定</v>
          </cell>
          <cell r="AS723">
            <v>699</v>
          </cell>
          <cell r="AT723" t="str">
            <v/>
          </cell>
          <cell r="AU723" t="str">
            <v>0(0)/0/0</v>
          </cell>
          <cell r="AV723" t="str">
            <v>管</v>
          </cell>
          <cell r="AW723" t="str">
            <v>特定</v>
          </cell>
          <cell r="AX723">
            <v>724</v>
          </cell>
          <cell r="AY723">
            <v>480</v>
          </cell>
          <cell r="AZ723" t="str">
            <v>1(1)/1/1</v>
          </cell>
          <cell r="BA723" t="str">
            <v>兵庫県</v>
          </cell>
          <cell r="BB723">
            <v>0</v>
          </cell>
          <cell r="CR723">
            <v>5757</v>
          </cell>
          <cell r="CS723" t="str">
            <v>ｵｶﾀﾞ ｽﾐｺ</v>
          </cell>
          <cell r="CT723" t="str">
            <v>岡田  寿見子</v>
          </cell>
          <cell r="CU723" t="str">
            <v>学校給食センター</v>
          </cell>
          <cell r="CW723" t="str">
            <v xml:space="preserve"> </v>
          </cell>
          <cell r="CX723" t="str">
            <v xml:space="preserve"> </v>
          </cell>
          <cell r="CY723" t="str">
            <v>学校給食センター長</v>
          </cell>
        </row>
        <row r="724">
          <cell r="B724">
            <v>3212</v>
          </cell>
          <cell r="C724" t="str">
            <v>大都保全興業(株)</v>
          </cell>
          <cell r="D724" t="str">
            <v>06-6453-4813</v>
          </cell>
          <cell r="E724" t="str">
            <v>530-0043</v>
          </cell>
          <cell r="F724" t="str">
            <v>大阪府大阪市北区大淀中3-16-12 F&amp;Gﾋﾞﾙ</v>
          </cell>
          <cell r="G724" t="str">
            <v>大阪市</v>
          </cell>
          <cell r="H724" t="str">
            <v/>
          </cell>
          <cell r="I724" t="str">
            <v>代表取締役　 兒玉　佳大</v>
          </cell>
          <cell r="J724" t="str">
            <v>本店</v>
          </cell>
          <cell r="K724" t="str">
            <v>06-6453-3666</v>
          </cell>
          <cell r="L724" t="str">
            <v>hozen@daito-gp.com</v>
          </cell>
          <cell r="M724" t="str">
            <v>ﾀﾞｲﾄﾎｾﾞﾝｺｳｷﾞﾖｳ</v>
          </cell>
          <cell r="N724" t="str">
            <v>無</v>
          </cell>
          <cell r="O724">
            <v>38</v>
          </cell>
          <cell r="P724">
            <v>17</v>
          </cell>
          <cell r="Q724">
            <v>8120000000000</v>
          </cell>
          <cell r="R724">
            <v>20000</v>
          </cell>
          <cell r="S724">
            <v>99527</v>
          </cell>
          <cell r="T724">
            <v>551164</v>
          </cell>
          <cell r="V724" t="str">
            <v>gf950030</v>
          </cell>
          <cell r="W724" t="str">
            <v>eq296825</v>
          </cell>
          <cell r="X724" t="str">
            <v>土と石管鋼舗浚塗水</v>
          </cell>
          <cell r="Y724" t="str">
            <v/>
          </cell>
          <cell r="Z724" t="str">
            <v>土と石管鋼舗浚塗水</v>
          </cell>
          <cell r="AA724" t="str">
            <v>建築一式</v>
          </cell>
          <cell r="AB724" t="str">
            <v>管</v>
          </cell>
          <cell r="AC724" t="str">
            <v>土木一式</v>
          </cell>
          <cell r="AD724" t="str">
            <v>塗装</v>
          </cell>
          <cell r="AE724">
            <v>43190</v>
          </cell>
          <cell r="AF724" t="str">
            <v>希望しない</v>
          </cell>
          <cell r="AG724" t="str">
            <v>建築一式</v>
          </cell>
          <cell r="AH724" t="str">
            <v>特定</v>
          </cell>
          <cell r="AI724">
            <v>846</v>
          </cell>
          <cell r="AJ724">
            <v>290155</v>
          </cell>
          <cell r="AK724" t="str">
            <v>3(3)/1/0</v>
          </cell>
          <cell r="AL724" t="str">
            <v>管</v>
          </cell>
          <cell r="AM724" t="str">
            <v>一般</v>
          </cell>
          <cell r="AN724">
            <v>599</v>
          </cell>
          <cell r="AO724">
            <v>25062</v>
          </cell>
          <cell r="AP724" t="str">
            <v>0(0)/0/1</v>
          </cell>
          <cell r="AQ724" t="str">
            <v>土木一式</v>
          </cell>
          <cell r="AR724" t="str">
            <v>特定</v>
          </cell>
          <cell r="AS724">
            <v>456</v>
          </cell>
          <cell r="AT724">
            <v>1601</v>
          </cell>
          <cell r="AU724" t="str">
            <v>2(2)/1/0</v>
          </cell>
          <cell r="AV724" t="str">
            <v>塗装</v>
          </cell>
          <cell r="AW724" t="str">
            <v>特定</v>
          </cell>
          <cell r="AX724">
            <v>427</v>
          </cell>
          <cell r="AY724">
            <v>2273</v>
          </cell>
          <cell r="AZ724" t="str">
            <v>0(0)/0/1</v>
          </cell>
          <cell r="BA724" t="str">
            <v>大阪府</v>
          </cell>
          <cell r="BB724">
            <v>0</v>
          </cell>
          <cell r="CR724">
            <v>5759</v>
          </cell>
          <cell r="CS724" t="str">
            <v>ｵｶﾓﾄ ﾏｲｺ</v>
          </cell>
          <cell r="CT724" t="str">
            <v>岡本  麻衣子</v>
          </cell>
          <cell r="CU724" t="str">
            <v>保育課</v>
          </cell>
          <cell r="CW724" t="str">
            <v xml:space="preserve"> </v>
          </cell>
          <cell r="CX724" t="str">
            <v xml:space="preserve"> </v>
          </cell>
          <cell r="CY724" t="str">
            <v>保育課長</v>
          </cell>
        </row>
        <row r="725">
          <cell r="B725">
            <v>3215</v>
          </cell>
          <cell r="C725" t="str">
            <v>タツト・建設(株)</v>
          </cell>
          <cell r="D725" t="str">
            <v>06-6445-6361</v>
          </cell>
          <cell r="E725" t="str">
            <v>550-0002</v>
          </cell>
          <cell r="F725" t="str">
            <v>大阪府大阪市西区江戸堀1-25-30</v>
          </cell>
          <cell r="G725" t="str">
            <v>大阪市</v>
          </cell>
          <cell r="H725" t="str">
            <v/>
          </cell>
          <cell r="I725" t="str">
            <v>代表取締役 大川　大助</v>
          </cell>
          <cell r="J725" t="str">
            <v>本店</v>
          </cell>
          <cell r="K725" t="str">
            <v>06-6441-6622</v>
          </cell>
          <cell r="L725" t="str">
            <v>honsya@tat-kensetsu.co.jp</v>
          </cell>
          <cell r="M725" t="str">
            <v>ﾀﾂﾄｹﾝｾﾂ</v>
          </cell>
          <cell r="N725" t="str">
            <v>無</v>
          </cell>
          <cell r="O725">
            <v>29</v>
          </cell>
          <cell r="P725">
            <v>45</v>
          </cell>
          <cell r="Q725">
            <v>8120001045272</v>
          </cell>
          <cell r="R725">
            <v>300000</v>
          </cell>
          <cell r="S725">
            <v>946781</v>
          </cell>
          <cell r="T725">
            <v>5376246</v>
          </cell>
          <cell r="V725" t="str">
            <v>ny925645</v>
          </cell>
          <cell r="W725" t="str">
            <v>vc757189</v>
          </cell>
          <cell r="X725" t="str">
            <v>土建大と石屋電管タ鋼鉄舗浚板ガ塗防内熱園具水解</v>
          </cell>
          <cell r="Y725" t="str">
            <v/>
          </cell>
          <cell r="Z725" t="str">
            <v>土建大と石屋電管タ鋼鉄舗浚板ガ塗防内熱園具水解</v>
          </cell>
          <cell r="AA725" t="str">
            <v>建築一式</v>
          </cell>
          <cell r="AB725" t="str">
            <v/>
          </cell>
          <cell r="AC725" t="str">
            <v/>
          </cell>
          <cell r="AD725" t="str">
            <v/>
          </cell>
          <cell r="AE725">
            <v>43008</v>
          </cell>
          <cell r="AF725" t="str">
            <v>希望しない</v>
          </cell>
          <cell r="AG725" t="str">
            <v>建築一式</v>
          </cell>
          <cell r="AH725" t="str">
            <v>特定</v>
          </cell>
          <cell r="AI725">
            <v>1032</v>
          </cell>
          <cell r="AJ725">
            <v>4801059</v>
          </cell>
          <cell r="AK725" t="str">
            <v>23(22)/4/10</v>
          </cell>
          <cell r="AL725" t="str">
            <v/>
          </cell>
          <cell r="AM725" t="str">
            <v/>
          </cell>
          <cell r="AN725" t="str">
            <v/>
          </cell>
          <cell r="AO725" t="str">
            <v/>
          </cell>
          <cell r="AP725" t="str">
            <v/>
          </cell>
          <cell r="AQ725" t="str">
            <v/>
          </cell>
          <cell r="AR725" t="str">
            <v/>
          </cell>
          <cell r="AS725" t="str">
            <v/>
          </cell>
          <cell r="AT725" t="str">
            <v/>
          </cell>
          <cell r="AU725" t="str">
            <v/>
          </cell>
          <cell r="AV725" t="str">
            <v/>
          </cell>
          <cell r="AW725" t="str">
            <v/>
          </cell>
          <cell r="AX725" t="str">
            <v/>
          </cell>
          <cell r="AY725" t="str">
            <v/>
          </cell>
          <cell r="AZ725" t="str">
            <v/>
          </cell>
          <cell r="BA725" t="str">
            <v>大阪府</v>
          </cell>
          <cell r="BB725">
            <v>0</v>
          </cell>
          <cell r="CR725">
            <v>5762</v>
          </cell>
          <cell r="CS725" t="str">
            <v>ｵﾉﾀﾞ ｶｵﾙ</v>
          </cell>
          <cell r="CT725" t="str">
            <v>斧田  薫</v>
          </cell>
          <cell r="CU725" t="str">
            <v>人権啓発センター</v>
          </cell>
          <cell r="CW725" t="str">
            <v xml:space="preserve"> </v>
          </cell>
          <cell r="CX725" t="str">
            <v xml:space="preserve"> </v>
          </cell>
          <cell r="CY725" t="str">
            <v>人権啓発センター長</v>
          </cell>
        </row>
        <row r="726">
          <cell r="B726">
            <v>3216</v>
          </cell>
          <cell r="C726" t="str">
            <v>(株)谷工務店</v>
          </cell>
          <cell r="D726" t="str">
            <v>078-974-7710</v>
          </cell>
          <cell r="E726" t="str">
            <v>530-0047</v>
          </cell>
          <cell r="F726" t="str">
            <v>兵庫県神戸市西区伊川谷町有瀬1456-3</v>
          </cell>
          <cell r="G726" t="str">
            <v>神戸市</v>
          </cell>
          <cell r="H726" t="str">
            <v/>
          </cell>
          <cell r="I726" t="str">
            <v>代表取締役　 谷　弘一</v>
          </cell>
          <cell r="J726" t="str">
            <v>本店</v>
          </cell>
          <cell r="K726" t="str">
            <v>078-974-0874</v>
          </cell>
          <cell r="L726" t="str">
            <v>info@tani-koumuten.com</v>
          </cell>
          <cell r="M726" t="str">
            <v>ﾀﾆｺｳﾑﾃﾝ</v>
          </cell>
          <cell r="N726" t="str">
            <v>無</v>
          </cell>
          <cell r="O726">
            <v>33</v>
          </cell>
          <cell r="P726">
            <v>26</v>
          </cell>
          <cell r="Q726">
            <v>2140000000000</v>
          </cell>
          <cell r="R726">
            <v>28000</v>
          </cell>
          <cell r="S726">
            <v>238461</v>
          </cell>
          <cell r="T726">
            <v>1569366</v>
          </cell>
          <cell r="V726" t="str">
            <v>vk297510</v>
          </cell>
          <cell r="W726" t="str">
            <v>ur585663</v>
          </cell>
          <cell r="X726" t="str">
            <v>土建大と石屋電管タ鋼鉄舗浚板ガ塗防内熱園具水解</v>
          </cell>
          <cell r="Y726" t="str">
            <v/>
          </cell>
          <cell r="Z726" t="str">
            <v>土建大と石屋電管タ鋼鉄舗浚板ガ塗防内熱園具水解</v>
          </cell>
          <cell r="AA726" t="str">
            <v>建築一式</v>
          </cell>
          <cell r="AB726" t="str">
            <v>土木一式</v>
          </cell>
          <cell r="AC726" t="str">
            <v>とび土工</v>
          </cell>
          <cell r="AD726" t="str">
            <v>舗装</v>
          </cell>
          <cell r="AE726">
            <v>43008</v>
          </cell>
          <cell r="AF726" t="str">
            <v>希望しない</v>
          </cell>
          <cell r="AG726" t="str">
            <v>建築一式</v>
          </cell>
          <cell r="AH726" t="str">
            <v>特定</v>
          </cell>
          <cell r="AI726">
            <v>980</v>
          </cell>
          <cell r="AJ726">
            <v>1413995</v>
          </cell>
          <cell r="AK726" t="str">
            <v>8(8)/4/1</v>
          </cell>
          <cell r="AL726" t="str">
            <v>土木一式</v>
          </cell>
          <cell r="AM726" t="str">
            <v>特定</v>
          </cell>
          <cell r="AN726">
            <v>782</v>
          </cell>
          <cell r="AO726">
            <v>19304</v>
          </cell>
          <cell r="AP726" t="str">
            <v>2(2)/4/3</v>
          </cell>
          <cell r="AQ726" t="str">
            <v>とび土工</v>
          </cell>
          <cell r="AR726" t="str">
            <v>特定</v>
          </cell>
          <cell r="AS726">
            <v>680</v>
          </cell>
          <cell r="AT726" t="str">
            <v/>
          </cell>
          <cell r="AU726" t="str">
            <v>1(1)/0/0</v>
          </cell>
          <cell r="AV726" t="str">
            <v>舗装</v>
          </cell>
          <cell r="AW726" t="str">
            <v>特定</v>
          </cell>
          <cell r="AX726">
            <v>665</v>
          </cell>
          <cell r="AY726" t="str">
            <v/>
          </cell>
          <cell r="AZ726" t="str">
            <v>0(0)/0/0</v>
          </cell>
          <cell r="BA726" t="str">
            <v>兵庫県</v>
          </cell>
          <cell r="BB726">
            <v>0</v>
          </cell>
          <cell r="CR726">
            <v>5766</v>
          </cell>
          <cell r="CS726" t="str">
            <v>ｲｽﾞﾐ ﾀﾂﾔ</v>
          </cell>
          <cell r="CT726" t="str">
            <v>泉  竜也</v>
          </cell>
          <cell r="CU726" t="str">
            <v>西消防署</v>
          </cell>
          <cell r="CW726">
            <v>6680252</v>
          </cell>
          <cell r="CX726" t="str">
            <v>係長</v>
          </cell>
          <cell r="CY726" t="str">
            <v>西消防署長</v>
          </cell>
        </row>
        <row r="727">
          <cell r="B727">
            <v>3217</v>
          </cell>
          <cell r="C727" t="str">
            <v>高橋園芸(株)</v>
          </cell>
          <cell r="D727" t="str">
            <v>06-6708-1128</v>
          </cell>
          <cell r="E727" t="str">
            <v>547-0023</v>
          </cell>
          <cell r="F727" t="str">
            <v>大阪府大阪市平野区瓜破南1-714-4</v>
          </cell>
          <cell r="G727" t="str">
            <v>大阪市</v>
          </cell>
          <cell r="H727" t="str">
            <v/>
          </cell>
          <cell r="I727" t="str">
            <v>代表取締役 高橋　正</v>
          </cell>
          <cell r="J727" t="str">
            <v>本店</v>
          </cell>
          <cell r="K727" t="str">
            <v>06-6708-1191</v>
          </cell>
          <cell r="L727" t="str">
            <v>office@takahashi-engei.co.jp</v>
          </cell>
          <cell r="M727" t="str">
            <v>ﾀｶﾊｼｴﾝｹﾞｲ</v>
          </cell>
          <cell r="N727" t="str">
            <v>無</v>
          </cell>
          <cell r="O727">
            <v>44</v>
          </cell>
          <cell r="P727">
            <v>17</v>
          </cell>
          <cell r="Q727">
            <v>6120001020905</v>
          </cell>
          <cell r="R727">
            <v>20000</v>
          </cell>
          <cell r="S727">
            <v>235563</v>
          </cell>
          <cell r="T727">
            <v>392477</v>
          </cell>
          <cell r="V727" t="str">
            <v>hf448351</v>
          </cell>
          <cell r="W727" t="str">
            <v>lw188186</v>
          </cell>
          <cell r="X727" t="str">
            <v>園</v>
          </cell>
          <cell r="Y727" t="str">
            <v/>
          </cell>
          <cell r="Z727" t="str">
            <v>園</v>
          </cell>
          <cell r="AA727" t="str">
            <v>造園</v>
          </cell>
          <cell r="AB727" t="str">
            <v/>
          </cell>
          <cell r="AC727" t="str">
            <v/>
          </cell>
          <cell r="AD727" t="str">
            <v/>
          </cell>
          <cell r="AE727">
            <v>42978</v>
          </cell>
          <cell r="AF727" t="str">
            <v>希望しない</v>
          </cell>
          <cell r="AG727" t="str">
            <v>造園</v>
          </cell>
          <cell r="AH727" t="str">
            <v>特定</v>
          </cell>
          <cell r="AI727">
            <v>901</v>
          </cell>
          <cell r="AJ727">
            <v>446336</v>
          </cell>
          <cell r="AK727" t="str">
            <v>5(5)/1/7</v>
          </cell>
          <cell r="AL727" t="str">
            <v/>
          </cell>
          <cell r="AM727" t="str">
            <v/>
          </cell>
          <cell r="AN727" t="str">
            <v/>
          </cell>
          <cell r="AO727" t="str">
            <v/>
          </cell>
          <cell r="AP727" t="str">
            <v/>
          </cell>
          <cell r="AQ727" t="str">
            <v/>
          </cell>
          <cell r="AR727" t="str">
            <v/>
          </cell>
          <cell r="AS727" t="str">
            <v/>
          </cell>
          <cell r="AT727" t="str">
            <v/>
          </cell>
          <cell r="AU727" t="str">
            <v/>
          </cell>
          <cell r="AV727" t="str">
            <v/>
          </cell>
          <cell r="AW727" t="str">
            <v/>
          </cell>
          <cell r="AX727" t="str">
            <v/>
          </cell>
          <cell r="AY727" t="str">
            <v/>
          </cell>
          <cell r="AZ727" t="str">
            <v/>
          </cell>
          <cell r="BA727" t="str">
            <v>大阪府</v>
          </cell>
          <cell r="BB727">
            <v>0</v>
          </cell>
          <cell r="CR727">
            <v>5806</v>
          </cell>
          <cell r="CS727" t="str">
            <v>ｻﾄｳ ﾅｵﾐ</v>
          </cell>
          <cell r="CT727" t="str">
            <v>佐藤  直美</v>
          </cell>
          <cell r="CU727" t="str">
            <v>福利厚生課</v>
          </cell>
          <cell r="CW727" t="str">
            <v xml:space="preserve"> </v>
          </cell>
          <cell r="CX727" t="str">
            <v>主任</v>
          </cell>
          <cell r="CY727" t="str">
            <v>福利厚生課長</v>
          </cell>
        </row>
        <row r="728">
          <cell r="B728">
            <v>3220</v>
          </cell>
          <cell r="C728" t="str">
            <v>タカギエレクトロニクス(株)</v>
          </cell>
          <cell r="D728" t="str">
            <v>06-6209-3331</v>
          </cell>
          <cell r="E728" t="str">
            <v>541-0041</v>
          </cell>
          <cell r="F728" t="str">
            <v>大阪府大阪市中央区北浜4-7-19</v>
          </cell>
          <cell r="G728" t="str">
            <v>大阪市</v>
          </cell>
          <cell r="H728" t="str">
            <v/>
          </cell>
          <cell r="I728" t="str">
            <v>代表取締役 高木　健</v>
          </cell>
          <cell r="J728" t="str">
            <v>本店</v>
          </cell>
          <cell r="K728" t="str">
            <v>06-6209-3390</v>
          </cell>
          <cell r="L728" t="str">
            <v>okamoto@takagi-ele.co.jp</v>
          </cell>
          <cell r="M728" t="str">
            <v>ﾀｶｷﾞｴﾚｸﾄﾛﾆｸｽ</v>
          </cell>
          <cell r="N728" t="str">
            <v>無</v>
          </cell>
          <cell r="O728">
            <v>36</v>
          </cell>
          <cell r="P728">
            <v>73</v>
          </cell>
          <cell r="Q728">
            <v>4120001066751</v>
          </cell>
          <cell r="R728">
            <v>65000</v>
          </cell>
          <cell r="S728">
            <v>456009</v>
          </cell>
          <cell r="T728">
            <v>1782409</v>
          </cell>
          <cell r="V728" t="str">
            <v>nq846637</v>
          </cell>
          <cell r="W728" t="str">
            <v>xd492594</v>
          </cell>
          <cell r="X728" t="str">
            <v>電通消</v>
          </cell>
          <cell r="Y728" t="str">
            <v>電通消</v>
          </cell>
          <cell r="Z728" t="str">
            <v/>
          </cell>
          <cell r="AA728" t="str">
            <v>電気通信</v>
          </cell>
          <cell r="AB728" t="str">
            <v>電気</v>
          </cell>
          <cell r="AC728" t="str">
            <v/>
          </cell>
          <cell r="AD728" t="str">
            <v/>
          </cell>
          <cell r="AE728">
            <v>43190</v>
          </cell>
          <cell r="AF728" t="str">
            <v>希望しない</v>
          </cell>
          <cell r="AG728" t="str">
            <v>電気通信</v>
          </cell>
          <cell r="AH728" t="str">
            <v>一般</v>
          </cell>
          <cell r="AI728">
            <v>900</v>
          </cell>
          <cell r="AJ728">
            <v>1172249</v>
          </cell>
          <cell r="AK728" t="str">
            <v>0(0)/0/37</v>
          </cell>
          <cell r="AL728" t="str">
            <v>電気</v>
          </cell>
          <cell r="AM728" t="str">
            <v>一般</v>
          </cell>
          <cell r="AN728">
            <v>699</v>
          </cell>
          <cell r="AO728">
            <v>24483</v>
          </cell>
          <cell r="AP728" t="str">
            <v>1(0)/1/3</v>
          </cell>
          <cell r="AQ728" t="str">
            <v/>
          </cell>
          <cell r="AR728" t="str">
            <v/>
          </cell>
          <cell r="AS728" t="str">
            <v/>
          </cell>
          <cell r="AT728" t="str">
            <v/>
          </cell>
          <cell r="AU728" t="str">
            <v/>
          </cell>
          <cell r="AV728" t="str">
            <v/>
          </cell>
          <cell r="AW728" t="str">
            <v/>
          </cell>
          <cell r="AX728" t="str">
            <v/>
          </cell>
          <cell r="AY728" t="str">
            <v/>
          </cell>
          <cell r="AZ728" t="str">
            <v/>
          </cell>
          <cell r="BA728" t="str">
            <v>大阪府</v>
          </cell>
          <cell r="BB728">
            <v>0</v>
          </cell>
          <cell r="CR728">
            <v>5808</v>
          </cell>
          <cell r="CS728" t="str">
            <v>ｻｶｲ ﾁﾖ</v>
          </cell>
          <cell r="CT728" t="str">
            <v>酒井  智予</v>
          </cell>
          <cell r="CU728" t="str">
            <v>保育課</v>
          </cell>
          <cell r="CW728" t="str">
            <v xml:space="preserve"> </v>
          </cell>
          <cell r="CX728" t="str">
            <v>主任</v>
          </cell>
          <cell r="CY728" t="str">
            <v>保育課長</v>
          </cell>
        </row>
        <row r="729">
          <cell r="B729">
            <v>3223</v>
          </cell>
          <cell r="C729" t="str">
            <v>(株)宝塚電業社</v>
          </cell>
          <cell r="D729" t="str">
            <v>0797-72-2286</v>
          </cell>
          <cell r="E729" t="str">
            <v>665-0033</v>
          </cell>
          <cell r="F729" t="str">
            <v>兵庫県宝塚市伊孑志3-2-28</v>
          </cell>
          <cell r="G729" t="str">
            <v>宝塚市</v>
          </cell>
          <cell r="H729" t="str">
            <v/>
          </cell>
          <cell r="I729" t="str">
            <v>代表取締役 北川　努</v>
          </cell>
          <cell r="J729" t="str">
            <v>本店</v>
          </cell>
          <cell r="K729" t="str">
            <v>0797-73-7708</v>
          </cell>
          <cell r="L729" t="str">
            <v>dngyou@basil.ocn.ne.jp</v>
          </cell>
          <cell r="M729" t="str">
            <v>ﾀｶﾗﾂﾞｶﾃﾞﾝｷﾞｮｳｼｬ</v>
          </cell>
          <cell r="N729" t="str">
            <v>無</v>
          </cell>
          <cell r="O729">
            <v>69</v>
          </cell>
          <cell r="P729">
            <v>8</v>
          </cell>
          <cell r="Q729">
            <v>2140001081684</v>
          </cell>
          <cell r="R729">
            <v>24000</v>
          </cell>
          <cell r="S729">
            <v>42416</v>
          </cell>
          <cell r="T729">
            <v>255201</v>
          </cell>
          <cell r="V729" t="str">
            <v>sp832623</v>
          </cell>
          <cell r="W729" t="str">
            <v>jj263660</v>
          </cell>
          <cell r="X729" t="str">
            <v>電</v>
          </cell>
          <cell r="Y729" t="str">
            <v/>
          </cell>
          <cell r="Z729" t="str">
            <v>電</v>
          </cell>
          <cell r="AA729" t="str">
            <v>電気</v>
          </cell>
          <cell r="AB729" t="str">
            <v/>
          </cell>
          <cell r="AC729" t="str">
            <v/>
          </cell>
          <cell r="AD729" t="str">
            <v/>
          </cell>
          <cell r="AE729">
            <v>43281</v>
          </cell>
          <cell r="AF729" t="str">
            <v>希望しない</v>
          </cell>
          <cell r="AG729" t="str">
            <v>電気</v>
          </cell>
          <cell r="AH729" t="str">
            <v>特定</v>
          </cell>
          <cell r="AI729">
            <v>880</v>
          </cell>
          <cell r="AJ729">
            <v>270954</v>
          </cell>
          <cell r="AK729" t="str">
            <v>3(3)/4/</v>
          </cell>
          <cell r="AL729" t="str">
            <v/>
          </cell>
          <cell r="AM729" t="str">
            <v/>
          </cell>
          <cell r="AN729" t="str">
            <v/>
          </cell>
          <cell r="AO729" t="str">
            <v/>
          </cell>
          <cell r="AP729" t="str">
            <v/>
          </cell>
          <cell r="AQ729" t="str">
            <v/>
          </cell>
          <cell r="AR729" t="str">
            <v/>
          </cell>
          <cell r="AS729" t="str">
            <v/>
          </cell>
          <cell r="AT729" t="str">
            <v/>
          </cell>
          <cell r="AU729" t="str">
            <v/>
          </cell>
          <cell r="AV729" t="str">
            <v/>
          </cell>
          <cell r="AW729" t="str">
            <v/>
          </cell>
          <cell r="AX729" t="str">
            <v/>
          </cell>
          <cell r="AY729" t="str">
            <v/>
          </cell>
          <cell r="AZ729" t="str">
            <v/>
          </cell>
          <cell r="BA729" t="str">
            <v>兵庫県</v>
          </cell>
          <cell r="BB729">
            <v>0</v>
          </cell>
          <cell r="CR729">
            <v>5810</v>
          </cell>
          <cell r="CS729" t="str">
            <v>ﾆｼ ﾘｴｺ</v>
          </cell>
          <cell r="CT729" t="str">
            <v>西  里枝子</v>
          </cell>
          <cell r="CU729" t="str">
            <v>こども福祉課</v>
          </cell>
          <cell r="CW729" t="str">
            <v xml:space="preserve"> </v>
          </cell>
          <cell r="CX729" t="str">
            <v>主査</v>
          </cell>
          <cell r="CY729" t="str">
            <v>こども福祉課長</v>
          </cell>
        </row>
        <row r="730">
          <cell r="B730">
            <v>3224</v>
          </cell>
          <cell r="C730" t="str">
            <v>(株)タケミ・コーポレーション</v>
          </cell>
          <cell r="D730" t="str">
            <v>072-294-9801</v>
          </cell>
          <cell r="E730" t="str">
            <v>593-8316</v>
          </cell>
          <cell r="F730" t="str">
            <v>大阪府堺市西区山田2-191-1</v>
          </cell>
          <cell r="G730" t="str">
            <v>堺市</v>
          </cell>
          <cell r="H730" t="str">
            <v/>
          </cell>
          <cell r="I730" t="str">
            <v>代表取締役 廣瀬　丈巳</v>
          </cell>
          <cell r="J730" t="str">
            <v>本店</v>
          </cell>
          <cell r="K730" t="str">
            <v>072-294-9802</v>
          </cell>
          <cell r="L730" t="str">
            <v>take733jp@yahoo.co.jp</v>
          </cell>
          <cell r="M730" t="str">
            <v>ﾀｹﾐｺｰﾎﾟﾚｰｼｮﾝ</v>
          </cell>
          <cell r="N730" t="str">
            <v>無</v>
          </cell>
          <cell r="O730">
            <v>8</v>
          </cell>
          <cell r="P730">
            <v>11</v>
          </cell>
          <cell r="Q730">
            <v>5120101024369</v>
          </cell>
          <cell r="R730">
            <v>3000</v>
          </cell>
          <cell r="S730">
            <v>4241</v>
          </cell>
          <cell r="T730">
            <v>499965</v>
          </cell>
          <cell r="V730" t="str">
            <v>rs826999</v>
          </cell>
          <cell r="W730" t="str">
            <v>pa297929</v>
          </cell>
          <cell r="X730" t="str">
            <v>水</v>
          </cell>
          <cell r="Y730" t="str">
            <v>水</v>
          </cell>
          <cell r="Z730" t="str">
            <v/>
          </cell>
          <cell r="AA730" t="str">
            <v>水道施設</v>
          </cell>
          <cell r="AB730" t="str">
            <v/>
          </cell>
          <cell r="AC730" t="str">
            <v/>
          </cell>
          <cell r="AD730" t="str">
            <v/>
          </cell>
          <cell r="AE730">
            <v>43190</v>
          </cell>
          <cell r="AF730" t="str">
            <v/>
          </cell>
          <cell r="AG730" t="str">
            <v>水道施設</v>
          </cell>
          <cell r="AH730" t="str">
            <v>一般</v>
          </cell>
          <cell r="AI730">
            <v>703</v>
          </cell>
          <cell r="AJ730">
            <v>456803</v>
          </cell>
          <cell r="AK730" t="str">
            <v>2(2)/1/8</v>
          </cell>
          <cell r="AL730" t="str">
            <v/>
          </cell>
          <cell r="AM730" t="str">
            <v/>
          </cell>
          <cell r="AN730" t="str">
            <v/>
          </cell>
          <cell r="AO730" t="str">
            <v/>
          </cell>
          <cell r="AP730" t="str">
            <v/>
          </cell>
          <cell r="AQ730" t="str">
            <v/>
          </cell>
          <cell r="AR730" t="str">
            <v/>
          </cell>
          <cell r="AS730" t="str">
            <v/>
          </cell>
          <cell r="AT730" t="str">
            <v/>
          </cell>
          <cell r="AU730" t="str">
            <v/>
          </cell>
          <cell r="AV730" t="str">
            <v/>
          </cell>
          <cell r="AW730" t="str">
            <v/>
          </cell>
          <cell r="AX730" t="str">
            <v/>
          </cell>
          <cell r="AY730" t="str">
            <v/>
          </cell>
          <cell r="AZ730" t="str">
            <v/>
          </cell>
          <cell r="BA730" t="str">
            <v>大阪府</v>
          </cell>
          <cell r="BB730">
            <v>0</v>
          </cell>
          <cell r="CR730">
            <v>5812</v>
          </cell>
          <cell r="CS730" t="str">
            <v>ｵｵﾂ ﾕｷ</v>
          </cell>
          <cell r="CT730" t="str">
            <v>大津  由起</v>
          </cell>
          <cell r="CU730" t="str">
            <v>保育課</v>
          </cell>
          <cell r="CW730" t="str">
            <v xml:space="preserve"> </v>
          </cell>
          <cell r="CX730" t="str">
            <v xml:space="preserve"> </v>
          </cell>
          <cell r="CY730" t="str">
            <v>保育課長</v>
          </cell>
        </row>
        <row r="731">
          <cell r="B731">
            <v>3225</v>
          </cell>
          <cell r="C731" t="str">
            <v>(有)ダイト</v>
          </cell>
          <cell r="D731" t="str">
            <v>0798-74-3622</v>
          </cell>
          <cell r="E731" t="str">
            <v>662-0032</v>
          </cell>
          <cell r="F731" t="str">
            <v>兵庫県西宮市桜谷町10-15</v>
          </cell>
          <cell r="G731" t="str">
            <v>西宮市</v>
          </cell>
          <cell r="H731" t="str">
            <v/>
          </cell>
          <cell r="I731" t="str">
            <v>代表取締役 金　壽夫</v>
          </cell>
          <cell r="J731" t="str">
            <v>本店</v>
          </cell>
          <cell r="K731" t="str">
            <v>0798-74-3633</v>
          </cell>
          <cell r="L731" t="str">
            <v>daito@bird.ocn.ne.jp</v>
          </cell>
          <cell r="M731" t="str">
            <v>ﾀﾞｲﾄ</v>
          </cell>
          <cell r="N731" t="str">
            <v>無</v>
          </cell>
          <cell r="O731">
            <v>19</v>
          </cell>
          <cell r="P731">
            <v>7</v>
          </cell>
          <cell r="Q731">
            <v>5140002056996</v>
          </cell>
          <cell r="R731">
            <v>30000</v>
          </cell>
          <cell r="S731">
            <v>96711</v>
          </cell>
          <cell r="T731">
            <v>333331</v>
          </cell>
          <cell r="V731" t="str">
            <v>nb769052</v>
          </cell>
          <cell r="W731" t="str">
            <v>mp848915</v>
          </cell>
          <cell r="X731" t="str">
            <v>管土と石鋼舗浚塗水</v>
          </cell>
          <cell r="Y731" t="str">
            <v>管</v>
          </cell>
          <cell r="Z731" t="str">
            <v>土と石鋼舗浚塗水</v>
          </cell>
          <cell r="AA731" t="str">
            <v>土木一式</v>
          </cell>
          <cell r="AB731" t="str">
            <v>水道施設</v>
          </cell>
          <cell r="AC731" t="str">
            <v>鋼構造物</v>
          </cell>
          <cell r="AD731" t="str">
            <v>管</v>
          </cell>
          <cell r="AE731">
            <v>43008</v>
          </cell>
          <cell r="AF731" t="str">
            <v>希望する</v>
          </cell>
          <cell r="AG731" t="str">
            <v>土木一式</v>
          </cell>
          <cell r="AH731" t="str">
            <v>特定</v>
          </cell>
          <cell r="AI731">
            <v>874</v>
          </cell>
          <cell r="AJ731">
            <v>333270</v>
          </cell>
          <cell r="AK731" t="str">
            <v>6(6)/1/0</v>
          </cell>
          <cell r="AL731" t="str">
            <v>水道施設</v>
          </cell>
          <cell r="AM731" t="str">
            <v>特定</v>
          </cell>
          <cell r="AN731">
            <v>650</v>
          </cell>
          <cell r="AO731">
            <v>23</v>
          </cell>
          <cell r="AP731" t="str">
            <v>0(0)/0/0</v>
          </cell>
          <cell r="AQ731" t="str">
            <v>鋼構造物</v>
          </cell>
          <cell r="AR731" t="str">
            <v>特定</v>
          </cell>
          <cell r="AS731">
            <v>722</v>
          </cell>
          <cell r="AT731" t="str">
            <v/>
          </cell>
          <cell r="AU731" t="str">
            <v>6(6)/1/0</v>
          </cell>
          <cell r="AV731" t="str">
            <v>管</v>
          </cell>
          <cell r="AW731" t="str">
            <v>一般</v>
          </cell>
          <cell r="AX731">
            <v>650</v>
          </cell>
          <cell r="AY731">
            <v>38</v>
          </cell>
          <cell r="AZ731" t="str">
            <v>0(0)/0/0</v>
          </cell>
          <cell r="BA731" t="str">
            <v>兵庫県</v>
          </cell>
          <cell r="BB731">
            <v>0</v>
          </cell>
          <cell r="CR731">
            <v>5813</v>
          </cell>
          <cell r="CS731" t="str">
            <v>ｳｴﾆｼ ﾐﾁｵ</v>
          </cell>
          <cell r="CT731" t="str">
            <v>上西  路夫</v>
          </cell>
          <cell r="CU731" t="str">
            <v>業務課</v>
          </cell>
          <cell r="CW731" t="str">
            <v xml:space="preserve"> </v>
          </cell>
          <cell r="CX731" t="str">
            <v xml:space="preserve"> </v>
          </cell>
          <cell r="CY731" t="str">
            <v>業務課長</v>
          </cell>
        </row>
        <row r="732">
          <cell r="B732">
            <v>3227</v>
          </cell>
          <cell r="C732" t="str">
            <v>田中工業(株)</v>
          </cell>
          <cell r="D732" t="str">
            <v>078-231-3341</v>
          </cell>
          <cell r="E732" t="str">
            <v>651-0071</v>
          </cell>
          <cell r="F732" t="str">
            <v>兵庫県神戸市中央区筒井町3-10-19</v>
          </cell>
          <cell r="G732" t="str">
            <v>神戸市</v>
          </cell>
          <cell r="H732" t="str">
            <v/>
          </cell>
          <cell r="I732" t="str">
            <v>取締役社長 田中　典和</v>
          </cell>
          <cell r="J732" t="str">
            <v>本店</v>
          </cell>
          <cell r="K732" t="str">
            <v>078-231-3040</v>
          </cell>
          <cell r="L732" t="str">
            <v>umegaki@tanaka-kogyo.com</v>
          </cell>
          <cell r="M732" t="str">
            <v>ﾀﾅｶｺｳｷﾞｮｳ</v>
          </cell>
          <cell r="N732" t="str">
            <v>無</v>
          </cell>
          <cell r="O732">
            <v>68</v>
          </cell>
          <cell r="P732">
            <v>44</v>
          </cell>
          <cell r="Q732">
            <v>8140001009250</v>
          </cell>
          <cell r="R732">
            <v>20000</v>
          </cell>
          <cell r="S732">
            <v>322929</v>
          </cell>
          <cell r="T732">
            <v>810923</v>
          </cell>
          <cell r="V732" t="str">
            <v>mm779393</v>
          </cell>
          <cell r="W732" t="str">
            <v>rd703162</v>
          </cell>
          <cell r="X732" t="str">
            <v>通消</v>
          </cell>
          <cell r="Y732" t="str">
            <v>通消</v>
          </cell>
          <cell r="Z732" t="str">
            <v/>
          </cell>
          <cell r="AA732" t="str">
            <v>電気通信</v>
          </cell>
          <cell r="AB732" t="str">
            <v>消防施設</v>
          </cell>
          <cell r="AC732" t="str">
            <v/>
          </cell>
          <cell r="AD732" t="str">
            <v/>
          </cell>
          <cell r="AE732">
            <v>43131</v>
          </cell>
          <cell r="AF732" t="str">
            <v>希望しない</v>
          </cell>
          <cell r="AG732" t="str">
            <v>電気通信</v>
          </cell>
          <cell r="AH732" t="str">
            <v>一般</v>
          </cell>
          <cell r="AI732">
            <v>837</v>
          </cell>
          <cell r="AJ732">
            <v>644583</v>
          </cell>
          <cell r="AK732" t="str">
            <v>0(0)/0/16</v>
          </cell>
          <cell r="AL732" t="str">
            <v>消防施設</v>
          </cell>
          <cell r="AM732" t="str">
            <v>一般</v>
          </cell>
          <cell r="AN732">
            <v>639</v>
          </cell>
          <cell r="AO732">
            <v>1269</v>
          </cell>
          <cell r="AP732" t="str">
            <v>0(0)/3/0</v>
          </cell>
          <cell r="AQ732" t="str">
            <v/>
          </cell>
          <cell r="AR732" t="str">
            <v/>
          </cell>
          <cell r="AS732" t="str">
            <v/>
          </cell>
          <cell r="AT732" t="str">
            <v/>
          </cell>
          <cell r="AU732" t="str">
            <v/>
          </cell>
          <cell r="AV732" t="str">
            <v/>
          </cell>
          <cell r="AW732" t="str">
            <v/>
          </cell>
          <cell r="AX732" t="str">
            <v/>
          </cell>
          <cell r="AY732" t="str">
            <v/>
          </cell>
          <cell r="AZ732" t="str">
            <v/>
          </cell>
          <cell r="BA732" t="str">
            <v>兵庫県</v>
          </cell>
          <cell r="BB732">
            <v>0</v>
          </cell>
          <cell r="CR732">
            <v>5814</v>
          </cell>
          <cell r="CS732" t="str">
            <v>ｼﾐｽﾞ ﾀｶﾋﾛ</v>
          </cell>
          <cell r="CT732" t="str">
            <v>清水  隆宏</v>
          </cell>
          <cell r="CU732" t="str">
            <v>環境クリーンセンター</v>
          </cell>
          <cell r="CW732" t="str">
            <v>782-0968</v>
          </cell>
          <cell r="CX732" t="str">
            <v>主任</v>
          </cell>
          <cell r="CY732" t="str">
            <v>環境クリーンセンター所長</v>
          </cell>
        </row>
        <row r="733">
          <cell r="B733">
            <v>3228</v>
          </cell>
          <cell r="C733" t="str">
            <v>建部工業(株)</v>
          </cell>
          <cell r="D733" t="str">
            <v>079-435-1261</v>
          </cell>
          <cell r="E733" t="str">
            <v>675-0131</v>
          </cell>
          <cell r="F733" t="str">
            <v>兵庫県加古川市別府町新野辺新堀通1274-1</v>
          </cell>
          <cell r="G733" t="str">
            <v>加古川市</v>
          </cell>
          <cell r="H733" t="str">
            <v/>
          </cell>
          <cell r="I733" t="str">
            <v>代表取締役社長 建部　成之</v>
          </cell>
          <cell r="J733" t="str">
            <v>本店</v>
          </cell>
          <cell r="K733" t="str">
            <v>079-435-8597</v>
          </cell>
          <cell r="L733" t="str">
            <v>tkk@tatebekogyo.com</v>
          </cell>
          <cell r="M733" t="str">
            <v>ﾀﾃﾍﾞｺｳｷﾞｮｳ</v>
          </cell>
          <cell r="N733" t="str">
            <v>無</v>
          </cell>
          <cell r="O733">
            <v>59</v>
          </cell>
          <cell r="P733">
            <v>25</v>
          </cell>
          <cell r="Q733">
            <v>6140001043177</v>
          </cell>
          <cell r="R733">
            <v>50000</v>
          </cell>
          <cell r="S733">
            <v>128712</v>
          </cell>
          <cell r="T733">
            <v>1492137</v>
          </cell>
          <cell r="V733" t="str">
            <v>wu688088</v>
          </cell>
          <cell r="W733" t="str">
            <v>uw485110</v>
          </cell>
          <cell r="X733" t="str">
            <v>土と電管舗浚機水</v>
          </cell>
          <cell r="Y733" t="str">
            <v/>
          </cell>
          <cell r="Z733" t="str">
            <v>土と電管舗浚機水</v>
          </cell>
          <cell r="AA733" t="str">
            <v>土木一式</v>
          </cell>
          <cell r="AB733" t="str">
            <v>水道施設</v>
          </cell>
          <cell r="AC733" t="str">
            <v>機械器具</v>
          </cell>
          <cell r="AD733" t="str">
            <v>管</v>
          </cell>
          <cell r="AE733">
            <v>43008</v>
          </cell>
          <cell r="AF733" t="str">
            <v>希望する</v>
          </cell>
          <cell r="AG733" t="str">
            <v>土木一式</v>
          </cell>
          <cell r="AH733" t="str">
            <v>特定</v>
          </cell>
          <cell r="AI733">
            <v>943</v>
          </cell>
          <cell r="AJ733">
            <v>985420</v>
          </cell>
          <cell r="AK733" t="str">
            <v>11(11)/2/0</v>
          </cell>
          <cell r="AL733" t="str">
            <v>水道施設</v>
          </cell>
          <cell r="AM733" t="str">
            <v>特定</v>
          </cell>
          <cell r="AN733">
            <v>799</v>
          </cell>
          <cell r="AO733">
            <v>82992</v>
          </cell>
          <cell r="AP733" t="str">
            <v>4(4)/1/0</v>
          </cell>
          <cell r="AQ733" t="str">
            <v>機械器具</v>
          </cell>
          <cell r="AR733" t="str">
            <v>特定</v>
          </cell>
          <cell r="AS733">
            <v>734</v>
          </cell>
          <cell r="AT733">
            <v>47708</v>
          </cell>
          <cell r="AU733" t="str">
            <v>0(0)/0/2</v>
          </cell>
          <cell r="AV733" t="str">
            <v>管</v>
          </cell>
          <cell r="AW733" t="str">
            <v>特定</v>
          </cell>
          <cell r="AX733">
            <v>865</v>
          </cell>
          <cell r="AY733">
            <v>389144</v>
          </cell>
          <cell r="AZ733" t="str">
            <v>4(4)/3/0</v>
          </cell>
          <cell r="BA733" t="str">
            <v>兵庫県</v>
          </cell>
          <cell r="BB733">
            <v>0</v>
          </cell>
          <cell r="CR733">
            <v>5815</v>
          </cell>
          <cell r="CS733" t="str">
            <v>ﾊﾏﾉ ﾏｻｼ</v>
          </cell>
          <cell r="CT733" t="str">
            <v>浜野  匡</v>
          </cell>
          <cell r="CU733" t="str">
            <v>総務課</v>
          </cell>
          <cell r="CW733">
            <v>2494</v>
          </cell>
          <cell r="CX733" t="str">
            <v>主任</v>
          </cell>
          <cell r="CY733" t="str">
            <v>総務課長</v>
          </cell>
        </row>
        <row r="734">
          <cell r="B734">
            <v>3232</v>
          </cell>
          <cell r="C734" t="str">
            <v>第一化学工業(株)</v>
          </cell>
          <cell r="D734" t="str">
            <v>079-288-3422</v>
          </cell>
          <cell r="E734" t="str">
            <v>670-0893</v>
          </cell>
          <cell r="F734" t="str">
            <v>兵庫県姫路市北平野6‐1‐2</v>
          </cell>
          <cell r="G734" t="str">
            <v>姫路市</v>
          </cell>
          <cell r="H734" t="str">
            <v/>
          </cell>
          <cell r="I734" t="str">
            <v>代表取締役 粕谷　耕治</v>
          </cell>
          <cell r="J734" t="str">
            <v>本店</v>
          </cell>
          <cell r="K734" t="str">
            <v>079-288-3424</v>
          </cell>
          <cell r="L734" t="str">
            <v>daiichi612@gamma.ocn.ne.jp</v>
          </cell>
          <cell r="M734" t="str">
            <v>ﾀﾞｲｲﾁｶｶﾞｸｺｳｷﾞｮｳ</v>
          </cell>
          <cell r="N734" t="str">
            <v>無</v>
          </cell>
          <cell r="O734">
            <v>44</v>
          </cell>
          <cell r="P734">
            <v>18</v>
          </cell>
          <cell r="Q734">
            <v>4140001059720</v>
          </cell>
          <cell r="R734">
            <v>10000</v>
          </cell>
          <cell r="S734">
            <v>62567</v>
          </cell>
          <cell r="T734">
            <v>243734</v>
          </cell>
          <cell r="V734" t="str">
            <v>yd377288</v>
          </cell>
          <cell r="W734" t="str">
            <v>vf433602</v>
          </cell>
          <cell r="X734" t="str">
            <v>建大屋塗防</v>
          </cell>
          <cell r="Y734" t="str">
            <v>建大屋塗防</v>
          </cell>
          <cell r="Z734" t="str">
            <v/>
          </cell>
          <cell r="AA734" t="str">
            <v>防水</v>
          </cell>
          <cell r="AB734" t="str">
            <v>塗装</v>
          </cell>
          <cell r="AC734" t="str">
            <v/>
          </cell>
          <cell r="AD734" t="str">
            <v/>
          </cell>
          <cell r="AE734">
            <v>42998</v>
          </cell>
          <cell r="AF734" t="str">
            <v>希望しない</v>
          </cell>
          <cell r="AG734" t="str">
            <v>防水</v>
          </cell>
          <cell r="AH734" t="str">
            <v>一般</v>
          </cell>
          <cell r="AI734">
            <v>802</v>
          </cell>
          <cell r="AJ734">
            <v>252810</v>
          </cell>
          <cell r="AK734" t="str">
            <v>0(0)/6/8</v>
          </cell>
          <cell r="AL734" t="str">
            <v>塗装</v>
          </cell>
          <cell r="AM734" t="str">
            <v>一般</v>
          </cell>
          <cell r="AN734">
            <v>703</v>
          </cell>
          <cell r="AO734">
            <v>17148</v>
          </cell>
          <cell r="AP734" t="str">
            <v>0(0)/1/10</v>
          </cell>
          <cell r="AQ734" t="str">
            <v/>
          </cell>
          <cell r="AR734" t="str">
            <v/>
          </cell>
          <cell r="AS734" t="str">
            <v/>
          </cell>
          <cell r="AT734" t="str">
            <v/>
          </cell>
          <cell r="AU734" t="str">
            <v/>
          </cell>
          <cell r="AV734" t="str">
            <v/>
          </cell>
          <cell r="AW734" t="str">
            <v/>
          </cell>
          <cell r="AX734" t="str">
            <v/>
          </cell>
          <cell r="AY734" t="str">
            <v/>
          </cell>
          <cell r="AZ734" t="str">
            <v/>
          </cell>
          <cell r="BA734" t="str">
            <v>兵庫県</v>
          </cell>
          <cell r="BB734">
            <v>0</v>
          </cell>
          <cell r="CR734">
            <v>5816</v>
          </cell>
          <cell r="CS734" t="str">
            <v>ﾔﾏｻｷ ｼﾝ</v>
          </cell>
          <cell r="CT734" t="str">
            <v>山﨑  眞</v>
          </cell>
          <cell r="CU734" t="str">
            <v>業務課</v>
          </cell>
          <cell r="CW734" t="str">
            <v xml:space="preserve"> </v>
          </cell>
          <cell r="CX734" t="str">
            <v xml:space="preserve"> </v>
          </cell>
          <cell r="CY734" t="str">
            <v>業務課長</v>
          </cell>
        </row>
        <row r="735">
          <cell r="B735">
            <v>3235</v>
          </cell>
          <cell r="C735" t="str">
            <v>(株)東光高岳</v>
          </cell>
          <cell r="D735" t="str">
            <v>06-6344-5331</v>
          </cell>
          <cell r="E735" t="str">
            <v>530-0003</v>
          </cell>
          <cell r="F735" t="str">
            <v>大阪府大阪市北区堂島2-4-27</v>
          </cell>
          <cell r="G735" t="str">
            <v/>
          </cell>
          <cell r="H735" t="str">
            <v>関西支社</v>
          </cell>
          <cell r="I735" t="str">
            <v>支社長 藤田　謙次</v>
          </cell>
          <cell r="J735" t="str">
            <v>東京都</v>
          </cell>
          <cell r="K735" t="str">
            <v>06-6341-0958</v>
          </cell>
          <cell r="L735" t="str">
            <v>kansai_koukyou@tktk.co.jp</v>
          </cell>
          <cell r="M735" t="str">
            <v>ﾄｳｺｳﾀｶｵｶ</v>
          </cell>
          <cell r="N735" t="str">
            <v>有</v>
          </cell>
          <cell r="O735">
            <v>4</v>
          </cell>
          <cell r="P735">
            <v>1851</v>
          </cell>
          <cell r="Q735">
            <v>5010601043417</v>
          </cell>
          <cell r="R735">
            <v>8000000</v>
          </cell>
          <cell r="S735">
            <v>43662903</v>
          </cell>
          <cell r="T735">
            <v>95309000</v>
          </cell>
          <cell r="V735" t="str">
            <v>tt338110</v>
          </cell>
          <cell r="W735" t="str">
            <v>qw273039</v>
          </cell>
          <cell r="X735" t="str">
            <v>鋼内消(電)(通)建電管通</v>
          </cell>
          <cell r="Y735" t="str">
            <v>鋼内消(電)(通)</v>
          </cell>
          <cell r="Z735" t="str">
            <v>建電管通</v>
          </cell>
          <cell r="AA735" t="str">
            <v>電気</v>
          </cell>
          <cell r="AB735" t="str">
            <v/>
          </cell>
          <cell r="AC735" t="str">
            <v/>
          </cell>
          <cell r="AD735" t="str">
            <v/>
          </cell>
          <cell r="AE735">
            <v>43190</v>
          </cell>
          <cell r="AF735" t="str">
            <v>希望しない</v>
          </cell>
          <cell r="AG735" t="str">
            <v>電気</v>
          </cell>
          <cell r="AH735" t="str">
            <v>一般</v>
          </cell>
          <cell r="AI735">
            <v>1455</v>
          </cell>
          <cell r="AJ735">
            <v>9864022</v>
          </cell>
          <cell r="AK735" t="str">
            <v>358(151)/12/28</v>
          </cell>
          <cell r="AL735" t="str">
            <v/>
          </cell>
          <cell r="AM735" t="str">
            <v/>
          </cell>
          <cell r="AN735" t="str">
            <v/>
          </cell>
          <cell r="AO735" t="str">
            <v/>
          </cell>
          <cell r="AP735" t="str">
            <v/>
          </cell>
          <cell r="AQ735" t="str">
            <v/>
          </cell>
          <cell r="AR735" t="str">
            <v/>
          </cell>
          <cell r="AS735" t="str">
            <v/>
          </cell>
          <cell r="AT735" t="str">
            <v/>
          </cell>
          <cell r="AU735" t="str">
            <v/>
          </cell>
          <cell r="AV735" t="str">
            <v/>
          </cell>
          <cell r="AW735" t="str">
            <v/>
          </cell>
          <cell r="AX735" t="str">
            <v/>
          </cell>
          <cell r="AY735" t="str">
            <v/>
          </cell>
          <cell r="AZ735" t="str">
            <v/>
          </cell>
          <cell r="BA735" t="str">
            <v>東京都</v>
          </cell>
          <cell r="BB735" t="str">
            <v>ヒューリック豊洲プライムスクエア８階</v>
          </cell>
          <cell r="CR735">
            <v>5817</v>
          </cell>
          <cell r="CS735" t="str">
            <v>ﾖｼﾀﾞ ｼﾝﾔ</v>
          </cell>
          <cell r="CT735" t="str">
            <v>吉田  伸矢</v>
          </cell>
          <cell r="CU735" t="str">
            <v>減量推進課</v>
          </cell>
          <cell r="CW735" t="str">
            <v xml:space="preserve"> </v>
          </cell>
          <cell r="CX735" t="str">
            <v xml:space="preserve"> </v>
          </cell>
          <cell r="CY735" t="str">
            <v>減量推進課長</v>
          </cell>
        </row>
        <row r="736">
          <cell r="B736">
            <v>3236</v>
          </cell>
          <cell r="C736" t="str">
            <v>(株)タメゴエンジニアリング</v>
          </cell>
          <cell r="D736" t="str">
            <v>06-6305-3517</v>
          </cell>
          <cell r="E736" t="str">
            <v>532-0012</v>
          </cell>
          <cell r="F736" t="str">
            <v>大阪府大阪市淀川区木川東3-1-4</v>
          </cell>
          <cell r="G736" t="str">
            <v>大阪市</v>
          </cell>
          <cell r="H736" t="str">
            <v/>
          </cell>
          <cell r="I736" t="str">
            <v>代表取締役 山本　浩一</v>
          </cell>
          <cell r="J736" t="str">
            <v>本店</v>
          </cell>
          <cell r="K736" t="str">
            <v>06-6305-3294</v>
          </cell>
          <cell r="L736" t="str">
            <v>hueda@tamego.co.jp</v>
          </cell>
          <cell r="M736" t="str">
            <v>ﾀﾒｺﾞｴﾝｼﾞﾆｱﾘﾝｸﾞ</v>
          </cell>
          <cell r="N736" t="str">
            <v>無</v>
          </cell>
          <cell r="O736">
            <v>38</v>
          </cell>
          <cell r="P736">
            <v>42</v>
          </cell>
          <cell r="Q736">
            <v>1120001056805</v>
          </cell>
          <cell r="R736">
            <v>50000</v>
          </cell>
          <cell r="S736">
            <v>95362</v>
          </cell>
          <cell r="T736">
            <v>648432</v>
          </cell>
          <cell r="V736" t="str">
            <v>bd814560</v>
          </cell>
          <cell r="W736" t="str">
            <v>ce402820</v>
          </cell>
          <cell r="X736" t="str">
            <v>建塗消電管</v>
          </cell>
          <cell r="Y736" t="str">
            <v>建塗消</v>
          </cell>
          <cell r="Z736" t="str">
            <v>電管</v>
          </cell>
          <cell r="AA736" t="str">
            <v>管</v>
          </cell>
          <cell r="AB736" t="str">
            <v/>
          </cell>
          <cell r="AC736" t="str">
            <v/>
          </cell>
          <cell r="AD736" t="str">
            <v/>
          </cell>
          <cell r="AE736">
            <v>43190</v>
          </cell>
          <cell r="AF736" t="str">
            <v>希望しない</v>
          </cell>
          <cell r="AG736" t="str">
            <v>管</v>
          </cell>
          <cell r="AH736" t="str">
            <v>特定</v>
          </cell>
          <cell r="AI736">
            <v>752</v>
          </cell>
          <cell r="AJ736">
            <v>164187</v>
          </cell>
          <cell r="AK736" t="str">
            <v>4(3)/1/0</v>
          </cell>
          <cell r="AL736" t="str">
            <v/>
          </cell>
          <cell r="AM736" t="str">
            <v/>
          </cell>
          <cell r="AN736" t="str">
            <v/>
          </cell>
          <cell r="AO736" t="str">
            <v/>
          </cell>
          <cell r="AP736" t="str">
            <v/>
          </cell>
          <cell r="AQ736" t="str">
            <v/>
          </cell>
          <cell r="AR736" t="str">
            <v/>
          </cell>
          <cell r="AS736" t="str">
            <v/>
          </cell>
          <cell r="AT736" t="str">
            <v/>
          </cell>
          <cell r="AU736" t="str">
            <v/>
          </cell>
          <cell r="AV736" t="str">
            <v/>
          </cell>
          <cell r="AW736" t="str">
            <v/>
          </cell>
          <cell r="AX736" t="str">
            <v/>
          </cell>
          <cell r="AY736" t="str">
            <v/>
          </cell>
          <cell r="AZ736" t="str">
            <v/>
          </cell>
          <cell r="BA736" t="str">
            <v>大阪府</v>
          </cell>
          <cell r="BB736">
            <v>0</v>
          </cell>
          <cell r="CR736">
            <v>5818</v>
          </cell>
          <cell r="CS736" t="str">
            <v>ｼﾊﾞﾀ ﾏﾕﾐ</v>
          </cell>
          <cell r="CT736" t="str">
            <v>柴田　真由美</v>
          </cell>
          <cell r="CU736" t="str">
            <v>こども福祉課</v>
          </cell>
          <cell r="CW736" t="str">
            <v xml:space="preserve"> </v>
          </cell>
          <cell r="CX736" t="str">
            <v xml:space="preserve"> </v>
          </cell>
          <cell r="CY736" t="str">
            <v>こども福祉課長</v>
          </cell>
        </row>
        <row r="737">
          <cell r="B737">
            <v>3237</v>
          </cell>
          <cell r="C737" t="str">
            <v>大日通信工業(株)</v>
          </cell>
          <cell r="D737" t="str">
            <v>06-6489-2421</v>
          </cell>
          <cell r="E737" t="str">
            <v>660-0806</v>
          </cell>
          <cell r="F737" t="str">
            <v>兵庫県尼崎市金楽寺町1-2-65</v>
          </cell>
          <cell r="G737" t="str">
            <v>尼崎市</v>
          </cell>
          <cell r="H737" t="str">
            <v/>
          </cell>
          <cell r="I737" t="str">
            <v>代表取締役 吉森　直紀</v>
          </cell>
          <cell r="J737" t="str">
            <v>本店</v>
          </cell>
          <cell r="K737" t="str">
            <v>06-6483-2420</v>
          </cell>
          <cell r="L737" t="str">
            <v>dainichi-eigyou@posta.co.jp</v>
          </cell>
          <cell r="M737" t="str">
            <v>ﾀﾞｲﾆﾁﾂｳｼﾝｺｳｷﾞｮｳ</v>
          </cell>
          <cell r="N737" t="str">
            <v>無</v>
          </cell>
          <cell r="O737">
            <v>44</v>
          </cell>
          <cell r="P737">
            <v>119</v>
          </cell>
          <cell r="Q737">
            <v>4140001049721</v>
          </cell>
          <cell r="R737">
            <v>99000</v>
          </cell>
          <cell r="S737">
            <v>726692</v>
          </cell>
          <cell r="T737">
            <v>3436902</v>
          </cell>
          <cell r="V737" t="str">
            <v>et283837</v>
          </cell>
          <cell r="W737" t="str">
            <v>vx771151</v>
          </cell>
          <cell r="X737" t="str">
            <v>土建と鋼機解電通</v>
          </cell>
          <cell r="Y737" t="str">
            <v>土建と鋼機解</v>
          </cell>
          <cell r="Z737" t="str">
            <v>電通</v>
          </cell>
          <cell r="AA737" t="str">
            <v>電気通信</v>
          </cell>
          <cell r="AB737" t="str">
            <v>電気</v>
          </cell>
          <cell r="AC737" t="str">
            <v/>
          </cell>
          <cell r="AD737" t="str">
            <v/>
          </cell>
          <cell r="AE737">
            <v>43251</v>
          </cell>
          <cell r="AF737" t="str">
            <v>希望しない</v>
          </cell>
          <cell r="AG737" t="str">
            <v>電気通信</v>
          </cell>
          <cell r="AH737" t="str">
            <v>特定</v>
          </cell>
          <cell r="AI737">
            <v>1043</v>
          </cell>
          <cell r="AJ737">
            <v>2728378</v>
          </cell>
          <cell r="AK737" t="str">
            <v>0(0)/0/46</v>
          </cell>
          <cell r="AL737" t="str">
            <v>電気</v>
          </cell>
          <cell r="AM737" t="str">
            <v>特定</v>
          </cell>
          <cell r="AN737">
            <v>1051</v>
          </cell>
          <cell r="AO737">
            <v>500569</v>
          </cell>
          <cell r="AP737" t="str">
            <v>40(30)/10/16</v>
          </cell>
          <cell r="AQ737" t="str">
            <v/>
          </cell>
          <cell r="AR737" t="str">
            <v/>
          </cell>
          <cell r="AS737" t="str">
            <v/>
          </cell>
          <cell r="AT737" t="str">
            <v/>
          </cell>
          <cell r="AU737" t="str">
            <v/>
          </cell>
          <cell r="AV737" t="str">
            <v/>
          </cell>
          <cell r="AW737" t="str">
            <v/>
          </cell>
          <cell r="AX737" t="str">
            <v/>
          </cell>
          <cell r="AY737" t="str">
            <v/>
          </cell>
          <cell r="AZ737" t="str">
            <v/>
          </cell>
          <cell r="BA737" t="str">
            <v>兵庫県</v>
          </cell>
          <cell r="BB737">
            <v>0</v>
          </cell>
          <cell r="CR737">
            <v>5860</v>
          </cell>
          <cell r="CS737" t="str">
            <v>ｲﾜｻｷ ﾕｳｺ</v>
          </cell>
          <cell r="CT737" t="str">
            <v>岩﨑  裕子</v>
          </cell>
          <cell r="CU737" t="str">
            <v>議事課</v>
          </cell>
          <cell r="CW737">
            <v>2511</v>
          </cell>
          <cell r="CX737" t="str">
            <v xml:space="preserve"> </v>
          </cell>
          <cell r="CY737" t="str">
            <v>議事課長</v>
          </cell>
        </row>
        <row r="738">
          <cell r="B738">
            <v>3238</v>
          </cell>
          <cell r="C738" t="str">
            <v>(株)大和エンジニヤリング</v>
          </cell>
          <cell r="D738" t="str">
            <v>082-876-2111</v>
          </cell>
          <cell r="E738" t="str">
            <v>731-0103</v>
          </cell>
          <cell r="F738" t="str">
            <v>広島県広島市安佐南区緑井1-12-31</v>
          </cell>
          <cell r="G738" t="str">
            <v>広島市</v>
          </cell>
          <cell r="H738" t="str">
            <v/>
          </cell>
          <cell r="I738" t="str">
            <v>代表取締役 後藤　浩美</v>
          </cell>
          <cell r="J738" t="str">
            <v>本店</v>
          </cell>
          <cell r="K738" t="str">
            <v>082-876-2828</v>
          </cell>
          <cell r="L738" t="str">
            <v>eigyo@daiwae.com</v>
          </cell>
          <cell r="M738" t="str">
            <v>ﾀﾞｲﾜｴﾝｼﾞﾆﾔﾘﾝｸﾞ</v>
          </cell>
          <cell r="N738" t="str">
            <v>無</v>
          </cell>
          <cell r="O738">
            <v>42</v>
          </cell>
          <cell r="P738">
            <v>63</v>
          </cell>
          <cell r="Q738">
            <v>9240001005800</v>
          </cell>
          <cell r="R738">
            <v>25000</v>
          </cell>
          <cell r="S738">
            <v>1143914</v>
          </cell>
          <cell r="T738">
            <v>1545323</v>
          </cell>
          <cell r="V738" t="str">
            <v>zz636108</v>
          </cell>
          <cell r="W738" t="str">
            <v>kr310904</v>
          </cell>
          <cell r="X738" t="str">
            <v>土管水鋼機</v>
          </cell>
          <cell r="Y738" t="str">
            <v>土管水</v>
          </cell>
          <cell r="Z738" t="str">
            <v>鋼機</v>
          </cell>
          <cell r="AA738" t="str">
            <v>鋼構造物</v>
          </cell>
          <cell r="AB738" t="str">
            <v>機械器具</v>
          </cell>
          <cell r="AC738" t="str">
            <v/>
          </cell>
          <cell r="AD738" t="str">
            <v/>
          </cell>
          <cell r="AE738">
            <v>43220</v>
          </cell>
          <cell r="AF738" t="str">
            <v/>
          </cell>
          <cell r="AG738" t="str">
            <v>鋼構造物</v>
          </cell>
          <cell r="AH738" t="str">
            <v>特定</v>
          </cell>
          <cell r="AI738">
            <v>1023</v>
          </cell>
          <cell r="AJ738">
            <v>487220</v>
          </cell>
          <cell r="AK738" t="str">
            <v>26(25)/4/0</v>
          </cell>
          <cell r="AL738" t="str">
            <v>機械器具</v>
          </cell>
          <cell r="AM738" t="str">
            <v>特定</v>
          </cell>
          <cell r="AN738">
            <v>903</v>
          </cell>
          <cell r="AO738">
            <v>300186</v>
          </cell>
          <cell r="AP738" t="str">
            <v>0(0)/0/18</v>
          </cell>
          <cell r="AQ738" t="str">
            <v/>
          </cell>
          <cell r="AR738" t="str">
            <v/>
          </cell>
          <cell r="AS738" t="str">
            <v/>
          </cell>
          <cell r="AT738" t="str">
            <v/>
          </cell>
          <cell r="AU738" t="str">
            <v/>
          </cell>
          <cell r="AV738" t="str">
            <v/>
          </cell>
          <cell r="AW738" t="str">
            <v/>
          </cell>
          <cell r="AX738" t="str">
            <v/>
          </cell>
          <cell r="AY738" t="str">
            <v/>
          </cell>
          <cell r="AZ738" t="str">
            <v/>
          </cell>
          <cell r="BA738" t="str">
            <v>広島県</v>
          </cell>
          <cell r="BB738">
            <v>0</v>
          </cell>
          <cell r="CR738">
            <v>5861</v>
          </cell>
          <cell r="CS738" t="str">
            <v>ｵｵﾔﾏ ｹﾝｼﾞ</v>
          </cell>
          <cell r="CT738" t="str">
            <v>大山  顕史</v>
          </cell>
          <cell r="CU738" t="str">
            <v>人事研修課</v>
          </cell>
          <cell r="CW738">
            <v>2427</v>
          </cell>
          <cell r="CX738" t="str">
            <v>主査</v>
          </cell>
          <cell r="CY738" t="str">
            <v>人事研修課長</v>
          </cell>
        </row>
        <row r="739">
          <cell r="B739">
            <v>3239</v>
          </cell>
          <cell r="C739" t="str">
            <v>田中機電工業(株)</v>
          </cell>
          <cell r="D739" t="str">
            <v>086-294-7788</v>
          </cell>
          <cell r="E739" t="str">
            <v>701-1145</v>
          </cell>
          <cell r="F739" t="str">
            <v>岡山県岡山市北区横井上1696-2</v>
          </cell>
          <cell r="G739" t="str">
            <v>岡山市</v>
          </cell>
          <cell r="H739" t="str">
            <v/>
          </cell>
          <cell r="I739" t="str">
            <v>代表取締役 田中　一郎</v>
          </cell>
          <cell r="J739" t="str">
            <v>本店</v>
          </cell>
          <cell r="K739" t="str">
            <v>086-294-7333</v>
          </cell>
          <cell r="L739" t="str">
            <v>tanakakiden@tanakakiden.co.jp</v>
          </cell>
          <cell r="M739" t="str">
            <v>ﾀﾅｶｷﾃﾞﾝｺｳｷﾞｮｳ</v>
          </cell>
          <cell r="N739" t="str">
            <v>無</v>
          </cell>
          <cell r="O739">
            <v>36</v>
          </cell>
          <cell r="P739">
            <v>60</v>
          </cell>
          <cell r="Q739">
            <v>9260001004197</v>
          </cell>
          <cell r="R739">
            <v>20000</v>
          </cell>
          <cell r="S739">
            <v>629775</v>
          </cell>
          <cell r="T739">
            <v>1512856</v>
          </cell>
          <cell r="V739" t="str">
            <v>xb922967</v>
          </cell>
          <cell r="W739" t="str">
            <v>ja130216</v>
          </cell>
          <cell r="X739" t="str">
            <v>通電管鋼機水</v>
          </cell>
          <cell r="Y739" t="str">
            <v>通</v>
          </cell>
          <cell r="Z739" t="str">
            <v>電管鋼機水</v>
          </cell>
          <cell r="AA739" t="str">
            <v>機械器具</v>
          </cell>
          <cell r="AB739" t="str">
            <v>鋼構造物</v>
          </cell>
          <cell r="AC739" t="str">
            <v>電気</v>
          </cell>
          <cell r="AD739" t="str">
            <v/>
          </cell>
          <cell r="AE739">
            <v>43039</v>
          </cell>
          <cell r="AF739" t="str">
            <v>希望しない</v>
          </cell>
          <cell r="AG739" t="str">
            <v>機械器具</v>
          </cell>
          <cell r="AH739" t="str">
            <v>特定</v>
          </cell>
          <cell r="AI739">
            <v>1016</v>
          </cell>
          <cell r="AJ739">
            <v>868718</v>
          </cell>
          <cell r="AK739" t="str">
            <v>1(0)/0/29</v>
          </cell>
          <cell r="AL739" t="str">
            <v>鋼構造物</v>
          </cell>
          <cell r="AM739" t="str">
            <v>特定</v>
          </cell>
          <cell r="AN739">
            <v>881</v>
          </cell>
          <cell r="AO739">
            <v>28748</v>
          </cell>
          <cell r="AP739" t="str">
            <v>4(3)/0/0</v>
          </cell>
          <cell r="AQ739" t="str">
            <v>電気</v>
          </cell>
          <cell r="AR739" t="str">
            <v>特定</v>
          </cell>
          <cell r="AS739">
            <v>945</v>
          </cell>
          <cell r="AT739">
            <v>78592</v>
          </cell>
          <cell r="AU739" t="str">
            <v>6(6)/8/3</v>
          </cell>
          <cell r="AV739" t="str">
            <v/>
          </cell>
          <cell r="AW739" t="str">
            <v/>
          </cell>
          <cell r="AX739" t="str">
            <v/>
          </cell>
          <cell r="AY739" t="str">
            <v/>
          </cell>
          <cell r="AZ739" t="str">
            <v/>
          </cell>
          <cell r="BA739" t="str">
            <v>岡山県</v>
          </cell>
          <cell r="BB739">
            <v>0</v>
          </cell>
          <cell r="CR739">
            <v>5862</v>
          </cell>
          <cell r="CS739" t="str">
            <v>ｵｶﾀﾞ ﾀﾞｲｽｹ</v>
          </cell>
          <cell r="CT739" t="str">
            <v>岡田  大輔</v>
          </cell>
          <cell r="CU739" t="str">
            <v>管財課</v>
          </cell>
          <cell r="CW739">
            <v>2441</v>
          </cell>
          <cell r="CX739" t="str">
            <v>主査</v>
          </cell>
          <cell r="CY739" t="str">
            <v>管財課長</v>
          </cell>
        </row>
        <row r="740">
          <cell r="B740">
            <v>3244</v>
          </cell>
          <cell r="C740" t="str">
            <v>(株)田中浚渫工業</v>
          </cell>
          <cell r="D740" t="str">
            <v>072-998-4131</v>
          </cell>
          <cell r="E740" t="str">
            <v>581-0042</v>
          </cell>
          <cell r="F740" t="str">
            <v>大阪府八尾市南木の本5-49</v>
          </cell>
          <cell r="G740" t="str">
            <v>八尾市</v>
          </cell>
          <cell r="H740" t="str">
            <v/>
          </cell>
          <cell r="I740" t="str">
            <v>代表取締役 田中　正人</v>
          </cell>
          <cell r="J740" t="str">
            <v>本店</v>
          </cell>
          <cell r="K740" t="str">
            <v>072-998-4138</v>
          </cell>
          <cell r="L740" t="str">
            <v>tahara@tanakashunsetu.co.jp</v>
          </cell>
          <cell r="M740" t="str">
            <v>ﾀﾅｶｼｭﾝｾﾂｺｳｷﾞｮｳ</v>
          </cell>
          <cell r="N740" t="str">
            <v>無</v>
          </cell>
          <cell r="O740">
            <v>15</v>
          </cell>
          <cell r="P740">
            <v>71</v>
          </cell>
          <cell r="Q740">
            <v>3122001021522</v>
          </cell>
          <cell r="R740">
            <v>30000</v>
          </cell>
          <cell r="S740">
            <v>1081797</v>
          </cell>
          <cell r="T740">
            <v>5540196</v>
          </cell>
          <cell r="V740" t="str">
            <v>nw731299</v>
          </cell>
          <cell r="W740" t="str">
            <v>ut961592</v>
          </cell>
          <cell r="X740" t="str">
            <v>土と石管鋼舗浚塗水解</v>
          </cell>
          <cell r="Y740" t="str">
            <v/>
          </cell>
          <cell r="Z740" t="str">
            <v>土と石管鋼舗浚塗水解</v>
          </cell>
          <cell r="AA740" t="str">
            <v>土木一式</v>
          </cell>
          <cell r="AB740" t="str">
            <v/>
          </cell>
          <cell r="AC740" t="str">
            <v/>
          </cell>
          <cell r="AD740" t="str">
            <v/>
          </cell>
          <cell r="AE740">
            <v>43585</v>
          </cell>
          <cell r="AF740" t="str">
            <v>希望する</v>
          </cell>
          <cell r="AG740" t="str">
            <v>土木一式</v>
          </cell>
          <cell r="AH740" t="str">
            <v>特定</v>
          </cell>
          <cell r="AI740">
            <v>871</v>
          </cell>
          <cell r="AJ740">
            <v>467059</v>
          </cell>
          <cell r="AK740" t="str">
            <v>10(10)/5/13</v>
          </cell>
          <cell r="AL740" t="str">
            <v/>
          </cell>
          <cell r="AM740" t="str">
            <v/>
          </cell>
          <cell r="AN740" t="str">
            <v/>
          </cell>
          <cell r="AO740" t="str">
            <v/>
          </cell>
          <cell r="AP740" t="str">
            <v/>
          </cell>
          <cell r="AQ740" t="str">
            <v/>
          </cell>
          <cell r="AR740" t="str">
            <v/>
          </cell>
          <cell r="AS740" t="str">
            <v/>
          </cell>
          <cell r="AT740" t="str">
            <v/>
          </cell>
          <cell r="AU740" t="str">
            <v/>
          </cell>
          <cell r="AV740" t="str">
            <v/>
          </cell>
          <cell r="AW740" t="str">
            <v/>
          </cell>
          <cell r="AX740" t="str">
            <v/>
          </cell>
          <cell r="AY740" t="str">
            <v/>
          </cell>
          <cell r="AZ740" t="str">
            <v/>
          </cell>
          <cell r="BA740" t="str">
            <v>大阪府</v>
          </cell>
          <cell r="CR740">
            <v>5819</v>
          </cell>
          <cell r="CS740" t="str">
            <v>ﾊﾗﾀﾞ ｹｲｺ</v>
          </cell>
          <cell r="CT740" t="str">
            <v>原田　桂子</v>
          </cell>
          <cell r="CU740" t="str">
            <v>幼児教育推進課</v>
          </cell>
          <cell r="CW740">
            <v>4241</v>
          </cell>
          <cell r="CX740" t="str">
            <v>主任</v>
          </cell>
        </row>
        <row r="741">
          <cell r="B741">
            <v>3245</v>
          </cell>
          <cell r="C741" t="str">
            <v>大成工材株式会社</v>
          </cell>
          <cell r="D741" t="str">
            <v>079-432-6811</v>
          </cell>
          <cell r="E741" t="str">
            <v>675-0057</v>
          </cell>
          <cell r="F741" t="str">
            <v>加古川市東神吉町神吉1087の1</v>
          </cell>
          <cell r="G741" t="str">
            <v>加古川市</v>
          </cell>
          <cell r="H741" t="str">
            <v/>
          </cell>
          <cell r="I741" t="str">
            <v>代表取締役　 谷口　朋</v>
          </cell>
          <cell r="J741" t="str">
            <v>本店</v>
          </cell>
          <cell r="K741" t="str">
            <v>079-432-3811</v>
          </cell>
          <cell r="L741" t="str">
            <v>taisei1979@vp.117.ne.jp</v>
          </cell>
          <cell r="M741" t="str">
            <v>ﾀｲｾｲｺｳｻﾞｲ(ｶ</v>
          </cell>
          <cell r="N741" t="str">
            <v>無</v>
          </cell>
          <cell r="O741">
            <v>38</v>
          </cell>
          <cell r="P741">
            <v>21</v>
          </cell>
          <cell r="Q741">
            <v>2140000000000</v>
          </cell>
          <cell r="R741">
            <v>90000</v>
          </cell>
          <cell r="S741">
            <v>604361</v>
          </cell>
          <cell r="T741">
            <v>1697257</v>
          </cell>
          <cell r="V741" t="str">
            <v>cu965825</v>
          </cell>
          <cell r="W741" t="str">
            <v>yd377288</v>
          </cell>
          <cell r="X741" t="str">
            <v>土と石管鋼舗浚塗水解</v>
          </cell>
          <cell r="Y741" t="str">
            <v/>
          </cell>
          <cell r="Z741" t="str">
            <v>土と石管鋼舗浚塗水解</v>
          </cell>
          <cell r="AA741" t="str">
            <v>建築</v>
          </cell>
          <cell r="AB741" t="str">
            <v>防水</v>
          </cell>
          <cell r="AC741" t="str">
            <v>塗装</v>
          </cell>
          <cell r="AD741" t="str">
            <v>土木</v>
          </cell>
          <cell r="AE741">
            <v>43281</v>
          </cell>
          <cell r="AF741" t="str">
            <v/>
          </cell>
          <cell r="AG741" t="str">
            <v>建築</v>
          </cell>
          <cell r="AH741" t="str">
            <v>特定</v>
          </cell>
          <cell r="AI741">
            <v>941</v>
          </cell>
          <cell r="AJ741">
            <v>549346</v>
          </cell>
          <cell r="AK741" t="str">
            <v>9/0/0</v>
          </cell>
          <cell r="AL741" t="str">
            <v>防水</v>
          </cell>
          <cell r="AM741" t="str">
            <v>特定</v>
          </cell>
          <cell r="AN741">
            <v>906</v>
          </cell>
          <cell r="AO741">
            <v>769565</v>
          </cell>
          <cell r="AP741" t="str">
            <v>4/0/0</v>
          </cell>
          <cell r="AQ741" t="str">
            <v>塗装</v>
          </cell>
          <cell r="AR741" t="str">
            <v>特定</v>
          </cell>
          <cell r="AS741">
            <v>863</v>
          </cell>
          <cell r="AT741">
            <v>258181</v>
          </cell>
          <cell r="AU741" t="str">
            <v>3/0/0</v>
          </cell>
          <cell r="AV741" t="str">
            <v>土木</v>
          </cell>
          <cell r="AW741" t="str">
            <v>一般</v>
          </cell>
          <cell r="AX741">
            <v>758</v>
          </cell>
          <cell r="AY741">
            <v>55293</v>
          </cell>
          <cell r="AZ741" t="str">
            <v>0(0)/0/0</v>
          </cell>
          <cell r="BA741" t="str">
            <v/>
          </cell>
          <cell r="BB741">
            <v>0</v>
          </cell>
          <cell r="CR741">
            <v>5863</v>
          </cell>
          <cell r="CS741" t="str">
            <v>ｵｶﾉ ｴｲｽｹ</v>
          </cell>
          <cell r="CT741" t="str">
            <v>岡野  栄介</v>
          </cell>
          <cell r="CU741" t="str">
            <v>管理課</v>
          </cell>
          <cell r="CW741" t="str">
            <v xml:space="preserve"> </v>
          </cell>
          <cell r="CX741" t="str">
            <v>主任</v>
          </cell>
          <cell r="CY741" t="str">
            <v>管理課長</v>
          </cell>
        </row>
        <row r="742">
          <cell r="B742">
            <v>3246</v>
          </cell>
          <cell r="C742" t="str">
            <v>(株)高見沢サイバネティックス</v>
          </cell>
          <cell r="D742" t="str">
            <v>06-6363-8991</v>
          </cell>
          <cell r="E742" t="str">
            <v>530-0027</v>
          </cell>
          <cell r="F742" t="str">
            <v>大阪府大阪市北区堂山町3-3</v>
          </cell>
          <cell r="G742" t="str">
            <v/>
          </cell>
          <cell r="H742" t="str">
            <v>大阪営業所</v>
          </cell>
          <cell r="I742" t="str">
            <v>所長 吉村　邦彦</v>
          </cell>
          <cell r="J742" t="str">
            <v>東京都</v>
          </cell>
          <cell r="K742" t="str">
            <v>06-6363-8996</v>
          </cell>
          <cell r="L742" t="str">
            <v>eikan@tacy.co.jp</v>
          </cell>
          <cell r="M742" t="str">
            <v>ﾀｶﾐｻﾜｻｲﾊﾞﾈﾃｨｯｸｽ</v>
          </cell>
          <cell r="N742" t="str">
            <v>有</v>
          </cell>
          <cell r="O742">
            <v>40</v>
          </cell>
          <cell r="P742">
            <v>430</v>
          </cell>
          <cell r="Q742">
            <v>7011201003197</v>
          </cell>
          <cell r="R742">
            <v>700700</v>
          </cell>
          <cell r="S742">
            <v>2989695</v>
          </cell>
          <cell r="T742">
            <v>10484549</v>
          </cell>
          <cell r="V742" t="str">
            <v>jj263660</v>
          </cell>
          <cell r="W742" t="str">
            <v>wf158208</v>
          </cell>
          <cell r="X742" t="str">
            <v>機通と電</v>
          </cell>
          <cell r="Y742" t="str">
            <v>機通</v>
          </cell>
          <cell r="Z742" t="str">
            <v>と電</v>
          </cell>
          <cell r="AA742" t="str">
            <v>機械器具</v>
          </cell>
          <cell r="AB742" t="str">
            <v>電気</v>
          </cell>
          <cell r="AC742" t="str">
            <v>電気通信</v>
          </cell>
          <cell r="AD742" t="str">
            <v>とび土工</v>
          </cell>
          <cell r="AE742">
            <v>43190</v>
          </cell>
          <cell r="AF742" t="str">
            <v>希望しない</v>
          </cell>
          <cell r="AG742" t="str">
            <v>機械器具</v>
          </cell>
          <cell r="AH742" t="str">
            <v>一般</v>
          </cell>
          <cell r="AI742">
            <v>905</v>
          </cell>
          <cell r="AJ742">
            <v>397890</v>
          </cell>
          <cell r="AK742" t="str">
            <v>()//47</v>
          </cell>
          <cell r="AL742" t="str">
            <v>電気</v>
          </cell>
          <cell r="AM742" t="str">
            <v>特定</v>
          </cell>
          <cell r="AN742">
            <v>736</v>
          </cell>
          <cell r="AO742" t="str">
            <v/>
          </cell>
          <cell r="AP742" t="str">
            <v>7(5)//</v>
          </cell>
          <cell r="AQ742" t="str">
            <v>電気通信</v>
          </cell>
          <cell r="AR742" t="str">
            <v>一般</v>
          </cell>
          <cell r="AS742">
            <v>835</v>
          </cell>
          <cell r="AT742">
            <v>104787</v>
          </cell>
          <cell r="AU742" t="str">
            <v>()//40</v>
          </cell>
          <cell r="AV742" t="str">
            <v>とび土工</v>
          </cell>
          <cell r="AW742" t="str">
            <v>特定</v>
          </cell>
          <cell r="AX742">
            <v>813</v>
          </cell>
          <cell r="AY742">
            <v>116100</v>
          </cell>
          <cell r="AZ742" t="str">
            <v>3(2)//</v>
          </cell>
          <cell r="BA742" t="str">
            <v>東京都</v>
          </cell>
          <cell r="BB742">
            <v>0</v>
          </cell>
          <cell r="CR742">
            <v>5864</v>
          </cell>
          <cell r="CS742" t="str">
            <v>ｺﾞｳｼ ﾋﾛｼ</v>
          </cell>
          <cell r="CT742" t="str">
            <v>合志  博</v>
          </cell>
          <cell r="CU742" t="str">
            <v>債権管理課</v>
          </cell>
          <cell r="CW742">
            <v>2242</v>
          </cell>
          <cell r="CX742" t="str">
            <v>主査</v>
          </cell>
          <cell r="CY742" t="str">
            <v>債権管理課長</v>
          </cell>
        </row>
        <row r="743">
          <cell r="B743">
            <v>3247</v>
          </cell>
          <cell r="C743" t="str">
            <v>大雄興業(株)</v>
          </cell>
          <cell r="D743" t="str">
            <v>078-641-7890</v>
          </cell>
          <cell r="E743" t="str">
            <v>653-0872</v>
          </cell>
          <cell r="F743" t="str">
            <v>兵庫県神戸市長田区大日丘町1-3-6</v>
          </cell>
          <cell r="G743" t="str">
            <v>神戸市</v>
          </cell>
          <cell r="H743" t="str">
            <v/>
          </cell>
          <cell r="I743" t="str">
            <v>代表取締役 溝口　一夫</v>
          </cell>
          <cell r="J743" t="str">
            <v>本店</v>
          </cell>
          <cell r="K743" t="str">
            <v>078-641-7896</v>
          </cell>
          <cell r="L743" t="str">
            <v>daiyukougyou-d-tube@athena.ocn.ne.jp</v>
          </cell>
          <cell r="M743" t="str">
            <v>ﾀﾞｲﾕｳｺｳｷﾞｮｳ</v>
          </cell>
          <cell r="N743" t="str">
            <v>無</v>
          </cell>
          <cell r="O743">
            <v>45</v>
          </cell>
          <cell r="P743">
            <v>6</v>
          </cell>
          <cell r="Q743">
            <v>9140001016394</v>
          </cell>
          <cell r="R743">
            <v>25000</v>
          </cell>
          <cell r="S743">
            <v>55862</v>
          </cell>
          <cell r="T743">
            <v>114924</v>
          </cell>
          <cell r="V743" t="str">
            <v>pa297929</v>
          </cell>
          <cell r="W743" t="str">
            <v>vf870779</v>
          </cell>
          <cell r="X743" t="str">
            <v>塗土と舗解</v>
          </cell>
          <cell r="Y743" t="str">
            <v>塗</v>
          </cell>
          <cell r="Z743" t="str">
            <v>土と舗解</v>
          </cell>
          <cell r="AA743" t="str">
            <v>とび土工</v>
          </cell>
          <cell r="AB743" t="str">
            <v>舗装</v>
          </cell>
          <cell r="AC743" t="str">
            <v>塗装</v>
          </cell>
          <cell r="AD743" t="str">
            <v>土木一式</v>
          </cell>
          <cell r="AE743">
            <v>43008</v>
          </cell>
          <cell r="AF743" t="str">
            <v/>
          </cell>
          <cell r="AG743" t="str">
            <v>とび土工</v>
          </cell>
          <cell r="AH743" t="str">
            <v>特定</v>
          </cell>
          <cell r="AI743">
            <v>664</v>
          </cell>
          <cell r="AJ743">
            <v>58844</v>
          </cell>
          <cell r="AK743" t="str">
            <v>1(1)/1/2</v>
          </cell>
          <cell r="AL743" t="str">
            <v>舗装</v>
          </cell>
          <cell r="AM743" t="str">
            <v>特定</v>
          </cell>
          <cell r="AN743">
            <v>592</v>
          </cell>
          <cell r="AO743">
            <v>12907</v>
          </cell>
          <cell r="AP743" t="str">
            <v>0(0)/0/1</v>
          </cell>
          <cell r="AQ743" t="str">
            <v>塗装</v>
          </cell>
          <cell r="AR743" t="str">
            <v>一般</v>
          </cell>
          <cell r="AS743">
            <v>622</v>
          </cell>
          <cell r="AT743">
            <v>27619</v>
          </cell>
          <cell r="AU743" t="str">
            <v>0(0)/1/0</v>
          </cell>
          <cell r="AV743" t="str">
            <v>土木一式</v>
          </cell>
          <cell r="AW743" t="str">
            <v>特定</v>
          </cell>
          <cell r="AX743">
            <v>602</v>
          </cell>
          <cell r="AY743">
            <v>11533</v>
          </cell>
          <cell r="AZ743" t="str">
            <v>1(1)/0/0</v>
          </cell>
          <cell r="BA743" t="str">
            <v>兵庫県</v>
          </cell>
          <cell r="BB743">
            <v>0</v>
          </cell>
          <cell r="CR743">
            <v>5865</v>
          </cell>
          <cell r="CS743" t="str">
            <v>ﾀﾅｶ ｴｲｼﾞ</v>
          </cell>
          <cell r="CT743" t="str">
            <v>田中  詠士</v>
          </cell>
          <cell r="CU743" t="str">
            <v>国保年金課</v>
          </cell>
          <cell r="CW743">
            <v>2748</v>
          </cell>
          <cell r="CX743" t="str">
            <v>主任</v>
          </cell>
          <cell r="CY743" t="str">
            <v>国保年金課長</v>
          </cell>
        </row>
        <row r="744">
          <cell r="B744">
            <v>3248</v>
          </cell>
          <cell r="C744" t="str">
            <v>大勝建設(株)</v>
          </cell>
          <cell r="D744" t="str">
            <v>06-6718-2100</v>
          </cell>
          <cell r="E744" t="str">
            <v>544-0032</v>
          </cell>
          <cell r="F744" t="str">
            <v>大阪府大阪市生野区中川西1-8-4</v>
          </cell>
          <cell r="G744" t="str">
            <v>大阪市</v>
          </cell>
          <cell r="H744" t="str">
            <v/>
          </cell>
          <cell r="I744" t="str">
            <v>代表取締役 脇坂　育男</v>
          </cell>
          <cell r="J744" t="str">
            <v>本店</v>
          </cell>
          <cell r="K744" t="str">
            <v>06-6718-2111</v>
          </cell>
          <cell r="L744" t="str">
            <v>1608-minamino@dainet.co.jp</v>
          </cell>
          <cell r="M744" t="str">
            <v>ﾀﾞｲｼｮｳｹﾝｾﾂ</v>
          </cell>
          <cell r="N744" t="str">
            <v>無</v>
          </cell>
          <cell r="O744">
            <v>41</v>
          </cell>
          <cell r="P744">
            <v>119</v>
          </cell>
          <cell r="Q744">
            <v>3120001018002</v>
          </cell>
          <cell r="R744">
            <v>9400</v>
          </cell>
          <cell r="S744">
            <v>623900</v>
          </cell>
          <cell r="T744">
            <v>9699608</v>
          </cell>
          <cell r="V744" t="str">
            <v>mp848915</v>
          </cell>
          <cell r="W744" t="str">
            <v>tt338110</v>
          </cell>
          <cell r="X744" t="str">
            <v>土建と管舗浚解</v>
          </cell>
          <cell r="Y744" t="str">
            <v/>
          </cell>
          <cell r="Z744" t="str">
            <v>土建と管舗浚解</v>
          </cell>
          <cell r="AA744" t="str">
            <v>建築一式</v>
          </cell>
          <cell r="AB744" t="str">
            <v>土木一式</v>
          </cell>
          <cell r="AC744" t="str">
            <v/>
          </cell>
          <cell r="AD744" t="str">
            <v/>
          </cell>
          <cell r="AE744">
            <v>43008</v>
          </cell>
          <cell r="AF744" t="str">
            <v>希望する</v>
          </cell>
          <cell r="AG744" t="str">
            <v>建築一式</v>
          </cell>
          <cell r="AH744" t="str">
            <v>特定</v>
          </cell>
          <cell r="AI744">
            <v>1125</v>
          </cell>
          <cell r="AJ744">
            <v>3946258</v>
          </cell>
          <cell r="AK744" t="str">
            <v>29(29)/12/27</v>
          </cell>
          <cell r="AL744" t="str">
            <v>土木一式</v>
          </cell>
          <cell r="AM744" t="str">
            <v>特定</v>
          </cell>
          <cell r="AN744">
            <v>1134</v>
          </cell>
          <cell r="AO744">
            <v>3602419</v>
          </cell>
          <cell r="AP744" t="str">
            <v>46(46)/6/16</v>
          </cell>
          <cell r="AQ744" t="str">
            <v/>
          </cell>
          <cell r="AR744" t="str">
            <v/>
          </cell>
          <cell r="AS744" t="str">
            <v/>
          </cell>
          <cell r="AT744" t="str">
            <v/>
          </cell>
          <cell r="AU744" t="str">
            <v/>
          </cell>
          <cell r="AV744" t="str">
            <v/>
          </cell>
          <cell r="AW744" t="str">
            <v/>
          </cell>
          <cell r="AX744" t="str">
            <v/>
          </cell>
          <cell r="AY744" t="str">
            <v/>
          </cell>
          <cell r="AZ744" t="str">
            <v/>
          </cell>
          <cell r="BA744" t="str">
            <v>大阪府</v>
          </cell>
          <cell r="BB744">
            <v>0</v>
          </cell>
          <cell r="CR744">
            <v>5866</v>
          </cell>
          <cell r="CS744" t="str">
            <v>ﾎｵﾉｷ ﾀｹﾖｼ</v>
          </cell>
          <cell r="CT744" t="str">
            <v>朴木  丈能</v>
          </cell>
          <cell r="CU744" t="str">
            <v>秘書課</v>
          </cell>
          <cell r="CW744">
            <v>2136</v>
          </cell>
          <cell r="CX744" t="str">
            <v>主査</v>
          </cell>
          <cell r="CY744" t="str">
            <v>秘書課長</v>
          </cell>
        </row>
        <row r="745">
          <cell r="B745">
            <v>3249</v>
          </cell>
          <cell r="C745" t="str">
            <v>大栄環境(株)</v>
          </cell>
          <cell r="D745" t="str">
            <v>0725-54-3061</v>
          </cell>
          <cell r="E745" t="str">
            <v>594-1144</v>
          </cell>
          <cell r="F745" t="str">
            <v>大阪府和泉市ﾃｸﾉｽﾃｰｼﾞ2-3-28</v>
          </cell>
          <cell r="G745" t="str">
            <v>和泉市</v>
          </cell>
          <cell r="H745" t="str">
            <v/>
          </cell>
          <cell r="I745" t="str">
            <v>代表取締役　 金子　文雄</v>
          </cell>
          <cell r="J745" t="str">
            <v>本店</v>
          </cell>
          <cell r="K745" t="str">
            <v>0725-51-3133</v>
          </cell>
          <cell r="L745" t="str">
            <v>inoue8571@dinsgr.co.jp</v>
          </cell>
          <cell r="M745" t="str">
            <v>ﾀﾞｲｴｲｶﾝｷﾖｳ</v>
          </cell>
          <cell r="N745" t="str">
            <v>無</v>
          </cell>
          <cell r="O745">
            <v>27</v>
          </cell>
          <cell r="P745">
            <v>883</v>
          </cell>
          <cell r="Q745">
            <v>6120100000000</v>
          </cell>
          <cell r="R745">
            <v>90000</v>
          </cell>
          <cell r="S745">
            <v>20023350</v>
          </cell>
          <cell r="T745">
            <v>32895082</v>
          </cell>
          <cell r="V745" t="str">
            <v>af592948</v>
          </cell>
          <cell r="W745" t="str">
            <v>bd814560</v>
          </cell>
          <cell r="X745" t="str">
            <v>土建と管舗浚解</v>
          </cell>
          <cell r="Y745" t="str">
            <v/>
          </cell>
          <cell r="Z745" t="str">
            <v>土建と管舗浚解</v>
          </cell>
          <cell r="AA745" t="str">
            <v>清掃施設</v>
          </cell>
          <cell r="AB745" t="str">
            <v>機械器具</v>
          </cell>
          <cell r="AC745" t="str">
            <v>建築一式</v>
          </cell>
          <cell r="AD745" t="str">
            <v>土木一式</v>
          </cell>
          <cell r="AE745">
            <v>43190</v>
          </cell>
          <cell r="AF745" t="str">
            <v>希望しない</v>
          </cell>
          <cell r="AG745" t="str">
            <v>清掃施設</v>
          </cell>
          <cell r="AH745" t="str">
            <v>特定</v>
          </cell>
          <cell r="AI745">
            <v>1144</v>
          </cell>
          <cell r="AJ745">
            <v>1341777</v>
          </cell>
          <cell r="AK745" t="str">
            <v>0(0)/0/29</v>
          </cell>
          <cell r="AL745" t="str">
            <v>機械器具</v>
          </cell>
          <cell r="AM745" t="str">
            <v>特定</v>
          </cell>
          <cell r="AN745">
            <v>1068</v>
          </cell>
          <cell r="AO745">
            <v>259469</v>
          </cell>
          <cell r="AP745" t="str">
            <v>0(0)/0/29</v>
          </cell>
          <cell r="AQ745" t="str">
            <v>建築一式</v>
          </cell>
          <cell r="AR745" t="str">
            <v>特定</v>
          </cell>
          <cell r="AS745">
            <v>915</v>
          </cell>
          <cell r="AT745">
            <v>3430</v>
          </cell>
          <cell r="AU745" t="str">
            <v>2(2)/1/0</v>
          </cell>
          <cell r="AV745" t="str">
            <v>土木一式</v>
          </cell>
          <cell r="AW745" t="str">
            <v>特定</v>
          </cell>
          <cell r="AX745">
            <v>969</v>
          </cell>
          <cell r="AY745" t="str">
            <v/>
          </cell>
          <cell r="AZ745" t="str">
            <v>6(3)/8/25</v>
          </cell>
          <cell r="BA745" t="str">
            <v>大阪府</v>
          </cell>
          <cell r="BB745">
            <v>0</v>
          </cell>
          <cell r="CR745">
            <v>5869</v>
          </cell>
          <cell r="CS745" t="str">
            <v>ｶﾜﾑﾗ ｼﾝｺﾞ</v>
          </cell>
          <cell r="CT745" t="str">
            <v>河村  真吾</v>
          </cell>
          <cell r="CU745" t="str">
            <v>資産税課</v>
          </cell>
          <cell r="CW745">
            <v>2341</v>
          </cell>
          <cell r="CX745" t="str">
            <v>主任</v>
          </cell>
          <cell r="CY745" t="str">
            <v>資産税課長</v>
          </cell>
        </row>
        <row r="746">
          <cell r="B746">
            <v>3250</v>
          </cell>
          <cell r="C746" t="str">
            <v>大機工業(株)</v>
          </cell>
          <cell r="D746" t="str">
            <v>06-6422-8014</v>
          </cell>
          <cell r="E746" t="str">
            <v>661-0981</v>
          </cell>
          <cell r="F746" t="str">
            <v>兵庫県尼崎市猪名寺3-5-1</v>
          </cell>
          <cell r="G746" t="str">
            <v>尼崎市</v>
          </cell>
          <cell r="H746" t="str">
            <v/>
          </cell>
          <cell r="I746" t="str">
            <v>代表取締役 仲尾　好生</v>
          </cell>
          <cell r="J746" t="str">
            <v>本店</v>
          </cell>
          <cell r="K746" t="str">
            <v>06-6422-3724</v>
          </cell>
          <cell r="L746" t="str">
            <v>aal16491@nyc.odn.ne.jp</v>
          </cell>
          <cell r="M746" t="str">
            <v>ﾀﾞｲｷｺｳｷﾞｮｳ</v>
          </cell>
          <cell r="N746" t="str">
            <v>無</v>
          </cell>
          <cell r="O746">
            <v>50</v>
          </cell>
          <cell r="P746">
            <v>37</v>
          </cell>
          <cell r="Q746">
            <v>4140001049606</v>
          </cell>
          <cell r="R746">
            <v>45200</v>
          </cell>
          <cell r="S746">
            <v>190616</v>
          </cell>
          <cell r="T746">
            <v>1076004</v>
          </cell>
          <cell r="V746" t="str">
            <v>ns425368</v>
          </cell>
          <cell r="W746" t="str">
            <v>dw758240</v>
          </cell>
          <cell r="X746" t="str">
            <v>機清</v>
          </cell>
          <cell r="Y746" t="str">
            <v>機清</v>
          </cell>
          <cell r="Z746" t="str">
            <v/>
          </cell>
          <cell r="AA746" t="str">
            <v>機械器具</v>
          </cell>
          <cell r="AB746" t="str">
            <v>清掃施設</v>
          </cell>
          <cell r="AC746" t="str">
            <v/>
          </cell>
          <cell r="AD746" t="str">
            <v/>
          </cell>
          <cell r="AE746">
            <v>43131</v>
          </cell>
          <cell r="AF746" t="str">
            <v>希望しない</v>
          </cell>
          <cell r="AG746" t="str">
            <v>機械器具</v>
          </cell>
          <cell r="AH746" t="str">
            <v>一般</v>
          </cell>
          <cell r="AI746">
            <v>779</v>
          </cell>
          <cell r="AJ746">
            <v>755802</v>
          </cell>
          <cell r="AK746" t="str">
            <v>()//11</v>
          </cell>
          <cell r="AL746" t="str">
            <v>清掃施設</v>
          </cell>
          <cell r="AM746" t="str">
            <v>一般</v>
          </cell>
          <cell r="AN746">
            <v>725</v>
          </cell>
          <cell r="AO746">
            <v>49034</v>
          </cell>
          <cell r="AP746" t="str">
            <v>()//11</v>
          </cell>
          <cell r="AQ746" t="str">
            <v/>
          </cell>
          <cell r="AR746" t="str">
            <v/>
          </cell>
          <cell r="AS746" t="str">
            <v/>
          </cell>
          <cell r="AT746" t="str">
            <v/>
          </cell>
          <cell r="AU746" t="str">
            <v/>
          </cell>
          <cell r="AV746" t="str">
            <v/>
          </cell>
          <cell r="AW746" t="str">
            <v/>
          </cell>
          <cell r="AX746" t="str">
            <v/>
          </cell>
          <cell r="AY746" t="str">
            <v/>
          </cell>
          <cell r="AZ746" t="str">
            <v/>
          </cell>
          <cell r="BA746" t="str">
            <v>兵庫県</v>
          </cell>
          <cell r="BB746">
            <v>0</v>
          </cell>
          <cell r="CR746">
            <v>5870</v>
          </cell>
          <cell r="CS746" t="str">
            <v>ﾀﾆｳ ｺﾉﾐ</v>
          </cell>
          <cell r="CT746" t="str">
            <v>谷生  このみ</v>
          </cell>
          <cell r="CU746" t="str">
            <v>保育課</v>
          </cell>
          <cell r="CW746" t="str">
            <v xml:space="preserve"> </v>
          </cell>
          <cell r="CX746" t="str">
            <v>主任</v>
          </cell>
          <cell r="CY746" t="str">
            <v>保育課長</v>
          </cell>
        </row>
        <row r="747">
          <cell r="B747">
            <v>3251</v>
          </cell>
          <cell r="C747" t="str">
            <v>(株)谷安総業</v>
          </cell>
          <cell r="D747" t="str">
            <v>078-202-8151</v>
          </cell>
          <cell r="E747" t="str">
            <v>650-0002</v>
          </cell>
          <cell r="F747" t="str">
            <v>兵庫県神戸市中央区北野町3-4-18-102</v>
          </cell>
          <cell r="G747" t="str">
            <v>洲本市</v>
          </cell>
          <cell r="H747" t="str">
            <v>神戸支店</v>
          </cell>
          <cell r="I747" t="str">
            <v>神戸支店長 片岡　三徳</v>
          </cell>
          <cell r="J747" t="str">
            <v>兵庫県洲本市</v>
          </cell>
          <cell r="K747" t="str">
            <v>078-202-8692</v>
          </cell>
          <cell r="L747" t="str">
            <v>info@e-taniyasu.co.jp</v>
          </cell>
          <cell r="M747" t="str">
            <v>ﾀﾆﾔｽｿｳｷﾞｮｳ</v>
          </cell>
          <cell r="N747" t="str">
            <v>有</v>
          </cell>
          <cell r="O747">
            <v>38</v>
          </cell>
          <cell r="P747">
            <v>14</v>
          </cell>
          <cell r="Q747">
            <v>1140001084787</v>
          </cell>
          <cell r="R747">
            <v>12100</v>
          </cell>
          <cell r="S747">
            <v>153314</v>
          </cell>
          <cell r="T747">
            <v>347615</v>
          </cell>
          <cell r="V747" t="str">
            <v>kd187892</v>
          </cell>
          <cell r="W747" t="str">
            <v>ph112794</v>
          </cell>
          <cell r="X747" t="str">
            <v>土と電鋼舗塗園(清)(と)(鋼)(舗)(塗)</v>
          </cell>
          <cell r="Y747" t="str">
            <v>土と電鋼舗塗園(清)(と)(鋼)(舗)(塗)</v>
          </cell>
          <cell r="Z747" t="str">
            <v/>
          </cell>
          <cell r="AA747" t="str">
            <v>とび土工</v>
          </cell>
          <cell r="AB747" t="str">
            <v>塗装</v>
          </cell>
          <cell r="AC747" t="str">
            <v>舗装</v>
          </cell>
          <cell r="AD747" t="str">
            <v>土木一式</v>
          </cell>
          <cell r="AE747">
            <v>43281</v>
          </cell>
          <cell r="AF747" t="str">
            <v>希望しない</v>
          </cell>
          <cell r="AG747" t="str">
            <v>とび土工</v>
          </cell>
          <cell r="AH747" t="str">
            <v>一般</v>
          </cell>
          <cell r="AI747">
            <v>796</v>
          </cell>
          <cell r="AJ747">
            <v>225811</v>
          </cell>
          <cell r="AK747" t="str">
            <v>3(2)/5/0</v>
          </cell>
          <cell r="AL747" t="str">
            <v>塗装</v>
          </cell>
          <cell r="AM747" t="str">
            <v>一般</v>
          </cell>
          <cell r="AN747">
            <v>756</v>
          </cell>
          <cell r="AO747">
            <v>114881</v>
          </cell>
          <cell r="AP747" t="str">
            <v>2(1)/3/0</v>
          </cell>
          <cell r="AQ747" t="str">
            <v>舗装</v>
          </cell>
          <cell r="AR747" t="str">
            <v>一般</v>
          </cell>
          <cell r="AS747">
            <v>658</v>
          </cell>
          <cell r="AT747">
            <v>6873</v>
          </cell>
          <cell r="AU747" t="str">
            <v>1(1)/2/0</v>
          </cell>
          <cell r="AV747" t="str">
            <v>土木一式</v>
          </cell>
          <cell r="AW747" t="str">
            <v>一般</v>
          </cell>
          <cell r="AX747">
            <v>610</v>
          </cell>
          <cell r="AY747" t="str">
            <v/>
          </cell>
          <cell r="AZ747" t="str">
            <v>0(0)/0/0</v>
          </cell>
          <cell r="BA747" t="str">
            <v>兵庫県</v>
          </cell>
          <cell r="BB747">
            <v>0</v>
          </cell>
          <cell r="CR747">
            <v>5871</v>
          </cell>
          <cell r="CS747" t="str">
            <v>ｱﾗﾏｷ ﾐﾕｷ</v>
          </cell>
          <cell r="CT747" t="str">
            <v>荒巻  三幸</v>
          </cell>
          <cell r="CU747" t="str">
            <v>保育課</v>
          </cell>
          <cell r="CW747" t="str">
            <v xml:space="preserve"> </v>
          </cell>
          <cell r="CX747" t="str">
            <v xml:space="preserve"> </v>
          </cell>
          <cell r="CY747" t="str">
            <v>保育課長</v>
          </cell>
        </row>
        <row r="748">
          <cell r="B748">
            <v>3252</v>
          </cell>
          <cell r="C748" t="str">
            <v>太平ビルサービス(株)</v>
          </cell>
          <cell r="D748" t="str">
            <v>078-393-2600</v>
          </cell>
          <cell r="E748" t="str">
            <v>650-0033</v>
          </cell>
          <cell r="F748" t="str">
            <v>兵庫県神戸市中央区江戸町85-1</v>
          </cell>
          <cell r="G748" t="str">
            <v>新宿区</v>
          </cell>
          <cell r="H748" t="str">
            <v>神戸支店</v>
          </cell>
          <cell r="I748" t="str">
            <v>支店長 篠塚　健次</v>
          </cell>
          <cell r="J748" t="str">
            <v>東京都新宿区</v>
          </cell>
          <cell r="K748" t="str">
            <v>078-393-3100</v>
          </cell>
          <cell r="L748" t="str">
            <v/>
          </cell>
          <cell r="M748" t="str">
            <v>ﾀｲﾍｲﾋﾞﾙｻｰﾋﾞｽ</v>
          </cell>
          <cell r="N748" t="str">
            <v>有</v>
          </cell>
          <cell r="O748">
            <v>59</v>
          </cell>
          <cell r="P748">
            <v>19432</v>
          </cell>
          <cell r="Q748">
            <v>2011101012138</v>
          </cell>
          <cell r="R748">
            <v>200000</v>
          </cell>
          <cell r="S748">
            <v>32984</v>
          </cell>
          <cell r="T748">
            <v>53361113</v>
          </cell>
          <cell r="V748" t="str">
            <v>dj172649</v>
          </cell>
          <cell r="W748" t="str">
            <v>zm176255</v>
          </cell>
          <cell r="X748" t="str">
            <v>土と電鋼舗塗園(清)(と)(鋼)(舗)(塗)</v>
          </cell>
          <cell r="Y748" t="str">
            <v>土と電鋼舗塗園(清)(と)(鋼)(舗)(塗)</v>
          </cell>
          <cell r="Z748" t="str">
            <v/>
          </cell>
          <cell r="AA748" t="str">
            <v>電気</v>
          </cell>
          <cell r="AB748" t="str">
            <v>消防施設</v>
          </cell>
          <cell r="AC748" t="str">
            <v/>
          </cell>
          <cell r="AD748" t="str">
            <v/>
          </cell>
          <cell r="AE748">
            <v>43008</v>
          </cell>
          <cell r="AF748" t="str">
            <v>希望しない</v>
          </cell>
          <cell r="AG748" t="str">
            <v>電気</v>
          </cell>
          <cell r="AH748" t="str">
            <v>一般</v>
          </cell>
          <cell r="AI748">
            <v>1054</v>
          </cell>
          <cell r="AJ748">
            <v>41382</v>
          </cell>
          <cell r="AK748" t="str">
            <v>12(0)/235/0</v>
          </cell>
          <cell r="AL748" t="str">
            <v>消防施設</v>
          </cell>
          <cell r="AM748" t="str">
            <v>一般</v>
          </cell>
          <cell r="AN748">
            <v>1025</v>
          </cell>
          <cell r="AO748">
            <v>6179</v>
          </cell>
          <cell r="AP748" t="str">
            <v>0(0)/422/</v>
          </cell>
          <cell r="AQ748" t="str">
            <v/>
          </cell>
          <cell r="AR748" t="str">
            <v/>
          </cell>
          <cell r="AS748" t="str">
            <v/>
          </cell>
          <cell r="AT748" t="str">
            <v/>
          </cell>
          <cell r="AU748" t="str">
            <v/>
          </cell>
          <cell r="AV748" t="str">
            <v/>
          </cell>
          <cell r="AW748" t="str">
            <v/>
          </cell>
          <cell r="AX748" t="str">
            <v/>
          </cell>
          <cell r="AY748" t="str">
            <v/>
          </cell>
          <cell r="AZ748" t="str">
            <v/>
          </cell>
          <cell r="BA748" t="str">
            <v>東京都</v>
          </cell>
        </row>
        <row r="749">
          <cell r="B749">
            <v>3253</v>
          </cell>
          <cell r="C749" t="str">
            <v>高木造園芸(株)</v>
          </cell>
          <cell r="D749" t="str">
            <v>06-6491-6937</v>
          </cell>
          <cell r="E749" t="str">
            <v>661-0953</v>
          </cell>
          <cell r="F749" t="str">
            <v>兵庫県尼崎市東園田町5-92-2</v>
          </cell>
          <cell r="G749" t="str">
            <v>尼崎市</v>
          </cell>
          <cell r="H749" t="str">
            <v/>
          </cell>
          <cell r="I749" t="str">
            <v>代表取締役 高木　一造</v>
          </cell>
          <cell r="J749" t="str">
            <v>本店</v>
          </cell>
          <cell r="K749" t="str">
            <v>06-6493-7181</v>
          </cell>
          <cell r="L749" t="str">
            <v>takagizoengei@hcc6.bai.ne.jp</v>
          </cell>
          <cell r="M749" t="str">
            <v>ﾀｶｷﾞｿﾞｳｴﾝｹﾞｲ</v>
          </cell>
          <cell r="N749" t="str">
            <v>無</v>
          </cell>
          <cell r="O749">
            <v>53</v>
          </cell>
          <cell r="P749">
            <v>8</v>
          </cell>
          <cell r="Q749">
            <v>4140001050539</v>
          </cell>
          <cell r="R749">
            <v>20000</v>
          </cell>
          <cell r="S749">
            <v>72665</v>
          </cell>
          <cell r="T749">
            <v>159851</v>
          </cell>
          <cell r="V749" t="str">
            <v>cp179514</v>
          </cell>
          <cell r="W749" t="str">
            <v>gr163040</v>
          </cell>
          <cell r="X749" t="str">
            <v>土と石鋼舗浚塗園水</v>
          </cell>
          <cell r="Y749" t="str">
            <v/>
          </cell>
          <cell r="Z749" t="str">
            <v>土と石鋼舗浚塗園水</v>
          </cell>
          <cell r="AA749" t="str">
            <v>造園</v>
          </cell>
          <cell r="AB749" t="str">
            <v/>
          </cell>
          <cell r="AC749" t="str">
            <v/>
          </cell>
          <cell r="AD749" t="str">
            <v/>
          </cell>
          <cell r="AE749">
            <v>43008</v>
          </cell>
          <cell r="AF749" t="str">
            <v>希望しない</v>
          </cell>
          <cell r="AG749" t="str">
            <v>造園</v>
          </cell>
          <cell r="AH749" t="str">
            <v>特定</v>
          </cell>
          <cell r="AI749">
            <v>795</v>
          </cell>
          <cell r="AJ749">
            <v>115172</v>
          </cell>
          <cell r="AK749" t="str">
            <v>2(2)/2/2</v>
          </cell>
          <cell r="AL749" t="str">
            <v/>
          </cell>
          <cell r="AM749" t="str">
            <v/>
          </cell>
          <cell r="AN749" t="str">
            <v/>
          </cell>
          <cell r="AO749" t="str">
            <v/>
          </cell>
          <cell r="AP749" t="str">
            <v/>
          </cell>
          <cell r="AQ749" t="str">
            <v/>
          </cell>
          <cell r="AR749" t="str">
            <v/>
          </cell>
          <cell r="AS749" t="str">
            <v/>
          </cell>
          <cell r="AT749" t="str">
            <v/>
          </cell>
          <cell r="AU749" t="str">
            <v/>
          </cell>
          <cell r="AV749" t="str">
            <v/>
          </cell>
          <cell r="AW749" t="str">
            <v/>
          </cell>
          <cell r="AX749" t="str">
            <v/>
          </cell>
          <cell r="AY749" t="str">
            <v/>
          </cell>
          <cell r="AZ749" t="str">
            <v/>
          </cell>
          <cell r="BA749" t="str">
            <v>兵庫県</v>
          </cell>
          <cell r="BB749">
            <v>0</v>
          </cell>
          <cell r="CR749">
            <v>5873</v>
          </cell>
          <cell r="CS749" t="str">
            <v>ﾔｽﾀﾞ ｼｵﾘ</v>
          </cell>
          <cell r="CT749" t="str">
            <v>安田  志織</v>
          </cell>
          <cell r="CU749" t="str">
            <v>保育課</v>
          </cell>
          <cell r="CW749" t="str">
            <v xml:space="preserve"> </v>
          </cell>
          <cell r="CX749" t="str">
            <v xml:space="preserve"> </v>
          </cell>
          <cell r="CY749" t="str">
            <v>保育課長</v>
          </cell>
        </row>
        <row r="750">
          <cell r="B750">
            <v>3254</v>
          </cell>
          <cell r="C750" t="str">
            <v>(株)丹新ビルサービス</v>
          </cell>
          <cell r="D750" t="str">
            <v>0773-24-4602</v>
          </cell>
          <cell r="E750" t="str">
            <v>620-0933</v>
          </cell>
          <cell r="F750" t="str">
            <v>京都府福知山市東羽合町164</v>
          </cell>
          <cell r="G750" t="str">
            <v>福知山市</v>
          </cell>
          <cell r="H750" t="str">
            <v/>
          </cell>
          <cell r="I750" t="str">
            <v>代表取締役 中道　紀史</v>
          </cell>
          <cell r="J750" t="str">
            <v>本店</v>
          </cell>
          <cell r="K750" t="str">
            <v>0773-24-4600</v>
          </cell>
          <cell r="L750" t="str">
            <v>tanshin-info@mo-kosan.co.jp</v>
          </cell>
          <cell r="M750" t="str">
            <v>ﾀﾝｼﾝﾋﾞﾙｻｰﾋﾞｽ</v>
          </cell>
          <cell r="N750" t="str">
            <v>無</v>
          </cell>
          <cell r="O750">
            <v>32</v>
          </cell>
          <cell r="P750">
            <v>120</v>
          </cell>
          <cell r="Q750">
            <v>2130001041160</v>
          </cell>
          <cell r="R750">
            <v>20000</v>
          </cell>
          <cell r="S750">
            <v>248228</v>
          </cell>
          <cell r="T750">
            <v>589081</v>
          </cell>
          <cell r="V750" t="str">
            <v>zs183424</v>
          </cell>
          <cell r="W750" t="str">
            <v>iv171690</v>
          </cell>
          <cell r="X750" t="str">
            <v>電管消</v>
          </cell>
          <cell r="Y750" t="str">
            <v>電管消</v>
          </cell>
          <cell r="Z750" t="str">
            <v/>
          </cell>
          <cell r="AA750" t="str">
            <v>管</v>
          </cell>
          <cell r="AB750" t="str">
            <v>消防施設</v>
          </cell>
          <cell r="AC750" t="str">
            <v/>
          </cell>
          <cell r="AD750" t="str">
            <v/>
          </cell>
          <cell r="AE750">
            <v>43159</v>
          </cell>
          <cell r="AF750" t="str">
            <v>希望しない</v>
          </cell>
          <cell r="AG750" t="str">
            <v>管</v>
          </cell>
          <cell r="AH750" t="str">
            <v>一般</v>
          </cell>
          <cell r="AI750">
            <v>633</v>
          </cell>
          <cell r="AJ750">
            <v>21754</v>
          </cell>
          <cell r="AK750" t="str">
            <v>()//13</v>
          </cell>
          <cell r="AL750" t="str">
            <v>消防施設</v>
          </cell>
          <cell r="AM750" t="str">
            <v>一般</v>
          </cell>
          <cell r="AN750">
            <v>690</v>
          </cell>
          <cell r="AO750">
            <v>42349</v>
          </cell>
          <cell r="AP750" t="str">
            <v>()/18/2</v>
          </cell>
          <cell r="AQ750" t="str">
            <v/>
          </cell>
          <cell r="AR750" t="str">
            <v/>
          </cell>
          <cell r="AS750" t="str">
            <v/>
          </cell>
          <cell r="AT750" t="str">
            <v/>
          </cell>
          <cell r="AU750" t="str">
            <v/>
          </cell>
          <cell r="AV750" t="str">
            <v/>
          </cell>
          <cell r="AW750" t="str">
            <v/>
          </cell>
          <cell r="AX750" t="str">
            <v/>
          </cell>
          <cell r="AY750" t="str">
            <v/>
          </cell>
          <cell r="AZ750" t="str">
            <v/>
          </cell>
          <cell r="BA750" t="str">
            <v>京都府</v>
          </cell>
          <cell r="BB750">
            <v>0</v>
          </cell>
          <cell r="CR750">
            <v>5875</v>
          </cell>
          <cell r="CS750" t="str">
            <v>ｸﾗﾊｼ ﾒｸﾞﾐ</v>
          </cell>
          <cell r="CT750" t="str">
            <v>倉橋  めぐみ</v>
          </cell>
          <cell r="CU750" t="str">
            <v>保育課</v>
          </cell>
          <cell r="CW750" t="str">
            <v xml:space="preserve"> </v>
          </cell>
          <cell r="CX750" t="str">
            <v xml:space="preserve"> </v>
          </cell>
          <cell r="CY750" t="str">
            <v>保育課長</v>
          </cell>
        </row>
        <row r="751">
          <cell r="B751">
            <v>3255</v>
          </cell>
          <cell r="C751" t="str">
            <v>宝塚緑化(株)</v>
          </cell>
          <cell r="D751" t="str">
            <v>0797-88-8579</v>
          </cell>
          <cell r="E751" t="str">
            <v>665-0883</v>
          </cell>
          <cell r="F751" t="str">
            <v>兵庫県宝塚市山本中3-12-7</v>
          </cell>
          <cell r="G751" t="str">
            <v>宝塚市</v>
          </cell>
          <cell r="H751" t="str">
            <v/>
          </cell>
          <cell r="I751" t="str">
            <v>代表取締役 駒木根　昌彦</v>
          </cell>
          <cell r="J751" t="str">
            <v>本店</v>
          </cell>
          <cell r="K751" t="str">
            <v>0797-89-9496</v>
          </cell>
          <cell r="L751" t="str">
            <v>info@takarazukaryokka.co.jp</v>
          </cell>
          <cell r="M751" t="str">
            <v>ﾀｶﾗﾂﾞｶﾘｮｯｶ</v>
          </cell>
          <cell r="N751" t="str">
            <v>無</v>
          </cell>
          <cell r="O751">
            <v>31</v>
          </cell>
          <cell r="P751">
            <v>6</v>
          </cell>
          <cell r="Q751">
            <v>7140001081696</v>
          </cell>
          <cell r="R751">
            <v>20000</v>
          </cell>
          <cell r="S751">
            <v>141830</v>
          </cell>
          <cell r="T751">
            <v>316458</v>
          </cell>
          <cell r="V751" t="str">
            <v>mx101808</v>
          </cell>
          <cell r="W751" t="str">
            <v>ki133550</v>
          </cell>
          <cell r="X751" t="str">
            <v>土と園</v>
          </cell>
          <cell r="Y751" t="str">
            <v>土と</v>
          </cell>
          <cell r="Z751" t="str">
            <v>園</v>
          </cell>
          <cell r="AA751" t="str">
            <v>造園</v>
          </cell>
          <cell r="AB751" t="str">
            <v>土木一式</v>
          </cell>
          <cell r="AC751" t="str">
            <v/>
          </cell>
          <cell r="AD751" t="str">
            <v/>
          </cell>
          <cell r="AE751">
            <v>43159</v>
          </cell>
          <cell r="AF751" t="str">
            <v>希望しない</v>
          </cell>
          <cell r="AG751" t="str">
            <v>造園</v>
          </cell>
          <cell r="AH751" t="str">
            <v>特定</v>
          </cell>
          <cell r="AI751">
            <v>899</v>
          </cell>
          <cell r="AJ751">
            <v>255953</v>
          </cell>
          <cell r="AK751" t="str">
            <v>4(4)/1/0</v>
          </cell>
          <cell r="AL751" t="str">
            <v>土木一式</v>
          </cell>
          <cell r="AM751" t="str">
            <v>一般</v>
          </cell>
          <cell r="AN751">
            <v>732</v>
          </cell>
          <cell r="AO751" t="str">
            <v/>
          </cell>
          <cell r="AP751" t="str">
            <v>1(1)/3/0</v>
          </cell>
          <cell r="AQ751" t="str">
            <v/>
          </cell>
          <cell r="AR751" t="str">
            <v/>
          </cell>
          <cell r="AS751" t="str">
            <v/>
          </cell>
          <cell r="AT751" t="str">
            <v/>
          </cell>
          <cell r="AU751" t="str">
            <v/>
          </cell>
          <cell r="AV751" t="str">
            <v/>
          </cell>
          <cell r="AW751" t="str">
            <v/>
          </cell>
          <cell r="AX751" t="str">
            <v/>
          </cell>
          <cell r="AY751" t="str">
            <v/>
          </cell>
          <cell r="AZ751" t="str">
            <v/>
          </cell>
          <cell r="BA751" t="str">
            <v>兵庫県</v>
          </cell>
          <cell r="BB751">
            <v>0</v>
          </cell>
          <cell r="CR751">
            <v>5877</v>
          </cell>
          <cell r="CS751" t="str">
            <v>ﾔﾏﾓﾄ ｶﾅ</v>
          </cell>
          <cell r="CT751" t="str">
            <v>山本  佳那</v>
          </cell>
          <cell r="CU751" t="str">
            <v>保育課</v>
          </cell>
          <cell r="CW751" t="str">
            <v xml:space="preserve"> </v>
          </cell>
          <cell r="CX751" t="str">
            <v xml:space="preserve"> </v>
          </cell>
          <cell r="CY751" t="str">
            <v>保育課長</v>
          </cell>
        </row>
        <row r="752">
          <cell r="B752">
            <v>3257</v>
          </cell>
          <cell r="C752" t="str">
            <v>大昭建設(株)</v>
          </cell>
          <cell r="D752" t="str">
            <v>0794-82-8605</v>
          </cell>
          <cell r="E752" t="str">
            <v>673-0413</v>
          </cell>
          <cell r="F752" t="str">
            <v>兵庫県三木市大塚1-1-26</v>
          </cell>
          <cell r="G752" t="str">
            <v>三木市</v>
          </cell>
          <cell r="H752" t="str">
            <v/>
          </cell>
          <cell r="I752" t="str">
            <v>代表取締役社長 橘田　旺龍</v>
          </cell>
          <cell r="J752" t="str">
            <v>本店</v>
          </cell>
          <cell r="K752" t="str">
            <v>0794-82-9033</v>
          </cell>
          <cell r="L752" t="str">
            <v>0794-82-9033</v>
          </cell>
          <cell r="M752" t="str">
            <v>ﾀﾞｲｼｮｳｹﾝｾﾂ</v>
          </cell>
          <cell r="N752" t="str">
            <v>無</v>
          </cell>
          <cell r="O752">
            <v>50</v>
          </cell>
          <cell r="P752">
            <v>18</v>
          </cell>
          <cell r="Q752">
            <v>6140001036437</v>
          </cell>
          <cell r="R752">
            <v>50000</v>
          </cell>
          <cell r="S752">
            <v>451496</v>
          </cell>
          <cell r="T752">
            <v>1289503</v>
          </cell>
          <cell r="V752" t="str">
            <v>wp153169</v>
          </cell>
          <cell r="W752" t="str">
            <v>vc185095</v>
          </cell>
          <cell r="X752" t="str">
            <v>土建管舗塗防解</v>
          </cell>
          <cell r="Y752" t="str">
            <v/>
          </cell>
          <cell r="Z752" t="str">
            <v>土建管舗塗防解</v>
          </cell>
          <cell r="AA752" t="str">
            <v>建築一式</v>
          </cell>
          <cell r="AB752" t="str">
            <v>土木一式</v>
          </cell>
          <cell r="AC752" t="str">
            <v>舗装</v>
          </cell>
          <cell r="AD752" t="str">
            <v/>
          </cell>
          <cell r="AE752">
            <v>43646</v>
          </cell>
          <cell r="AF752" t="str">
            <v>希望しない</v>
          </cell>
          <cell r="AG752" t="str">
            <v>建築一式</v>
          </cell>
          <cell r="AH752" t="str">
            <v>特定</v>
          </cell>
          <cell r="AI752">
            <v>944</v>
          </cell>
          <cell r="AJ752">
            <v>1070188</v>
          </cell>
          <cell r="AK752" t="str">
            <v>7(7)/0/1</v>
          </cell>
          <cell r="AL752" t="str">
            <v>土木一式</v>
          </cell>
          <cell r="AM752" t="str">
            <v>特定</v>
          </cell>
          <cell r="AN752">
            <v>824</v>
          </cell>
          <cell r="AO752">
            <v>115080</v>
          </cell>
          <cell r="AP752" t="str">
            <v>3(3)/1/0</v>
          </cell>
          <cell r="AQ752" t="str">
            <v>舗装</v>
          </cell>
          <cell r="AR752" t="str">
            <v>特定</v>
          </cell>
          <cell r="AS752">
            <v>795</v>
          </cell>
          <cell r="AT752">
            <v>43042</v>
          </cell>
          <cell r="AU752" t="str">
            <v>3(3)/1/0</v>
          </cell>
          <cell r="AV752" t="str">
            <v/>
          </cell>
          <cell r="AW752" t="str">
            <v/>
          </cell>
          <cell r="AX752" t="str">
            <v/>
          </cell>
          <cell r="AY752" t="str">
            <v/>
          </cell>
          <cell r="AZ752" t="str">
            <v/>
          </cell>
          <cell r="BA752" t="str">
            <v>兵庫県</v>
          </cell>
        </row>
        <row r="753">
          <cell r="B753">
            <v>3258</v>
          </cell>
          <cell r="C753" t="str">
            <v>(株)太平エンジニアリング</v>
          </cell>
          <cell r="D753" t="str">
            <v>06-6390-5959</v>
          </cell>
          <cell r="E753" t="str">
            <v>532-0011</v>
          </cell>
          <cell r="F753" t="str">
            <v>大阪府大阪市淀川区西中島4‐12‐12</v>
          </cell>
          <cell r="G753" t="str">
            <v/>
          </cell>
          <cell r="H753" t="str">
            <v>大阪支店</v>
          </cell>
          <cell r="I753" t="str">
            <v>支店長 鈴木　宏美</v>
          </cell>
          <cell r="J753" t="str">
            <v>東京都</v>
          </cell>
          <cell r="K753" t="str">
            <v>06-6390-5180</v>
          </cell>
          <cell r="L753" t="str">
            <v>osaka@taihei-group.co.jp</v>
          </cell>
          <cell r="M753" t="str">
            <v>ﾀｲﾍｲｴﾝｼﾞﾆｱﾘﾝｸﾞ</v>
          </cell>
          <cell r="N753" t="str">
            <v>有</v>
          </cell>
          <cell r="O753">
            <v>69</v>
          </cell>
          <cell r="P753">
            <v>1371</v>
          </cell>
          <cell r="Q753">
            <v>2010001004567</v>
          </cell>
          <cell r="R753">
            <v>520000</v>
          </cell>
          <cell r="S753">
            <v>21362849</v>
          </cell>
          <cell r="T753">
            <v>49115823</v>
          </cell>
          <cell r="V753" t="str">
            <v>to103703</v>
          </cell>
          <cell r="W753" t="str">
            <v>sr117129</v>
          </cell>
          <cell r="X753" t="str">
            <v>消(電)(管)(消)建大と石屋電管タ鋼鉄板ガ塗防内熱通具</v>
          </cell>
          <cell r="Y753" t="str">
            <v>消(電)(管)(消)</v>
          </cell>
          <cell r="Z753" t="str">
            <v>建大と石屋電管タ鋼鉄板ガ塗防内熱通具</v>
          </cell>
          <cell r="AA753" t="str">
            <v>管</v>
          </cell>
          <cell r="AB753" t="str">
            <v>電気</v>
          </cell>
          <cell r="AC753" t="str">
            <v>消防施設</v>
          </cell>
          <cell r="AD753" t="str">
            <v/>
          </cell>
          <cell r="AE753">
            <v>43190</v>
          </cell>
          <cell r="AF753" t="str">
            <v/>
          </cell>
          <cell r="AG753" t="str">
            <v>管</v>
          </cell>
          <cell r="AH753" t="str">
            <v>特定</v>
          </cell>
          <cell r="AI753">
            <v>1593</v>
          </cell>
          <cell r="AJ753">
            <v>30672471</v>
          </cell>
          <cell r="AK753" t="str">
            <v>295(258)/78/18</v>
          </cell>
          <cell r="AL753" t="str">
            <v>電気</v>
          </cell>
          <cell r="AM753" t="str">
            <v>特定</v>
          </cell>
          <cell r="AN753">
            <v>1213</v>
          </cell>
          <cell r="AO753">
            <v>614203</v>
          </cell>
          <cell r="AP753" t="str">
            <v>13(10)/23/44</v>
          </cell>
          <cell r="AQ753" t="str">
            <v>消防施設</v>
          </cell>
          <cell r="AR753" t="str">
            <v>一般</v>
          </cell>
          <cell r="AS753">
            <v>1164</v>
          </cell>
          <cell r="AT753">
            <v>153163</v>
          </cell>
          <cell r="AU753" t="str">
            <v>()/88/6</v>
          </cell>
          <cell r="AV753" t="str">
            <v/>
          </cell>
          <cell r="AW753" t="str">
            <v/>
          </cell>
          <cell r="AX753" t="str">
            <v/>
          </cell>
          <cell r="AY753" t="str">
            <v/>
          </cell>
          <cell r="AZ753" t="str">
            <v/>
          </cell>
          <cell r="BA753" t="str">
            <v>東京都</v>
          </cell>
          <cell r="BB753">
            <v>0</v>
          </cell>
          <cell r="CR753">
            <v>5878</v>
          </cell>
          <cell r="CS753" t="str">
            <v>ｲﾏﾑﾗ ｹｲｲﾁﾛｳ</v>
          </cell>
          <cell r="CT753" t="str">
            <v>今村  啓一郎</v>
          </cell>
          <cell r="CU753" t="str">
            <v>総務課</v>
          </cell>
          <cell r="CW753">
            <v>2412</v>
          </cell>
          <cell r="CX753" t="str">
            <v xml:space="preserve"> </v>
          </cell>
          <cell r="CY753" t="str">
            <v>総務課長</v>
          </cell>
        </row>
        <row r="754">
          <cell r="B754">
            <v>3259</v>
          </cell>
          <cell r="C754" t="str">
            <v>高柴商事(株)</v>
          </cell>
          <cell r="D754" t="str">
            <v>079-664-0229</v>
          </cell>
          <cell r="E754" t="str">
            <v>667-0113</v>
          </cell>
          <cell r="F754" t="str">
            <v>兵庫県養父市薮崎1051</v>
          </cell>
          <cell r="G754" t="str">
            <v>養父市</v>
          </cell>
          <cell r="H754" t="str">
            <v/>
          </cell>
          <cell r="I754" t="str">
            <v>代表取締役 高柴　元樹</v>
          </cell>
          <cell r="J754" t="str">
            <v>本店</v>
          </cell>
          <cell r="K754" t="str">
            <v>079-664-0338</v>
          </cell>
          <cell r="L754" t="str">
            <v>nyusatsu@takashiba.net</v>
          </cell>
          <cell r="M754" t="str">
            <v>ﾀｶｼﾊﾞｼｮｳｼﾞ</v>
          </cell>
          <cell r="N754" t="str">
            <v>無</v>
          </cell>
          <cell r="O754">
            <v>23</v>
          </cell>
          <cell r="P754">
            <v>47</v>
          </cell>
          <cell r="Q754">
            <v>2140001046547</v>
          </cell>
          <cell r="R754">
            <v>68438</v>
          </cell>
          <cell r="S754">
            <v>796327</v>
          </cell>
          <cell r="T754">
            <v>2812051</v>
          </cell>
          <cell r="V754" t="str">
            <v>wu165306</v>
          </cell>
          <cell r="W754" t="str">
            <v>ja178311</v>
          </cell>
          <cell r="X754" t="str">
            <v>電管土建と石鋼舗塗内水</v>
          </cell>
          <cell r="Y754" t="str">
            <v>電管</v>
          </cell>
          <cell r="Z754" t="str">
            <v>土建と石鋼舗塗内水</v>
          </cell>
          <cell r="AA754" t="str">
            <v>建築一式</v>
          </cell>
          <cell r="AB754" t="str">
            <v>土木一式</v>
          </cell>
          <cell r="AC754" t="str">
            <v>とび土工</v>
          </cell>
          <cell r="AD754" t="str">
            <v>舗装</v>
          </cell>
          <cell r="AE754">
            <v>42978</v>
          </cell>
          <cell r="AF754" t="str">
            <v/>
          </cell>
          <cell r="AG754" t="str">
            <v>建築一式</v>
          </cell>
          <cell r="AH754" t="str">
            <v>特定</v>
          </cell>
          <cell r="AI754">
            <v>893</v>
          </cell>
          <cell r="AJ754">
            <v>528281</v>
          </cell>
          <cell r="AK754" t="str">
            <v>4(4)/4/1</v>
          </cell>
          <cell r="AL754" t="str">
            <v>土木一式</v>
          </cell>
          <cell r="AM754" t="str">
            <v>特定</v>
          </cell>
          <cell r="AN754">
            <v>830</v>
          </cell>
          <cell r="AO754">
            <v>166854</v>
          </cell>
          <cell r="AP754" t="str">
            <v>3(3)/2/2</v>
          </cell>
          <cell r="AQ754" t="str">
            <v>とび土工</v>
          </cell>
          <cell r="AR754" t="str">
            <v>特定</v>
          </cell>
          <cell r="AS754">
            <v>831</v>
          </cell>
          <cell r="AT754">
            <v>171232</v>
          </cell>
          <cell r="AU754" t="str">
            <v>3(3)/2/0</v>
          </cell>
          <cell r="AV754" t="str">
            <v>舗装</v>
          </cell>
          <cell r="AW754" t="str">
            <v>特定</v>
          </cell>
          <cell r="AX754">
            <v>773</v>
          </cell>
          <cell r="AY754">
            <v>773</v>
          </cell>
          <cell r="AZ754" t="str">
            <v>6(6)/2/0</v>
          </cell>
          <cell r="BA754" t="str">
            <v>兵庫県</v>
          </cell>
          <cell r="BB754">
            <v>0</v>
          </cell>
          <cell r="CR754">
            <v>5879</v>
          </cell>
          <cell r="CS754" t="str">
            <v>ｵｸﾑﾗ ｶﾂﾋﾄ</v>
          </cell>
          <cell r="CT754" t="str">
            <v>奥村  勝人</v>
          </cell>
          <cell r="CU754" t="str">
            <v>業務課</v>
          </cell>
          <cell r="CW754" t="str">
            <v xml:space="preserve"> </v>
          </cell>
          <cell r="CX754" t="str">
            <v xml:space="preserve"> </v>
          </cell>
          <cell r="CY754" t="str">
            <v>業務課長</v>
          </cell>
        </row>
        <row r="755">
          <cell r="B755">
            <v>3260</v>
          </cell>
          <cell r="C755" t="str">
            <v>大三設備(株)</v>
          </cell>
          <cell r="D755" t="str">
            <v>06-6438-7373</v>
          </cell>
          <cell r="E755" t="str">
            <v>661-0044</v>
          </cell>
          <cell r="F755" t="str">
            <v>兵庫県尼崎市武庫町2-4-13</v>
          </cell>
          <cell r="G755" t="str">
            <v>尼崎市</v>
          </cell>
          <cell r="H755" t="str">
            <v/>
          </cell>
          <cell r="I755" t="str">
            <v>代表取締役 大原　美喜枝</v>
          </cell>
          <cell r="J755" t="str">
            <v>本店</v>
          </cell>
          <cell r="K755" t="str">
            <v>06-6438-4950</v>
          </cell>
          <cell r="L755" t="str">
            <v>yamasita@vesta.ocn.ne.jp</v>
          </cell>
          <cell r="M755" t="str">
            <v>ﾀﾞｲｻﾝｾﾂﾋﾞ</v>
          </cell>
          <cell r="N755" t="str">
            <v>無</v>
          </cell>
          <cell r="O755">
            <v>29</v>
          </cell>
          <cell r="P755">
            <v>6</v>
          </cell>
          <cell r="Q755">
            <v>1140001092831</v>
          </cell>
          <cell r="R755">
            <v>9000</v>
          </cell>
          <cell r="S755">
            <v>94995</v>
          </cell>
          <cell r="T755">
            <v>145321</v>
          </cell>
          <cell r="V755" t="str">
            <v>sd128625</v>
          </cell>
          <cell r="W755" t="str">
            <v>ls161122</v>
          </cell>
          <cell r="X755" t="str">
            <v>管</v>
          </cell>
          <cell r="Y755" t="str">
            <v>管</v>
          </cell>
          <cell r="Z755" t="str">
            <v/>
          </cell>
          <cell r="AA755" t="str">
            <v>管</v>
          </cell>
          <cell r="AB755" t="str">
            <v/>
          </cell>
          <cell r="AC755" t="str">
            <v/>
          </cell>
          <cell r="AD755" t="str">
            <v/>
          </cell>
          <cell r="AE755">
            <v>43646</v>
          </cell>
          <cell r="AF755" t="str">
            <v/>
          </cell>
          <cell r="AG755" t="str">
            <v>管</v>
          </cell>
          <cell r="AH755" t="str">
            <v>一般</v>
          </cell>
          <cell r="AI755">
            <v>688</v>
          </cell>
          <cell r="AJ755">
            <v>220494</v>
          </cell>
          <cell r="AK755" t="str">
            <v>1(0)/0/2</v>
          </cell>
          <cell r="AL755" t="str">
            <v/>
          </cell>
          <cell r="AM755" t="str">
            <v/>
          </cell>
          <cell r="AN755" t="str">
            <v/>
          </cell>
          <cell r="AO755" t="str">
            <v/>
          </cell>
          <cell r="AP755" t="str">
            <v/>
          </cell>
          <cell r="AQ755" t="str">
            <v/>
          </cell>
          <cell r="AR755" t="str">
            <v/>
          </cell>
          <cell r="AS755" t="str">
            <v/>
          </cell>
          <cell r="AT755" t="str">
            <v/>
          </cell>
          <cell r="AU755" t="str">
            <v/>
          </cell>
          <cell r="AV755" t="str">
            <v/>
          </cell>
          <cell r="AW755" t="str">
            <v/>
          </cell>
          <cell r="AX755" t="str">
            <v/>
          </cell>
          <cell r="AY755" t="str">
            <v/>
          </cell>
          <cell r="AZ755" t="str">
            <v/>
          </cell>
          <cell r="BA755" t="str">
            <v>兵庫県</v>
          </cell>
        </row>
        <row r="756">
          <cell r="B756">
            <v>3271</v>
          </cell>
          <cell r="C756" t="str">
            <v>岩田地崎建設(株)</v>
          </cell>
          <cell r="D756" t="str">
            <v>06-6944-7222</v>
          </cell>
          <cell r="E756" t="str">
            <v>540-0008</v>
          </cell>
          <cell r="F756" t="str">
            <v>大阪府大阪市中央区大手前1-2-15</v>
          </cell>
          <cell r="G756" t="str">
            <v>札幌市</v>
          </cell>
          <cell r="H756" t="str">
            <v>大阪支店</v>
          </cell>
          <cell r="I756" t="str">
            <v>執行役員支店長 佐藤　貴尚</v>
          </cell>
          <cell r="J756" t="str">
            <v>北海道札幌市</v>
          </cell>
          <cell r="K756" t="str">
            <v>06-6944-7775</v>
          </cell>
          <cell r="L756" t="str">
            <v>iwatachizaki-osaka@xqh.biglobe.ne.jp</v>
          </cell>
          <cell r="M756" t="str">
            <v>ｲﾜﾀﾁｻﾞｷｹﾝｾﾂ</v>
          </cell>
          <cell r="N756" t="str">
            <v>有</v>
          </cell>
          <cell r="O756">
            <v>68</v>
          </cell>
          <cell r="P756">
            <v>716</v>
          </cell>
          <cell r="Q756">
            <v>8430001001789</v>
          </cell>
          <cell r="R756">
            <v>2000000</v>
          </cell>
          <cell r="S756">
            <v>19404150</v>
          </cell>
          <cell r="T756">
            <v>79808722</v>
          </cell>
          <cell r="V756" t="str">
            <v>pr810603</v>
          </cell>
          <cell r="W756" t="str">
            <v>fk120638</v>
          </cell>
          <cell r="X756" t="str">
            <v>(清)(建)(大)(と)(石)(屋)(電)(タ)(鋼)(舗)(浚)(塗)(防)(内)(水)(解)土建大と石屋電管タ鋼舗浚塗防内園水解</v>
          </cell>
          <cell r="Y756" t="str">
            <v>(清)(建)(大)(と)(石)(屋)(電)(タ)(鋼)(舗)(浚)(塗)(防)(内)(水)(解)</v>
          </cell>
          <cell r="Z756" t="str">
            <v>土建大と石屋電管タ鋼舗浚塗防内園水解</v>
          </cell>
          <cell r="AA756" t="str">
            <v>土木一式</v>
          </cell>
          <cell r="AB756" t="str">
            <v>建築一式</v>
          </cell>
          <cell r="AC756" t="str">
            <v>水道施設</v>
          </cell>
          <cell r="AD756" t="str">
            <v>解体</v>
          </cell>
          <cell r="AE756">
            <v>43190</v>
          </cell>
          <cell r="AF756" t="str">
            <v>希望する</v>
          </cell>
          <cell r="AG756" t="str">
            <v>土木一式</v>
          </cell>
          <cell r="AH756" t="str">
            <v>特定</v>
          </cell>
          <cell r="AI756">
            <v>1608</v>
          </cell>
          <cell r="AJ756">
            <v>34552093</v>
          </cell>
          <cell r="AK756" t="str">
            <v>242(204)/6/0</v>
          </cell>
          <cell r="AL756" t="str">
            <v>建築一式</v>
          </cell>
          <cell r="AM756" t="str">
            <v>特定</v>
          </cell>
          <cell r="AN756">
            <v>1628</v>
          </cell>
          <cell r="AO756">
            <v>46517290</v>
          </cell>
          <cell r="AP756" t="str">
            <v>185(151)/3/0</v>
          </cell>
          <cell r="AQ756" t="str">
            <v>水道施設</v>
          </cell>
          <cell r="AR756" t="str">
            <v>特定</v>
          </cell>
          <cell r="AS756">
            <v>1348</v>
          </cell>
          <cell r="AT756">
            <v>1376736</v>
          </cell>
          <cell r="AU756" t="str">
            <v>206(175)/5/0</v>
          </cell>
          <cell r="AV756" t="str">
            <v>解体</v>
          </cell>
          <cell r="AW756" t="str">
            <v>特定</v>
          </cell>
          <cell r="AX756">
            <v>886</v>
          </cell>
          <cell r="AY756" t="str">
            <v/>
          </cell>
          <cell r="AZ756" t="str">
            <v>0(0)/0/0</v>
          </cell>
          <cell r="BA756" t="str">
            <v>北海道</v>
          </cell>
          <cell r="BB756">
            <v>0</v>
          </cell>
          <cell r="CR756">
            <v>5880</v>
          </cell>
          <cell r="CS756" t="str">
            <v>ｶｼﾞﾔﾏ ｱｷﾖｼ</v>
          </cell>
          <cell r="CT756" t="str">
            <v>梶山  晃義</v>
          </cell>
          <cell r="CU756" t="str">
            <v>業務課</v>
          </cell>
          <cell r="CW756" t="str">
            <v xml:space="preserve"> </v>
          </cell>
          <cell r="CX756" t="str">
            <v xml:space="preserve"> </v>
          </cell>
          <cell r="CY756" t="str">
            <v>業務課長</v>
          </cell>
        </row>
        <row r="757">
          <cell r="B757">
            <v>3275</v>
          </cell>
          <cell r="C757" t="str">
            <v>中央電設(株)</v>
          </cell>
          <cell r="D757" t="str">
            <v>078-222-2181</v>
          </cell>
          <cell r="E757" t="str">
            <v>651-0072</v>
          </cell>
          <cell r="F757" t="str">
            <v>兵庫県神戸市中央区脇浜町3-5-10</v>
          </cell>
          <cell r="G757" t="str">
            <v>大阪市</v>
          </cell>
          <cell r="H757" t="str">
            <v>神戸営業所</v>
          </cell>
          <cell r="I757" t="str">
            <v>所長 荒木　隆治</v>
          </cell>
          <cell r="J757" t="str">
            <v>大阪府大阪市</v>
          </cell>
          <cell r="K757" t="str">
            <v>078-222-2182</v>
          </cell>
          <cell r="L757" t="str">
            <v>osaka-e@cde.co.jp</v>
          </cell>
          <cell r="M757" t="str">
            <v>ﾁｭｳｵｳﾃﾞﾝｾﾂ</v>
          </cell>
          <cell r="N757" t="str">
            <v>有</v>
          </cell>
          <cell r="O757">
            <v>68</v>
          </cell>
          <cell r="P757">
            <v>214</v>
          </cell>
          <cell r="Q757">
            <v>9120001035727</v>
          </cell>
          <cell r="R757">
            <v>323760</v>
          </cell>
          <cell r="S757">
            <v>7795032</v>
          </cell>
          <cell r="T757">
            <v>11733266</v>
          </cell>
          <cell r="V757" t="str">
            <v>dq678002</v>
          </cell>
          <cell r="W757" t="str">
            <v>bv812917</v>
          </cell>
          <cell r="X757" t="str">
            <v>機消(電)電管通</v>
          </cell>
          <cell r="Y757" t="str">
            <v>機消(電)</v>
          </cell>
          <cell r="Z757" t="str">
            <v>電管通</v>
          </cell>
          <cell r="AA757" t="str">
            <v>電気</v>
          </cell>
          <cell r="AB757" t="str">
            <v/>
          </cell>
          <cell r="AC757" t="str">
            <v/>
          </cell>
          <cell r="AD757" t="str">
            <v/>
          </cell>
          <cell r="AE757">
            <v>43190</v>
          </cell>
          <cell r="AF757" t="str">
            <v/>
          </cell>
          <cell r="AG757" t="str">
            <v>電気</v>
          </cell>
          <cell r="AH757" t="str">
            <v>特定</v>
          </cell>
          <cell r="AI757">
            <v>1348</v>
          </cell>
          <cell r="AJ757">
            <v>9568783</v>
          </cell>
          <cell r="AK757" t="str">
            <v>87(78)/31/10</v>
          </cell>
          <cell r="AL757" t="str">
            <v/>
          </cell>
          <cell r="AM757" t="str">
            <v/>
          </cell>
          <cell r="AN757" t="str">
            <v/>
          </cell>
          <cell r="AO757" t="str">
            <v/>
          </cell>
          <cell r="AP757" t="str">
            <v/>
          </cell>
          <cell r="AQ757" t="str">
            <v/>
          </cell>
          <cell r="AR757" t="str">
            <v/>
          </cell>
          <cell r="AS757" t="str">
            <v/>
          </cell>
          <cell r="AT757" t="str">
            <v/>
          </cell>
          <cell r="AU757" t="str">
            <v/>
          </cell>
          <cell r="AV757" t="str">
            <v/>
          </cell>
          <cell r="AW757" t="str">
            <v/>
          </cell>
          <cell r="AX757" t="str">
            <v/>
          </cell>
          <cell r="AY757" t="str">
            <v/>
          </cell>
          <cell r="AZ757" t="str">
            <v/>
          </cell>
          <cell r="BA757" t="str">
            <v>大阪府</v>
          </cell>
          <cell r="BB757">
            <v>0</v>
          </cell>
          <cell r="CR757">
            <v>5881</v>
          </cell>
          <cell r="CS757" t="str">
            <v>ｶﾅﾓﾄ ｶｽﾞﾋﾛ</v>
          </cell>
          <cell r="CT757" t="str">
            <v>金本  佳津宏</v>
          </cell>
          <cell r="CU757" t="str">
            <v>管理課</v>
          </cell>
          <cell r="CW757" t="str">
            <v xml:space="preserve"> </v>
          </cell>
          <cell r="CX757" t="str">
            <v xml:space="preserve"> </v>
          </cell>
          <cell r="CY757" t="str">
            <v>管理課長</v>
          </cell>
        </row>
        <row r="758">
          <cell r="B758">
            <v>3277</v>
          </cell>
          <cell r="C758" t="str">
            <v>(株)中央ポンプ製作所</v>
          </cell>
          <cell r="D758" t="str">
            <v>06-6909-2351</v>
          </cell>
          <cell r="E758" t="str">
            <v>570-0005</v>
          </cell>
          <cell r="F758" t="str">
            <v>大阪府守口市八雲中町3-13-71</v>
          </cell>
          <cell r="G758" t="str">
            <v>守口市</v>
          </cell>
          <cell r="H758" t="str">
            <v/>
          </cell>
          <cell r="I758" t="str">
            <v>代表取締役 竹中　慎一</v>
          </cell>
          <cell r="J758" t="str">
            <v>本店</v>
          </cell>
          <cell r="K758" t="str">
            <v>06-6909-2370</v>
          </cell>
          <cell r="L758" t="str">
            <v>cyuoh@sannet.ne.jp</v>
          </cell>
          <cell r="M758" t="str">
            <v>ﾁｭｳｵｳﾎﾟﾝﾌﾟｾｲｻｸｼｮ</v>
          </cell>
          <cell r="N758" t="str">
            <v>無</v>
          </cell>
          <cell r="O758">
            <v>52</v>
          </cell>
          <cell r="P758">
            <v>10</v>
          </cell>
          <cell r="Q758">
            <v>1120001156233</v>
          </cell>
          <cell r="R758">
            <v>30000</v>
          </cell>
          <cell r="S758">
            <v>6197</v>
          </cell>
          <cell r="T758">
            <v>140939</v>
          </cell>
          <cell r="V758" t="str">
            <v>ry412474</v>
          </cell>
          <cell r="W758" t="str">
            <v>kk484597</v>
          </cell>
          <cell r="X758" t="str">
            <v>機井</v>
          </cell>
          <cell r="Y758" t="str">
            <v>機井</v>
          </cell>
          <cell r="Z758" t="str">
            <v/>
          </cell>
          <cell r="AA758" t="str">
            <v>機械器具</v>
          </cell>
          <cell r="AB758" t="str">
            <v/>
          </cell>
          <cell r="AC758" t="str">
            <v/>
          </cell>
          <cell r="AD758" t="str">
            <v/>
          </cell>
          <cell r="AE758">
            <v>43190</v>
          </cell>
          <cell r="AF758" t="str">
            <v>希望しない</v>
          </cell>
          <cell r="AG758" t="str">
            <v>機械器具</v>
          </cell>
          <cell r="AH758" t="str">
            <v>一般</v>
          </cell>
          <cell r="AI758">
            <v>730</v>
          </cell>
          <cell r="AJ758">
            <v>117292</v>
          </cell>
          <cell r="AK758" t="str">
            <v>0(0)/0/4</v>
          </cell>
          <cell r="AL758" t="str">
            <v/>
          </cell>
          <cell r="AM758" t="str">
            <v/>
          </cell>
          <cell r="AN758" t="str">
            <v/>
          </cell>
          <cell r="AO758" t="str">
            <v/>
          </cell>
          <cell r="AP758" t="str">
            <v/>
          </cell>
          <cell r="AQ758" t="str">
            <v/>
          </cell>
          <cell r="AR758" t="str">
            <v/>
          </cell>
          <cell r="AS758" t="str">
            <v/>
          </cell>
          <cell r="AT758" t="str">
            <v/>
          </cell>
          <cell r="AU758" t="str">
            <v/>
          </cell>
          <cell r="AV758" t="str">
            <v/>
          </cell>
          <cell r="AW758" t="str">
            <v/>
          </cell>
          <cell r="AX758" t="str">
            <v/>
          </cell>
          <cell r="AY758" t="str">
            <v/>
          </cell>
          <cell r="AZ758" t="str">
            <v/>
          </cell>
          <cell r="BA758" t="str">
            <v>大阪府</v>
          </cell>
          <cell r="BB758">
            <v>0</v>
          </cell>
          <cell r="CR758">
            <v>5882</v>
          </cell>
          <cell r="CS758" t="str">
            <v>ｷｺｳ ｶｽﾞﾏｻ</v>
          </cell>
          <cell r="CT758" t="str">
            <v>木香  和允</v>
          </cell>
          <cell r="CU758" t="str">
            <v>業務課</v>
          </cell>
          <cell r="CW758" t="str">
            <v xml:space="preserve"> </v>
          </cell>
          <cell r="CX758" t="str">
            <v xml:space="preserve"> </v>
          </cell>
          <cell r="CY758" t="str">
            <v>業務課長</v>
          </cell>
        </row>
        <row r="759">
          <cell r="B759">
            <v>3280</v>
          </cell>
          <cell r="C759" t="str">
            <v>(株)中電工</v>
          </cell>
          <cell r="D759" t="str">
            <v>06-6362-8651</v>
          </cell>
          <cell r="E759" t="str">
            <v>530-0054</v>
          </cell>
          <cell r="F759" t="str">
            <v>大阪府大阪市北区南森町2-2-9</v>
          </cell>
          <cell r="G759" t="str">
            <v>広島市</v>
          </cell>
          <cell r="H759" t="str">
            <v>大阪本部</v>
          </cell>
          <cell r="I759" t="str">
            <v>執行役員本部長 佐々木　伸治</v>
          </cell>
          <cell r="J759" t="str">
            <v>広島県広島市</v>
          </cell>
          <cell r="K759" t="str">
            <v>06-6361-7994</v>
          </cell>
          <cell r="L759" t="str">
            <v>osaka.s@chudenko.co.jp</v>
          </cell>
          <cell r="M759" t="str">
            <v>ﾁｭｳﾃﾞﾝｺｳ</v>
          </cell>
          <cell r="N759" t="str">
            <v>有</v>
          </cell>
          <cell r="O759">
            <v>68</v>
          </cell>
          <cell r="P759">
            <v>3390</v>
          </cell>
          <cell r="Q759">
            <v>9240001006971</v>
          </cell>
          <cell r="R759">
            <v>3481905</v>
          </cell>
          <cell r="S759">
            <v>212861000</v>
          </cell>
          <cell r="T759">
            <v>148300000</v>
          </cell>
          <cell r="V759" t="str">
            <v>uk357245</v>
          </cell>
          <cell r="W759" t="str">
            <v>zy670837</v>
          </cell>
          <cell r="X759" t="str">
            <v>消(清)(と)(電)(管)(鋼)(舗)(塗)(通)(水)(消)土建と電管鋼舗塗通水</v>
          </cell>
          <cell r="Y759" t="str">
            <v>消(清)(と)(電)(管)(鋼)(舗)(塗)(通)(水)(消)</v>
          </cell>
          <cell r="Z759" t="str">
            <v>土建と電管鋼舗塗通水</v>
          </cell>
          <cell r="AA759" t="str">
            <v>電気</v>
          </cell>
          <cell r="AB759" t="str">
            <v>管</v>
          </cell>
          <cell r="AC759" t="str">
            <v>電気通信</v>
          </cell>
          <cell r="AD759" t="str">
            <v/>
          </cell>
          <cell r="AE759">
            <v>43190</v>
          </cell>
          <cell r="AF759" t="str">
            <v>希望しない</v>
          </cell>
          <cell r="AG759" t="str">
            <v>電気</v>
          </cell>
          <cell r="AH759" t="str">
            <v>特定</v>
          </cell>
          <cell r="AI759">
            <v>1881</v>
          </cell>
          <cell r="AJ759">
            <v>102969667</v>
          </cell>
          <cell r="AK759" t="str">
            <v>976(720)/462/169</v>
          </cell>
          <cell r="AL759" t="str">
            <v>管</v>
          </cell>
          <cell r="AM759" t="str">
            <v>特定</v>
          </cell>
          <cell r="AN759">
            <v>1612</v>
          </cell>
          <cell r="AO759">
            <v>22180000</v>
          </cell>
          <cell r="AP759" t="str">
            <v>256(202)/10/0</v>
          </cell>
          <cell r="AQ759" t="str">
            <v>電気通信</v>
          </cell>
          <cell r="AR759" t="str">
            <v>特定</v>
          </cell>
          <cell r="AS759">
            <v>1403</v>
          </cell>
          <cell r="AT759">
            <v>4755667</v>
          </cell>
          <cell r="AU759" t="str">
            <v>29(13)/0/25</v>
          </cell>
          <cell r="AV759" t="str">
            <v/>
          </cell>
          <cell r="AW759" t="str">
            <v/>
          </cell>
          <cell r="AX759" t="str">
            <v/>
          </cell>
          <cell r="AY759" t="str">
            <v/>
          </cell>
          <cell r="AZ759" t="str">
            <v/>
          </cell>
          <cell r="BA759" t="str">
            <v>広島県</v>
          </cell>
          <cell r="BB759">
            <v>0</v>
          </cell>
          <cell r="CR759">
            <v>5883</v>
          </cell>
          <cell r="CS759" t="str">
            <v>ｻｸﾓﾄ ｺｳｲﾁ</v>
          </cell>
          <cell r="CT759" t="str">
            <v>作本  幸一</v>
          </cell>
          <cell r="CU759" t="str">
            <v>農業政策課</v>
          </cell>
          <cell r="CW759" t="str">
            <v xml:space="preserve"> </v>
          </cell>
          <cell r="CX759" t="str">
            <v xml:space="preserve"> </v>
          </cell>
          <cell r="CY759" t="str">
            <v>農業政策課長</v>
          </cell>
        </row>
        <row r="760">
          <cell r="B760">
            <v>3281</v>
          </cell>
          <cell r="C760" t="str">
            <v>(株)チュウブ</v>
          </cell>
          <cell r="D760" t="str">
            <v>0797-81-1671</v>
          </cell>
          <cell r="E760" t="str">
            <v>665-0822</v>
          </cell>
          <cell r="F760" t="str">
            <v>兵庫県宝塚市安倉中5-18-6</v>
          </cell>
          <cell r="G760" t="str">
            <v>東伯郡琴浦町</v>
          </cell>
          <cell r="H760" t="str">
            <v>関西支社</v>
          </cell>
          <cell r="I760" t="str">
            <v>取締役支社長 土井　健一</v>
          </cell>
          <cell r="J760" t="str">
            <v>鳥取県東伯郡琴浦町</v>
          </cell>
          <cell r="K760" t="str">
            <v>0797-87-3382</v>
          </cell>
          <cell r="L760" t="str">
            <v>infokansai@yourchubu.com</v>
          </cell>
          <cell r="M760" t="str">
            <v>ﾁｭｳﾌﾞ</v>
          </cell>
          <cell r="N760" t="str">
            <v>有</v>
          </cell>
          <cell r="O760">
            <v>40</v>
          </cell>
          <cell r="P760">
            <v>750</v>
          </cell>
          <cell r="Q760">
            <v>2270001004905</v>
          </cell>
          <cell r="R760">
            <v>8500</v>
          </cell>
          <cell r="S760">
            <v>623811</v>
          </cell>
          <cell r="T760">
            <v>7009224</v>
          </cell>
          <cell r="V760" t="str">
            <v>hx866277</v>
          </cell>
          <cell r="W760" t="str">
            <v>hg417484</v>
          </cell>
          <cell r="X760" t="str">
            <v>管(清)(と)(園)土建と鋼園解</v>
          </cell>
          <cell r="Y760" t="str">
            <v>管(清)(と)(園)</v>
          </cell>
          <cell r="Z760" t="str">
            <v>土建と鋼園解</v>
          </cell>
          <cell r="AA760" t="str">
            <v>造園</v>
          </cell>
          <cell r="AB760" t="str">
            <v>土木一式</v>
          </cell>
          <cell r="AC760" t="str">
            <v>とび土工</v>
          </cell>
          <cell r="AD760" t="str">
            <v>建築一式</v>
          </cell>
          <cell r="AE760">
            <v>42916</v>
          </cell>
          <cell r="AF760" t="str">
            <v>希望しない</v>
          </cell>
          <cell r="AG760" t="str">
            <v>造園</v>
          </cell>
          <cell r="AH760" t="str">
            <v>特定</v>
          </cell>
          <cell r="AI760">
            <v>1027</v>
          </cell>
          <cell r="AJ760">
            <v>1378418</v>
          </cell>
          <cell r="AK760" t="str">
            <v>17(11)/19/0</v>
          </cell>
          <cell r="AL760" t="str">
            <v>土木一式</v>
          </cell>
          <cell r="AM760" t="str">
            <v>特定</v>
          </cell>
          <cell r="AN760">
            <v>1018</v>
          </cell>
          <cell r="AO760">
            <v>878025</v>
          </cell>
          <cell r="AP760" t="str">
            <v>19(15)/19/0</v>
          </cell>
          <cell r="AQ760" t="str">
            <v>とび土工</v>
          </cell>
          <cell r="AR760" t="str">
            <v>特定</v>
          </cell>
          <cell r="AS760">
            <v>921</v>
          </cell>
          <cell r="AT760">
            <v>335251</v>
          </cell>
          <cell r="AU760" t="str">
            <v>7(6)/8/1</v>
          </cell>
          <cell r="AV760" t="str">
            <v>建築一式</v>
          </cell>
          <cell r="AW760" t="str">
            <v>特定</v>
          </cell>
          <cell r="AX760">
            <v>871</v>
          </cell>
          <cell r="AY760">
            <v>207386</v>
          </cell>
          <cell r="AZ760" t="str">
            <v>4(3)/0/0</v>
          </cell>
          <cell r="BA760" t="str">
            <v>鳥取県</v>
          </cell>
          <cell r="BB760">
            <v>0</v>
          </cell>
          <cell r="CR760">
            <v>5884</v>
          </cell>
          <cell r="CS760" t="str">
            <v>ﾅﾂ ﾀﾂﾀﾀﾞ</v>
          </cell>
          <cell r="CT760" t="str">
            <v>夏  立忠</v>
          </cell>
          <cell r="CU760" t="str">
            <v>土地調査課</v>
          </cell>
          <cell r="CW760">
            <v>3018</v>
          </cell>
          <cell r="CX760" t="str">
            <v>主任</v>
          </cell>
          <cell r="CY760" t="str">
            <v>土地調査課長</v>
          </cell>
        </row>
        <row r="761">
          <cell r="B761">
            <v>3282</v>
          </cell>
          <cell r="C761" t="str">
            <v>(株)中和コンストラクション</v>
          </cell>
          <cell r="D761" t="str">
            <v>0744-42-9313</v>
          </cell>
          <cell r="E761" t="str">
            <v>633-0091</v>
          </cell>
          <cell r="F761" t="str">
            <v>奈良県桜井市大字桜井281-7</v>
          </cell>
          <cell r="G761" t="str">
            <v>桜井市</v>
          </cell>
          <cell r="H761" t="str">
            <v/>
          </cell>
          <cell r="I761" t="str">
            <v>代表取締役 大浦　晃平</v>
          </cell>
          <cell r="J761" t="str">
            <v>本店</v>
          </cell>
          <cell r="K761" t="str">
            <v>0744-42-9315</v>
          </cell>
          <cell r="L761" t="str">
            <v>eigyo@chuwa-hdg.jp</v>
          </cell>
          <cell r="M761" t="str">
            <v>ﾁｭｳﾜｺﾝｽﾄﾗｸｼｮﾝ</v>
          </cell>
          <cell r="N761" t="str">
            <v>無</v>
          </cell>
          <cell r="O761">
            <v>53</v>
          </cell>
          <cell r="P761">
            <v>49</v>
          </cell>
          <cell r="Q761">
            <v>6150001010069</v>
          </cell>
          <cell r="R761">
            <v>100000</v>
          </cell>
          <cell r="S761">
            <v>991569</v>
          </cell>
          <cell r="T761">
            <v>2500375</v>
          </cell>
          <cell r="V761" t="str">
            <v>at102487</v>
          </cell>
          <cell r="W761" t="str">
            <v>zg449830</v>
          </cell>
          <cell r="X761" t="str">
            <v>土建大と石屋タ鋼舗浚内水解</v>
          </cell>
          <cell r="Y761" t="str">
            <v/>
          </cell>
          <cell r="Z761" t="str">
            <v>土建大と石屋タ鋼舗浚内水解</v>
          </cell>
          <cell r="AA761" t="str">
            <v>建築一式</v>
          </cell>
          <cell r="AB761" t="str">
            <v>土木一式</v>
          </cell>
          <cell r="AC761" t="str">
            <v/>
          </cell>
          <cell r="AD761" t="str">
            <v/>
          </cell>
          <cell r="AE761">
            <v>43281</v>
          </cell>
          <cell r="AF761" t="str">
            <v>希望しない</v>
          </cell>
          <cell r="AG761" t="str">
            <v>建築一式</v>
          </cell>
          <cell r="AH761" t="str">
            <v>特定</v>
          </cell>
          <cell r="AI761">
            <v>1057</v>
          </cell>
          <cell r="AJ761">
            <v>1591671</v>
          </cell>
          <cell r="AK761" t="str">
            <v>10(10)/5/1</v>
          </cell>
          <cell r="AL761" t="str">
            <v>土木一式</v>
          </cell>
          <cell r="AM761" t="str">
            <v>特定</v>
          </cell>
          <cell r="AN761">
            <v>1035</v>
          </cell>
          <cell r="AO761">
            <v>766270</v>
          </cell>
          <cell r="AP761" t="str">
            <v>16(16)/3/0</v>
          </cell>
          <cell r="AQ761" t="str">
            <v/>
          </cell>
          <cell r="AR761" t="str">
            <v/>
          </cell>
          <cell r="AS761" t="str">
            <v/>
          </cell>
          <cell r="AT761" t="str">
            <v/>
          </cell>
          <cell r="AU761" t="str">
            <v/>
          </cell>
          <cell r="AV761" t="str">
            <v/>
          </cell>
          <cell r="AW761" t="str">
            <v/>
          </cell>
          <cell r="AX761" t="str">
            <v/>
          </cell>
          <cell r="AY761" t="str">
            <v/>
          </cell>
          <cell r="AZ761" t="str">
            <v/>
          </cell>
          <cell r="BA761" t="str">
            <v>奈良県</v>
          </cell>
          <cell r="BB761">
            <v>0</v>
          </cell>
          <cell r="CR761">
            <v>5887</v>
          </cell>
          <cell r="CS761" t="str">
            <v>ｵｶﾞﾜ ﾖｳｽｹ</v>
          </cell>
          <cell r="CT761" t="str">
            <v>小川  洋右</v>
          </cell>
          <cell r="CU761" t="str">
            <v>警防課</v>
          </cell>
          <cell r="CW761">
            <v>6680221</v>
          </cell>
          <cell r="CX761" t="str">
            <v>主査</v>
          </cell>
          <cell r="CY761" t="str">
            <v>警防課長</v>
          </cell>
        </row>
        <row r="762">
          <cell r="B762">
            <v>3285</v>
          </cell>
          <cell r="C762" t="str">
            <v>千代田工業(株)</v>
          </cell>
          <cell r="D762" t="str">
            <v>06-6838-2041</v>
          </cell>
          <cell r="E762" t="str">
            <v>532-0011</v>
          </cell>
          <cell r="F762" t="str">
            <v>大阪府大阪市淀川区西中島6-8-9</v>
          </cell>
          <cell r="G762" t="str">
            <v>津島市</v>
          </cell>
          <cell r="H762" t="str">
            <v>大阪営業所</v>
          </cell>
          <cell r="I762" t="str">
            <v>所長 服部　勝彦</v>
          </cell>
          <cell r="J762" t="str">
            <v>愛知県津島市</v>
          </cell>
          <cell r="K762" t="str">
            <v>06-6838-2058</v>
          </cell>
          <cell r="L762" t="str">
            <v>gsp12127@nifty.com</v>
          </cell>
          <cell r="M762" t="str">
            <v>ﾁﾖﾀﾞｺｳｷﾞｮｳ</v>
          </cell>
          <cell r="N762" t="str">
            <v>有</v>
          </cell>
          <cell r="O762">
            <v>40</v>
          </cell>
          <cell r="P762">
            <v>45</v>
          </cell>
          <cell r="Q762">
            <v>6180001096510</v>
          </cell>
          <cell r="R762">
            <v>20000</v>
          </cell>
          <cell r="S762">
            <v>604019</v>
          </cell>
          <cell r="T762">
            <v>1157987</v>
          </cell>
          <cell r="V762" t="str">
            <v>fd321302</v>
          </cell>
          <cell r="W762" t="str">
            <v>jr609424</v>
          </cell>
          <cell r="X762" t="str">
            <v>(清)(と)(鋼)(舗)(塗)(水)土と管鋼舗塗水</v>
          </cell>
          <cell r="Y762" t="str">
            <v>(清)(と)(鋼)(舗)(塗)(水)</v>
          </cell>
          <cell r="Z762" t="str">
            <v>土と管鋼舗塗水</v>
          </cell>
          <cell r="AA762" t="str">
            <v>鋼構造物</v>
          </cell>
          <cell r="AB762" t="str">
            <v>水道施設</v>
          </cell>
          <cell r="AC762" t="str">
            <v>土木一式</v>
          </cell>
          <cell r="AD762" t="str">
            <v/>
          </cell>
          <cell r="AE762">
            <v>42967</v>
          </cell>
          <cell r="AF762" t="str">
            <v>希望しない</v>
          </cell>
          <cell r="AG762" t="str">
            <v>鋼構造物</v>
          </cell>
          <cell r="AH762" t="str">
            <v>特定</v>
          </cell>
          <cell r="AI762">
            <v>922</v>
          </cell>
          <cell r="AJ762">
            <v>559894</v>
          </cell>
          <cell r="AK762" t="str">
            <v>10(10)/2/18</v>
          </cell>
          <cell r="AL762" t="str">
            <v>水道施設</v>
          </cell>
          <cell r="AM762" t="str">
            <v>特定</v>
          </cell>
          <cell r="AN762">
            <v>808</v>
          </cell>
          <cell r="AO762">
            <v>31781</v>
          </cell>
          <cell r="AP762" t="str">
            <v>10(10)/2/7</v>
          </cell>
          <cell r="AQ762" t="str">
            <v>土木一式</v>
          </cell>
          <cell r="AR762" t="str">
            <v>特定</v>
          </cell>
          <cell r="AS762">
            <v>652</v>
          </cell>
          <cell r="AT762" t="str">
            <v/>
          </cell>
          <cell r="AU762" t="str">
            <v>0(0)/0/0</v>
          </cell>
          <cell r="AV762" t="str">
            <v/>
          </cell>
          <cell r="AW762" t="str">
            <v/>
          </cell>
          <cell r="AX762" t="str">
            <v/>
          </cell>
          <cell r="AY762" t="str">
            <v/>
          </cell>
          <cell r="AZ762" t="str">
            <v/>
          </cell>
          <cell r="BA762" t="str">
            <v>愛知県</v>
          </cell>
          <cell r="BB762">
            <v>0</v>
          </cell>
          <cell r="CR762">
            <v>5889</v>
          </cell>
          <cell r="CS762" t="str">
            <v>ﾊｷﾞﾉ ﾀｶﾖｼ</v>
          </cell>
          <cell r="CT762" t="str">
            <v>萩野  孝宜</v>
          </cell>
          <cell r="CU762" t="str">
            <v>予防課</v>
          </cell>
          <cell r="CW762">
            <v>6680236</v>
          </cell>
          <cell r="CX762" t="str">
            <v>主任</v>
          </cell>
          <cell r="CY762" t="str">
            <v>予防課長</v>
          </cell>
        </row>
        <row r="763">
          <cell r="B763">
            <v>3286</v>
          </cell>
          <cell r="C763" t="str">
            <v>千代田興産(株)</v>
          </cell>
          <cell r="D763" t="str">
            <v>06-6225-1290</v>
          </cell>
          <cell r="E763" t="str">
            <v>550-0002</v>
          </cell>
          <cell r="F763" t="str">
            <v>大阪府大阪市西区江戸堀1-15-27</v>
          </cell>
          <cell r="G763" t="str">
            <v>福岡市</v>
          </cell>
          <cell r="H763" t="str">
            <v>大阪支店</v>
          </cell>
          <cell r="I763" t="str">
            <v>支店長 金山　義一</v>
          </cell>
          <cell r="J763" t="str">
            <v>福岡県福岡市</v>
          </cell>
          <cell r="K763" t="str">
            <v>06-6444-9630</v>
          </cell>
          <cell r="L763" t="str">
            <v>shashigm@cknet.co.jp</v>
          </cell>
          <cell r="M763" t="str">
            <v>ﾁﾖﾀﾞｺｳｻﾝ</v>
          </cell>
          <cell r="N763" t="str">
            <v>有</v>
          </cell>
          <cell r="O763">
            <v>53</v>
          </cell>
          <cell r="P763">
            <v>183</v>
          </cell>
          <cell r="Q763">
            <v>4290001008786</v>
          </cell>
          <cell r="R763">
            <v>95000</v>
          </cell>
          <cell r="S763">
            <v>1263816</v>
          </cell>
          <cell r="T763">
            <v>14316266</v>
          </cell>
          <cell r="V763" t="str">
            <v>rj322407</v>
          </cell>
          <cell r="W763" t="str">
            <v>gx349903</v>
          </cell>
          <cell r="X763" t="str">
            <v>機(電)電管通</v>
          </cell>
          <cell r="Y763" t="str">
            <v>機(電)</v>
          </cell>
          <cell r="Z763" t="str">
            <v>電管通</v>
          </cell>
          <cell r="AA763" t="str">
            <v>電気</v>
          </cell>
          <cell r="AB763" t="str">
            <v/>
          </cell>
          <cell r="AC763" t="str">
            <v/>
          </cell>
          <cell r="AD763" t="str">
            <v/>
          </cell>
          <cell r="AE763">
            <v>43220</v>
          </cell>
          <cell r="AF763" t="str">
            <v>希望しない</v>
          </cell>
          <cell r="AG763" t="str">
            <v>電気</v>
          </cell>
          <cell r="AH763" t="str">
            <v>特定</v>
          </cell>
          <cell r="AI763">
            <v>1036</v>
          </cell>
          <cell r="AJ763">
            <v>1055652</v>
          </cell>
          <cell r="AK763" t="str">
            <v>46(40)/17/0</v>
          </cell>
          <cell r="AL763" t="str">
            <v/>
          </cell>
          <cell r="AM763" t="str">
            <v/>
          </cell>
          <cell r="AN763" t="str">
            <v/>
          </cell>
          <cell r="AO763" t="str">
            <v/>
          </cell>
          <cell r="AP763" t="str">
            <v/>
          </cell>
          <cell r="AQ763" t="str">
            <v/>
          </cell>
          <cell r="AR763" t="str">
            <v/>
          </cell>
          <cell r="AS763" t="str">
            <v/>
          </cell>
          <cell r="AT763" t="str">
            <v/>
          </cell>
          <cell r="AU763" t="str">
            <v/>
          </cell>
          <cell r="AV763" t="str">
            <v/>
          </cell>
          <cell r="AW763" t="str">
            <v/>
          </cell>
          <cell r="AX763" t="str">
            <v/>
          </cell>
          <cell r="AY763" t="str">
            <v/>
          </cell>
          <cell r="AZ763" t="str">
            <v/>
          </cell>
          <cell r="BA763" t="str">
            <v>福岡県</v>
          </cell>
          <cell r="BB763">
            <v>0</v>
          </cell>
          <cell r="CR763">
            <v>5904</v>
          </cell>
          <cell r="CS763" t="str">
            <v>ﾐｽﾞｼﾏ ﾌｼﾞｵ</v>
          </cell>
          <cell r="CT763" t="str">
            <v>水嶋  富士夫</v>
          </cell>
          <cell r="CU763" t="str">
            <v>運輸サービス課</v>
          </cell>
          <cell r="CW763">
            <v>6736</v>
          </cell>
          <cell r="CX763" t="str">
            <v>主任</v>
          </cell>
          <cell r="CY763" t="str">
            <v>運輸サービス課長</v>
          </cell>
        </row>
        <row r="764">
          <cell r="B764">
            <v>3287</v>
          </cell>
          <cell r="C764" t="str">
            <v>千代田塗装工業(株)</v>
          </cell>
          <cell r="D764" t="str">
            <v>079-236-0481</v>
          </cell>
          <cell r="E764" t="str">
            <v>672-8088</v>
          </cell>
          <cell r="F764" t="str">
            <v>兵庫県姫路市飾磨区英賀西町1-29</v>
          </cell>
          <cell r="G764" t="str">
            <v>姫路市</v>
          </cell>
          <cell r="H764" t="str">
            <v/>
          </cell>
          <cell r="I764" t="str">
            <v>代表取締役 安田　健司</v>
          </cell>
          <cell r="J764" t="str">
            <v>本店</v>
          </cell>
          <cell r="K764" t="str">
            <v>079-236-8990</v>
          </cell>
          <cell r="L764" t="str">
            <v>info@chiyoda-p.co.jp</v>
          </cell>
          <cell r="M764" t="str">
            <v>ﾁﾖﾀﾞﾄｿｳｺｳｷﾞｮｳ</v>
          </cell>
          <cell r="N764" t="str">
            <v>無</v>
          </cell>
          <cell r="O764">
            <v>63</v>
          </cell>
          <cell r="P764">
            <v>21</v>
          </cell>
          <cell r="Q764">
            <v>2140001060069</v>
          </cell>
          <cell r="R764">
            <v>35000</v>
          </cell>
          <cell r="S764">
            <v>178518</v>
          </cell>
          <cell r="T764">
            <v>940806</v>
          </cell>
          <cell r="V764" t="str">
            <v>xv632673</v>
          </cell>
          <cell r="W764" t="str">
            <v>hd714148</v>
          </cell>
          <cell r="X764" t="str">
            <v>左防内熱土建と鋼塗水解</v>
          </cell>
          <cell r="Y764" t="str">
            <v>左防内熱</v>
          </cell>
          <cell r="Z764" t="str">
            <v>土建と鋼塗水解</v>
          </cell>
          <cell r="AA764" t="str">
            <v>塗装</v>
          </cell>
          <cell r="AB764" t="str">
            <v>防水</v>
          </cell>
          <cell r="AC764" t="str">
            <v>とび土工</v>
          </cell>
          <cell r="AD764" t="str">
            <v>建築一式</v>
          </cell>
          <cell r="AE764">
            <v>43159</v>
          </cell>
          <cell r="AF764" t="str">
            <v/>
          </cell>
          <cell r="AG764" t="str">
            <v>塗装</v>
          </cell>
          <cell r="AH764" t="str">
            <v>特定</v>
          </cell>
          <cell r="AI764">
            <v>903</v>
          </cell>
          <cell r="AJ764">
            <v>930231</v>
          </cell>
          <cell r="AK764" t="str">
            <v>7(7)/2/1</v>
          </cell>
          <cell r="AL764" t="str">
            <v>防水</v>
          </cell>
          <cell r="AM764" t="str">
            <v>一般</v>
          </cell>
          <cell r="AN764">
            <v>726</v>
          </cell>
          <cell r="AO764">
            <v>9965</v>
          </cell>
          <cell r="AP764" t="str">
            <v>1(1)/4/5</v>
          </cell>
          <cell r="AQ764" t="str">
            <v>とび土工</v>
          </cell>
          <cell r="AR764" t="str">
            <v>特定</v>
          </cell>
          <cell r="AS764">
            <v>682</v>
          </cell>
          <cell r="AT764">
            <v>32917</v>
          </cell>
          <cell r="AU764" t="str">
            <v>0(0)/0/0</v>
          </cell>
          <cell r="AV764" t="str">
            <v>建築一式</v>
          </cell>
          <cell r="AW764" t="str">
            <v>特定</v>
          </cell>
          <cell r="AX764">
            <v>642</v>
          </cell>
          <cell r="AY764">
            <v>2633</v>
          </cell>
          <cell r="AZ764" t="str">
            <v>0(0)/0/0</v>
          </cell>
          <cell r="BA764" t="str">
            <v>兵庫県</v>
          </cell>
          <cell r="BB764">
            <v>0</v>
          </cell>
          <cell r="CR764">
            <v>5918</v>
          </cell>
          <cell r="CS764" t="str">
            <v>ｲﾉｳｴ ﾕｳｽｹ</v>
          </cell>
          <cell r="CT764" t="str">
            <v>井上  裕介</v>
          </cell>
          <cell r="CU764" t="str">
            <v>財政企画課</v>
          </cell>
          <cell r="CW764">
            <v>2225</v>
          </cell>
          <cell r="CX764" t="str">
            <v>主任</v>
          </cell>
          <cell r="CY764" t="str">
            <v>財政企画課長</v>
          </cell>
        </row>
        <row r="765">
          <cell r="B765">
            <v>3288</v>
          </cell>
          <cell r="C765" t="str">
            <v>(株)チヨダ</v>
          </cell>
          <cell r="D765" t="str">
            <v>072-928-1200</v>
          </cell>
          <cell r="E765" t="str">
            <v>581-0018</v>
          </cell>
          <cell r="F765" t="str">
            <v>大阪府八尾市青山町3-4-17</v>
          </cell>
          <cell r="G765" t="str">
            <v>松本市</v>
          </cell>
          <cell r="H765" t="str">
            <v>大阪営業所</v>
          </cell>
          <cell r="I765" t="str">
            <v>営業所長 佐橋　寛重</v>
          </cell>
          <cell r="J765" t="str">
            <v>長野県松本市</v>
          </cell>
          <cell r="K765" t="str">
            <v>072-928-1212</v>
          </cell>
          <cell r="L765" t="str">
            <v>sahashi@co-chiyoda.co.jp</v>
          </cell>
          <cell r="M765" t="str">
            <v>ﾁﾖﾀﾞ</v>
          </cell>
          <cell r="N765" t="str">
            <v>有</v>
          </cell>
          <cell r="O765">
            <v>20</v>
          </cell>
          <cell r="P765">
            <v>45</v>
          </cell>
          <cell r="Q765">
            <v>4100001013581</v>
          </cell>
          <cell r="R765">
            <v>50000</v>
          </cell>
          <cell r="S765">
            <v>897329</v>
          </cell>
          <cell r="T765">
            <v>5749530</v>
          </cell>
          <cell r="V765" t="str">
            <v>qt296551</v>
          </cell>
          <cell r="W765" t="str">
            <v>sk789670</v>
          </cell>
          <cell r="X765" t="str">
            <v>土と石管鋼舗塗機水</v>
          </cell>
          <cell r="Y765" t="str">
            <v/>
          </cell>
          <cell r="Z765" t="str">
            <v>土と石管鋼舗塗機水</v>
          </cell>
          <cell r="AA765" t="str">
            <v>鋼構造物</v>
          </cell>
          <cell r="AB765" t="str">
            <v>土木一式</v>
          </cell>
          <cell r="AC765" t="str">
            <v>水道施設</v>
          </cell>
          <cell r="AD765" t="str">
            <v/>
          </cell>
          <cell r="AE765">
            <v>43240</v>
          </cell>
          <cell r="AF765" t="str">
            <v>希望しない</v>
          </cell>
          <cell r="AG765" t="str">
            <v>鋼構造物</v>
          </cell>
          <cell r="AH765" t="str">
            <v/>
          </cell>
          <cell r="AI765">
            <v>853</v>
          </cell>
          <cell r="AJ765">
            <v>303348</v>
          </cell>
          <cell r="AK765" t="str">
            <v>13(7)/2/0</v>
          </cell>
          <cell r="AL765" t="str">
            <v>土木一式</v>
          </cell>
          <cell r="AM765" t="str">
            <v/>
          </cell>
          <cell r="AN765">
            <v>667</v>
          </cell>
          <cell r="AO765">
            <v>37053</v>
          </cell>
          <cell r="AP765" t="str">
            <v>0(0)/0/0</v>
          </cell>
          <cell r="AQ765" t="str">
            <v>水道施設</v>
          </cell>
          <cell r="AR765" t="str">
            <v/>
          </cell>
          <cell r="AS765">
            <v>836</v>
          </cell>
          <cell r="AT765">
            <v>396162</v>
          </cell>
          <cell r="AU765" t="str">
            <v>12(6)/2/0</v>
          </cell>
          <cell r="AV765" t="str">
            <v/>
          </cell>
          <cell r="AW765" t="str">
            <v/>
          </cell>
          <cell r="AX765" t="str">
            <v/>
          </cell>
          <cell r="AY765" t="str">
            <v/>
          </cell>
          <cell r="AZ765" t="str">
            <v/>
          </cell>
          <cell r="BA765" t="str">
            <v>長野県</v>
          </cell>
          <cell r="BB765">
            <v>0</v>
          </cell>
          <cell r="CR765">
            <v>5919</v>
          </cell>
          <cell r="CS765" t="str">
            <v>ｵｵﾔﾏ ｴｲｼﾞ</v>
          </cell>
          <cell r="CT765" t="str">
            <v>大山  英治</v>
          </cell>
          <cell r="CU765" t="str">
            <v>福利厚生課</v>
          </cell>
          <cell r="CW765">
            <v>2434</v>
          </cell>
          <cell r="CX765" t="str">
            <v>主査</v>
          </cell>
          <cell r="CY765" t="str">
            <v>福利厚生課長</v>
          </cell>
        </row>
        <row r="766">
          <cell r="B766">
            <v>3290</v>
          </cell>
          <cell r="C766" t="str">
            <v>(株)千代田組</v>
          </cell>
          <cell r="D766" t="str">
            <v>06-7173-2892</v>
          </cell>
          <cell r="E766" t="str">
            <v>541-0042</v>
          </cell>
          <cell r="F766" t="str">
            <v>大阪府大阪市中央区今橋4-1-1</v>
          </cell>
          <cell r="G766" t="str">
            <v/>
          </cell>
          <cell r="H766" t="str">
            <v>関西支店</v>
          </cell>
          <cell r="I766" t="str">
            <v>支店長 町田　光隆</v>
          </cell>
          <cell r="J766" t="str">
            <v>東京都</v>
          </cell>
          <cell r="K766" t="str">
            <v>06-6209-8480</v>
          </cell>
          <cell r="L766" t="str">
            <v>a-ishiyama@chiyodagumi.co.jp</v>
          </cell>
          <cell r="M766" t="str">
            <v>ﾁﾖﾀﾞｸﾞﾐ</v>
          </cell>
          <cell r="N766" t="str">
            <v>有</v>
          </cell>
          <cell r="O766">
            <v>66</v>
          </cell>
          <cell r="P766">
            <v>401</v>
          </cell>
          <cell r="Q766">
            <v>4010401098546</v>
          </cell>
          <cell r="R766">
            <v>200000</v>
          </cell>
          <cell r="S766">
            <v>16320859</v>
          </cell>
          <cell r="T766">
            <v>83144522</v>
          </cell>
          <cell r="V766" t="str">
            <v>tt533124</v>
          </cell>
          <cell r="W766" t="str">
            <v>yf209812</v>
          </cell>
          <cell r="X766" t="str">
            <v>(電)(管)(機)(水)建電管鋼機通水</v>
          </cell>
          <cell r="Y766" t="str">
            <v>(電)(管)(機)(水)</v>
          </cell>
          <cell r="Z766" t="str">
            <v>建電管鋼機通水</v>
          </cell>
          <cell r="AA766" t="str">
            <v>電気</v>
          </cell>
          <cell r="AB766" t="str">
            <v>機械器具</v>
          </cell>
          <cell r="AC766" t="str">
            <v>管</v>
          </cell>
          <cell r="AD766" t="str">
            <v>水道施設</v>
          </cell>
          <cell r="AE766">
            <v>43190</v>
          </cell>
          <cell r="AF766" t="str">
            <v>希望しない</v>
          </cell>
          <cell r="AG766" t="str">
            <v>電気</v>
          </cell>
          <cell r="AH766" t="str">
            <v>特定</v>
          </cell>
          <cell r="AI766">
            <v>1341</v>
          </cell>
          <cell r="AJ766">
            <v>3541082</v>
          </cell>
          <cell r="AK766" t="str">
            <v>83(58)/2/1</v>
          </cell>
          <cell r="AL766" t="str">
            <v>機械器具</v>
          </cell>
          <cell r="AM766" t="str">
            <v>特定</v>
          </cell>
          <cell r="AN766">
            <v>1242</v>
          </cell>
          <cell r="AO766">
            <v>4754909</v>
          </cell>
          <cell r="AP766" t="str">
            <v>0(0)/0/45</v>
          </cell>
          <cell r="AQ766" t="str">
            <v>管</v>
          </cell>
          <cell r="AR766" t="str">
            <v>特定</v>
          </cell>
          <cell r="AS766">
            <v>1118</v>
          </cell>
          <cell r="AT766">
            <v>245666</v>
          </cell>
          <cell r="AU766" t="str">
            <v>13(10)/0/0</v>
          </cell>
          <cell r="AV766" t="str">
            <v>水道施設</v>
          </cell>
          <cell r="AW766" t="str">
            <v>特定</v>
          </cell>
          <cell r="AX766">
            <v>1122</v>
          </cell>
          <cell r="AY766">
            <v>285699</v>
          </cell>
          <cell r="AZ766" t="str">
            <v>10(8)/3/4</v>
          </cell>
          <cell r="BA766" t="str">
            <v>東京都</v>
          </cell>
          <cell r="BB766">
            <v>0</v>
          </cell>
          <cell r="CR766">
            <v>5920</v>
          </cell>
          <cell r="CS766" t="str">
            <v>ｵｶﾀﾞ ﾏｻﾙ</v>
          </cell>
          <cell r="CT766" t="str">
            <v>岡田  賢</v>
          </cell>
          <cell r="CU766" t="str">
            <v>市民課</v>
          </cell>
          <cell r="CW766">
            <v>2617</v>
          </cell>
          <cell r="CX766" t="str">
            <v>主査</v>
          </cell>
          <cell r="CY766" t="str">
            <v>市民課長</v>
          </cell>
        </row>
        <row r="767">
          <cell r="B767">
            <v>3292</v>
          </cell>
          <cell r="C767" t="str">
            <v>中央技術開発株式会社</v>
          </cell>
          <cell r="D767" t="str">
            <v>06-6431-7300</v>
          </cell>
          <cell r="E767" t="str">
            <v>541-0042</v>
          </cell>
          <cell r="F767" t="str">
            <v>尼崎市武庫町3-15-4</v>
          </cell>
          <cell r="G767" t="str">
            <v>尼崎市</v>
          </cell>
          <cell r="H767" t="str">
            <v/>
          </cell>
          <cell r="I767" t="str">
            <v>代表取締役　 本岡　辰夫</v>
          </cell>
          <cell r="J767" t="str">
            <v>本店</v>
          </cell>
          <cell r="K767" t="str">
            <v>06-6431-7308</v>
          </cell>
          <cell r="L767" t="str">
            <v>motooka@ctc-web.co.jp</v>
          </cell>
          <cell r="M767" t="str">
            <v>ﾁﾕｳｵｳｷﾞｼﾞﾕﾂｶｲﾊﾂ</v>
          </cell>
          <cell r="N767" t="str">
            <v>無</v>
          </cell>
          <cell r="O767">
            <v>17</v>
          </cell>
          <cell r="P767">
            <v>18</v>
          </cell>
          <cell r="Q767">
            <v>3140000000000</v>
          </cell>
          <cell r="R767">
            <v>30000</v>
          </cell>
          <cell r="S767">
            <v>99471</v>
          </cell>
          <cell r="T767">
            <v>943061</v>
          </cell>
          <cell r="V767" t="str">
            <v>bf691452</v>
          </cell>
          <cell r="W767" t="str">
            <v>tr567343</v>
          </cell>
          <cell r="X767" t="str">
            <v>(電)(管)(機)(水)建電管鋼機通水</v>
          </cell>
          <cell r="Y767" t="str">
            <v>(電)(管)(機)(水)</v>
          </cell>
          <cell r="Z767" t="str">
            <v>建電管鋼機通水</v>
          </cell>
          <cell r="AA767" t="str">
            <v>管</v>
          </cell>
          <cell r="AB767" t="str">
            <v/>
          </cell>
          <cell r="AC767" t="str">
            <v/>
          </cell>
          <cell r="AD767" t="str">
            <v/>
          </cell>
          <cell r="AE767">
            <v>43190</v>
          </cell>
          <cell r="AF767" t="str">
            <v>無</v>
          </cell>
          <cell r="AG767" t="str">
            <v>管</v>
          </cell>
          <cell r="AH767" t="str">
            <v>特定</v>
          </cell>
          <cell r="AI767">
            <v>796</v>
          </cell>
          <cell r="AJ767">
            <v>719229</v>
          </cell>
          <cell r="AK767" t="str">
            <v>3/1/2</v>
          </cell>
          <cell r="AL767" t="str">
            <v/>
          </cell>
          <cell r="AM767" t="str">
            <v/>
          </cell>
          <cell r="AN767" t="str">
            <v/>
          </cell>
          <cell r="AO767" t="str">
            <v/>
          </cell>
          <cell r="AP767" t="str">
            <v/>
          </cell>
          <cell r="AQ767" t="str">
            <v/>
          </cell>
          <cell r="AR767" t="str">
            <v/>
          </cell>
          <cell r="AS767" t="str">
            <v/>
          </cell>
          <cell r="AT767" t="str">
            <v/>
          </cell>
          <cell r="AU767" t="str">
            <v/>
          </cell>
          <cell r="AV767" t="str">
            <v/>
          </cell>
          <cell r="AW767" t="str">
            <v/>
          </cell>
          <cell r="AX767" t="str">
            <v/>
          </cell>
          <cell r="AY767" t="str">
            <v/>
          </cell>
          <cell r="AZ767" t="str">
            <v/>
          </cell>
          <cell r="BA767" t="str">
            <v/>
          </cell>
          <cell r="BB767">
            <v>0</v>
          </cell>
          <cell r="CR767">
            <v>5924</v>
          </cell>
          <cell r="CS767" t="str">
            <v>ﾅｶﾀﾆ ﾕｷﾋﾛ</v>
          </cell>
          <cell r="CT767" t="str">
            <v>中谷  幸浩</v>
          </cell>
          <cell r="CU767" t="str">
            <v>医事課</v>
          </cell>
          <cell r="CW767" t="str">
            <v xml:space="preserve"> </v>
          </cell>
          <cell r="CX767" t="str">
            <v>主任</v>
          </cell>
          <cell r="CY767" t="str">
            <v>医事課長</v>
          </cell>
        </row>
        <row r="768">
          <cell r="B768">
            <v>3294</v>
          </cell>
          <cell r="C768" t="str">
            <v>(株)秩父工務店</v>
          </cell>
          <cell r="D768" t="str">
            <v>06-4960-7139</v>
          </cell>
          <cell r="E768" t="str">
            <v>661-0022</v>
          </cell>
          <cell r="F768" t="str">
            <v>兵庫県尼崎市若王寺3-4-1</v>
          </cell>
          <cell r="G768" t="str">
            <v>尼崎市</v>
          </cell>
          <cell r="H768" t="str">
            <v/>
          </cell>
          <cell r="I768" t="str">
            <v>代表取締役 甘利　公</v>
          </cell>
          <cell r="J768" t="str">
            <v>本店</v>
          </cell>
          <cell r="K768" t="str">
            <v>06-4960-7138</v>
          </cell>
          <cell r="L768" t="str">
            <v>bca08405@bcc.bai.ne.jp</v>
          </cell>
          <cell r="M768" t="str">
            <v>ﾁﾁﾌﾞｺｳﾑﾃﾝ</v>
          </cell>
          <cell r="N768" t="str">
            <v>無</v>
          </cell>
          <cell r="O768">
            <v>51</v>
          </cell>
          <cell r="P768">
            <v>7</v>
          </cell>
          <cell r="Q768">
            <v>9140001049980</v>
          </cell>
          <cell r="R768">
            <v>40000</v>
          </cell>
          <cell r="S768">
            <v>44993</v>
          </cell>
          <cell r="T768">
            <v>280847</v>
          </cell>
          <cell r="V768" t="str">
            <v>ra364129</v>
          </cell>
          <cell r="W768" t="str">
            <v>bu106162</v>
          </cell>
          <cell r="X768" t="str">
            <v>建大と石屋タ鋼鉄板ガ塗防内熱具解</v>
          </cell>
          <cell r="Y768" t="str">
            <v/>
          </cell>
          <cell r="Z768" t="str">
            <v>建大と石屋タ鋼鉄板ガ塗防内熱具解</v>
          </cell>
          <cell r="AA768" t="str">
            <v>建築一式</v>
          </cell>
          <cell r="AB768" t="str">
            <v>とび土工</v>
          </cell>
          <cell r="AC768" t="str">
            <v>鋼構造物</v>
          </cell>
          <cell r="AD768" t="str">
            <v>内装仕上</v>
          </cell>
          <cell r="AE768">
            <v>43251</v>
          </cell>
          <cell r="AF768" t="str">
            <v>希望しない</v>
          </cell>
          <cell r="AG768" t="str">
            <v>建築一式</v>
          </cell>
          <cell r="AH768" t="str">
            <v>特定</v>
          </cell>
          <cell r="AI768">
            <v>850</v>
          </cell>
          <cell r="AJ768">
            <v>218711</v>
          </cell>
          <cell r="AK768" t="str">
            <v>5(5)/0/0</v>
          </cell>
          <cell r="AL768" t="str">
            <v>とび土工</v>
          </cell>
          <cell r="AM768" t="str">
            <v>特定</v>
          </cell>
          <cell r="AN768">
            <v>651</v>
          </cell>
          <cell r="AO768" t="str">
            <v/>
          </cell>
          <cell r="AP768" t="str">
            <v>0(0)/0/0</v>
          </cell>
          <cell r="AQ768" t="str">
            <v>鋼構造物</v>
          </cell>
          <cell r="AR768" t="str">
            <v>特定</v>
          </cell>
          <cell r="AS768">
            <v>666</v>
          </cell>
          <cell r="AT768" t="str">
            <v/>
          </cell>
          <cell r="AU768" t="str">
            <v>1(1)/0/0</v>
          </cell>
          <cell r="AV768" t="str">
            <v>内装仕上</v>
          </cell>
          <cell r="AW768" t="str">
            <v>特定</v>
          </cell>
          <cell r="AX768">
            <v>666</v>
          </cell>
          <cell r="AY768" t="str">
            <v/>
          </cell>
          <cell r="AZ768" t="str">
            <v>1(1)/0/0</v>
          </cell>
          <cell r="BA768" t="str">
            <v>兵庫県</v>
          </cell>
          <cell r="BB768">
            <v>0</v>
          </cell>
          <cell r="CR768">
            <v>5925</v>
          </cell>
          <cell r="CS768" t="str">
            <v>ｵｻﾞｷ ｸﾐｺ</v>
          </cell>
          <cell r="CT768" t="str">
            <v>尾﨑  久美子</v>
          </cell>
          <cell r="CU768" t="str">
            <v>子育て支援課</v>
          </cell>
          <cell r="CW768">
            <v>2669</v>
          </cell>
          <cell r="CX768" t="str">
            <v>主任</v>
          </cell>
          <cell r="CY768" t="str">
            <v>子育て支援課長</v>
          </cell>
        </row>
        <row r="769">
          <cell r="B769">
            <v>3308</v>
          </cell>
          <cell r="C769" t="str">
            <v>ＴＳＵＣＨＩＹＡ(株)</v>
          </cell>
          <cell r="D769" t="str">
            <v>078-371-2877</v>
          </cell>
          <cell r="E769" t="str">
            <v>650-0025</v>
          </cell>
          <cell r="F769" t="str">
            <v>兵庫県神戸市中央区相生町4-2-28</v>
          </cell>
          <cell r="G769" t="str">
            <v>大垣市</v>
          </cell>
          <cell r="H769" t="str">
            <v>神戸支店</v>
          </cell>
          <cell r="I769" t="str">
            <v>支店長 大仁田　隆司</v>
          </cell>
          <cell r="J769" t="str">
            <v>岐阜県大垣市</v>
          </cell>
          <cell r="K769" t="str">
            <v>078-371-3755</v>
          </cell>
          <cell r="L769" t="str">
            <v>onita@tsuchiya-corp.com</v>
          </cell>
          <cell r="M769" t="str">
            <v>ﾂﾁﾔ</v>
          </cell>
          <cell r="N769" t="str">
            <v>有</v>
          </cell>
          <cell r="O769">
            <v>67</v>
          </cell>
          <cell r="P769">
            <v>574</v>
          </cell>
          <cell r="Q769">
            <v>2200001013986</v>
          </cell>
          <cell r="R769">
            <v>1800000</v>
          </cell>
          <cell r="S769">
            <v>11851128</v>
          </cell>
          <cell r="T769">
            <v>53442021</v>
          </cell>
          <cell r="V769" t="str">
            <v>fp313855</v>
          </cell>
          <cell r="W769" t="str">
            <v>vc481485</v>
          </cell>
          <cell r="X769" t="str">
            <v>(建)(大)(屋)(タ)(鋼)(内)(解)土建大と石屋電管タ鋼内園水解</v>
          </cell>
          <cell r="Y769" t="str">
            <v>(建)(大)(屋)(タ)(鋼)(内)(解)</v>
          </cell>
          <cell r="Z769" t="str">
            <v>土建大と石屋電管タ鋼内園水解</v>
          </cell>
          <cell r="AA769" t="str">
            <v>建築一式</v>
          </cell>
          <cell r="AB769" t="str">
            <v>解体</v>
          </cell>
          <cell r="AC769" t="str">
            <v>内装仕上</v>
          </cell>
          <cell r="AD769" t="str">
            <v>大工</v>
          </cell>
          <cell r="AE769">
            <v>42947</v>
          </cell>
          <cell r="AF769" t="str">
            <v>希望しない</v>
          </cell>
          <cell r="AG769" t="str">
            <v>建築一式</v>
          </cell>
          <cell r="AH769" t="str">
            <v>特定</v>
          </cell>
          <cell r="AI769">
            <v>1588</v>
          </cell>
          <cell r="AJ769">
            <v>37466815</v>
          </cell>
          <cell r="AK769" t="str">
            <v>162(151)/30/6</v>
          </cell>
          <cell r="AL769" t="str">
            <v>解体</v>
          </cell>
          <cell r="AM769" t="str">
            <v>特定</v>
          </cell>
          <cell r="AN769">
            <v>1299</v>
          </cell>
          <cell r="AO769">
            <v>1597638</v>
          </cell>
          <cell r="AP769" t="str">
            <v>130(124)/0/0</v>
          </cell>
          <cell r="AQ769" t="str">
            <v>内装仕上</v>
          </cell>
          <cell r="AR769" t="str">
            <v>特定</v>
          </cell>
          <cell r="AS769">
            <v>1179</v>
          </cell>
          <cell r="AT769">
            <v>422099</v>
          </cell>
          <cell r="AU769" t="str">
            <v>29(24)/13/0</v>
          </cell>
          <cell r="AV769" t="str">
            <v>大工</v>
          </cell>
          <cell r="AW769" t="str">
            <v>特定</v>
          </cell>
          <cell r="AX769" t="str">
            <v/>
          </cell>
          <cell r="AY769" t="str">
            <v/>
          </cell>
          <cell r="AZ769" t="str">
            <v>0(0)/0/0</v>
          </cell>
          <cell r="BA769" t="str">
            <v>岐阜県</v>
          </cell>
          <cell r="BB769">
            <v>0</v>
          </cell>
          <cell r="CR769">
            <v>5926</v>
          </cell>
          <cell r="CS769" t="str">
            <v>ﾓﾘｶﾜ ﾀｶﾋｺ</v>
          </cell>
          <cell r="CT769" t="str">
            <v>森川  隆彦</v>
          </cell>
          <cell r="CU769" t="str">
            <v>こども福祉課</v>
          </cell>
          <cell r="CW769">
            <v>2654</v>
          </cell>
          <cell r="CX769" t="str">
            <v>主査</v>
          </cell>
          <cell r="CY769" t="str">
            <v>こども福祉課長</v>
          </cell>
        </row>
        <row r="770">
          <cell r="B770">
            <v>3312</v>
          </cell>
          <cell r="C770" t="str">
            <v>鶴亀温水器工業(株)</v>
          </cell>
          <cell r="D770" t="str">
            <v>06-6788-5301</v>
          </cell>
          <cell r="E770" t="str">
            <v>577-0067</v>
          </cell>
          <cell r="F770" t="str">
            <v>大阪府東大阪市高井田西3-2-21</v>
          </cell>
          <cell r="G770" t="str">
            <v>東大阪市</v>
          </cell>
          <cell r="H770" t="str">
            <v/>
          </cell>
          <cell r="I770" t="str">
            <v>代表取締役 八和田　靖夫</v>
          </cell>
          <cell r="J770" t="str">
            <v>本店</v>
          </cell>
          <cell r="K770" t="str">
            <v>06-6788-5373</v>
          </cell>
          <cell r="L770" t="str">
            <v>miyata@tsuru-kame.co.jp</v>
          </cell>
          <cell r="M770" t="str">
            <v>ﾂﾙｶﾒｵﾝｽｲｷｺｳｷﾞｮｳ</v>
          </cell>
          <cell r="N770" t="str">
            <v>無</v>
          </cell>
          <cell r="O770">
            <v>55</v>
          </cell>
          <cell r="P770">
            <v>42</v>
          </cell>
          <cell r="Q770">
            <v>9122001012929</v>
          </cell>
          <cell r="R770">
            <v>75040</v>
          </cell>
          <cell r="S770">
            <v>318760</v>
          </cell>
          <cell r="T770">
            <v>824719</v>
          </cell>
          <cell r="V770" t="str">
            <v>dr889990</v>
          </cell>
          <cell r="W770" t="str">
            <v>ha561191</v>
          </cell>
          <cell r="X770" t="str">
            <v>建管機</v>
          </cell>
          <cell r="Y770" t="str">
            <v>建管機</v>
          </cell>
          <cell r="Z770" t="str">
            <v/>
          </cell>
          <cell r="AA770" t="str">
            <v>機械器具</v>
          </cell>
          <cell r="AB770" t="str">
            <v>管</v>
          </cell>
          <cell r="AC770" t="str">
            <v>建築一式</v>
          </cell>
          <cell r="AD770" t="str">
            <v/>
          </cell>
          <cell r="AE770">
            <v>43190</v>
          </cell>
          <cell r="AF770" t="str">
            <v>希望しない</v>
          </cell>
          <cell r="AG770" t="str">
            <v>機械器具</v>
          </cell>
          <cell r="AH770" t="str">
            <v>一般</v>
          </cell>
          <cell r="AI770">
            <v>784</v>
          </cell>
          <cell r="AJ770">
            <v>540694</v>
          </cell>
          <cell r="AK770" t="str">
            <v>0(0)/0/8</v>
          </cell>
          <cell r="AL770" t="str">
            <v>管</v>
          </cell>
          <cell r="AM770" t="str">
            <v>一般</v>
          </cell>
          <cell r="AN770">
            <v>789</v>
          </cell>
          <cell r="AO770">
            <v>219211</v>
          </cell>
          <cell r="AP770" t="str">
            <v>2(1)/6/1</v>
          </cell>
          <cell r="AQ770" t="str">
            <v>建築一式</v>
          </cell>
          <cell r="AR770" t="str">
            <v>一般</v>
          </cell>
          <cell r="AS770">
            <v>701</v>
          </cell>
          <cell r="AT770">
            <v>63893</v>
          </cell>
          <cell r="AU770" t="str">
            <v>0(0)/1/1</v>
          </cell>
          <cell r="AV770" t="str">
            <v/>
          </cell>
          <cell r="AW770" t="str">
            <v/>
          </cell>
          <cell r="AX770" t="str">
            <v/>
          </cell>
          <cell r="AY770" t="str">
            <v/>
          </cell>
          <cell r="AZ770" t="str">
            <v/>
          </cell>
          <cell r="BA770" t="str">
            <v>大阪府</v>
          </cell>
          <cell r="BB770">
            <v>0</v>
          </cell>
          <cell r="CR770">
            <v>5927</v>
          </cell>
          <cell r="CS770" t="str">
            <v>ﾔﾏﾀﾞ ﾓﾄｷ</v>
          </cell>
          <cell r="CT770" t="str">
            <v>山田  雅規</v>
          </cell>
          <cell r="CU770" t="str">
            <v>情報管理課</v>
          </cell>
          <cell r="CW770">
            <v>2478</v>
          </cell>
          <cell r="CX770" t="str">
            <v>主査</v>
          </cell>
          <cell r="CY770" t="str">
            <v>情報管理課長</v>
          </cell>
        </row>
        <row r="771">
          <cell r="B771">
            <v>3313</v>
          </cell>
          <cell r="C771" t="str">
            <v>(株)鶴見製作所</v>
          </cell>
          <cell r="D771" t="str">
            <v>06-6911-3210</v>
          </cell>
          <cell r="E771" t="str">
            <v>538-8585</v>
          </cell>
          <cell r="F771" t="str">
            <v>大阪府大阪市鶴見区鶴見4-16-40</v>
          </cell>
          <cell r="G771" t="str">
            <v>大阪市</v>
          </cell>
          <cell r="H771" t="str">
            <v/>
          </cell>
          <cell r="I771" t="str">
            <v>代表取締役 辻本　治</v>
          </cell>
          <cell r="J771" t="str">
            <v>本店</v>
          </cell>
          <cell r="K771" t="str">
            <v>06-6911-3090</v>
          </cell>
          <cell r="L771" t="str">
            <v>nyusatsu_tsurumi_osaka@m9.dion.ne.jp</v>
          </cell>
          <cell r="M771" t="str">
            <v>ﾂﾙﾐｾｲｻｸｼｮ</v>
          </cell>
          <cell r="N771" t="str">
            <v>無</v>
          </cell>
          <cell r="O771">
            <v>45</v>
          </cell>
          <cell r="P771">
            <v>992</v>
          </cell>
          <cell r="Q771">
            <v>9120001002215</v>
          </cell>
          <cell r="R771">
            <v>5188507</v>
          </cell>
          <cell r="S771">
            <v>46030386</v>
          </cell>
          <cell r="T771">
            <v>36071342</v>
          </cell>
          <cell r="V771" t="str">
            <v>af234306</v>
          </cell>
          <cell r="W771" t="str">
            <v>gf564798</v>
          </cell>
          <cell r="X771" t="str">
            <v>管土電鋼機水</v>
          </cell>
          <cell r="Y771" t="str">
            <v>管</v>
          </cell>
          <cell r="Z771" t="str">
            <v>土電鋼機水</v>
          </cell>
          <cell r="AA771" t="str">
            <v>機械器具</v>
          </cell>
          <cell r="AB771" t="str">
            <v>水道施設</v>
          </cell>
          <cell r="AC771" t="str">
            <v>管</v>
          </cell>
          <cell r="AD771" t="str">
            <v>電気</v>
          </cell>
          <cell r="AE771">
            <v>43190</v>
          </cell>
          <cell r="AF771" t="str">
            <v>希望しない</v>
          </cell>
          <cell r="AG771" t="str">
            <v>機械器具</v>
          </cell>
          <cell r="AH771" t="str">
            <v>特定</v>
          </cell>
          <cell r="AI771">
            <v>1412</v>
          </cell>
          <cell r="AJ771">
            <v>5413941</v>
          </cell>
          <cell r="AK771" t="str">
            <v>1(0)/0/247</v>
          </cell>
          <cell r="AL771" t="str">
            <v>水道施設</v>
          </cell>
          <cell r="AM771" t="str">
            <v>特定</v>
          </cell>
          <cell r="AN771">
            <v>1184</v>
          </cell>
          <cell r="AO771">
            <v>21600</v>
          </cell>
          <cell r="AP771" t="str">
            <v>51(42)/3/0</v>
          </cell>
          <cell r="AQ771" t="str">
            <v>管</v>
          </cell>
          <cell r="AR771" t="str">
            <v>一般</v>
          </cell>
          <cell r="AS771">
            <v>1121</v>
          </cell>
          <cell r="AT771">
            <v>4685</v>
          </cell>
          <cell r="AU771" t="str">
            <v>24(6)/34/5</v>
          </cell>
          <cell r="AV771" t="str">
            <v>電気</v>
          </cell>
          <cell r="AW771" t="str">
            <v>特定</v>
          </cell>
          <cell r="AX771">
            <v>1142</v>
          </cell>
          <cell r="AY771">
            <v>16201</v>
          </cell>
          <cell r="AZ771" t="str">
            <v>25(16)/3/0</v>
          </cell>
          <cell r="BA771" t="str">
            <v>大阪府</v>
          </cell>
          <cell r="BB771">
            <v>0</v>
          </cell>
          <cell r="CR771">
            <v>5928</v>
          </cell>
          <cell r="CS771" t="str">
            <v>ｼﾓﾑﾗ ﾒｸﾞﾐ</v>
          </cell>
          <cell r="CT771" t="str">
            <v>下村  めぐみ</v>
          </cell>
          <cell r="CU771" t="str">
            <v>家庭教育課</v>
          </cell>
          <cell r="CW771">
            <v>3707</v>
          </cell>
          <cell r="CX771" t="str">
            <v>主任</v>
          </cell>
          <cell r="CY771" t="str">
            <v>家庭教育課長</v>
          </cell>
        </row>
        <row r="772">
          <cell r="B772">
            <v>3315</v>
          </cell>
          <cell r="C772" t="str">
            <v>都築テクノサービス(株)</v>
          </cell>
          <cell r="D772" t="str">
            <v>078-854-6010</v>
          </cell>
          <cell r="E772" t="str">
            <v>657-0035</v>
          </cell>
          <cell r="F772" t="str">
            <v>兵庫県神戸市灘区友田町3-6-15</v>
          </cell>
          <cell r="G772" t="str">
            <v/>
          </cell>
          <cell r="H772" t="str">
            <v>神戸支店</v>
          </cell>
          <cell r="I772" t="str">
            <v>支店長 吉住　幸一</v>
          </cell>
          <cell r="J772" t="str">
            <v>東京都</v>
          </cell>
          <cell r="K772" t="str">
            <v>078-854-6050</v>
          </cell>
          <cell r="L772" t="str">
            <v>yoshizumi@tsuzuki-techno.com</v>
          </cell>
          <cell r="M772" t="str">
            <v>ﾂﾂﾞｷﾃｸﾉｻｰﾋﾞｽ</v>
          </cell>
          <cell r="N772" t="str">
            <v>有</v>
          </cell>
          <cell r="O772">
            <v>49</v>
          </cell>
          <cell r="P772">
            <v>500</v>
          </cell>
          <cell r="Q772">
            <v>9010401034942</v>
          </cell>
          <cell r="R772">
            <v>209287</v>
          </cell>
          <cell r="S772">
            <v>2908346</v>
          </cell>
          <cell r="T772">
            <v>11915076</v>
          </cell>
          <cell r="V772" t="str">
            <v>qa357922</v>
          </cell>
          <cell r="W772" t="str">
            <v>ry419947</v>
          </cell>
          <cell r="X772" t="str">
            <v>電通(電)(通)</v>
          </cell>
          <cell r="Y772" t="str">
            <v>電通(電)(通)</v>
          </cell>
          <cell r="Z772" t="str">
            <v/>
          </cell>
          <cell r="AA772" t="str">
            <v>電気通信</v>
          </cell>
          <cell r="AB772" t="str">
            <v>電気</v>
          </cell>
          <cell r="AC772" t="str">
            <v/>
          </cell>
          <cell r="AD772" t="str">
            <v/>
          </cell>
          <cell r="AE772">
            <v>43190</v>
          </cell>
          <cell r="AF772" t="str">
            <v/>
          </cell>
          <cell r="AG772" t="str">
            <v>電気通信</v>
          </cell>
          <cell r="AH772" t="str">
            <v>一般</v>
          </cell>
          <cell r="AI772">
            <v>857</v>
          </cell>
          <cell r="AJ772">
            <v>105988</v>
          </cell>
          <cell r="AK772" t="str">
            <v>()//69</v>
          </cell>
          <cell r="AL772" t="str">
            <v>電気</v>
          </cell>
          <cell r="AM772" t="str">
            <v>一般</v>
          </cell>
          <cell r="AN772">
            <v>546</v>
          </cell>
          <cell r="AO772">
            <v>6937</v>
          </cell>
          <cell r="AP772" t="str">
            <v>()/3/26</v>
          </cell>
          <cell r="AQ772" t="str">
            <v/>
          </cell>
          <cell r="AR772" t="str">
            <v/>
          </cell>
          <cell r="AS772" t="str">
            <v/>
          </cell>
          <cell r="AT772" t="str">
            <v/>
          </cell>
          <cell r="AU772" t="str">
            <v/>
          </cell>
          <cell r="AV772" t="str">
            <v/>
          </cell>
          <cell r="AW772" t="str">
            <v/>
          </cell>
          <cell r="AX772" t="str">
            <v/>
          </cell>
          <cell r="AY772" t="str">
            <v/>
          </cell>
          <cell r="AZ772" t="str">
            <v/>
          </cell>
          <cell r="BA772" t="str">
            <v>東京都</v>
          </cell>
          <cell r="BB772">
            <v>0</v>
          </cell>
          <cell r="CR772">
            <v>5929</v>
          </cell>
          <cell r="CS772" t="str">
            <v>ｺｼ ｷﾐｴ</v>
          </cell>
          <cell r="CT772" t="str">
            <v>越  希美江</v>
          </cell>
          <cell r="CU772" t="str">
            <v>総務課</v>
          </cell>
          <cell r="CW772" t="str">
            <v xml:space="preserve"> </v>
          </cell>
          <cell r="CX772" t="str">
            <v xml:space="preserve"> </v>
          </cell>
          <cell r="CY772" t="str">
            <v>総務課長</v>
          </cell>
        </row>
        <row r="773">
          <cell r="B773">
            <v>3317</v>
          </cell>
          <cell r="C773" t="str">
            <v>(株)司興業</v>
          </cell>
          <cell r="D773" t="str">
            <v>0797-86-6635</v>
          </cell>
          <cell r="E773" t="str">
            <v>665-0834</v>
          </cell>
          <cell r="F773" t="str">
            <v>兵庫県宝塚市美座2-15-15</v>
          </cell>
          <cell r="G773" t="str">
            <v>宝塚市</v>
          </cell>
          <cell r="H773" t="str">
            <v/>
          </cell>
          <cell r="I773" t="str">
            <v>代表取締役 海山　鐘海</v>
          </cell>
          <cell r="J773" t="str">
            <v>本店</v>
          </cell>
          <cell r="K773" t="str">
            <v>0797-86-5222</v>
          </cell>
          <cell r="L773" t="str">
            <v>tukasa@tukasa-kougyou.co.jp</v>
          </cell>
          <cell r="M773" t="str">
            <v>ﾂｶｻｺｳｷﾞｮｳ</v>
          </cell>
          <cell r="N773" t="str">
            <v>無</v>
          </cell>
          <cell r="O773">
            <v>30</v>
          </cell>
          <cell r="P773">
            <v>16</v>
          </cell>
          <cell r="Q773">
            <v>8140001081778</v>
          </cell>
          <cell r="R773">
            <v>30000</v>
          </cell>
          <cell r="S773">
            <v>465626</v>
          </cell>
          <cell r="T773">
            <v>633073</v>
          </cell>
          <cell r="V773" t="str">
            <v>ct580117</v>
          </cell>
          <cell r="W773" t="str">
            <v>zz940759</v>
          </cell>
          <cell r="X773" t="str">
            <v>土と舗水解</v>
          </cell>
          <cell r="Y773" t="str">
            <v/>
          </cell>
          <cell r="Z773" t="str">
            <v>土と舗水解</v>
          </cell>
          <cell r="AA773" t="str">
            <v>土木一式</v>
          </cell>
          <cell r="AB773" t="str">
            <v>とび土工</v>
          </cell>
          <cell r="AC773" t="str">
            <v>解体</v>
          </cell>
          <cell r="AD773" t="str">
            <v>水道施設</v>
          </cell>
          <cell r="AE773">
            <v>43008</v>
          </cell>
          <cell r="AF773" t="str">
            <v>希望する</v>
          </cell>
          <cell r="AG773" t="str">
            <v>土木一式</v>
          </cell>
          <cell r="AH773" t="str">
            <v>特定</v>
          </cell>
          <cell r="AI773">
            <v>922</v>
          </cell>
          <cell r="AJ773">
            <v>484357</v>
          </cell>
          <cell r="AK773" t="str">
            <v>8(8)/4/0</v>
          </cell>
          <cell r="AL773" t="str">
            <v>とび土工</v>
          </cell>
          <cell r="AM773" t="str">
            <v>特定</v>
          </cell>
          <cell r="AN773">
            <v>749</v>
          </cell>
          <cell r="AO773">
            <v>48225</v>
          </cell>
          <cell r="AP773" t="str">
            <v>0(0)/0/0</v>
          </cell>
          <cell r="AQ773" t="str">
            <v>解体</v>
          </cell>
          <cell r="AR773" t="str">
            <v>特定</v>
          </cell>
          <cell r="AS773">
            <v>656</v>
          </cell>
          <cell r="AT773">
            <v>3071</v>
          </cell>
          <cell r="AU773" t="str">
            <v>0(0)/0/0</v>
          </cell>
          <cell r="AV773" t="str">
            <v>水道施設</v>
          </cell>
          <cell r="AW773" t="str">
            <v>特定</v>
          </cell>
          <cell r="AX773">
            <v>706</v>
          </cell>
          <cell r="AY773" t="str">
            <v/>
          </cell>
          <cell r="AZ773" t="str">
            <v>1(1)/4/0</v>
          </cell>
          <cell r="BA773" t="str">
            <v>兵庫県</v>
          </cell>
          <cell r="BB773">
            <v>0</v>
          </cell>
          <cell r="CR773">
            <v>5930</v>
          </cell>
          <cell r="CS773" t="str">
            <v>ﾊﾗﾀﾞ ﾀｶｼ</v>
          </cell>
          <cell r="CT773" t="str">
            <v>原田  隆司</v>
          </cell>
          <cell r="CU773" t="str">
            <v>営繕課</v>
          </cell>
          <cell r="CW773">
            <v>3324</v>
          </cell>
          <cell r="CX773" t="str">
            <v>主査</v>
          </cell>
          <cell r="CY773" t="str">
            <v>営繕課長</v>
          </cell>
        </row>
        <row r="774">
          <cell r="B774">
            <v>3327</v>
          </cell>
          <cell r="C774" t="str">
            <v>(株)ＴＦカンパニー</v>
          </cell>
          <cell r="D774" t="str">
            <v>06-6415-9734</v>
          </cell>
          <cell r="E774" t="str">
            <v>661-0966</v>
          </cell>
          <cell r="F774" t="str">
            <v>兵庫県尼崎市西川2-3-6</v>
          </cell>
          <cell r="G774" t="str">
            <v>尼崎市</v>
          </cell>
          <cell r="H774" t="str">
            <v/>
          </cell>
          <cell r="I774" t="str">
            <v>代表取締役 川崎　富士男</v>
          </cell>
          <cell r="J774" t="str">
            <v>本店</v>
          </cell>
          <cell r="K774" t="str">
            <v>06-6415-9743</v>
          </cell>
          <cell r="L774" t="str">
            <v>info@tf-company.jp</v>
          </cell>
          <cell r="M774" t="str">
            <v>ﾃｨｴﾌｶﾝﾊﾟﾆｰ</v>
          </cell>
          <cell r="N774" t="str">
            <v>無</v>
          </cell>
          <cell r="O774">
            <v>2</v>
          </cell>
          <cell r="P774">
            <v>8</v>
          </cell>
          <cell r="Q774">
            <v>1140001098580</v>
          </cell>
          <cell r="R774">
            <v>1000</v>
          </cell>
          <cell r="S774">
            <v>1597</v>
          </cell>
          <cell r="T774">
            <v>115761</v>
          </cell>
          <cell r="V774" t="str">
            <v>sv111226</v>
          </cell>
          <cell r="W774" t="str">
            <v>xq132138</v>
          </cell>
          <cell r="X774" t="str">
            <v>土と石鋼舗浚水</v>
          </cell>
          <cell r="Y774" t="str">
            <v>土と石鋼舗浚水</v>
          </cell>
          <cell r="Z774" t="str">
            <v/>
          </cell>
          <cell r="AA774" t="str">
            <v>土木一式</v>
          </cell>
          <cell r="AB774" t="str">
            <v>とび土工</v>
          </cell>
          <cell r="AC774" t="str">
            <v>舗装</v>
          </cell>
          <cell r="AD774" t="str">
            <v>水道施設</v>
          </cell>
          <cell r="AE774">
            <v>43281</v>
          </cell>
          <cell r="AF774" t="str">
            <v/>
          </cell>
          <cell r="AG774" t="str">
            <v>土木一式</v>
          </cell>
          <cell r="AH774" t="str">
            <v>一般</v>
          </cell>
          <cell r="AI774">
            <v>570</v>
          </cell>
          <cell r="AJ774">
            <v>5819</v>
          </cell>
          <cell r="AK774" t="str">
            <v>2(2)/1/3</v>
          </cell>
          <cell r="AL774" t="str">
            <v>とび土工</v>
          </cell>
          <cell r="AM774" t="str">
            <v>一般</v>
          </cell>
          <cell r="AN774">
            <v>574</v>
          </cell>
          <cell r="AO774">
            <v>76729</v>
          </cell>
          <cell r="AP774" t="str">
            <v>0(0)/0/0</v>
          </cell>
          <cell r="AQ774" t="str">
            <v>舗装</v>
          </cell>
          <cell r="AR774" t="str">
            <v>一般</v>
          </cell>
          <cell r="AS774">
            <v>591</v>
          </cell>
          <cell r="AT774">
            <v>22603</v>
          </cell>
          <cell r="AU774" t="str">
            <v>2(2)/1/3</v>
          </cell>
          <cell r="AV774" t="str">
            <v>水道施設</v>
          </cell>
          <cell r="AW774" t="str">
            <v>一般</v>
          </cell>
          <cell r="AX774" t="str">
            <v/>
          </cell>
          <cell r="AY774" t="str">
            <v/>
          </cell>
          <cell r="AZ774" t="str">
            <v>0(0)/0/0</v>
          </cell>
          <cell r="BA774" t="str">
            <v>兵庫県</v>
          </cell>
          <cell r="BB774">
            <v>0</v>
          </cell>
          <cell r="CR774">
            <v>5933</v>
          </cell>
          <cell r="CS774" t="str">
            <v>ﾌｼﾞﾉ ﾐﾁｺ</v>
          </cell>
          <cell r="CT774" t="str">
            <v>藤野  理子</v>
          </cell>
          <cell r="CU774" t="str">
            <v>保育課</v>
          </cell>
          <cell r="CW774" t="str">
            <v xml:space="preserve"> </v>
          </cell>
          <cell r="CX774" t="str">
            <v xml:space="preserve"> </v>
          </cell>
          <cell r="CY774" t="str">
            <v>保育課長</v>
          </cell>
        </row>
        <row r="775">
          <cell r="B775">
            <v>3328</v>
          </cell>
          <cell r="C775" t="str">
            <v>デザインワークス株式会社</v>
          </cell>
          <cell r="D775" t="str">
            <v>0797-26-6810</v>
          </cell>
          <cell r="E775" t="str">
            <v>550-0001</v>
          </cell>
          <cell r="F775" t="str">
            <v>宝塚市寿町8-19</v>
          </cell>
          <cell r="G775" t="str">
            <v>宝塚市</v>
          </cell>
          <cell r="H775" t="str">
            <v/>
          </cell>
          <cell r="I775" t="str">
            <v>代表取締役　 藤本　洋平</v>
          </cell>
          <cell r="J775" t="str">
            <v>本店</v>
          </cell>
          <cell r="K775" t="str">
            <v/>
          </cell>
          <cell r="L775" t="str">
            <v>info@dworks-inc.jp</v>
          </cell>
          <cell r="M775" t="str">
            <v>ﾃﾞｻﾞｲﾝﾜ-ｸｽ</v>
          </cell>
          <cell r="N775" t="str">
            <v>無</v>
          </cell>
          <cell r="O775">
            <v>11</v>
          </cell>
          <cell r="P775">
            <v>5</v>
          </cell>
          <cell r="Q775">
            <v>3140000000000</v>
          </cell>
          <cell r="R775">
            <v>3000</v>
          </cell>
          <cell r="S775">
            <v>952</v>
          </cell>
          <cell r="T775">
            <v>59809</v>
          </cell>
          <cell r="V775" t="str">
            <v>uv709266</v>
          </cell>
          <cell r="W775" t="str">
            <v>dr889990</v>
          </cell>
          <cell r="X775" t="str">
            <v>土と石鋼舗浚水</v>
          </cell>
          <cell r="Y775" t="str">
            <v>土と石鋼舗浚水</v>
          </cell>
          <cell r="Z775" t="str">
            <v/>
          </cell>
          <cell r="AA775" t="str">
            <v>建築一式</v>
          </cell>
          <cell r="AB775" t="str">
            <v/>
          </cell>
          <cell r="AC775" t="str">
            <v/>
          </cell>
          <cell r="AD775" t="str">
            <v/>
          </cell>
          <cell r="AE775">
            <v>43159</v>
          </cell>
          <cell r="AF775" t="str">
            <v>無</v>
          </cell>
          <cell r="AG775" t="str">
            <v>建築一式</v>
          </cell>
          <cell r="AH775" t="str">
            <v>一般</v>
          </cell>
          <cell r="AI775">
            <v>523</v>
          </cell>
          <cell r="AJ775">
            <v>20252</v>
          </cell>
          <cell r="AK775" t="str">
            <v>0(0)/0/1</v>
          </cell>
          <cell r="AL775" t="str">
            <v/>
          </cell>
          <cell r="AM775" t="str">
            <v/>
          </cell>
          <cell r="AN775" t="str">
            <v/>
          </cell>
          <cell r="AO775" t="str">
            <v/>
          </cell>
          <cell r="AP775" t="str">
            <v/>
          </cell>
          <cell r="AQ775" t="str">
            <v/>
          </cell>
          <cell r="AR775" t="str">
            <v/>
          </cell>
          <cell r="AS775" t="str">
            <v/>
          </cell>
          <cell r="AT775" t="str">
            <v/>
          </cell>
          <cell r="AU775" t="str">
            <v/>
          </cell>
          <cell r="AV775" t="str">
            <v/>
          </cell>
          <cell r="AW775" t="str">
            <v/>
          </cell>
          <cell r="AX775" t="str">
            <v/>
          </cell>
          <cell r="AY775" t="str">
            <v/>
          </cell>
          <cell r="AZ775" t="str">
            <v/>
          </cell>
          <cell r="BA775" t="str">
            <v/>
          </cell>
          <cell r="BB775">
            <v>0</v>
          </cell>
          <cell r="CR775">
            <v>5934</v>
          </cell>
          <cell r="CS775" t="str">
            <v>ｵｵｴ ﾁｴ</v>
          </cell>
          <cell r="CT775" t="str">
            <v>大江  千恵</v>
          </cell>
          <cell r="CU775" t="str">
            <v>保育課</v>
          </cell>
          <cell r="CW775" t="str">
            <v xml:space="preserve"> </v>
          </cell>
          <cell r="CX775" t="str">
            <v xml:space="preserve"> </v>
          </cell>
          <cell r="CY775" t="str">
            <v>保育課長</v>
          </cell>
        </row>
        <row r="776">
          <cell r="B776">
            <v>3329</v>
          </cell>
          <cell r="C776" t="str">
            <v>テラル(株)</v>
          </cell>
          <cell r="D776" t="str">
            <v>06-7711-8883</v>
          </cell>
          <cell r="E776" t="str">
            <v>550-0004</v>
          </cell>
          <cell r="F776" t="str">
            <v>大阪府大阪市西区靭本町1-11-7</v>
          </cell>
          <cell r="G776" t="str">
            <v>福山市</v>
          </cell>
          <cell r="H776" t="str">
            <v>大阪支店</v>
          </cell>
          <cell r="I776" t="str">
            <v>支店長 若林　聡</v>
          </cell>
          <cell r="J776" t="str">
            <v>広島県福山市</v>
          </cell>
          <cell r="K776" t="str">
            <v>06-7711-5554</v>
          </cell>
          <cell r="L776" t="str">
            <v>bandome00@teral.co.jp</v>
          </cell>
          <cell r="M776" t="str">
            <v>ﾃﾗﾙ</v>
          </cell>
          <cell r="N776" t="str">
            <v>有</v>
          </cell>
          <cell r="O776">
            <v>34</v>
          </cell>
          <cell r="P776">
            <v>795</v>
          </cell>
          <cell r="Q776">
            <v>1240001031399</v>
          </cell>
          <cell r="R776">
            <v>78000</v>
          </cell>
          <cell r="S776">
            <v>10930756</v>
          </cell>
          <cell r="T776">
            <v>31172110</v>
          </cell>
          <cell r="V776" t="str">
            <v>vc481485</v>
          </cell>
          <cell r="W776" t="str">
            <v>af234306</v>
          </cell>
          <cell r="X776" t="str">
            <v>電機井(電)(管)(機)(井)土管</v>
          </cell>
          <cell r="Y776" t="str">
            <v>電機井(電)(管)(機)(井)</v>
          </cell>
          <cell r="Z776" t="str">
            <v>土管</v>
          </cell>
          <cell r="AA776" t="str">
            <v>機械器具</v>
          </cell>
          <cell r="AB776" t="str">
            <v>電気</v>
          </cell>
          <cell r="AC776" t="str">
            <v>さく井</v>
          </cell>
          <cell r="AD776" t="str">
            <v>管</v>
          </cell>
          <cell r="AE776">
            <v>43190</v>
          </cell>
          <cell r="AF776" t="str">
            <v/>
          </cell>
          <cell r="AG776" t="str">
            <v>機械器具</v>
          </cell>
          <cell r="AH776" t="str">
            <v>一般</v>
          </cell>
          <cell r="AI776">
            <v>965</v>
          </cell>
          <cell r="AJ776">
            <v>393223</v>
          </cell>
          <cell r="AK776" t="str">
            <v>0(0)/0/7</v>
          </cell>
          <cell r="AL776" t="str">
            <v>電気</v>
          </cell>
          <cell r="AM776" t="str">
            <v>一般</v>
          </cell>
          <cell r="AN776">
            <v>827</v>
          </cell>
          <cell r="AO776" t="str">
            <v/>
          </cell>
          <cell r="AP776" t="str">
            <v>1(0)/3/0</v>
          </cell>
          <cell r="AQ776" t="str">
            <v>さく井</v>
          </cell>
          <cell r="AR776" t="str">
            <v>一般</v>
          </cell>
          <cell r="AS776">
            <v>805</v>
          </cell>
          <cell r="AT776">
            <v>1000</v>
          </cell>
          <cell r="AU776" t="str">
            <v>0(0)/0/1</v>
          </cell>
          <cell r="AV776" t="str">
            <v>管</v>
          </cell>
          <cell r="AW776" t="str">
            <v>特定</v>
          </cell>
          <cell r="AX776">
            <v>899</v>
          </cell>
          <cell r="AY776">
            <v>49966</v>
          </cell>
          <cell r="AZ776" t="str">
            <v>3(0)/0/0</v>
          </cell>
          <cell r="BA776" t="str">
            <v>広島県</v>
          </cell>
          <cell r="BB776">
            <v>0</v>
          </cell>
          <cell r="CR776">
            <v>5938</v>
          </cell>
          <cell r="CS776" t="str">
            <v>ﾀﾃﾍﾞ ﾐﾅｺ</v>
          </cell>
          <cell r="CT776" t="str">
            <v>建部  美奈子</v>
          </cell>
          <cell r="CU776" t="str">
            <v>保育課</v>
          </cell>
          <cell r="CW776" t="str">
            <v xml:space="preserve"> </v>
          </cell>
          <cell r="CX776" t="str">
            <v xml:space="preserve"> </v>
          </cell>
          <cell r="CY776" t="str">
            <v>保育課長</v>
          </cell>
        </row>
        <row r="777">
          <cell r="B777">
            <v>3330</v>
          </cell>
          <cell r="C777" t="str">
            <v>(株)Ｔ・ｍａｘ</v>
          </cell>
          <cell r="D777" t="str">
            <v>06-6942-1124</v>
          </cell>
          <cell r="E777" t="str">
            <v>540-0026</v>
          </cell>
          <cell r="F777" t="str">
            <v>大阪府大阪市中央区内本町2丁目3番8-305号</v>
          </cell>
          <cell r="G777" t="str">
            <v>大阪市</v>
          </cell>
          <cell r="H777" t="str">
            <v/>
          </cell>
          <cell r="I777" t="str">
            <v>代表取締役 八田　直之</v>
          </cell>
          <cell r="J777" t="str">
            <v>本店</v>
          </cell>
          <cell r="K777" t="str">
            <v>06-6942-1125</v>
          </cell>
          <cell r="L777" t="str">
            <v>t.max@rondo.ocn.ne.jp</v>
          </cell>
          <cell r="M777" t="str">
            <v>ﾃｨｰ･ﾏｯｸｽ</v>
          </cell>
          <cell r="N777" t="str">
            <v>無</v>
          </cell>
          <cell r="O777">
            <v>8</v>
          </cell>
          <cell r="P777">
            <v>10</v>
          </cell>
          <cell r="Q777">
            <v>9120001134413</v>
          </cell>
          <cell r="R777">
            <v>40000</v>
          </cell>
          <cell r="S777">
            <v>46419</v>
          </cell>
          <cell r="T777">
            <v>1394722</v>
          </cell>
          <cell r="V777" t="str">
            <v>sm944358</v>
          </cell>
          <cell r="W777" t="str">
            <v>wk130287</v>
          </cell>
          <cell r="X777" t="str">
            <v>建大と石屋タ鋼鉄板ガ塗防内熱具解</v>
          </cell>
          <cell r="Y777" t="str">
            <v/>
          </cell>
          <cell r="Z777" t="str">
            <v>建大と石屋タ鋼鉄板ガ塗防内熱具解</v>
          </cell>
          <cell r="AA777" t="str">
            <v>解体</v>
          </cell>
          <cell r="AB777" t="str">
            <v/>
          </cell>
          <cell r="AC777" t="str">
            <v/>
          </cell>
          <cell r="AD777" t="str">
            <v/>
          </cell>
          <cell r="AE777">
            <v>43100</v>
          </cell>
          <cell r="AF777" t="str">
            <v>希望しない</v>
          </cell>
          <cell r="AG777" t="str">
            <v>解体</v>
          </cell>
          <cell r="AH777" t="str">
            <v>特定</v>
          </cell>
          <cell r="AI777">
            <v>630</v>
          </cell>
          <cell r="AJ777">
            <v>14000</v>
          </cell>
          <cell r="AK777" t="str">
            <v>0(0)/0/0</v>
          </cell>
          <cell r="AL777" t="str">
            <v/>
          </cell>
          <cell r="AM777" t="str">
            <v/>
          </cell>
          <cell r="AN777" t="str">
            <v/>
          </cell>
          <cell r="AO777" t="str">
            <v/>
          </cell>
          <cell r="AP777" t="str">
            <v/>
          </cell>
          <cell r="AQ777" t="str">
            <v/>
          </cell>
          <cell r="AR777" t="str">
            <v/>
          </cell>
          <cell r="AS777" t="str">
            <v/>
          </cell>
          <cell r="AT777" t="str">
            <v/>
          </cell>
          <cell r="AU777" t="str">
            <v/>
          </cell>
          <cell r="AV777" t="str">
            <v/>
          </cell>
          <cell r="AW777" t="str">
            <v/>
          </cell>
          <cell r="AX777" t="str">
            <v/>
          </cell>
          <cell r="AY777" t="str">
            <v/>
          </cell>
          <cell r="AZ777" t="str">
            <v/>
          </cell>
          <cell r="BA777" t="str">
            <v>大阪府</v>
          </cell>
          <cell r="BB777">
            <v>0</v>
          </cell>
          <cell r="CR777">
            <v>5939</v>
          </cell>
          <cell r="CS777" t="str">
            <v>ﾅｶﾀ ｷﾐｺ</v>
          </cell>
          <cell r="CT777" t="str">
            <v>中田  貴美子</v>
          </cell>
          <cell r="CU777" t="str">
            <v>保育課</v>
          </cell>
          <cell r="CW777" t="str">
            <v xml:space="preserve"> </v>
          </cell>
          <cell r="CX777" t="str">
            <v>主任</v>
          </cell>
          <cell r="CY777" t="str">
            <v>保育課長</v>
          </cell>
        </row>
        <row r="778">
          <cell r="B778">
            <v>3336</v>
          </cell>
          <cell r="C778" t="str">
            <v>(株)ＴＭＣ</v>
          </cell>
          <cell r="D778" t="str">
            <v>078-936-1113</v>
          </cell>
          <cell r="E778" t="str">
            <v>674-0053</v>
          </cell>
          <cell r="F778" t="str">
            <v>兵庫県明石市大久保町松陰1127-32</v>
          </cell>
          <cell r="G778" t="str">
            <v>明石市</v>
          </cell>
          <cell r="H778" t="str">
            <v/>
          </cell>
          <cell r="I778" t="str">
            <v>代表取締役 松村　大三</v>
          </cell>
          <cell r="J778" t="str">
            <v>本店</v>
          </cell>
          <cell r="K778" t="str">
            <v>078-935-8477</v>
          </cell>
          <cell r="L778" t="str">
            <v>197106@kk-tmc.com</v>
          </cell>
          <cell r="M778" t="str">
            <v>ﾃｨｴﾑｼｰ</v>
          </cell>
          <cell r="N778" t="str">
            <v>無</v>
          </cell>
          <cell r="O778">
            <v>32</v>
          </cell>
          <cell r="P778">
            <v>46</v>
          </cell>
          <cell r="Q778">
            <v>6140001034416</v>
          </cell>
          <cell r="R778">
            <v>30000</v>
          </cell>
          <cell r="S778">
            <v>265508</v>
          </cell>
          <cell r="T778">
            <v>790741</v>
          </cell>
          <cell r="V778" t="str">
            <v>ue669943</v>
          </cell>
          <cell r="W778" t="str">
            <v>zs914291</v>
          </cell>
          <cell r="X778" t="str">
            <v>と石管鋼舗浚機水消清土電</v>
          </cell>
          <cell r="Y778" t="str">
            <v>と石管鋼舗浚機水消清</v>
          </cell>
          <cell r="Z778" t="str">
            <v>土電</v>
          </cell>
          <cell r="AA778" t="str">
            <v>土木一式</v>
          </cell>
          <cell r="AB778" t="str">
            <v>管</v>
          </cell>
          <cell r="AC778" t="str">
            <v>電気</v>
          </cell>
          <cell r="AD778" t="str">
            <v>機械器具</v>
          </cell>
          <cell r="AE778">
            <v>42947</v>
          </cell>
          <cell r="AF778" t="str">
            <v>希望する</v>
          </cell>
          <cell r="AG778" t="str">
            <v>土木一式</v>
          </cell>
          <cell r="AH778" t="str">
            <v>特定</v>
          </cell>
          <cell r="AI778">
            <v>748</v>
          </cell>
          <cell r="AJ778">
            <v>36973</v>
          </cell>
          <cell r="AK778" t="str">
            <v>2(0)/2/2</v>
          </cell>
          <cell r="AL778" t="str">
            <v>管</v>
          </cell>
          <cell r="AM778" t="str">
            <v>一般</v>
          </cell>
          <cell r="AN778">
            <v>670</v>
          </cell>
          <cell r="AO778">
            <v>3017</v>
          </cell>
          <cell r="AP778" t="str">
            <v>2(0)/0/1</v>
          </cell>
          <cell r="AQ778" t="str">
            <v>電気</v>
          </cell>
          <cell r="AR778" t="str">
            <v>特定</v>
          </cell>
          <cell r="AS778">
            <v>706</v>
          </cell>
          <cell r="AT778">
            <v>14721</v>
          </cell>
          <cell r="AU778" t="str">
            <v>1(0)/0/3</v>
          </cell>
          <cell r="AV778" t="str">
            <v>機械器具</v>
          </cell>
          <cell r="AW778" t="str">
            <v>一般</v>
          </cell>
          <cell r="AX778">
            <v>731</v>
          </cell>
          <cell r="AY778">
            <v>69607</v>
          </cell>
          <cell r="AZ778" t="str">
            <v>0(0)/0/3</v>
          </cell>
          <cell r="BA778" t="str">
            <v>兵庫県</v>
          </cell>
          <cell r="BB778">
            <v>0</v>
          </cell>
          <cell r="CR778">
            <v>5940</v>
          </cell>
          <cell r="CS778" t="str">
            <v>ﾆｼｵｶ ﾏﾕｺ</v>
          </cell>
          <cell r="CT778" t="str">
            <v>西岡  磨裕子</v>
          </cell>
          <cell r="CU778" t="str">
            <v>保育課</v>
          </cell>
          <cell r="CW778" t="str">
            <v xml:space="preserve"> </v>
          </cell>
          <cell r="CX778" t="str">
            <v xml:space="preserve"> </v>
          </cell>
          <cell r="CY778" t="str">
            <v>保育課長</v>
          </cell>
        </row>
        <row r="779">
          <cell r="B779">
            <v>3337</v>
          </cell>
          <cell r="C779" t="str">
            <v>(株)デイケイケイサービス関西</v>
          </cell>
          <cell r="D779" t="str">
            <v>072-885-0261</v>
          </cell>
          <cell r="E779" t="str">
            <v>571-0074</v>
          </cell>
          <cell r="F779" t="str">
            <v>大阪府門真市宮前町1-6</v>
          </cell>
          <cell r="G779" t="str">
            <v>門真市</v>
          </cell>
          <cell r="H779" t="str">
            <v/>
          </cell>
          <cell r="I779" t="str">
            <v>代表取締役 今吉　雅之</v>
          </cell>
          <cell r="J779" t="str">
            <v>本店</v>
          </cell>
          <cell r="K779" t="str">
            <v>072-883-5524</v>
          </cell>
          <cell r="L779" t="str">
            <v>y-ikeda@dkks.co.jp</v>
          </cell>
          <cell r="M779" t="str">
            <v>ﾃﾞｲｹｲｹｲｻｰﾋﾞｽｶﾝｻｲ</v>
          </cell>
          <cell r="N779" t="str">
            <v>無</v>
          </cell>
          <cell r="O779">
            <v>17</v>
          </cell>
          <cell r="P779">
            <v>29</v>
          </cell>
          <cell r="Q779">
            <v>6120001157813</v>
          </cell>
          <cell r="R779">
            <v>15900</v>
          </cell>
          <cell r="S779">
            <v>667338</v>
          </cell>
          <cell r="T779">
            <v>539192</v>
          </cell>
          <cell r="V779" t="str">
            <v>xj473830</v>
          </cell>
          <cell r="W779" t="str">
            <v>ha535518</v>
          </cell>
          <cell r="X779" t="str">
            <v>電機</v>
          </cell>
          <cell r="Y779" t="str">
            <v>電機</v>
          </cell>
          <cell r="Z779" t="str">
            <v/>
          </cell>
          <cell r="AA779" t="str">
            <v>機械器具</v>
          </cell>
          <cell r="AB779" t="str">
            <v>電気</v>
          </cell>
          <cell r="AC779" t="str">
            <v/>
          </cell>
          <cell r="AD779" t="str">
            <v/>
          </cell>
          <cell r="AE779">
            <v>43190</v>
          </cell>
          <cell r="AF779" t="str">
            <v>希望しない</v>
          </cell>
          <cell r="AG779" t="str">
            <v>機械器具</v>
          </cell>
          <cell r="AH779" t="str">
            <v>一般</v>
          </cell>
          <cell r="AI779">
            <v>712</v>
          </cell>
          <cell r="AJ779">
            <v>95181</v>
          </cell>
          <cell r="AK779" t="str">
            <v>()//18</v>
          </cell>
          <cell r="AL779" t="str">
            <v>電気</v>
          </cell>
          <cell r="AM779" t="str">
            <v>一般</v>
          </cell>
          <cell r="AN779">
            <v>642</v>
          </cell>
          <cell r="AO779">
            <v>12578</v>
          </cell>
          <cell r="AP779" t="str">
            <v>()/5/</v>
          </cell>
          <cell r="AQ779" t="str">
            <v/>
          </cell>
          <cell r="AR779" t="str">
            <v/>
          </cell>
          <cell r="AS779" t="str">
            <v/>
          </cell>
          <cell r="AT779" t="str">
            <v/>
          </cell>
          <cell r="AU779" t="str">
            <v/>
          </cell>
          <cell r="AV779" t="str">
            <v/>
          </cell>
          <cell r="AW779" t="str">
            <v/>
          </cell>
          <cell r="AX779" t="str">
            <v/>
          </cell>
          <cell r="AY779" t="str">
            <v/>
          </cell>
          <cell r="AZ779" t="str">
            <v/>
          </cell>
          <cell r="BA779" t="str">
            <v>大阪府</v>
          </cell>
          <cell r="BB779">
            <v>0</v>
          </cell>
          <cell r="CR779">
            <v>5941</v>
          </cell>
          <cell r="CS779" t="str">
            <v>ﾊﾀﾉ ﾀｲｼ</v>
          </cell>
          <cell r="CT779" t="str">
            <v>畑野  太志</v>
          </cell>
          <cell r="CU779" t="str">
            <v>保育課</v>
          </cell>
          <cell r="CW779" t="str">
            <v xml:space="preserve"> </v>
          </cell>
          <cell r="CX779" t="str">
            <v>主任</v>
          </cell>
          <cell r="CY779" t="str">
            <v>保育課長</v>
          </cell>
        </row>
        <row r="780">
          <cell r="B780">
            <v>3339</v>
          </cell>
          <cell r="C780" t="str">
            <v>(株)テクノ菱和</v>
          </cell>
          <cell r="D780" t="str">
            <v>078-241-2178</v>
          </cell>
          <cell r="E780" t="str">
            <v>651-0088</v>
          </cell>
          <cell r="F780" t="str">
            <v>兵庫県神戸市中央区小野柄通3-2ｰ22</v>
          </cell>
          <cell r="G780" t="str">
            <v/>
          </cell>
          <cell r="H780" t="str">
            <v>神戸営業所</v>
          </cell>
          <cell r="I780" t="str">
            <v>所長 山口　和輝</v>
          </cell>
          <cell r="J780" t="str">
            <v>東京都</v>
          </cell>
          <cell r="K780" t="str">
            <v>078-221-3909</v>
          </cell>
          <cell r="L780" t="str">
            <v>r_morinaga@techno-ryowa.co.jp</v>
          </cell>
          <cell r="M780" t="str">
            <v>ﾃｸﾉﾘｮｳﾜ</v>
          </cell>
          <cell r="N780" t="str">
            <v>有</v>
          </cell>
          <cell r="O780">
            <v>63</v>
          </cell>
          <cell r="P780">
            <v>721</v>
          </cell>
          <cell r="Q780">
            <v>3010401018661</v>
          </cell>
          <cell r="R780">
            <v>2476800</v>
          </cell>
          <cell r="S780">
            <v>32338817</v>
          </cell>
          <cell r="T780">
            <v>60654000</v>
          </cell>
          <cell r="V780" t="str">
            <v>nv942766</v>
          </cell>
          <cell r="W780" t="str">
            <v>zm370130</v>
          </cell>
          <cell r="X780" t="str">
            <v>管</v>
          </cell>
          <cell r="Y780" t="str">
            <v/>
          </cell>
          <cell r="Z780" t="str">
            <v>管</v>
          </cell>
          <cell r="AA780" t="str">
            <v>管</v>
          </cell>
          <cell r="AB780" t="str">
            <v/>
          </cell>
          <cell r="AC780" t="str">
            <v/>
          </cell>
          <cell r="AD780" t="str">
            <v/>
          </cell>
          <cell r="AE780">
            <v>43190</v>
          </cell>
          <cell r="AF780" t="str">
            <v>希望しない</v>
          </cell>
          <cell r="AG780" t="str">
            <v>管</v>
          </cell>
          <cell r="AH780" t="str">
            <v>特定</v>
          </cell>
          <cell r="AI780">
            <v>1721</v>
          </cell>
          <cell r="AJ780">
            <v>53908954</v>
          </cell>
          <cell r="AK780" t="str">
            <v>446(352)/59/4</v>
          </cell>
          <cell r="AL780" t="str">
            <v/>
          </cell>
          <cell r="AM780" t="str">
            <v/>
          </cell>
          <cell r="AN780" t="str">
            <v/>
          </cell>
          <cell r="AO780" t="str">
            <v/>
          </cell>
          <cell r="AP780" t="str">
            <v/>
          </cell>
          <cell r="AQ780" t="str">
            <v/>
          </cell>
          <cell r="AR780" t="str">
            <v/>
          </cell>
          <cell r="AS780" t="str">
            <v/>
          </cell>
          <cell r="AT780" t="str">
            <v/>
          </cell>
          <cell r="AU780" t="str">
            <v/>
          </cell>
          <cell r="AV780" t="str">
            <v/>
          </cell>
          <cell r="AW780" t="str">
            <v/>
          </cell>
          <cell r="AX780" t="str">
            <v/>
          </cell>
          <cell r="AY780" t="str">
            <v/>
          </cell>
          <cell r="AZ780" t="str">
            <v/>
          </cell>
          <cell r="BA780" t="str">
            <v>東京都</v>
          </cell>
          <cell r="BB780">
            <v>0</v>
          </cell>
          <cell r="CR780">
            <v>5942</v>
          </cell>
          <cell r="CS780" t="str">
            <v>ｻｶﾓﾄ ﾏｺﾄ</v>
          </cell>
          <cell r="CT780" t="str">
            <v>坂本  真琴</v>
          </cell>
          <cell r="CU780" t="str">
            <v>保育課</v>
          </cell>
          <cell r="CW780" t="str">
            <v xml:space="preserve"> </v>
          </cell>
          <cell r="CX780" t="str">
            <v xml:space="preserve"> </v>
          </cell>
          <cell r="CY780" t="str">
            <v>保育課長</v>
          </cell>
        </row>
        <row r="781">
          <cell r="B781">
            <v>3342</v>
          </cell>
          <cell r="C781" t="str">
            <v>鉄電塗装(株)</v>
          </cell>
          <cell r="D781" t="str">
            <v>06-6922-5771</v>
          </cell>
          <cell r="E781" t="str">
            <v>534-0022</v>
          </cell>
          <cell r="F781" t="str">
            <v>大阪府大阪市都島区都島中通2-1-15</v>
          </cell>
          <cell r="G781" t="str">
            <v>大阪市</v>
          </cell>
          <cell r="H781" t="str">
            <v/>
          </cell>
          <cell r="I781" t="str">
            <v>代表取締役　 田伏　昭一</v>
          </cell>
          <cell r="J781" t="str">
            <v>本店</v>
          </cell>
          <cell r="K781" t="str">
            <v>06-6922-1925</v>
          </cell>
          <cell r="L781" t="str">
            <v>info@tetuden.co.jp</v>
          </cell>
          <cell r="M781" t="str">
            <v>ﾃﾂﾃﾞﾝﾄｿｳ</v>
          </cell>
          <cell r="N781" t="str">
            <v>無</v>
          </cell>
          <cell r="O781">
            <v>60</v>
          </cell>
          <cell r="P781">
            <v>36</v>
          </cell>
          <cell r="Q781">
            <v>6120000000000</v>
          </cell>
          <cell r="R781">
            <v>20000</v>
          </cell>
          <cell r="S781">
            <v>481239</v>
          </cell>
          <cell r="T781">
            <v>917235</v>
          </cell>
          <cell r="V781" t="str">
            <v>fg149415</v>
          </cell>
          <cell r="W781" t="str">
            <v>cd200173</v>
          </cell>
          <cell r="X781" t="str">
            <v>管</v>
          </cell>
          <cell r="Y781" t="str">
            <v/>
          </cell>
          <cell r="Z781" t="str">
            <v>管</v>
          </cell>
          <cell r="AA781" t="str">
            <v>塗装</v>
          </cell>
          <cell r="AB781" t="str">
            <v>防水</v>
          </cell>
          <cell r="AC781" t="str">
            <v>建築一式</v>
          </cell>
          <cell r="AD781" t="str">
            <v>とび土工</v>
          </cell>
          <cell r="AE781">
            <v>43039</v>
          </cell>
          <cell r="AF781" t="str">
            <v>希望しない</v>
          </cell>
          <cell r="AG781" t="str">
            <v>塗装</v>
          </cell>
          <cell r="AH781" t="str">
            <v>特定</v>
          </cell>
          <cell r="AI781">
            <v>964</v>
          </cell>
          <cell r="AJ781">
            <v>895992</v>
          </cell>
          <cell r="AK781" t="str">
            <v>4(3)/7/11</v>
          </cell>
          <cell r="AL781" t="str">
            <v>防水</v>
          </cell>
          <cell r="AM781" t="str">
            <v>特定</v>
          </cell>
          <cell r="AN781">
            <v>691</v>
          </cell>
          <cell r="AO781" t="str">
            <v/>
          </cell>
          <cell r="AP781" t="str">
            <v>0(2)/1/0</v>
          </cell>
          <cell r="AQ781" t="str">
            <v>建築一式</v>
          </cell>
          <cell r="AR781" t="str">
            <v>特定</v>
          </cell>
          <cell r="AS781">
            <v>684</v>
          </cell>
          <cell r="AT781" t="str">
            <v/>
          </cell>
          <cell r="AU781" t="str">
            <v>0(0)/0/0</v>
          </cell>
          <cell r="AV781" t="str">
            <v>とび土工</v>
          </cell>
          <cell r="AW781" t="str">
            <v>特定</v>
          </cell>
          <cell r="AX781">
            <v>731</v>
          </cell>
          <cell r="AY781" t="str">
            <v/>
          </cell>
          <cell r="AZ781" t="str">
            <v>3(0)/0/0</v>
          </cell>
          <cell r="BA781" t="str">
            <v>大阪府</v>
          </cell>
          <cell r="BB781">
            <v>0</v>
          </cell>
          <cell r="CR781">
            <v>5944</v>
          </cell>
          <cell r="CS781" t="str">
            <v>ｲﾉｳｴ ﾋﾛｼ</v>
          </cell>
          <cell r="CT781" t="str">
            <v>井上  博史</v>
          </cell>
          <cell r="CU781" t="str">
            <v>危機管理室</v>
          </cell>
          <cell r="CW781">
            <v>4260</v>
          </cell>
          <cell r="CX781" t="str">
            <v xml:space="preserve"> </v>
          </cell>
          <cell r="CY781" t="str">
            <v>危機管理室室長</v>
          </cell>
        </row>
        <row r="782">
          <cell r="B782">
            <v>3344</v>
          </cell>
          <cell r="C782" t="str">
            <v>寺尾道路(株)</v>
          </cell>
          <cell r="D782" t="str">
            <v>0771-62-4166</v>
          </cell>
          <cell r="E782" t="str">
            <v>622-0004</v>
          </cell>
          <cell r="F782" t="str">
            <v>京都府南丹市園部町小桜町2号4-5</v>
          </cell>
          <cell r="G782" t="str">
            <v>南丹市</v>
          </cell>
          <cell r="H782" t="str">
            <v/>
          </cell>
          <cell r="I782" t="str">
            <v>代表取締役 藤林　良仁</v>
          </cell>
          <cell r="J782" t="str">
            <v>本店</v>
          </cell>
          <cell r="K782" t="str">
            <v>0771-63-0210</v>
          </cell>
          <cell r="L782" t="str">
            <v>kyoto@teraodoro.co.jp</v>
          </cell>
          <cell r="M782" t="str">
            <v>ﾃﾗｵﾄﾞｳﾛ</v>
          </cell>
          <cell r="N782" t="str">
            <v>無</v>
          </cell>
          <cell r="O782">
            <v>63</v>
          </cell>
          <cell r="P782">
            <v>26</v>
          </cell>
          <cell r="Q782">
            <v>2130001034916</v>
          </cell>
          <cell r="R782">
            <v>85000</v>
          </cell>
          <cell r="S782">
            <v>1534541</v>
          </cell>
          <cell r="T782">
            <v>970017</v>
          </cell>
          <cell r="V782" t="str">
            <v>rx945479</v>
          </cell>
          <cell r="W782" t="str">
            <v>gx408046</v>
          </cell>
          <cell r="X782" t="str">
            <v>管園土建と舗塗水</v>
          </cell>
          <cell r="Y782" t="str">
            <v>管園</v>
          </cell>
          <cell r="Z782" t="str">
            <v>土建と舗塗水</v>
          </cell>
          <cell r="AA782" t="str">
            <v>舗装</v>
          </cell>
          <cell r="AB782" t="str">
            <v>土木一式</v>
          </cell>
          <cell r="AC782" t="str">
            <v>とび土工</v>
          </cell>
          <cell r="AD782" t="str">
            <v>水道施設</v>
          </cell>
          <cell r="AE782">
            <v>42978</v>
          </cell>
          <cell r="AF782" t="str">
            <v>希望しない</v>
          </cell>
          <cell r="AG782" t="str">
            <v>舗装</v>
          </cell>
          <cell r="AH782" t="str">
            <v>特定</v>
          </cell>
          <cell r="AI782">
            <v>950</v>
          </cell>
          <cell r="AJ782">
            <v>226655</v>
          </cell>
          <cell r="AK782" t="str">
            <v>15(15)/4/0</v>
          </cell>
          <cell r="AL782" t="str">
            <v>土木一式</v>
          </cell>
          <cell r="AM782" t="str">
            <v>特定</v>
          </cell>
          <cell r="AN782">
            <v>997</v>
          </cell>
          <cell r="AO782">
            <v>689350</v>
          </cell>
          <cell r="AP782" t="str">
            <v>16(16)/4/1</v>
          </cell>
          <cell r="AQ782" t="str">
            <v>とび土工</v>
          </cell>
          <cell r="AR782" t="str">
            <v>特定</v>
          </cell>
          <cell r="AS782">
            <v>715</v>
          </cell>
          <cell r="AT782">
            <v>3500</v>
          </cell>
          <cell r="AU782" t="str">
            <v>0(0)/0/0</v>
          </cell>
          <cell r="AV782" t="str">
            <v>水道施設</v>
          </cell>
          <cell r="AW782" t="str">
            <v>特定</v>
          </cell>
          <cell r="AX782">
            <v>702</v>
          </cell>
          <cell r="AY782">
            <v>1235</v>
          </cell>
          <cell r="AZ782" t="str">
            <v>0(0)/0/0</v>
          </cell>
          <cell r="BA782" t="str">
            <v>京都府</v>
          </cell>
          <cell r="BB782">
            <v>0</v>
          </cell>
          <cell r="CR782">
            <v>5945</v>
          </cell>
          <cell r="CS782" t="str">
            <v>ｻﾀﾞ ﾋﾃﾞｷ</v>
          </cell>
          <cell r="CT782" t="str">
            <v>佐田  英樹</v>
          </cell>
          <cell r="CU782" t="str">
            <v>業務課</v>
          </cell>
          <cell r="CW782" t="str">
            <v xml:space="preserve"> </v>
          </cell>
          <cell r="CX782" t="str">
            <v xml:space="preserve"> </v>
          </cell>
          <cell r="CY782" t="str">
            <v>業務課長</v>
          </cell>
        </row>
        <row r="783">
          <cell r="B783">
            <v>3345</v>
          </cell>
          <cell r="C783" t="str">
            <v>(株)電業社機械製作所</v>
          </cell>
          <cell r="D783" t="str">
            <v>06-6251-2561</v>
          </cell>
          <cell r="E783" t="str">
            <v>541-0054</v>
          </cell>
          <cell r="F783" t="str">
            <v>大阪府大阪市中央区南本町2-6-12</v>
          </cell>
          <cell r="G783" t="str">
            <v/>
          </cell>
          <cell r="H783" t="str">
            <v>大阪支店</v>
          </cell>
          <cell r="I783" t="str">
            <v>支店長 坂根　寧</v>
          </cell>
          <cell r="J783" t="str">
            <v>東京都</v>
          </cell>
          <cell r="K783" t="str">
            <v>06-6251-2846</v>
          </cell>
          <cell r="L783" t="str">
            <v>den-osaka@dmw.co.jp</v>
          </cell>
          <cell r="M783" t="str">
            <v>ﾃﾞﾝｷﾞｮｳｼｬｷｶｲｾｲｻｸｼｮ</v>
          </cell>
          <cell r="N783" t="str">
            <v>有</v>
          </cell>
          <cell r="O783">
            <v>60</v>
          </cell>
          <cell r="P783">
            <v>568</v>
          </cell>
          <cell r="Q783">
            <v>8010801007581</v>
          </cell>
          <cell r="R783">
            <v>810000</v>
          </cell>
          <cell r="S783">
            <v>17943983</v>
          </cell>
          <cell r="T783">
            <v>16698317</v>
          </cell>
          <cell r="V783" t="str">
            <v>st759427</v>
          </cell>
          <cell r="W783" t="str">
            <v>pz895360</v>
          </cell>
          <cell r="X783" t="str">
            <v>(清)(機)(水)土電管鋼浚機水</v>
          </cell>
          <cell r="Y783" t="str">
            <v>(清)(機)(水)</v>
          </cell>
          <cell r="Z783" t="str">
            <v>土電管鋼浚機水</v>
          </cell>
          <cell r="AA783" t="str">
            <v>機械器具</v>
          </cell>
          <cell r="AB783" t="str">
            <v>水道施設</v>
          </cell>
          <cell r="AC783" t="str">
            <v>土木一式</v>
          </cell>
          <cell r="AD783" t="str">
            <v/>
          </cell>
          <cell r="AE783">
            <v>43190</v>
          </cell>
          <cell r="AF783" t="str">
            <v/>
          </cell>
          <cell r="AG783" t="str">
            <v>機械器具</v>
          </cell>
          <cell r="AH783" t="str">
            <v>特定</v>
          </cell>
          <cell r="AI783">
            <v>1403</v>
          </cell>
          <cell r="AJ783">
            <v>10083336</v>
          </cell>
          <cell r="AK783" t="str">
            <v>15(11)/0/217</v>
          </cell>
          <cell r="AL783" t="str">
            <v>水道施設</v>
          </cell>
          <cell r="AM783" t="str">
            <v>特定</v>
          </cell>
          <cell r="AN783">
            <v>1194</v>
          </cell>
          <cell r="AO783">
            <v>86498</v>
          </cell>
          <cell r="AP783" t="str">
            <v>119(100)/11/0</v>
          </cell>
          <cell r="AQ783" t="str">
            <v>土木一式</v>
          </cell>
          <cell r="AR783" t="str">
            <v>特定</v>
          </cell>
          <cell r="AS783">
            <v>959</v>
          </cell>
          <cell r="AT783" t="str">
            <v/>
          </cell>
          <cell r="AU783" t="str">
            <v>8(7)/0/0</v>
          </cell>
          <cell r="AV783" t="str">
            <v/>
          </cell>
          <cell r="AW783" t="str">
            <v/>
          </cell>
          <cell r="AX783" t="str">
            <v/>
          </cell>
          <cell r="AY783" t="str">
            <v/>
          </cell>
          <cell r="AZ783" t="str">
            <v/>
          </cell>
          <cell r="BA783" t="str">
            <v>東京都</v>
          </cell>
          <cell r="BB783">
            <v>0</v>
          </cell>
          <cell r="CR783">
            <v>5946</v>
          </cell>
          <cell r="CS783" t="str">
            <v>ﾆｼﾀﾞ ｶｽﾞｱｷ</v>
          </cell>
          <cell r="CT783" t="str">
            <v>西田  和昭</v>
          </cell>
          <cell r="CU783" t="str">
            <v>業務課</v>
          </cell>
          <cell r="CW783" t="str">
            <v xml:space="preserve"> </v>
          </cell>
          <cell r="CX783" t="str">
            <v xml:space="preserve"> </v>
          </cell>
          <cell r="CY783" t="str">
            <v>業務課長</v>
          </cell>
        </row>
        <row r="784">
          <cell r="B784">
            <v>3346</v>
          </cell>
          <cell r="C784" t="str">
            <v>(株)電工舎</v>
          </cell>
          <cell r="D784" t="str">
            <v>06-6427-1921</v>
          </cell>
          <cell r="E784" t="str">
            <v>661-0012</v>
          </cell>
          <cell r="F784" t="str">
            <v>兵庫県尼崎市南塚口町5-10-13</v>
          </cell>
          <cell r="G784" t="str">
            <v>尼崎市</v>
          </cell>
          <cell r="H784" t="str">
            <v/>
          </cell>
          <cell r="I784" t="str">
            <v>代表取締役 岩倉　英保</v>
          </cell>
          <cell r="J784" t="str">
            <v>本店</v>
          </cell>
          <cell r="K784" t="str">
            <v>06-6427-1930</v>
          </cell>
          <cell r="L784" t="str">
            <v>denkousha@juno.ocn.ne.jp</v>
          </cell>
          <cell r="M784" t="str">
            <v>ﾃﾞﾝｺｳｼｬ</v>
          </cell>
          <cell r="N784" t="str">
            <v>無</v>
          </cell>
          <cell r="O784">
            <v>51</v>
          </cell>
          <cell r="P784">
            <v>9</v>
          </cell>
          <cell r="Q784">
            <v>6140001050090</v>
          </cell>
          <cell r="R784">
            <v>40000</v>
          </cell>
          <cell r="S784">
            <v>47674</v>
          </cell>
          <cell r="T784">
            <v>103701</v>
          </cell>
          <cell r="V784" t="str">
            <v>px977060</v>
          </cell>
          <cell r="W784" t="str">
            <v>qt880971</v>
          </cell>
          <cell r="X784" t="str">
            <v>と電</v>
          </cell>
          <cell r="Y784" t="str">
            <v>と電</v>
          </cell>
          <cell r="Z784" t="str">
            <v/>
          </cell>
          <cell r="AA784" t="str">
            <v>電気</v>
          </cell>
          <cell r="AB784" t="str">
            <v>とび土工</v>
          </cell>
          <cell r="AC784" t="str">
            <v/>
          </cell>
          <cell r="AD784" t="str">
            <v/>
          </cell>
          <cell r="AE784">
            <v>43343</v>
          </cell>
          <cell r="AF784" t="str">
            <v>希望しない</v>
          </cell>
          <cell r="AG784" t="str">
            <v>電気</v>
          </cell>
          <cell r="AH784" t="str">
            <v>一般</v>
          </cell>
          <cell r="AI784">
            <v>815</v>
          </cell>
          <cell r="AJ784">
            <v>83912</v>
          </cell>
          <cell r="AK784" t="str">
            <v>1(1)/4/0</v>
          </cell>
          <cell r="AL784" t="str">
            <v>とび土工</v>
          </cell>
          <cell r="AM784" t="str">
            <v>一般</v>
          </cell>
          <cell r="AN784">
            <v>743</v>
          </cell>
          <cell r="AO784">
            <v>12962</v>
          </cell>
          <cell r="AP784" t="str">
            <v>0(0)/1/0</v>
          </cell>
          <cell r="AQ784" t="str">
            <v/>
          </cell>
          <cell r="AR784" t="str">
            <v/>
          </cell>
          <cell r="AS784" t="str">
            <v/>
          </cell>
          <cell r="AT784" t="str">
            <v/>
          </cell>
          <cell r="AU784" t="str">
            <v/>
          </cell>
          <cell r="AV784" t="str">
            <v/>
          </cell>
          <cell r="AW784" t="str">
            <v/>
          </cell>
          <cell r="AX784" t="str">
            <v/>
          </cell>
          <cell r="AY784" t="str">
            <v/>
          </cell>
          <cell r="AZ784" t="str">
            <v/>
          </cell>
          <cell r="BA784" t="str">
            <v>兵庫県</v>
          </cell>
          <cell r="BB784">
            <v>0</v>
          </cell>
          <cell r="CR784">
            <v>5947</v>
          </cell>
          <cell r="CS784" t="str">
            <v>ﾐﾔﾓﾄ ﾌﾐﾋｺ</v>
          </cell>
          <cell r="CT784" t="str">
            <v>宮本  文彦</v>
          </cell>
          <cell r="CU784" t="str">
            <v>業務課</v>
          </cell>
          <cell r="CW784" t="str">
            <v xml:space="preserve"> </v>
          </cell>
          <cell r="CX784" t="str">
            <v xml:space="preserve"> </v>
          </cell>
          <cell r="CY784" t="str">
            <v>業務課長</v>
          </cell>
        </row>
        <row r="785">
          <cell r="B785">
            <v>3351</v>
          </cell>
          <cell r="C785" t="str">
            <v>電気興業株式会社(株)</v>
          </cell>
          <cell r="D785" t="str">
            <v>06-6386-6201</v>
          </cell>
          <cell r="E785" t="str">
            <v>564-0051</v>
          </cell>
          <cell r="F785" t="str">
            <v>大阪府吹田市豊津町2ｰ30</v>
          </cell>
          <cell r="G785" t="str">
            <v/>
          </cell>
          <cell r="H785" t="str">
            <v>大阪支店</v>
          </cell>
          <cell r="I785" t="str">
            <v>支店長 石川　純二</v>
          </cell>
          <cell r="J785" t="str">
            <v>東京都</v>
          </cell>
          <cell r="K785" t="str">
            <v>06-6386-6205</v>
          </cell>
          <cell r="L785" t="str">
            <v>osaka-st@denkikogyo.co.jp</v>
          </cell>
          <cell r="M785" t="str">
            <v>ﾃﾞﾝｷｺｳｷﾞｮｳｶﾌﾞｼｷｶﾞｲｼｬ</v>
          </cell>
          <cell r="N785" t="str">
            <v>有</v>
          </cell>
          <cell r="O785">
            <v>67</v>
          </cell>
          <cell r="P785">
            <v>679</v>
          </cell>
          <cell r="Q785">
            <v>4010001008723</v>
          </cell>
          <cell r="R785">
            <v>8774781</v>
          </cell>
          <cell r="S785">
            <v>35090725</v>
          </cell>
          <cell r="T785">
            <v>43022000</v>
          </cell>
          <cell r="V785" t="str">
            <v>gk594108</v>
          </cell>
          <cell r="W785" t="str">
            <v>jp545503</v>
          </cell>
          <cell r="X785" t="str">
            <v>(清)(建)(と)(電)(鋼)(塗)(通)土と電鋼塗通解</v>
          </cell>
          <cell r="Y785" t="str">
            <v>(清)(建)(と)(電)(鋼)(塗)(通)</v>
          </cell>
          <cell r="Z785" t="str">
            <v>土と電鋼塗通解</v>
          </cell>
          <cell r="AA785" t="str">
            <v>電気通信</v>
          </cell>
          <cell r="AB785" t="str">
            <v>鋼構造物</v>
          </cell>
          <cell r="AC785" t="str">
            <v>電気</v>
          </cell>
          <cell r="AD785" t="str">
            <v>塗装</v>
          </cell>
          <cell r="AE785">
            <v>43190</v>
          </cell>
          <cell r="AF785" t="str">
            <v>希望しない</v>
          </cell>
          <cell r="AG785" t="str">
            <v>電気通信</v>
          </cell>
          <cell r="AH785" t="str">
            <v>特定</v>
          </cell>
          <cell r="AI785">
            <v>1381</v>
          </cell>
          <cell r="AJ785">
            <v>6255987</v>
          </cell>
          <cell r="AK785" t="str">
            <v>0(0)/0/257</v>
          </cell>
          <cell r="AL785" t="str">
            <v>鋼構造物</v>
          </cell>
          <cell r="AM785" t="str">
            <v>特定</v>
          </cell>
          <cell r="AN785">
            <v>1346</v>
          </cell>
          <cell r="AO785">
            <v>2351572</v>
          </cell>
          <cell r="AP785" t="str">
            <v>63(61)/18/129</v>
          </cell>
          <cell r="AQ785" t="str">
            <v>電気</v>
          </cell>
          <cell r="AR785" t="str">
            <v>特定</v>
          </cell>
          <cell r="AS785">
            <v>1276</v>
          </cell>
          <cell r="AT785">
            <v>653345</v>
          </cell>
          <cell r="AU785" t="str">
            <v>59(53)/16/62</v>
          </cell>
          <cell r="AV785" t="str">
            <v>塗装</v>
          </cell>
          <cell r="AW785" t="str">
            <v>特定</v>
          </cell>
          <cell r="AX785">
            <v>1129</v>
          </cell>
          <cell r="AY785">
            <v>1371106</v>
          </cell>
          <cell r="AZ785" t="str">
            <v>0(0)/0/5</v>
          </cell>
          <cell r="BA785" t="str">
            <v>東京都</v>
          </cell>
          <cell r="BB785">
            <v>0</v>
          </cell>
          <cell r="CR785">
            <v>5948</v>
          </cell>
          <cell r="CS785" t="str">
            <v>ﾔﾉ ﾏｻﾐﾁ</v>
          </cell>
          <cell r="CT785" t="str">
            <v>矢野  真路</v>
          </cell>
          <cell r="CU785" t="str">
            <v>中学校給食センター</v>
          </cell>
          <cell r="CW785">
            <v>2147</v>
          </cell>
          <cell r="CX785" t="str">
            <v>主任</v>
          </cell>
          <cell r="CY785" t="str">
            <v>中学校給食センター所長</v>
          </cell>
        </row>
        <row r="786">
          <cell r="B786">
            <v>3353</v>
          </cell>
          <cell r="C786" t="str">
            <v>(有)ティーエーシーエンジニアリング</v>
          </cell>
          <cell r="D786" t="str">
            <v>06-6414-0311</v>
          </cell>
          <cell r="E786" t="str">
            <v>660-0062</v>
          </cell>
          <cell r="F786" t="str">
            <v>兵庫県尼崎市浜田町1-48</v>
          </cell>
          <cell r="G786" t="str">
            <v>尼崎市</v>
          </cell>
          <cell r="H786" t="str">
            <v/>
          </cell>
          <cell r="I786" t="str">
            <v>代表取締役 表　隆司</v>
          </cell>
          <cell r="J786" t="str">
            <v>本店</v>
          </cell>
          <cell r="K786" t="str">
            <v>06-6414-0361</v>
          </cell>
          <cell r="L786" t="str">
            <v>tacomote0311@hotmail.com</v>
          </cell>
          <cell r="M786" t="str">
            <v>ﾃｨｰｴｰｼｰｴﾝｼﾞﾆｱﾘﾝｸﾞ</v>
          </cell>
          <cell r="N786" t="str">
            <v>無</v>
          </cell>
          <cell r="O786">
            <v>9</v>
          </cell>
          <cell r="P786">
            <v>9</v>
          </cell>
          <cell r="Q786">
            <v>8140002011346</v>
          </cell>
          <cell r="R786">
            <v>10000</v>
          </cell>
          <cell r="S786">
            <v>4200</v>
          </cell>
          <cell r="T786">
            <v>178402</v>
          </cell>
          <cell r="V786" t="str">
            <v>vc316165</v>
          </cell>
          <cell r="W786" t="str">
            <v>hk443117</v>
          </cell>
          <cell r="X786" t="str">
            <v>管</v>
          </cell>
          <cell r="Y786" t="str">
            <v>管</v>
          </cell>
          <cell r="Z786" t="str">
            <v/>
          </cell>
          <cell r="AA786" t="str">
            <v>管</v>
          </cell>
          <cell r="AB786" t="str">
            <v/>
          </cell>
          <cell r="AC786" t="str">
            <v/>
          </cell>
          <cell r="AD786" t="str">
            <v/>
          </cell>
          <cell r="AE786">
            <v>43008</v>
          </cell>
          <cell r="AF786" t="str">
            <v/>
          </cell>
          <cell r="AG786" t="str">
            <v>管</v>
          </cell>
          <cell r="AH786" t="str">
            <v>一般</v>
          </cell>
          <cell r="AI786">
            <v>627</v>
          </cell>
          <cell r="AJ786">
            <v>55062</v>
          </cell>
          <cell r="AK786" t="str">
            <v>4(4)/1/2</v>
          </cell>
          <cell r="AL786" t="str">
            <v/>
          </cell>
          <cell r="AM786" t="str">
            <v/>
          </cell>
          <cell r="AN786" t="str">
            <v/>
          </cell>
          <cell r="AO786" t="str">
            <v/>
          </cell>
          <cell r="AP786" t="str">
            <v/>
          </cell>
          <cell r="AQ786" t="str">
            <v/>
          </cell>
          <cell r="AR786" t="str">
            <v/>
          </cell>
          <cell r="AS786" t="str">
            <v/>
          </cell>
          <cell r="AT786" t="str">
            <v/>
          </cell>
          <cell r="AU786" t="str">
            <v/>
          </cell>
          <cell r="AV786" t="str">
            <v/>
          </cell>
          <cell r="AW786" t="str">
            <v/>
          </cell>
          <cell r="AX786" t="str">
            <v/>
          </cell>
          <cell r="AY786" t="str">
            <v/>
          </cell>
          <cell r="AZ786" t="str">
            <v/>
          </cell>
          <cell r="BA786" t="str">
            <v>兵庫県</v>
          </cell>
          <cell r="BB786">
            <v>0</v>
          </cell>
          <cell r="CR786">
            <v>5949</v>
          </cell>
          <cell r="CS786" t="str">
            <v>ﾖｼﾀﾞ ﾀｸﾔ</v>
          </cell>
          <cell r="CT786" t="str">
            <v>吉田  拓矢</v>
          </cell>
          <cell r="CU786" t="str">
            <v>環境クリーンセンター</v>
          </cell>
          <cell r="CW786" t="str">
            <v>782-0968</v>
          </cell>
          <cell r="CX786" t="str">
            <v>主任</v>
          </cell>
          <cell r="CY786" t="str">
            <v>環境クリーンセンター所長</v>
          </cell>
        </row>
        <row r="787">
          <cell r="B787">
            <v>3358</v>
          </cell>
          <cell r="C787" t="str">
            <v>ティアイメディカル(株)</v>
          </cell>
          <cell r="D787" t="str">
            <v>072-247-0808</v>
          </cell>
          <cell r="E787" t="str">
            <v>592-8333</v>
          </cell>
          <cell r="F787" t="str">
            <v>大阪府堺市西区浜寺石津町西二丁1-34</v>
          </cell>
          <cell r="G787" t="str">
            <v>堺市</v>
          </cell>
          <cell r="H787" t="str">
            <v/>
          </cell>
          <cell r="I787" t="str">
            <v>代表取締役 小野木　雅治</v>
          </cell>
          <cell r="J787" t="str">
            <v>本店</v>
          </cell>
          <cell r="K787" t="str">
            <v>072-241-2797</v>
          </cell>
          <cell r="L787" t="str">
            <v>u354100@tn-sanso.co.jp</v>
          </cell>
          <cell r="M787" t="str">
            <v>ﾃｨｱｲﾒﾃﾞｨｶﾙ</v>
          </cell>
          <cell r="N787" t="str">
            <v>無</v>
          </cell>
          <cell r="O787">
            <v>29</v>
          </cell>
          <cell r="P787">
            <v>44</v>
          </cell>
          <cell r="Q787">
            <v>6120101000336</v>
          </cell>
          <cell r="R787">
            <v>20000</v>
          </cell>
          <cell r="S787">
            <v>311519</v>
          </cell>
          <cell r="T787">
            <v>1285317</v>
          </cell>
          <cell r="V787" t="str">
            <v>rq124860</v>
          </cell>
          <cell r="W787" t="str">
            <v>ax677039</v>
          </cell>
          <cell r="X787" t="str">
            <v>管</v>
          </cell>
          <cell r="Y787" t="str">
            <v>管</v>
          </cell>
          <cell r="Z787" t="str">
            <v/>
          </cell>
          <cell r="AA787" t="str">
            <v>管</v>
          </cell>
          <cell r="AB787" t="str">
            <v/>
          </cell>
          <cell r="AC787" t="str">
            <v/>
          </cell>
          <cell r="AD787" t="str">
            <v/>
          </cell>
          <cell r="AE787">
            <v>43190</v>
          </cell>
          <cell r="AF787" t="str">
            <v>希望しない</v>
          </cell>
          <cell r="AG787" t="str">
            <v>管</v>
          </cell>
          <cell r="AH787" t="str">
            <v>一般</v>
          </cell>
          <cell r="AI787">
            <v>675</v>
          </cell>
          <cell r="AJ787">
            <v>117339</v>
          </cell>
          <cell r="AK787" t="str">
            <v>()//3</v>
          </cell>
          <cell r="AL787" t="str">
            <v/>
          </cell>
          <cell r="AM787" t="str">
            <v/>
          </cell>
          <cell r="AN787" t="str">
            <v/>
          </cell>
          <cell r="AO787" t="str">
            <v/>
          </cell>
          <cell r="AP787" t="str">
            <v/>
          </cell>
          <cell r="AQ787" t="str">
            <v/>
          </cell>
          <cell r="AR787" t="str">
            <v/>
          </cell>
          <cell r="AS787" t="str">
            <v/>
          </cell>
          <cell r="AT787" t="str">
            <v/>
          </cell>
          <cell r="AU787" t="str">
            <v/>
          </cell>
          <cell r="AV787" t="str">
            <v/>
          </cell>
          <cell r="AW787" t="str">
            <v/>
          </cell>
          <cell r="AX787" t="str">
            <v/>
          </cell>
          <cell r="AY787" t="str">
            <v/>
          </cell>
          <cell r="AZ787" t="str">
            <v/>
          </cell>
          <cell r="BA787" t="str">
            <v>大阪府</v>
          </cell>
          <cell r="BB787">
            <v>0</v>
          </cell>
          <cell r="CR787">
            <v>5950</v>
          </cell>
          <cell r="CS787" t="str">
            <v>ｶﾅｻﾞﾜ ﾐｷｺ</v>
          </cell>
          <cell r="CT787" t="str">
            <v>金澤  樹子</v>
          </cell>
          <cell r="CU787" t="str">
            <v>保育課</v>
          </cell>
          <cell r="CW787" t="str">
            <v xml:space="preserve"> </v>
          </cell>
          <cell r="CX787" t="str">
            <v xml:space="preserve"> </v>
          </cell>
          <cell r="CY787" t="str">
            <v>保育課長</v>
          </cell>
        </row>
        <row r="788">
          <cell r="B788">
            <v>3359</v>
          </cell>
          <cell r="C788" t="str">
            <v>テルウェル西日本(株)</v>
          </cell>
          <cell r="D788" t="str">
            <v>06-4307-5101</v>
          </cell>
          <cell r="E788" t="str">
            <v>537-0025</v>
          </cell>
          <cell r="F788" t="str">
            <v>大阪府大阪市東成区中道1-10-26</v>
          </cell>
          <cell r="G788" t="str">
            <v>大阪市</v>
          </cell>
          <cell r="H788" t="str">
            <v>テルウェル西日本株式会社　関西支店</v>
          </cell>
          <cell r="I788" t="str">
            <v>取締役　支店長 吉岡　広志</v>
          </cell>
          <cell r="J788" t="str">
            <v>大阪府大阪市</v>
          </cell>
          <cell r="K788" t="str">
            <v>06-4307-5039</v>
          </cell>
          <cell r="L788" t="str">
            <v>kana-morimoto@telwel-west.co.jp</v>
          </cell>
          <cell r="M788" t="str">
            <v>ﾃﾙｳｪﾙﾆｼﾆｯﾎﾟﾝ</v>
          </cell>
          <cell r="N788" t="str">
            <v>有</v>
          </cell>
          <cell r="O788">
            <v>15</v>
          </cell>
          <cell r="P788">
            <v>5202</v>
          </cell>
          <cell r="Q788">
            <v>9120001098385</v>
          </cell>
          <cell r="R788">
            <v>100000</v>
          </cell>
          <cell r="S788">
            <v>9997446</v>
          </cell>
          <cell r="T788">
            <v>43408101</v>
          </cell>
          <cell r="V788" t="str">
            <v>qd577811</v>
          </cell>
          <cell r="W788" t="str">
            <v>ct208805</v>
          </cell>
          <cell r="X788" t="str">
            <v>通(通)</v>
          </cell>
          <cell r="Y788" t="str">
            <v>通(通)</v>
          </cell>
          <cell r="Z788" t="str">
            <v/>
          </cell>
          <cell r="AA788" t="str">
            <v>電気通信</v>
          </cell>
          <cell r="AB788" t="str">
            <v/>
          </cell>
          <cell r="AC788" t="str">
            <v/>
          </cell>
          <cell r="AD788" t="str">
            <v/>
          </cell>
          <cell r="AE788">
            <v>43190</v>
          </cell>
          <cell r="AF788" t="str">
            <v>希望しない</v>
          </cell>
          <cell r="AG788" t="str">
            <v>電気通信</v>
          </cell>
          <cell r="AH788" t="str">
            <v>一般</v>
          </cell>
          <cell r="AI788">
            <v>889</v>
          </cell>
          <cell r="AJ788">
            <v>884966</v>
          </cell>
          <cell r="AK788" t="str">
            <v>0(0)/0/19</v>
          </cell>
          <cell r="AL788" t="str">
            <v/>
          </cell>
          <cell r="AM788" t="str">
            <v/>
          </cell>
          <cell r="AN788" t="str">
            <v/>
          </cell>
          <cell r="AO788" t="str">
            <v/>
          </cell>
          <cell r="AP788" t="str">
            <v/>
          </cell>
          <cell r="AQ788" t="str">
            <v/>
          </cell>
          <cell r="AR788" t="str">
            <v/>
          </cell>
          <cell r="AS788" t="str">
            <v/>
          </cell>
          <cell r="AT788" t="str">
            <v/>
          </cell>
          <cell r="AU788" t="str">
            <v/>
          </cell>
          <cell r="AV788" t="str">
            <v/>
          </cell>
          <cell r="AW788" t="str">
            <v/>
          </cell>
          <cell r="AX788" t="str">
            <v/>
          </cell>
          <cell r="AY788" t="str">
            <v/>
          </cell>
          <cell r="AZ788" t="str">
            <v/>
          </cell>
          <cell r="BA788" t="str">
            <v>大阪府</v>
          </cell>
          <cell r="BB788">
            <v>0</v>
          </cell>
          <cell r="CR788">
            <v>5951</v>
          </cell>
          <cell r="CS788" t="str">
            <v>ﾖｼｵｶ ﾁｶｺ</v>
          </cell>
          <cell r="CT788" t="str">
            <v>吉岡  智香子</v>
          </cell>
          <cell r="CU788" t="str">
            <v>保育課</v>
          </cell>
          <cell r="CW788" t="str">
            <v xml:space="preserve"> </v>
          </cell>
          <cell r="CX788" t="str">
            <v xml:space="preserve"> </v>
          </cell>
          <cell r="CY788" t="str">
            <v>保育課長</v>
          </cell>
        </row>
        <row r="789">
          <cell r="B789">
            <v>3360</v>
          </cell>
          <cell r="C789" t="str">
            <v>テラマエ設備工業(株)</v>
          </cell>
          <cell r="D789" t="str">
            <v>078-855-4517</v>
          </cell>
          <cell r="E789" t="str">
            <v>657-0844</v>
          </cell>
          <cell r="F789" t="str">
            <v>兵庫県神戸市灘区都通2丁目1-12</v>
          </cell>
          <cell r="G789" t="str">
            <v>姫路市</v>
          </cell>
          <cell r="H789" t="str">
            <v>神戸営業所</v>
          </cell>
          <cell r="I789" t="str">
            <v>所長 浅田　修一</v>
          </cell>
          <cell r="J789" t="str">
            <v>兵庫県姫路市</v>
          </cell>
          <cell r="K789" t="str">
            <v>078-855-4519</v>
          </cell>
          <cell r="L789" t="str">
            <v>t-matsuo@teramae.co.jp</v>
          </cell>
          <cell r="M789" t="str">
            <v>ﾃﾗﾏｴｾﾂﾋﾞｺｳｷﾞｮｳ</v>
          </cell>
          <cell r="N789" t="str">
            <v>有</v>
          </cell>
          <cell r="O789">
            <v>26</v>
          </cell>
          <cell r="P789">
            <v>30</v>
          </cell>
          <cell r="Q789">
            <v>1140001063510</v>
          </cell>
          <cell r="R789">
            <v>30000</v>
          </cell>
          <cell r="S789">
            <v>636249</v>
          </cell>
          <cell r="T789">
            <v>1705083</v>
          </cell>
          <cell r="V789" t="str">
            <v>gf564798</v>
          </cell>
          <cell r="W789" t="str">
            <v>cs468076</v>
          </cell>
          <cell r="X789" t="str">
            <v>土建と石電舗浚機水消(清)(建)(と)(石)(電)(管)(舗)(浚)(水)(消)管</v>
          </cell>
          <cell r="Y789" t="str">
            <v>土建と石電舗浚機水消(清)(建)(と)(石)(電)(管)(舗)(浚)(水)(消)</v>
          </cell>
          <cell r="Z789" t="str">
            <v>管</v>
          </cell>
          <cell r="AA789" t="str">
            <v>管</v>
          </cell>
          <cell r="AB789" t="str">
            <v>電気</v>
          </cell>
          <cell r="AC789" t="str">
            <v>消防施設</v>
          </cell>
          <cell r="AD789" t="str">
            <v>水道施設</v>
          </cell>
          <cell r="AE789">
            <v>43008</v>
          </cell>
          <cell r="AF789" t="str">
            <v>希望しない</v>
          </cell>
          <cell r="AG789" t="str">
            <v>管</v>
          </cell>
          <cell r="AH789" t="str">
            <v>特定</v>
          </cell>
          <cell r="AI789">
            <v>1039</v>
          </cell>
          <cell r="AJ789">
            <v>1747522</v>
          </cell>
          <cell r="AK789" t="str">
            <v>12(12)/5/2</v>
          </cell>
          <cell r="AL789" t="str">
            <v>電気</v>
          </cell>
          <cell r="AM789" t="str">
            <v>一般</v>
          </cell>
          <cell r="AN789">
            <v>803</v>
          </cell>
          <cell r="AO789">
            <v>18933</v>
          </cell>
          <cell r="AP789" t="str">
            <v>1(1)/3/2</v>
          </cell>
          <cell r="AQ789" t="str">
            <v>消防施設</v>
          </cell>
          <cell r="AR789" t="str">
            <v>一般</v>
          </cell>
          <cell r="AS789">
            <v>723</v>
          </cell>
          <cell r="AT789">
            <v>1673</v>
          </cell>
          <cell r="AU789" t="str">
            <v>0(0)/2/0</v>
          </cell>
          <cell r="AV789" t="str">
            <v>水道施設</v>
          </cell>
          <cell r="AW789" t="str">
            <v>一般</v>
          </cell>
          <cell r="AX789">
            <v>758</v>
          </cell>
          <cell r="AY789">
            <v>21680</v>
          </cell>
          <cell r="AZ789" t="str">
            <v>0(0)/0/2</v>
          </cell>
          <cell r="BA789" t="str">
            <v>兵庫県</v>
          </cell>
          <cell r="BB789">
            <v>0</v>
          </cell>
          <cell r="CR789">
            <v>5953</v>
          </cell>
          <cell r="CS789" t="str">
            <v>ｶﾓｶﾞﾜ ﾉﾘﾕｷ</v>
          </cell>
          <cell r="CT789" t="str">
            <v>鴨川  憲之</v>
          </cell>
          <cell r="CU789" t="str">
            <v>学校給食センター</v>
          </cell>
          <cell r="CW789">
            <v>7796355</v>
          </cell>
          <cell r="CX789" t="str">
            <v>主査</v>
          </cell>
          <cell r="CY789" t="str">
            <v>学校給食センター長</v>
          </cell>
        </row>
        <row r="790">
          <cell r="B790">
            <v>3363</v>
          </cell>
          <cell r="C790" t="str">
            <v>東亜建設工業(株)</v>
          </cell>
          <cell r="D790" t="str">
            <v>06-6443-3062</v>
          </cell>
          <cell r="E790" t="str">
            <v>550-0004</v>
          </cell>
          <cell r="F790" t="str">
            <v>大阪府大阪市西区靱本町1-4-12</v>
          </cell>
          <cell r="G790" t="str">
            <v/>
          </cell>
          <cell r="H790" t="str">
            <v>大阪支店</v>
          </cell>
          <cell r="I790" t="str">
            <v>支店長 早川　毅</v>
          </cell>
          <cell r="J790" t="str">
            <v>東京都</v>
          </cell>
          <cell r="K790" t="str">
            <v>06-6443-8046</v>
          </cell>
          <cell r="L790" t="str">
            <v>h_murai@toa-const.co.jp</v>
          </cell>
          <cell r="M790" t="str">
            <v>ﾄｳｱｹﾝｾﾂｺｳｷﾞｮｳ</v>
          </cell>
          <cell r="N790" t="str">
            <v>有</v>
          </cell>
          <cell r="O790">
            <v>68</v>
          </cell>
          <cell r="P790">
            <v>1590</v>
          </cell>
          <cell r="Q790">
            <v>3011101055078</v>
          </cell>
          <cell r="R790">
            <v>18976658</v>
          </cell>
          <cell r="S790">
            <v>60220656</v>
          </cell>
          <cell r="T790">
            <v>161045000</v>
          </cell>
          <cell r="V790" t="str">
            <v>bn680933</v>
          </cell>
          <cell r="W790" t="str">
            <v>bp129664</v>
          </cell>
          <cell r="X790" t="str">
            <v>(清)(建)(と)(石)(電)(タ)(鋼)(舗)(浚)(塗)(園)(水)(解)土建と石電管タ鋼舗浚塗園水解</v>
          </cell>
          <cell r="Y790" t="str">
            <v>(清)(建)(と)(石)(電)(タ)(鋼)(舗)(浚)(塗)(園)(水)(解)</v>
          </cell>
          <cell r="Z790" t="str">
            <v>土建と石電管タ鋼舗浚塗園水解</v>
          </cell>
          <cell r="AA790" t="str">
            <v>土木一式</v>
          </cell>
          <cell r="AB790" t="str">
            <v>建築一式</v>
          </cell>
          <cell r="AC790" t="str">
            <v>浚渫</v>
          </cell>
          <cell r="AD790" t="str">
            <v>水道施設</v>
          </cell>
          <cell r="AE790">
            <v>43190</v>
          </cell>
          <cell r="AF790" t="str">
            <v>希望しない</v>
          </cell>
          <cell r="AG790" t="str">
            <v>土木一式</v>
          </cell>
          <cell r="AH790" t="str">
            <v>特定</v>
          </cell>
          <cell r="AI790">
            <v>1782</v>
          </cell>
          <cell r="AJ790">
            <v>90355774</v>
          </cell>
          <cell r="AK790" t="str">
            <v>768(626)/16/45</v>
          </cell>
          <cell r="AL790" t="str">
            <v>建築一式</v>
          </cell>
          <cell r="AM790" t="str">
            <v>特定</v>
          </cell>
          <cell r="AN790">
            <v>1645</v>
          </cell>
          <cell r="AO790">
            <v>43034516</v>
          </cell>
          <cell r="AP790" t="str">
            <v>313(251)/7/42</v>
          </cell>
          <cell r="AQ790" t="str">
            <v>浚渫</v>
          </cell>
          <cell r="AR790" t="str">
            <v>特定</v>
          </cell>
          <cell r="AS790">
            <v>1538</v>
          </cell>
          <cell r="AT790">
            <v>10352122</v>
          </cell>
          <cell r="AU790" t="str">
            <v>700(571)/15/23</v>
          </cell>
          <cell r="AV790" t="str">
            <v>水道施設</v>
          </cell>
          <cell r="AW790" t="str">
            <v>特定</v>
          </cell>
          <cell r="AX790">
            <v>1056</v>
          </cell>
          <cell r="AY790">
            <v>132751</v>
          </cell>
          <cell r="AZ790" t="str">
            <v>4(3)/0/0</v>
          </cell>
          <cell r="BA790" t="str">
            <v>東京都</v>
          </cell>
          <cell r="BB790">
            <v>0</v>
          </cell>
          <cell r="CR790">
            <v>5954</v>
          </cell>
          <cell r="CS790" t="str">
            <v>ﾅｶﾊﾗ ﾕｶﾘ</v>
          </cell>
          <cell r="CT790" t="str">
            <v>中原  由香里</v>
          </cell>
          <cell r="CU790" t="str">
            <v>保育課</v>
          </cell>
          <cell r="CW790" t="str">
            <v xml:space="preserve"> </v>
          </cell>
          <cell r="CX790" t="str">
            <v xml:space="preserve"> </v>
          </cell>
          <cell r="CY790" t="str">
            <v>保育課長</v>
          </cell>
        </row>
        <row r="791">
          <cell r="B791">
            <v>3366</v>
          </cell>
          <cell r="C791" t="str">
            <v>東亜道路工業(株)</v>
          </cell>
          <cell r="D791" t="str">
            <v>079-423-1789</v>
          </cell>
          <cell r="E791" t="str">
            <v>675-0101</v>
          </cell>
          <cell r="F791" t="str">
            <v>兵庫県加古川市平岡町新在家字蛭池77</v>
          </cell>
          <cell r="G791" t="str">
            <v>加古川市</v>
          </cell>
          <cell r="H791" t="str">
            <v>兵庫営業所</v>
          </cell>
          <cell r="I791" t="str">
            <v>所長 井上　滋夫</v>
          </cell>
          <cell r="J791" t="str">
            <v>東京都</v>
          </cell>
          <cell r="K791" t="str">
            <v>079-425-5557</v>
          </cell>
          <cell r="L791" t="str">
            <v>hyougo_eig@toadoro.co.jp</v>
          </cell>
          <cell r="M791" t="str">
            <v>ﾄｳｱﾄﾞｳﾛｺｳｷﾞｮｳ</v>
          </cell>
          <cell r="N791" t="str">
            <v>有</v>
          </cell>
          <cell r="O791">
            <v>70</v>
          </cell>
          <cell r="P791">
            <v>1212</v>
          </cell>
          <cell r="Q791">
            <v>7010401020201</v>
          </cell>
          <cell r="R791">
            <v>7584188</v>
          </cell>
          <cell r="S791">
            <v>31414297</v>
          </cell>
          <cell r="T791">
            <v>98218000</v>
          </cell>
          <cell r="V791" t="str">
            <v>sk734888</v>
          </cell>
          <cell r="W791" t="str">
            <v>yw499038</v>
          </cell>
          <cell r="X791" t="str">
            <v>土建と石鋼舗浚塗園水解</v>
          </cell>
          <cell r="Y791" t="str">
            <v/>
          </cell>
          <cell r="Z791" t="str">
            <v>土建と石鋼舗浚塗園水解</v>
          </cell>
          <cell r="AA791" t="str">
            <v>舗装</v>
          </cell>
          <cell r="AB791" t="str">
            <v>土木一式</v>
          </cell>
          <cell r="AC791" t="str">
            <v>とび土工</v>
          </cell>
          <cell r="AD791" t="str">
            <v>造園</v>
          </cell>
          <cell r="AE791">
            <v>43190</v>
          </cell>
          <cell r="AF791" t="str">
            <v/>
          </cell>
          <cell r="AG791" t="str">
            <v>舗装</v>
          </cell>
          <cell r="AH791" t="str">
            <v>特定</v>
          </cell>
          <cell r="AI791">
            <v>1698</v>
          </cell>
          <cell r="AJ791">
            <v>44211900</v>
          </cell>
          <cell r="AK791" t="str">
            <v>491(155)/56/20</v>
          </cell>
          <cell r="AL791" t="str">
            <v>土木一式</v>
          </cell>
          <cell r="AM791" t="str">
            <v>特定</v>
          </cell>
          <cell r="AN791">
            <v>1489</v>
          </cell>
          <cell r="AO791">
            <v>3708692</v>
          </cell>
          <cell r="AP791" t="str">
            <v>420(141)/55/17</v>
          </cell>
          <cell r="AQ791" t="str">
            <v>とび土工</v>
          </cell>
          <cell r="AR791" t="str">
            <v>特定</v>
          </cell>
          <cell r="AS791">
            <v>1254</v>
          </cell>
          <cell r="AT791">
            <v>669562</v>
          </cell>
          <cell r="AU791" t="str">
            <v>29(10)/0/0</v>
          </cell>
          <cell r="AV791" t="str">
            <v>造園</v>
          </cell>
          <cell r="AW791" t="str">
            <v>特定</v>
          </cell>
          <cell r="AX791">
            <v>1341</v>
          </cell>
          <cell r="AY791">
            <v>873651</v>
          </cell>
          <cell r="AZ791" t="str">
            <v>150(43)/1/0</v>
          </cell>
          <cell r="BA791" t="str">
            <v>東京都</v>
          </cell>
          <cell r="BB791">
            <v>0</v>
          </cell>
          <cell r="CR791">
            <v>5955</v>
          </cell>
          <cell r="CS791" t="str">
            <v>ﾖｺｻﾞｷ ﾁﾎ</v>
          </cell>
          <cell r="CT791" t="str">
            <v>横﨑  知穂</v>
          </cell>
          <cell r="CU791" t="str">
            <v>保育課</v>
          </cell>
          <cell r="CW791" t="str">
            <v xml:space="preserve"> </v>
          </cell>
          <cell r="CX791" t="str">
            <v xml:space="preserve"> </v>
          </cell>
          <cell r="CY791" t="str">
            <v>保育課長</v>
          </cell>
        </row>
        <row r="792">
          <cell r="B792">
            <v>3367</v>
          </cell>
          <cell r="C792" t="str">
            <v>東亜塗装工業(株)</v>
          </cell>
          <cell r="D792" t="str">
            <v>06-6327-5133</v>
          </cell>
          <cell r="E792" t="str">
            <v>533-0022</v>
          </cell>
          <cell r="F792" t="str">
            <v>大阪府大阪市東淀川区菅原7-7-10</v>
          </cell>
          <cell r="G792" t="str">
            <v/>
          </cell>
          <cell r="H792" t="str">
            <v>大阪支店</v>
          </cell>
          <cell r="I792" t="str">
            <v>支店長 原田　訓孝</v>
          </cell>
          <cell r="J792" t="str">
            <v>東京都</v>
          </cell>
          <cell r="K792" t="str">
            <v>06-6327-7911</v>
          </cell>
          <cell r="L792" t="str">
            <v>osaka@toa-toso.co.jp</v>
          </cell>
          <cell r="M792" t="str">
            <v>ﾄｳｱﾄｿｳｺｳｷﾞｮｳ</v>
          </cell>
          <cell r="N792" t="str">
            <v>有</v>
          </cell>
          <cell r="O792">
            <v>55</v>
          </cell>
          <cell r="P792">
            <v>51</v>
          </cell>
          <cell r="Q792">
            <v>6010001145300</v>
          </cell>
          <cell r="R792">
            <v>35203</v>
          </cell>
          <cell r="S792">
            <v>550515</v>
          </cell>
          <cell r="T792">
            <v>1492094</v>
          </cell>
          <cell r="V792" t="str">
            <v>gs825094</v>
          </cell>
          <cell r="W792" t="str">
            <v>yb383947</v>
          </cell>
          <cell r="X792" t="str">
            <v>建防(清)(と)(鋼)(塗)(防)土と鋼塗</v>
          </cell>
          <cell r="Y792" t="str">
            <v>建防(清)(と)(鋼)(塗)(防)</v>
          </cell>
          <cell r="Z792" t="str">
            <v>土と鋼塗</v>
          </cell>
          <cell r="AA792" t="str">
            <v>塗装</v>
          </cell>
          <cell r="AB792" t="str">
            <v>防水</v>
          </cell>
          <cell r="AC792" t="str">
            <v>とび土工</v>
          </cell>
          <cell r="AD792" t="str">
            <v>鋼構造物</v>
          </cell>
          <cell r="AE792" t="str">
            <v>H.30.3.31</v>
          </cell>
          <cell r="AF792" t="str">
            <v>希望しない</v>
          </cell>
          <cell r="AG792" t="str">
            <v>塗装</v>
          </cell>
          <cell r="AH792" t="str">
            <v>特定</v>
          </cell>
          <cell r="AI792">
            <v>1026</v>
          </cell>
          <cell r="AJ792">
            <v>1429755</v>
          </cell>
          <cell r="AK792" t="str">
            <v>16(15)/6/0</v>
          </cell>
          <cell r="AL792" t="str">
            <v>防水</v>
          </cell>
          <cell r="AM792" t="str">
            <v>一般</v>
          </cell>
          <cell r="AN792">
            <v>749</v>
          </cell>
          <cell r="AO792">
            <v>135</v>
          </cell>
          <cell r="AP792" t="str">
            <v>4(4)/1/0</v>
          </cell>
          <cell r="AQ792" t="str">
            <v>とび土工</v>
          </cell>
          <cell r="AR792" t="str">
            <v>特定</v>
          </cell>
          <cell r="AS792">
            <v>811</v>
          </cell>
          <cell r="AT792">
            <v>62204</v>
          </cell>
          <cell r="AU792" t="str">
            <v>4(3)/0/0</v>
          </cell>
          <cell r="AV792" t="str">
            <v>鋼構造物</v>
          </cell>
          <cell r="AW792" t="str">
            <v>特定</v>
          </cell>
          <cell r="AX792">
            <v>746</v>
          </cell>
          <cell r="AY792" t="str">
            <v/>
          </cell>
          <cell r="AZ792" t="str">
            <v>4(4)/0/0</v>
          </cell>
          <cell r="BA792" t="str">
            <v>東京都</v>
          </cell>
          <cell r="BB792">
            <v>0</v>
          </cell>
          <cell r="CR792">
            <v>5962</v>
          </cell>
          <cell r="CS792" t="str">
            <v>ｽｴｻﾞﾜ ﾅｵﾔ</v>
          </cell>
          <cell r="CT792" t="str">
            <v>末沢  尚哉</v>
          </cell>
          <cell r="CU792" t="str">
            <v>警防課</v>
          </cell>
          <cell r="CW792">
            <v>6680317</v>
          </cell>
          <cell r="CX792" t="str">
            <v>副隊長</v>
          </cell>
          <cell r="CY792" t="str">
            <v>警防課長</v>
          </cell>
        </row>
        <row r="793">
          <cell r="B793">
            <v>3368</v>
          </cell>
          <cell r="C793" t="str">
            <v>東海アナース(株)</v>
          </cell>
          <cell r="D793" t="str">
            <v>06-6265-6890</v>
          </cell>
          <cell r="E793" t="str">
            <v>542-0081</v>
          </cell>
          <cell r="F793" t="str">
            <v>大阪府大阪市中央区南船場1ｰ5ｰ21</v>
          </cell>
          <cell r="G793" t="str">
            <v>城陽市</v>
          </cell>
          <cell r="H793" t="str">
            <v>大阪営業所</v>
          </cell>
          <cell r="I793" t="str">
            <v>営業所長 土肥　省治</v>
          </cell>
          <cell r="J793" t="str">
            <v>京都府城陽市</v>
          </cell>
          <cell r="K793" t="str">
            <v>06-6265-6898</v>
          </cell>
          <cell r="L793" t="str">
            <v>qum38221@mvc.biglobe.ne.jp</v>
          </cell>
          <cell r="M793" t="str">
            <v>ﾄｳｶｲｱﾅｰｽ</v>
          </cell>
          <cell r="N793" t="str">
            <v>有</v>
          </cell>
          <cell r="O793">
            <v>42</v>
          </cell>
          <cell r="P793">
            <v>13</v>
          </cell>
          <cell r="Q793">
            <v>3120001067610</v>
          </cell>
          <cell r="R793">
            <v>45000</v>
          </cell>
          <cell r="S793">
            <v>126921</v>
          </cell>
          <cell r="T793">
            <v>458017</v>
          </cell>
          <cell r="V793" t="str">
            <v>ad213553</v>
          </cell>
          <cell r="W793" t="str">
            <v>hy926570</v>
          </cell>
          <cell r="X793" t="str">
            <v>(清)(と)土と</v>
          </cell>
          <cell r="Y793" t="str">
            <v>(清)(と)</v>
          </cell>
          <cell r="Z793" t="str">
            <v>土と</v>
          </cell>
          <cell r="AA793" t="str">
            <v>土木一式</v>
          </cell>
          <cell r="AB793" t="str">
            <v/>
          </cell>
          <cell r="AC793" t="str">
            <v/>
          </cell>
          <cell r="AD793" t="str">
            <v/>
          </cell>
          <cell r="AE793">
            <v>42978</v>
          </cell>
          <cell r="AF793" t="str">
            <v/>
          </cell>
          <cell r="AG793" t="str">
            <v>土木一式</v>
          </cell>
          <cell r="AH793" t="str">
            <v>特定</v>
          </cell>
          <cell r="AI793">
            <v>860</v>
          </cell>
          <cell r="AJ793">
            <v>332213</v>
          </cell>
          <cell r="AK793" t="str">
            <v>6(5)/1/0</v>
          </cell>
          <cell r="AL793" t="str">
            <v/>
          </cell>
          <cell r="AM793" t="str">
            <v/>
          </cell>
          <cell r="AN793" t="str">
            <v/>
          </cell>
          <cell r="AO793" t="str">
            <v/>
          </cell>
          <cell r="AP793" t="str">
            <v/>
          </cell>
          <cell r="AQ793" t="str">
            <v/>
          </cell>
          <cell r="AR793" t="str">
            <v/>
          </cell>
          <cell r="AS793" t="str">
            <v/>
          </cell>
          <cell r="AT793" t="str">
            <v/>
          </cell>
          <cell r="AU793" t="str">
            <v/>
          </cell>
          <cell r="AV793" t="str">
            <v/>
          </cell>
          <cell r="AW793" t="str">
            <v/>
          </cell>
          <cell r="AX793" t="str">
            <v/>
          </cell>
          <cell r="AY793" t="str">
            <v/>
          </cell>
          <cell r="AZ793" t="str">
            <v/>
          </cell>
          <cell r="BA793" t="str">
            <v>京都府</v>
          </cell>
          <cell r="BB793">
            <v>0</v>
          </cell>
          <cell r="CR793">
            <v>5963</v>
          </cell>
          <cell r="CS793" t="str">
            <v>ﾖｼﾑﾗ ｹﾝﾀﾛｳ</v>
          </cell>
          <cell r="CT793" t="str">
            <v>吉村  健太郎</v>
          </cell>
          <cell r="CU793" t="str">
            <v>情報管理課</v>
          </cell>
          <cell r="CW793">
            <v>6671361</v>
          </cell>
          <cell r="CX793" t="str">
            <v>主任</v>
          </cell>
          <cell r="CY793" t="str">
            <v>情報管理課長</v>
          </cell>
        </row>
        <row r="794">
          <cell r="B794">
            <v>3369</v>
          </cell>
          <cell r="C794" t="str">
            <v>東海鋼管(株)</v>
          </cell>
          <cell r="D794" t="str">
            <v>06-6226-3951</v>
          </cell>
          <cell r="E794" t="str">
            <v>541-0043</v>
          </cell>
          <cell r="F794" t="str">
            <v>大阪府大阪市中央区高麗橋3‐2‐7</v>
          </cell>
          <cell r="G794" t="str">
            <v>名古屋市</v>
          </cell>
          <cell r="H794" t="str">
            <v>大阪支店</v>
          </cell>
          <cell r="I794" t="str">
            <v>支店長 大浦　稚礼</v>
          </cell>
          <cell r="J794" t="str">
            <v>愛知県名古屋市</v>
          </cell>
          <cell r="K794" t="str">
            <v>06-6226-3961</v>
          </cell>
          <cell r="L794" t="str">
            <v>osaka@tokaikoukan.co.jp</v>
          </cell>
          <cell r="M794" t="str">
            <v>ﾄｳｶｲｺｳｶﾝ</v>
          </cell>
          <cell r="N794" t="str">
            <v>有</v>
          </cell>
          <cell r="O794">
            <v>31</v>
          </cell>
          <cell r="P794">
            <v>183</v>
          </cell>
          <cell r="Q794">
            <v>2180001014995</v>
          </cell>
          <cell r="R794">
            <v>40000</v>
          </cell>
          <cell r="S794">
            <v>1083543</v>
          </cell>
          <cell r="T794">
            <v>5019030</v>
          </cell>
          <cell r="V794" t="str">
            <v>ae991077</v>
          </cell>
          <cell r="W794" t="str">
            <v>xq232425</v>
          </cell>
          <cell r="X794" t="str">
            <v>防(清)(と)(鋼)(塗)(水)土と鋼塗水</v>
          </cell>
          <cell r="Y794" t="str">
            <v>防(清)(と)(鋼)(塗)(水)</v>
          </cell>
          <cell r="Z794" t="str">
            <v>土と鋼塗水</v>
          </cell>
          <cell r="AA794" t="str">
            <v>鋼構造物</v>
          </cell>
          <cell r="AB794" t="str">
            <v>水道施設</v>
          </cell>
          <cell r="AC794" t="str">
            <v/>
          </cell>
          <cell r="AD794" t="str">
            <v/>
          </cell>
          <cell r="AE794">
            <v>42267</v>
          </cell>
          <cell r="AF794" t="str">
            <v>希望しない</v>
          </cell>
          <cell r="AG794" t="str">
            <v>鋼構造物</v>
          </cell>
          <cell r="AH794" t="str">
            <v>特定</v>
          </cell>
          <cell r="AI794">
            <v>1016</v>
          </cell>
          <cell r="AJ794">
            <v>1432528</v>
          </cell>
          <cell r="AK794" t="str">
            <v>54(34)/10/0</v>
          </cell>
          <cell r="AL794" t="str">
            <v>水道施設</v>
          </cell>
          <cell r="AM794" t="str">
            <v>特定</v>
          </cell>
          <cell r="AN794">
            <v>1002</v>
          </cell>
          <cell r="AO794">
            <v>1084971</v>
          </cell>
          <cell r="AP794" t="str">
            <v>54(34)/10/0</v>
          </cell>
          <cell r="AQ794" t="str">
            <v/>
          </cell>
          <cell r="AR794" t="str">
            <v/>
          </cell>
          <cell r="AS794" t="str">
            <v/>
          </cell>
          <cell r="AT794" t="str">
            <v/>
          </cell>
          <cell r="AU794" t="str">
            <v/>
          </cell>
          <cell r="AV794" t="str">
            <v/>
          </cell>
          <cell r="AW794" t="str">
            <v/>
          </cell>
          <cell r="AX794" t="str">
            <v/>
          </cell>
          <cell r="AY794" t="str">
            <v/>
          </cell>
          <cell r="AZ794" t="str">
            <v/>
          </cell>
          <cell r="BA794" t="str">
            <v>愛知県</v>
          </cell>
          <cell r="BB794">
            <v>0</v>
          </cell>
          <cell r="CR794">
            <v>5976</v>
          </cell>
          <cell r="CS794" t="str">
            <v>ﾐﾅﾐｶﾜ ｼｹﾞｷ</v>
          </cell>
          <cell r="CT794" t="str">
            <v>南川  茂樹</v>
          </cell>
          <cell r="CU794" t="str">
            <v>運輸サービス課</v>
          </cell>
          <cell r="CW794">
            <v>6761</v>
          </cell>
          <cell r="CX794" t="str">
            <v xml:space="preserve"> </v>
          </cell>
          <cell r="CY794" t="str">
            <v>運輸サービス課長</v>
          </cell>
        </row>
        <row r="795">
          <cell r="B795">
            <v>3371</v>
          </cell>
          <cell r="C795" t="str">
            <v>東海鑿泉(株)</v>
          </cell>
          <cell r="D795" t="str">
            <v>06-6472-4551</v>
          </cell>
          <cell r="E795" t="str">
            <v>555-0001</v>
          </cell>
          <cell r="F795" t="str">
            <v>大阪府大阪市西淀川区佃1-24-19</v>
          </cell>
          <cell r="G795" t="str">
            <v>大阪市</v>
          </cell>
          <cell r="H795" t="str">
            <v/>
          </cell>
          <cell r="I795" t="str">
            <v>代表取締役 鈴木　正雄</v>
          </cell>
          <cell r="J795" t="str">
            <v>本店</v>
          </cell>
          <cell r="K795" t="str">
            <v>06-6472-5168</v>
          </cell>
          <cell r="L795" t="str">
            <v>info@toukaisakusen.co.jp</v>
          </cell>
          <cell r="M795" t="str">
            <v>ﾄｳｶｲｻｸｾﾝ</v>
          </cell>
          <cell r="N795" t="str">
            <v>無</v>
          </cell>
          <cell r="O795">
            <v>68</v>
          </cell>
          <cell r="P795">
            <v>16</v>
          </cell>
          <cell r="Q795">
            <v>1120001050213</v>
          </cell>
          <cell r="R795">
            <v>45000</v>
          </cell>
          <cell r="S795">
            <v>784047</v>
          </cell>
          <cell r="T795">
            <v>214436</v>
          </cell>
          <cell r="V795" t="str">
            <v>jm247450</v>
          </cell>
          <cell r="W795" t="str">
            <v>kb132249</v>
          </cell>
          <cell r="X795" t="str">
            <v>管井</v>
          </cell>
          <cell r="Y795" t="str">
            <v>管</v>
          </cell>
          <cell r="Z795" t="str">
            <v>井</v>
          </cell>
          <cell r="AA795" t="str">
            <v>さく井</v>
          </cell>
          <cell r="AB795" t="str">
            <v>管</v>
          </cell>
          <cell r="AC795" t="str">
            <v/>
          </cell>
          <cell r="AD795" t="str">
            <v/>
          </cell>
          <cell r="AE795">
            <v>43312</v>
          </cell>
          <cell r="AF795" t="str">
            <v>希望しない</v>
          </cell>
          <cell r="AG795" t="str">
            <v>さく井</v>
          </cell>
          <cell r="AH795" t="str">
            <v>特定</v>
          </cell>
          <cell r="AI795">
            <v>871</v>
          </cell>
          <cell r="AJ795">
            <v>203827</v>
          </cell>
          <cell r="AK795" t="str">
            <v>0(0)/13/0</v>
          </cell>
          <cell r="AL795" t="str">
            <v>管</v>
          </cell>
          <cell r="AM795" t="str">
            <v>一般</v>
          </cell>
          <cell r="AN795">
            <v>760</v>
          </cell>
          <cell r="AO795">
            <v>4848</v>
          </cell>
          <cell r="AP795" t="str">
            <v>3(3)/0/4</v>
          </cell>
          <cell r="AQ795" t="str">
            <v/>
          </cell>
          <cell r="AR795" t="str">
            <v/>
          </cell>
          <cell r="AS795" t="str">
            <v/>
          </cell>
          <cell r="AT795" t="str">
            <v/>
          </cell>
          <cell r="AU795" t="str">
            <v/>
          </cell>
          <cell r="AV795" t="str">
            <v/>
          </cell>
          <cell r="AW795" t="str">
            <v/>
          </cell>
          <cell r="AX795" t="str">
            <v/>
          </cell>
          <cell r="AY795" t="str">
            <v/>
          </cell>
          <cell r="AZ795" t="str">
            <v/>
          </cell>
          <cell r="BA795" t="str">
            <v>大阪府</v>
          </cell>
          <cell r="BB795">
            <v>0</v>
          </cell>
          <cell r="CR795">
            <v>6014</v>
          </cell>
          <cell r="CS795" t="str">
            <v>ﾋﾗﾂｶ ﾏｻﾋﾛ</v>
          </cell>
          <cell r="CT795" t="str">
            <v>平塚  正弘</v>
          </cell>
          <cell r="CU795" t="str">
            <v xml:space="preserve"> </v>
          </cell>
          <cell r="CW795" t="str">
            <v xml:space="preserve"> </v>
          </cell>
          <cell r="CX795" t="str">
            <v>病院長</v>
          </cell>
          <cell r="CY795" t="str">
            <v>　</v>
          </cell>
        </row>
        <row r="796">
          <cell r="B796">
            <v>3372</v>
          </cell>
          <cell r="C796" t="str">
            <v>東海リース(株)</v>
          </cell>
          <cell r="D796" t="str">
            <v>078-334-4877</v>
          </cell>
          <cell r="E796" t="str">
            <v>650-0023</v>
          </cell>
          <cell r="F796" t="str">
            <v>兵庫県神戸市中央区栄町通3-6-7</v>
          </cell>
          <cell r="G796" t="str">
            <v>大阪市</v>
          </cell>
          <cell r="H796" t="str">
            <v>神戸支店</v>
          </cell>
          <cell r="I796" t="str">
            <v>支店長 茶谷　靖雄</v>
          </cell>
          <cell r="J796" t="str">
            <v>大阪府大阪市</v>
          </cell>
          <cell r="K796" t="str">
            <v>078-334-4866</v>
          </cell>
          <cell r="L796" t="str">
            <v>kc@tokai-lease.co.jp</v>
          </cell>
          <cell r="M796" t="str">
            <v>ﾄｳｶｲﾘｰｽ</v>
          </cell>
          <cell r="N796" t="str">
            <v>有</v>
          </cell>
          <cell r="O796">
            <v>48</v>
          </cell>
          <cell r="P796">
            <v>355</v>
          </cell>
          <cell r="Q796">
            <v>7120001067607</v>
          </cell>
          <cell r="R796">
            <v>8032668</v>
          </cell>
          <cell r="S796">
            <v>14807369</v>
          </cell>
          <cell r="T796">
            <v>14709261</v>
          </cell>
          <cell r="V796" t="str">
            <v>zz418489</v>
          </cell>
          <cell r="W796" t="str">
            <v>gj712044</v>
          </cell>
          <cell r="X796" t="str">
            <v>大(建)(大)(と)(屋)(タ)(内)建と屋タ内</v>
          </cell>
          <cell r="Y796" t="str">
            <v>大(建)(大)(と)(屋)(タ)(内)</v>
          </cell>
          <cell r="Z796" t="str">
            <v>建と屋タ内</v>
          </cell>
          <cell r="AA796" t="str">
            <v>建築一式</v>
          </cell>
          <cell r="AB796" t="str">
            <v/>
          </cell>
          <cell r="AC796" t="str">
            <v/>
          </cell>
          <cell r="AD796" t="str">
            <v/>
          </cell>
          <cell r="AE796">
            <v>43190</v>
          </cell>
          <cell r="AF796" t="str">
            <v/>
          </cell>
          <cell r="AG796" t="str">
            <v>建築一式</v>
          </cell>
          <cell r="AH796" t="str">
            <v>特定</v>
          </cell>
          <cell r="AI796">
            <v>1255</v>
          </cell>
          <cell r="AJ796">
            <v>6511583</v>
          </cell>
          <cell r="AK796" t="str">
            <v>42(20)/48/86</v>
          </cell>
          <cell r="AL796" t="str">
            <v/>
          </cell>
          <cell r="AM796" t="str">
            <v/>
          </cell>
          <cell r="AN796" t="str">
            <v/>
          </cell>
          <cell r="AO796" t="str">
            <v/>
          </cell>
          <cell r="AP796" t="str">
            <v/>
          </cell>
          <cell r="AQ796" t="str">
            <v/>
          </cell>
          <cell r="AR796" t="str">
            <v/>
          </cell>
          <cell r="AS796" t="str">
            <v/>
          </cell>
          <cell r="AT796" t="str">
            <v/>
          </cell>
          <cell r="AU796" t="str">
            <v/>
          </cell>
          <cell r="AV796" t="str">
            <v/>
          </cell>
          <cell r="AW796" t="str">
            <v/>
          </cell>
          <cell r="AX796" t="str">
            <v/>
          </cell>
          <cell r="AY796" t="str">
            <v/>
          </cell>
          <cell r="AZ796" t="str">
            <v/>
          </cell>
          <cell r="BA796" t="str">
            <v>大阪府</v>
          </cell>
          <cell r="BB796">
            <v>0</v>
          </cell>
          <cell r="CR796">
            <v>6016</v>
          </cell>
          <cell r="CS796" t="str">
            <v>ｲｼﾀﾞ ﾘﾖｳｲﾁ</v>
          </cell>
          <cell r="CT796" t="str">
            <v>石田  亮一</v>
          </cell>
          <cell r="CU796" t="str">
            <v>総務課</v>
          </cell>
          <cell r="CW796">
            <v>2469</v>
          </cell>
          <cell r="CX796" t="str">
            <v>主査</v>
          </cell>
          <cell r="CY796" t="str">
            <v>総務課長</v>
          </cell>
        </row>
        <row r="797">
          <cell r="B797">
            <v>3373</v>
          </cell>
          <cell r="C797" t="str">
            <v>東急建設(株)</v>
          </cell>
          <cell r="D797" t="str">
            <v>06-6377-6566</v>
          </cell>
          <cell r="E797" t="str">
            <v>531-8519</v>
          </cell>
          <cell r="F797" t="str">
            <v>大阪府大阪市北区豊崎3-19-3</v>
          </cell>
          <cell r="G797" t="str">
            <v/>
          </cell>
          <cell r="H797" t="str">
            <v>関西支店</v>
          </cell>
          <cell r="I797" t="str">
            <v>執行役員支店長 池戸　正明</v>
          </cell>
          <cell r="J797" t="str">
            <v>東京都</v>
          </cell>
          <cell r="K797" t="str">
            <v>06-6377-6641</v>
          </cell>
          <cell r="L797" t="str">
            <v>yoshida.yuka@tokyu-cnst.co.jp</v>
          </cell>
          <cell r="M797" t="str">
            <v>ﾄｳｷｭｳｹﾝｾﾂ</v>
          </cell>
          <cell r="N797" t="str">
            <v>有</v>
          </cell>
          <cell r="O797">
            <v>68</v>
          </cell>
          <cell r="P797">
            <v>2541</v>
          </cell>
          <cell r="Q797">
            <v>9011001040166</v>
          </cell>
          <cell r="R797">
            <v>16354447</v>
          </cell>
          <cell r="S797">
            <v>71351920</v>
          </cell>
          <cell r="T797">
            <v>270748989</v>
          </cell>
          <cell r="V797" t="str">
            <v>ss115433</v>
          </cell>
          <cell r="W797" t="str">
            <v>sa337529</v>
          </cell>
          <cell r="X797" t="str">
            <v>(清)(建)(大)(と)(石)(屋)(管)(タ)(鋼)(舗)(浚)(塗)(防)(内)(園)(水)土建大と石屋電管タ鋼舗浚塗防内機通園水</v>
          </cell>
          <cell r="Y797" t="str">
            <v>(清)(建)(大)(と)(石)(屋)(管)(タ)(鋼)(舗)(浚)(塗)(防)(内)(園)(水)</v>
          </cell>
          <cell r="Z797" t="str">
            <v>土建大と石屋電管タ鋼舗浚塗防内機通園水</v>
          </cell>
          <cell r="AA797" t="str">
            <v>建築一式</v>
          </cell>
          <cell r="AB797" t="str">
            <v>土木一式</v>
          </cell>
          <cell r="AC797" t="str">
            <v/>
          </cell>
          <cell r="AD797" t="str">
            <v/>
          </cell>
          <cell r="AE797">
            <v>43190</v>
          </cell>
          <cell r="AF797" t="str">
            <v>希望しない</v>
          </cell>
          <cell r="AG797" t="str">
            <v>建築一式</v>
          </cell>
          <cell r="AH797" t="str">
            <v>特定</v>
          </cell>
          <cell r="AI797">
            <v>1858</v>
          </cell>
          <cell r="AJ797">
            <v>195280949</v>
          </cell>
          <cell r="AK797" t="str">
            <v>888(516)/23/141</v>
          </cell>
          <cell r="AL797" t="str">
            <v>土木一式</v>
          </cell>
          <cell r="AM797" t="str">
            <v>特定</v>
          </cell>
          <cell r="AN797">
            <v>1789</v>
          </cell>
          <cell r="AO797">
            <v>70718489</v>
          </cell>
          <cell r="AP797" t="str">
            <v>580(411)/11/67</v>
          </cell>
          <cell r="AQ797" t="str">
            <v/>
          </cell>
          <cell r="AR797" t="str">
            <v/>
          </cell>
          <cell r="AS797" t="str">
            <v/>
          </cell>
          <cell r="AT797" t="str">
            <v/>
          </cell>
          <cell r="AU797" t="str">
            <v/>
          </cell>
          <cell r="AV797" t="str">
            <v/>
          </cell>
          <cell r="AW797" t="str">
            <v/>
          </cell>
          <cell r="AX797" t="str">
            <v/>
          </cell>
          <cell r="AY797" t="str">
            <v/>
          </cell>
          <cell r="AZ797" t="str">
            <v/>
          </cell>
          <cell r="BA797" t="str">
            <v>東京都</v>
          </cell>
          <cell r="BB797">
            <v>0</v>
          </cell>
          <cell r="CR797">
            <v>6019</v>
          </cell>
          <cell r="CS797" t="str">
            <v>ﾅｶﾑﾗ ﾀﾛｳ</v>
          </cell>
          <cell r="CT797" t="str">
            <v>中村  太郎</v>
          </cell>
          <cell r="CU797" t="str">
            <v>後期医療福祉課</v>
          </cell>
          <cell r="CW797">
            <v>2746</v>
          </cell>
          <cell r="CX797" t="str">
            <v>主任</v>
          </cell>
          <cell r="CY797" t="str">
            <v>後期医療福祉課長</v>
          </cell>
        </row>
        <row r="798">
          <cell r="B798">
            <v>3377</v>
          </cell>
          <cell r="C798" t="str">
            <v>東光園緑化(株)</v>
          </cell>
          <cell r="D798" t="str">
            <v>078-846-1383</v>
          </cell>
          <cell r="E798" t="str">
            <v>658-1132</v>
          </cell>
          <cell r="F798" t="str">
            <v>兵庫県東灘区向洋町中7-2-1-4-1403</v>
          </cell>
          <cell r="G798" t="str">
            <v/>
          </cell>
          <cell r="H798" t="str">
            <v>神戸営業所</v>
          </cell>
          <cell r="I798" t="str">
            <v>所長 松田　珠樹</v>
          </cell>
          <cell r="J798" t="str">
            <v>東京都</v>
          </cell>
          <cell r="K798" t="str">
            <v>078-846-1393</v>
          </cell>
          <cell r="L798" t="str">
            <v>nagao@tokoen.jp</v>
          </cell>
          <cell r="M798" t="str">
            <v>ﾄｳｺｳｴﾝﾘｮｸｶ</v>
          </cell>
          <cell r="N798" t="str">
            <v>有</v>
          </cell>
          <cell r="O798">
            <v>68</v>
          </cell>
          <cell r="P798">
            <v>49</v>
          </cell>
          <cell r="Q798">
            <v>8011001015292</v>
          </cell>
          <cell r="R798">
            <v>70000</v>
          </cell>
          <cell r="S798">
            <v>152249</v>
          </cell>
          <cell r="T798">
            <v>1742973</v>
          </cell>
          <cell r="V798" t="str">
            <v>tq398654</v>
          </cell>
          <cell r="W798" t="str">
            <v>zv135967</v>
          </cell>
          <cell r="X798" t="str">
            <v>建タ(園)土と石舗園水</v>
          </cell>
          <cell r="Y798" t="str">
            <v>建タ(園)</v>
          </cell>
          <cell r="Z798" t="str">
            <v>土と石舗園水</v>
          </cell>
          <cell r="AA798" t="str">
            <v>造園</v>
          </cell>
          <cell r="AB798" t="str">
            <v/>
          </cell>
          <cell r="AC798" t="str">
            <v/>
          </cell>
          <cell r="AD798" t="str">
            <v/>
          </cell>
          <cell r="AE798">
            <v>43343</v>
          </cell>
          <cell r="AF798" t="str">
            <v/>
          </cell>
          <cell r="AG798" t="str">
            <v>造園</v>
          </cell>
          <cell r="AH798" t="str">
            <v>特定</v>
          </cell>
          <cell r="AI798">
            <v>1069</v>
          </cell>
          <cell r="AJ798">
            <v>1459149</v>
          </cell>
          <cell r="AK798" t="str">
            <v>25(23)/9/2</v>
          </cell>
          <cell r="AL798" t="str">
            <v/>
          </cell>
          <cell r="AM798" t="str">
            <v/>
          </cell>
          <cell r="AN798" t="str">
            <v/>
          </cell>
          <cell r="AO798" t="str">
            <v/>
          </cell>
          <cell r="AP798" t="str">
            <v/>
          </cell>
          <cell r="AQ798" t="str">
            <v/>
          </cell>
          <cell r="AR798" t="str">
            <v/>
          </cell>
          <cell r="AS798" t="str">
            <v/>
          </cell>
          <cell r="AT798" t="str">
            <v/>
          </cell>
          <cell r="AU798" t="str">
            <v/>
          </cell>
          <cell r="AV798" t="str">
            <v/>
          </cell>
          <cell r="AW798" t="str">
            <v/>
          </cell>
          <cell r="AX798" t="str">
            <v/>
          </cell>
          <cell r="AY798" t="str">
            <v/>
          </cell>
          <cell r="AZ798" t="str">
            <v/>
          </cell>
          <cell r="BA798" t="str">
            <v>東京都</v>
          </cell>
        </row>
        <row r="799">
          <cell r="B799">
            <v>3379</v>
          </cell>
          <cell r="C799" t="str">
            <v>東光電気工事(株)</v>
          </cell>
          <cell r="D799" t="str">
            <v>078-332-4365</v>
          </cell>
          <cell r="E799" t="str">
            <v>650-0004</v>
          </cell>
          <cell r="F799" t="str">
            <v>兵庫県神戸市中央区中山手通2-1-8</v>
          </cell>
          <cell r="G799" t="str">
            <v/>
          </cell>
          <cell r="H799" t="str">
            <v>神戸営業所</v>
          </cell>
          <cell r="I799" t="str">
            <v>所長 姫野　隆</v>
          </cell>
          <cell r="J799" t="str">
            <v>東京都</v>
          </cell>
          <cell r="K799" t="str">
            <v>078-332-4390</v>
          </cell>
          <cell r="L799" t="str">
            <v>himeno-ta@act.tokodenko.co.jp</v>
          </cell>
          <cell r="M799" t="str">
            <v>ﾄｳｺｳﾃﾞﾝｷｺｳｼﾞ</v>
          </cell>
          <cell r="N799" t="str">
            <v>有</v>
          </cell>
          <cell r="O799">
            <v>68</v>
          </cell>
          <cell r="P799">
            <v>1187</v>
          </cell>
          <cell r="Q799">
            <v>1010001024087</v>
          </cell>
          <cell r="R799">
            <v>1134000</v>
          </cell>
          <cell r="S799">
            <v>64128276</v>
          </cell>
          <cell r="T799">
            <v>101560000</v>
          </cell>
          <cell r="V799" t="str">
            <v>wt972233</v>
          </cell>
          <cell r="W799" t="str">
            <v>wx419767</v>
          </cell>
          <cell r="X799" t="str">
            <v>(清)(左)(鋼)(管)(内)鉄舗ガ内機通井清(清)(左)(鋼)</v>
          </cell>
          <cell r="Y799" t="str">
            <v>(清)(左)(鋼)(管)(内)</v>
          </cell>
          <cell r="Z799" t="str">
            <v>鉄舗ガ内機通井清(清)(左)(鋼)</v>
          </cell>
          <cell r="AA799" t="str">
            <v/>
          </cell>
          <cell r="AB799" t="str">
            <v/>
          </cell>
          <cell r="AC799">
            <v>93219186</v>
          </cell>
          <cell r="AD799" t="str">
            <v/>
          </cell>
          <cell r="AE799" t="str">
            <v/>
          </cell>
          <cell r="AF799" t="str">
            <v/>
          </cell>
          <cell r="AG799" t="str">
            <v/>
          </cell>
          <cell r="AH799" t="str">
            <v/>
          </cell>
          <cell r="AI799" t="str">
            <v/>
          </cell>
          <cell r="AJ799" t="str">
            <v/>
          </cell>
          <cell r="AK799" t="str">
            <v/>
          </cell>
          <cell r="AL799" t="str">
            <v/>
          </cell>
          <cell r="AM799" t="str">
            <v/>
          </cell>
          <cell r="AN799" t="str">
            <v/>
          </cell>
          <cell r="AO799" t="str">
            <v/>
          </cell>
          <cell r="AP799" t="str">
            <v/>
          </cell>
          <cell r="AQ799">
            <v>93219186</v>
          </cell>
          <cell r="AR799" t="str">
            <v>646(462)</v>
          </cell>
          <cell r="AS799">
            <v>2</v>
          </cell>
          <cell r="AT799">
            <v>44</v>
          </cell>
          <cell r="AU799" t="str">
            <v>//</v>
          </cell>
          <cell r="AV799" t="str">
            <v/>
          </cell>
          <cell r="AW799" t="str">
            <v>()</v>
          </cell>
          <cell r="AX799" t="str">
            <v/>
          </cell>
          <cell r="AY799" t="str">
            <v/>
          </cell>
          <cell r="AZ799" t="str">
            <v/>
          </cell>
          <cell r="BA799" t="str">
            <v>東京都</v>
          </cell>
          <cell r="BB799">
            <v>0</v>
          </cell>
          <cell r="CR799">
            <v>6021</v>
          </cell>
          <cell r="CS799" t="str">
            <v>ﾔﾏﾈ ｱｻｺ</v>
          </cell>
          <cell r="CT799" t="str">
            <v>山根  朝子</v>
          </cell>
          <cell r="CU799" t="str">
            <v>法制課</v>
          </cell>
          <cell r="CW799">
            <v>2385</v>
          </cell>
          <cell r="CX799" t="str">
            <v>主任</v>
          </cell>
          <cell r="CY799" t="str">
            <v>法制課長</v>
          </cell>
        </row>
        <row r="800">
          <cell r="B800">
            <v>3381</v>
          </cell>
          <cell r="C800" t="str">
            <v>東芝エレベータ(株)</v>
          </cell>
          <cell r="D800" t="str">
            <v>078-332-3040</v>
          </cell>
          <cell r="E800" t="str">
            <v>650-0024</v>
          </cell>
          <cell r="F800" t="str">
            <v>兵庫県神戸市中央区海岸通3</v>
          </cell>
          <cell r="G800" t="str">
            <v>川崎市</v>
          </cell>
          <cell r="H800" t="str">
            <v>兵庫支店</v>
          </cell>
          <cell r="I800" t="str">
            <v>支店長 下村　信史</v>
          </cell>
          <cell r="J800" t="str">
            <v>神奈川県川崎市</v>
          </cell>
          <cell r="K800" t="str">
            <v>078-332-3035</v>
          </cell>
          <cell r="L800" t="str">
            <v>masayo.nishiumi@glb.toshiba.co.jp</v>
          </cell>
          <cell r="M800" t="str">
            <v>ﾄｳｼﾊﾞｴﾚﾍﾞｰﾀ</v>
          </cell>
          <cell r="N800" t="str">
            <v>有</v>
          </cell>
          <cell r="O800">
            <v>47</v>
          </cell>
          <cell r="P800">
            <v>5359</v>
          </cell>
          <cell r="Q800">
            <v>5010701006785</v>
          </cell>
          <cell r="R800">
            <v>21407728</v>
          </cell>
          <cell r="S800">
            <v>55273526</v>
          </cell>
          <cell r="T800">
            <v>145021219</v>
          </cell>
          <cell r="V800" t="str">
            <v>gu797886</v>
          </cell>
          <cell r="W800" t="str">
            <v>rp240048</v>
          </cell>
          <cell r="X800" t="str">
            <v>通消(機)建電管塗防機</v>
          </cell>
          <cell r="Y800" t="str">
            <v>通消(機)</v>
          </cell>
          <cell r="Z800" t="str">
            <v>建電管塗防機</v>
          </cell>
          <cell r="AA800" t="str">
            <v>機械器具</v>
          </cell>
          <cell r="AB800" t="str">
            <v/>
          </cell>
          <cell r="AC800" t="str">
            <v/>
          </cell>
          <cell r="AD800" t="str">
            <v/>
          </cell>
          <cell r="AE800">
            <v>43190</v>
          </cell>
          <cell r="AF800" t="str">
            <v/>
          </cell>
          <cell r="AG800" t="str">
            <v>機械器具</v>
          </cell>
          <cell r="AH800" t="str">
            <v>特定</v>
          </cell>
          <cell r="AI800">
            <v>2022</v>
          </cell>
          <cell r="AJ800">
            <v>51895731</v>
          </cell>
          <cell r="AK800" t="str">
            <v>0(0)/0/441</v>
          </cell>
          <cell r="AL800" t="str">
            <v/>
          </cell>
          <cell r="AM800" t="str">
            <v/>
          </cell>
          <cell r="AN800" t="str">
            <v/>
          </cell>
          <cell r="AO800" t="str">
            <v/>
          </cell>
          <cell r="AP800" t="str">
            <v/>
          </cell>
          <cell r="AQ800" t="str">
            <v/>
          </cell>
          <cell r="AR800" t="str">
            <v/>
          </cell>
          <cell r="AS800" t="str">
            <v/>
          </cell>
          <cell r="AT800" t="str">
            <v/>
          </cell>
          <cell r="AU800" t="str">
            <v/>
          </cell>
          <cell r="AV800" t="str">
            <v/>
          </cell>
          <cell r="AW800" t="str">
            <v/>
          </cell>
          <cell r="AX800" t="str">
            <v/>
          </cell>
          <cell r="AY800" t="str">
            <v/>
          </cell>
          <cell r="AZ800" t="str">
            <v/>
          </cell>
          <cell r="BA800" t="str">
            <v>神奈川県</v>
          </cell>
          <cell r="BB800">
            <v>0</v>
          </cell>
          <cell r="CR800">
            <v>6022</v>
          </cell>
          <cell r="CS800" t="str">
            <v>ｶﾜﾆｼ ﾕﾐ</v>
          </cell>
          <cell r="CT800" t="str">
            <v>川西  悠美</v>
          </cell>
          <cell r="CU800" t="str">
            <v>施設課</v>
          </cell>
          <cell r="CW800">
            <v>4266</v>
          </cell>
          <cell r="CX800" t="str">
            <v>主任</v>
          </cell>
          <cell r="CY800" t="str">
            <v>施設課長</v>
          </cell>
        </row>
        <row r="801">
          <cell r="B801">
            <v>3383</v>
          </cell>
          <cell r="C801" t="str">
            <v>Ｄｙｎａｂｏｏｋ(株)</v>
          </cell>
          <cell r="D801" t="str">
            <v>06-6426-6700</v>
          </cell>
          <cell r="E801" t="str">
            <v>661-0981</v>
          </cell>
          <cell r="F801" t="str">
            <v>兵庫県尼崎市猪名寺3-2-10</v>
          </cell>
          <cell r="G801" t="str">
            <v/>
          </cell>
          <cell r="H801" t="str">
            <v>関西支社</v>
          </cell>
          <cell r="I801" t="str">
            <v>支社長 水野　勉</v>
          </cell>
          <cell r="J801" t="str">
            <v>東京都</v>
          </cell>
          <cell r="K801" t="str">
            <v>06-6426-6710</v>
          </cell>
          <cell r="L801" t="str">
            <v>tomoyuki2.matsuda@toshiba.co.jp</v>
          </cell>
          <cell r="M801" t="str">
            <v>ﾄｳｼﾊﾞｸﾗｲｱﾝﾄｿﾘｭｰｼｮﾝ</v>
          </cell>
          <cell r="N801" t="str">
            <v>有</v>
          </cell>
          <cell r="O801">
            <v>21</v>
          </cell>
          <cell r="P801">
            <v>824</v>
          </cell>
          <cell r="Q801">
            <v>8010601034867</v>
          </cell>
          <cell r="R801">
            <v>17160000</v>
          </cell>
          <cell r="S801">
            <v>-6328883</v>
          </cell>
          <cell r="T801">
            <v>146680595</v>
          </cell>
          <cell r="V801" t="str">
            <v>nn819910</v>
          </cell>
          <cell r="W801" t="str">
            <v>ez110319</v>
          </cell>
          <cell r="X801" t="str">
            <v>電通(電)(通)</v>
          </cell>
          <cell r="Y801" t="str">
            <v>電通(電)(通)</v>
          </cell>
          <cell r="Z801" t="str">
            <v/>
          </cell>
          <cell r="AA801" t="str">
            <v>電気通信</v>
          </cell>
          <cell r="AB801" t="str">
            <v>電気</v>
          </cell>
          <cell r="AC801" t="str">
            <v/>
          </cell>
          <cell r="AD801" t="str">
            <v/>
          </cell>
          <cell r="AE801">
            <v>43190</v>
          </cell>
          <cell r="AF801" t="str">
            <v>希望しない</v>
          </cell>
          <cell r="AG801" t="str">
            <v>電気通信</v>
          </cell>
          <cell r="AH801" t="str">
            <v>一般</v>
          </cell>
          <cell r="AI801">
            <v>701</v>
          </cell>
          <cell r="AJ801">
            <v>46941</v>
          </cell>
          <cell r="AK801" t="str">
            <v>0(0)/0/124</v>
          </cell>
          <cell r="AL801" t="str">
            <v>電気</v>
          </cell>
          <cell r="AM801" t="str">
            <v>一般</v>
          </cell>
          <cell r="AN801">
            <v>614</v>
          </cell>
          <cell r="AO801">
            <v>1842</v>
          </cell>
          <cell r="AP801" t="str">
            <v>2(0)/20/47</v>
          </cell>
          <cell r="AQ801" t="str">
            <v/>
          </cell>
          <cell r="AR801" t="str">
            <v/>
          </cell>
          <cell r="AS801" t="str">
            <v/>
          </cell>
          <cell r="AT801" t="str">
            <v/>
          </cell>
          <cell r="AU801" t="str">
            <v/>
          </cell>
          <cell r="AV801" t="str">
            <v/>
          </cell>
          <cell r="AW801" t="str">
            <v/>
          </cell>
          <cell r="AX801" t="str">
            <v/>
          </cell>
          <cell r="AY801" t="str">
            <v/>
          </cell>
          <cell r="AZ801" t="str">
            <v/>
          </cell>
          <cell r="BA801" t="str">
            <v>東京都</v>
          </cell>
          <cell r="BB801">
            <v>0</v>
          </cell>
          <cell r="CR801">
            <v>6024</v>
          </cell>
          <cell r="CS801" t="str">
            <v>ﾔﾉ ﾕｷ</v>
          </cell>
          <cell r="CT801" t="str">
            <v>弥野  ゆ紀</v>
          </cell>
          <cell r="CU801" t="str">
            <v>健康政策課</v>
          </cell>
          <cell r="CW801">
            <v>2556</v>
          </cell>
          <cell r="CX801" t="str">
            <v>主査</v>
          </cell>
          <cell r="CY801" t="str">
            <v>健康政策課長</v>
          </cell>
        </row>
        <row r="802">
          <cell r="B802">
            <v>3384</v>
          </cell>
          <cell r="C802" t="str">
            <v>東芝インフラシステムズ(株)</v>
          </cell>
          <cell r="D802" t="str">
            <v>06-6130-2215</v>
          </cell>
          <cell r="E802" t="str">
            <v>530-0017</v>
          </cell>
          <cell r="F802" t="str">
            <v>大阪府大阪市北区角田町8-1</v>
          </cell>
          <cell r="G802" t="str">
            <v>川崎市</v>
          </cell>
          <cell r="H802" t="str">
            <v>関西支社</v>
          </cell>
          <cell r="I802" t="str">
            <v>関西支社長 江尻　昌弘</v>
          </cell>
          <cell r="J802" t="str">
            <v>神奈川県川崎市</v>
          </cell>
          <cell r="K802" t="str">
            <v>06-6130-1104</v>
          </cell>
          <cell r="L802" t="str">
            <v>br-knsi10@ml.toshiba.co.jp</v>
          </cell>
          <cell r="M802" t="str">
            <v>ﾄｳｼﾊﾞｲﾝﾌﾗｼｽﾃﾑｽﾞ</v>
          </cell>
          <cell r="N802" t="str">
            <v>有</v>
          </cell>
          <cell r="O802">
            <v>30</v>
          </cell>
          <cell r="P802">
            <v>7442</v>
          </cell>
          <cell r="Q802">
            <v>2011101014084</v>
          </cell>
          <cell r="R802">
            <v>10000000</v>
          </cell>
          <cell r="S802">
            <v>139086000</v>
          </cell>
          <cell r="T802">
            <v>431013000</v>
          </cell>
          <cell r="V802" t="str">
            <v>tj212536</v>
          </cell>
          <cell r="W802" t="str">
            <v>fx501641</v>
          </cell>
          <cell r="X802" t="str">
            <v>(電)(機)(通)電管機通水</v>
          </cell>
          <cell r="Y802" t="str">
            <v>(電)(機)(通)</v>
          </cell>
          <cell r="Z802" t="str">
            <v>電管機通水</v>
          </cell>
          <cell r="AA802" t="str">
            <v>電気</v>
          </cell>
          <cell r="AB802" t="str">
            <v>電気通信</v>
          </cell>
          <cell r="AC802" t="str">
            <v>機械器具</v>
          </cell>
          <cell r="AD802" t="str">
            <v/>
          </cell>
          <cell r="AE802">
            <v>43190</v>
          </cell>
          <cell r="AF802" t="str">
            <v>希望しない</v>
          </cell>
          <cell r="AG802" t="str">
            <v>電気</v>
          </cell>
          <cell r="AH802" t="str">
            <v>特定</v>
          </cell>
          <cell r="AI802">
            <v>1821</v>
          </cell>
          <cell r="AJ802">
            <v>62050521</v>
          </cell>
          <cell r="AK802" t="str">
            <v>929(755)/197/57</v>
          </cell>
          <cell r="AL802" t="str">
            <v>電気通信</v>
          </cell>
          <cell r="AM802" t="str">
            <v>特定</v>
          </cell>
          <cell r="AN802">
            <v>1546</v>
          </cell>
          <cell r="AO802">
            <v>20961026</v>
          </cell>
          <cell r="AP802" t="str">
            <v>33(22)/0/69</v>
          </cell>
          <cell r="AQ802" t="str">
            <v>機械器具</v>
          </cell>
          <cell r="AR802" t="str">
            <v>特定</v>
          </cell>
          <cell r="AS802">
            <v>1149</v>
          </cell>
          <cell r="AT802">
            <v>171519</v>
          </cell>
          <cell r="AU802" t="str">
            <v>5(2)/0/4</v>
          </cell>
          <cell r="AV802" t="str">
            <v/>
          </cell>
          <cell r="AW802" t="str">
            <v/>
          </cell>
          <cell r="AX802" t="str">
            <v/>
          </cell>
          <cell r="AY802" t="str">
            <v/>
          </cell>
          <cell r="AZ802" t="str">
            <v/>
          </cell>
          <cell r="BA802" t="str">
            <v>神奈川県</v>
          </cell>
          <cell r="BB802">
            <v>0</v>
          </cell>
          <cell r="CR802">
            <v>6025</v>
          </cell>
          <cell r="CS802" t="str">
            <v>ﾐﾖｼ ﾃﾂｼﾞ</v>
          </cell>
          <cell r="CT802" t="str">
            <v>三好  哲司</v>
          </cell>
          <cell r="CU802" t="str">
            <v>保育課</v>
          </cell>
          <cell r="CW802" t="str">
            <v xml:space="preserve"> </v>
          </cell>
          <cell r="CX802" t="str">
            <v xml:space="preserve"> </v>
          </cell>
          <cell r="CY802" t="str">
            <v>保育課長</v>
          </cell>
        </row>
        <row r="803">
          <cell r="B803">
            <v>3385</v>
          </cell>
          <cell r="C803" t="str">
            <v>東芝通信インフラシステムズ(株)</v>
          </cell>
          <cell r="D803" t="str">
            <v>06-6252-3512</v>
          </cell>
          <cell r="E803" t="str">
            <v>660-0805</v>
          </cell>
          <cell r="F803" t="str">
            <v>大阪府大阪市中央区本町4-2-12</v>
          </cell>
          <cell r="G803" t="str">
            <v>府中市</v>
          </cell>
          <cell r="H803" t="str">
            <v>関西支店</v>
          </cell>
          <cell r="I803" t="str">
            <v>支店長 若村　直紀</v>
          </cell>
          <cell r="J803" t="str">
            <v>東京都府中市</v>
          </cell>
          <cell r="K803" t="str">
            <v>06-6252-3480</v>
          </cell>
          <cell r="L803" t="str">
            <v>TCIC-kansai@ml.toshiba.co.jp</v>
          </cell>
          <cell r="M803" t="str">
            <v>ﾄｳｼﾊﾞﾂｳｼﾝｲﾝﾌﾗｼｽﾃﾑｽﾞ</v>
          </cell>
          <cell r="N803" t="str">
            <v>有</v>
          </cell>
          <cell r="O803">
            <v>45</v>
          </cell>
          <cell r="P803">
            <v>268</v>
          </cell>
          <cell r="Q803">
            <v>1120000000000</v>
          </cell>
          <cell r="R803">
            <v>130000</v>
          </cell>
          <cell r="S803">
            <v>378042</v>
          </cell>
          <cell r="T803">
            <v>13253449</v>
          </cell>
          <cell r="V803" t="str">
            <v>xc264755</v>
          </cell>
          <cell r="W803" t="str">
            <v>jn882723</v>
          </cell>
          <cell r="X803" t="str">
            <v>(電)(機)(通)電管機通水</v>
          </cell>
          <cell r="Y803" t="str">
            <v>(電)(機)(通)</v>
          </cell>
          <cell r="Z803" t="str">
            <v>電管機通水</v>
          </cell>
          <cell r="AA803" t="str">
            <v>電気通信</v>
          </cell>
          <cell r="AB803" t="str">
            <v>電気</v>
          </cell>
          <cell r="AC803" t="str">
            <v/>
          </cell>
          <cell r="AD803" t="str">
            <v/>
          </cell>
          <cell r="AE803">
            <v>43190</v>
          </cell>
          <cell r="AF803" t="str">
            <v>希望しない</v>
          </cell>
          <cell r="AG803" t="str">
            <v>電気通信</v>
          </cell>
          <cell r="AH803" t="str">
            <v>特定</v>
          </cell>
          <cell r="AI803">
            <v>1101</v>
          </cell>
          <cell r="AJ803">
            <v>4221905</v>
          </cell>
          <cell r="AK803" t="str">
            <v>0(0)/0/152</v>
          </cell>
          <cell r="AL803" t="str">
            <v>電気</v>
          </cell>
          <cell r="AM803" t="str">
            <v>特定</v>
          </cell>
          <cell r="AN803">
            <v>1102</v>
          </cell>
          <cell r="AO803">
            <v>4512753</v>
          </cell>
          <cell r="AP803" t="str">
            <v>41(34)/23/3</v>
          </cell>
          <cell r="AQ803" t="str">
            <v/>
          </cell>
          <cell r="AR803" t="str">
            <v/>
          </cell>
          <cell r="AS803" t="str">
            <v/>
          </cell>
          <cell r="AT803" t="str">
            <v/>
          </cell>
          <cell r="AU803" t="str">
            <v/>
          </cell>
          <cell r="AV803" t="str">
            <v/>
          </cell>
          <cell r="AW803" t="str">
            <v/>
          </cell>
          <cell r="AX803" t="str">
            <v/>
          </cell>
          <cell r="AY803" t="str">
            <v/>
          </cell>
          <cell r="AZ803" t="str">
            <v/>
          </cell>
          <cell r="BA803" t="str">
            <v>東京都</v>
          </cell>
          <cell r="BB803">
            <v>0</v>
          </cell>
          <cell r="CR803">
            <v>6026</v>
          </cell>
          <cell r="CS803" t="str">
            <v>ﾔﾏﾓﾄ ｶﾂﾀﾞｲ</v>
          </cell>
          <cell r="CT803" t="str">
            <v>山本  賀津大</v>
          </cell>
          <cell r="CU803" t="str">
            <v>学校給食センター</v>
          </cell>
          <cell r="CW803" t="str">
            <v xml:space="preserve"> </v>
          </cell>
          <cell r="CX803" t="str">
            <v>業務主任</v>
          </cell>
          <cell r="CY803" t="str">
            <v>学校給食センター長</v>
          </cell>
        </row>
        <row r="804">
          <cell r="B804">
            <v>3386</v>
          </cell>
          <cell r="C804" t="str">
            <v>東芝プラントシステム(株)</v>
          </cell>
          <cell r="D804" t="str">
            <v>06-6130-2245</v>
          </cell>
          <cell r="E804" t="str">
            <v>530-0017</v>
          </cell>
          <cell r="F804" t="str">
            <v>大阪府大阪市北区角田町8-1</v>
          </cell>
          <cell r="G804" t="str">
            <v>横浜市</v>
          </cell>
          <cell r="H804" t="str">
            <v>関西支社</v>
          </cell>
          <cell r="I804" t="str">
            <v>支社長 小野　洋一</v>
          </cell>
          <cell r="J804" t="str">
            <v>神奈川県横浜市</v>
          </cell>
          <cell r="K804" t="str">
            <v>06-6130-1140</v>
          </cell>
          <cell r="L804" t="str">
            <v>TPSC-yja@toshiba-tpsc.co.jp</v>
          </cell>
          <cell r="M804" t="str">
            <v>ﾄｳｼﾊﾞﾌﾟﾗﾝﾄｼｽﾃﾑ</v>
          </cell>
          <cell r="N804" t="str">
            <v>有</v>
          </cell>
          <cell r="O804">
            <v>58</v>
          </cell>
          <cell r="P804">
            <v>3112</v>
          </cell>
          <cell r="Q804">
            <v>2020001086464</v>
          </cell>
          <cell r="R804">
            <v>11876021</v>
          </cell>
          <cell r="S804">
            <v>142508000</v>
          </cell>
          <cell r="T804">
            <v>196901000</v>
          </cell>
          <cell r="V804" t="str">
            <v>jh522529</v>
          </cell>
          <cell r="W804" t="str">
            <v>vz224848</v>
          </cell>
          <cell r="X804" t="str">
            <v>(電)(管)(通)(消)土建電管鋼機通</v>
          </cell>
          <cell r="Y804" t="str">
            <v>(電)(管)(通)(消)</v>
          </cell>
          <cell r="Z804" t="str">
            <v>土建電管鋼機通</v>
          </cell>
          <cell r="AA804" t="str">
            <v>電気</v>
          </cell>
          <cell r="AB804" t="str">
            <v>電気通信</v>
          </cell>
          <cell r="AC804" t="str">
            <v>管</v>
          </cell>
          <cell r="AD804" t="str">
            <v/>
          </cell>
          <cell r="AE804">
            <v>43190</v>
          </cell>
          <cell r="AF804" t="str">
            <v>希望しない</v>
          </cell>
          <cell r="AG804" t="str">
            <v>電気</v>
          </cell>
          <cell r="AH804" t="str">
            <v>特定</v>
          </cell>
          <cell r="AI804">
            <v>1923</v>
          </cell>
          <cell r="AJ804">
            <v>192056625</v>
          </cell>
          <cell r="AK804" t="str">
            <v>814(463)/140/80</v>
          </cell>
          <cell r="AL804" t="str">
            <v>電気通信</v>
          </cell>
          <cell r="AM804" t="str">
            <v>特定</v>
          </cell>
          <cell r="AN804">
            <v>1272</v>
          </cell>
          <cell r="AO804">
            <v>210310</v>
          </cell>
          <cell r="AP804" t="str">
            <v>3(2)/0/71</v>
          </cell>
          <cell r="AQ804" t="str">
            <v>管</v>
          </cell>
          <cell r="AR804" t="str">
            <v>特定</v>
          </cell>
          <cell r="AS804">
            <v>1505</v>
          </cell>
          <cell r="AT804">
            <v>2457033</v>
          </cell>
          <cell r="AU804" t="str">
            <v>179(65)/35/4</v>
          </cell>
          <cell r="AV804" t="str">
            <v/>
          </cell>
          <cell r="AW804" t="str">
            <v/>
          </cell>
          <cell r="AX804" t="str">
            <v/>
          </cell>
          <cell r="AY804" t="str">
            <v/>
          </cell>
          <cell r="AZ804" t="str">
            <v/>
          </cell>
          <cell r="BA804" t="str">
            <v>神奈川県</v>
          </cell>
          <cell r="BB804" t="str">
            <v>鶴見東芝ビル</v>
          </cell>
          <cell r="CR804">
            <v>6032</v>
          </cell>
          <cell r="CS804" t="str">
            <v>ｺｲｽﾞﾐ ｹﾝﾀﾛｳ</v>
          </cell>
          <cell r="CT804" t="str">
            <v>小泉  健太郎</v>
          </cell>
          <cell r="CU804" t="str">
            <v>情報管理課</v>
          </cell>
          <cell r="CW804">
            <v>6671361</v>
          </cell>
          <cell r="CX804" t="str">
            <v>主任</v>
          </cell>
          <cell r="CY804" t="str">
            <v>情報管理課長</v>
          </cell>
        </row>
        <row r="805">
          <cell r="B805">
            <v>3387</v>
          </cell>
          <cell r="C805" t="str">
            <v>東芝ライテック(株)</v>
          </cell>
          <cell r="D805" t="str">
            <v>06-6208-6111</v>
          </cell>
          <cell r="E805" t="str">
            <v>541-0043</v>
          </cell>
          <cell r="F805" t="str">
            <v>大阪府大阪市中央区高麗橋4-3-7</v>
          </cell>
          <cell r="G805" t="str">
            <v>川崎市</v>
          </cell>
          <cell r="H805" t="str">
            <v>関西営業所</v>
          </cell>
          <cell r="I805" t="str">
            <v>所長 杉島　直樹</v>
          </cell>
          <cell r="J805" t="str">
            <v>神奈川県川崎市</v>
          </cell>
          <cell r="K805" t="str">
            <v>06-6208-6118</v>
          </cell>
          <cell r="L805" t="str">
            <v xml:space="preserve">yosjihiro.nobusawa@toshiba.co.jp </v>
          </cell>
          <cell r="M805" t="str">
            <v>ﾄｳｼﾊﾞﾗｲﾃｯｸ</v>
          </cell>
          <cell r="N805" t="str">
            <v>有</v>
          </cell>
          <cell r="O805">
            <v>63</v>
          </cell>
          <cell r="P805">
            <v>2673</v>
          </cell>
          <cell r="Q805">
            <v>5021001044112</v>
          </cell>
          <cell r="R805">
            <v>6000000</v>
          </cell>
          <cell r="S805">
            <v>11400463</v>
          </cell>
          <cell r="T805">
            <v>99440820</v>
          </cell>
          <cell r="V805" t="str">
            <v>wy593425</v>
          </cell>
          <cell r="W805" t="str">
            <v>nw580895</v>
          </cell>
          <cell r="X805" t="str">
            <v>機通(電)(通)建電鋼内</v>
          </cell>
          <cell r="Y805" t="str">
            <v>機通(電)(通)</v>
          </cell>
          <cell r="Z805" t="str">
            <v>建電鋼内</v>
          </cell>
          <cell r="AA805" t="str">
            <v>電気</v>
          </cell>
          <cell r="AB805" t="str">
            <v/>
          </cell>
          <cell r="AC805" t="str">
            <v/>
          </cell>
          <cell r="AD805" t="str">
            <v/>
          </cell>
          <cell r="AE805">
            <v>43190</v>
          </cell>
          <cell r="AF805" t="str">
            <v>希望しない</v>
          </cell>
          <cell r="AG805" t="str">
            <v>電気</v>
          </cell>
          <cell r="AH805" t="str">
            <v>特定</v>
          </cell>
          <cell r="AI805">
            <v>1247</v>
          </cell>
          <cell r="AJ805">
            <v>908277</v>
          </cell>
          <cell r="AK805" t="str">
            <v>139(32)/7/22</v>
          </cell>
          <cell r="AL805" t="str">
            <v/>
          </cell>
          <cell r="AM805" t="str">
            <v/>
          </cell>
          <cell r="AN805" t="str">
            <v/>
          </cell>
          <cell r="AO805" t="str">
            <v/>
          </cell>
          <cell r="AP805" t="str">
            <v/>
          </cell>
          <cell r="AQ805" t="str">
            <v/>
          </cell>
          <cell r="AR805" t="str">
            <v/>
          </cell>
          <cell r="AS805" t="str">
            <v/>
          </cell>
          <cell r="AT805" t="str">
            <v/>
          </cell>
          <cell r="AU805" t="str">
            <v/>
          </cell>
          <cell r="AV805" t="str">
            <v/>
          </cell>
          <cell r="AW805" t="str">
            <v/>
          </cell>
          <cell r="AX805" t="str">
            <v/>
          </cell>
          <cell r="AY805" t="str">
            <v/>
          </cell>
          <cell r="AZ805" t="str">
            <v/>
          </cell>
          <cell r="BA805" t="str">
            <v>神奈川県</v>
          </cell>
          <cell r="BB805">
            <v>0</v>
          </cell>
          <cell r="CR805">
            <v>6033</v>
          </cell>
          <cell r="CS805" t="str">
            <v>ﾌｼﾞﾓﾄ ﾀｶﾕｷ</v>
          </cell>
          <cell r="CT805" t="str">
            <v>藤本  貴之</v>
          </cell>
          <cell r="CU805" t="str">
            <v>東消防署</v>
          </cell>
          <cell r="CW805">
            <v>668324</v>
          </cell>
          <cell r="CX805" t="str">
            <v>係長</v>
          </cell>
          <cell r="CY805" t="str">
            <v>東消防署長</v>
          </cell>
        </row>
        <row r="806">
          <cell r="B806">
            <v>3389</v>
          </cell>
          <cell r="C806" t="str">
            <v>(有)東阪アメニティ</v>
          </cell>
          <cell r="D806" t="str">
            <v>06-6721-7688</v>
          </cell>
          <cell r="E806" t="str">
            <v>577-0806</v>
          </cell>
          <cell r="F806" t="str">
            <v>大阪府東大阪市上小阪1-8-14</v>
          </cell>
          <cell r="G806" t="str">
            <v>東大阪市</v>
          </cell>
          <cell r="H806" t="str">
            <v/>
          </cell>
          <cell r="I806" t="str">
            <v>代表取締役 川上　鋼也</v>
          </cell>
          <cell r="J806" t="str">
            <v>本店</v>
          </cell>
          <cell r="K806" t="str">
            <v>06-6721-4466</v>
          </cell>
          <cell r="L806" t="str">
            <v>touhan-amenity@ia1.itkeeper.ne.jp</v>
          </cell>
          <cell r="M806" t="str">
            <v>ﾄｳﾊﾝｱﾒﾆﾃｨ</v>
          </cell>
          <cell r="N806" t="str">
            <v>無</v>
          </cell>
          <cell r="O806">
            <v>22</v>
          </cell>
          <cell r="P806">
            <v>9</v>
          </cell>
          <cell r="Q806">
            <v>6122002003376</v>
          </cell>
          <cell r="R806">
            <v>20000</v>
          </cell>
          <cell r="S806">
            <v>72337</v>
          </cell>
          <cell r="T806">
            <v>160228</v>
          </cell>
          <cell r="V806" t="str">
            <v>sv332670</v>
          </cell>
          <cell r="W806" t="str">
            <v>wr466102</v>
          </cell>
          <cell r="X806" t="str">
            <v>管土浚</v>
          </cell>
          <cell r="Y806" t="str">
            <v>管</v>
          </cell>
          <cell r="Z806" t="str">
            <v>土浚</v>
          </cell>
          <cell r="AA806" t="str">
            <v>土木一式</v>
          </cell>
          <cell r="AB806" t="str">
            <v>浚渫</v>
          </cell>
          <cell r="AC806" t="str">
            <v/>
          </cell>
          <cell r="AD806" t="str">
            <v/>
          </cell>
          <cell r="AE806">
            <v>43251</v>
          </cell>
          <cell r="AF806" t="str">
            <v>希望する</v>
          </cell>
          <cell r="AG806" t="str">
            <v>土木一式</v>
          </cell>
          <cell r="AH806" t="str">
            <v>特定</v>
          </cell>
          <cell r="AI806">
            <v>706</v>
          </cell>
          <cell r="AJ806">
            <v>57173</v>
          </cell>
          <cell r="AK806" t="str">
            <v>2(2)/1/1</v>
          </cell>
          <cell r="AL806" t="str">
            <v>浚渫</v>
          </cell>
          <cell r="AM806" t="str">
            <v>特定</v>
          </cell>
          <cell r="AN806">
            <v>696</v>
          </cell>
          <cell r="AO806">
            <v>29228</v>
          </cell>
          <cell r="AP806" t="str">
            <v>1(1)/1/1</v>
          </cell>
          <cell r="AQ806" t="str">
            <v/>
          </cell>
          <cell r="AR806" t="str">
            <v/>
          </cell>
          <cell r="AS806" t="str">
            <v/>
          </cell>
          <cell r="AT806" t="str">
            <v/>
          </cell>
          <cell r="AU806" t="str">
            <v/>
          </cell>
          <cell r="AV806" t="str">
            <v/>
          </cell>
          <cell r="AW806" t="str">
            <v/>
          </cell>
          <cell r="AX806" t="str">
            <v/>
          </cell>
          <cell r="AY806" t="str">
            <v/>
          </cell>
          <cell r="AZ806" t="str">
            <v/>
          </cell>
          <cell r="BA806" t="str">
            <v>大阪府</v>
          </cell>
          <cell r="BB806">
            <v>0</v>
          </cell>
          <cell r="CR806">
            <v>6034</v>
          </cell>
          <cell r="CS806" t="str">
            <v>ﾊﾗ ﾐｷｵ</v>
          </cell>
          <cell r="CT806" t="str">
            <v>原  幹夫</v>
          </cell>
          <cell r="CU806" t="str">
            <v>警防課</v>
          </cell>
          <cell r="CW806">
            <v>6680317</v>
          </cell>
          <cell r="CX806" t="str">
            <v>主任</v>
          </cell>
          <cell r="CY806" t="str">
            <v>警防課長</v>
          </cell>
        </row>
        <row r="807">
          <cell r="B807">
            <v>3393</v>
          </cell>
          <cell r="C807" t="str">
            <v>東洋建設(株)</v>
          </cell>
          <cell r="D807" t="str">
            <v>078-261-1223</v>
          </cell>
          <cell r="E807" t="str">
            <v>651-0086</v>
          </cell>
          <cell r="F807" t="str">
            <v>兵庫県神戸市中央区磯上通4-1-6</v>
          </cell>
          <cell r="G807" t="str">
            <v/>
          </cell>
          <cell r="H807" t="str">
            <v>神戸営業所</v>
          </cell>
          <cell r="I807" t="str">
            <v>所長 浅野　恒平</v>
          </cell>
          <cell r="J807" t="str">
            <v>東京都</v>
          </cell>
          <cell r="K807" t="str">
            <v>078-261-1131</v>
          </cell>
          <cell r="L807" t="str">
            <v>kuroda-sachiyo@toyo-const.co.jp</v>
          </cell>
          <cell r="M807" t="str">
            <v>ﾄｳﾖｳｹﾝｾﾂ</v>
          </cell>
          <cell r="N807" t="str">
            <v>有</v>
          </cell>
          <cell r="O807">
            <v>68</v>
          </cell>
          <cell r="P807">
            <v>1296</v>
          </cell>
          <cell r="Q807">
            <v>9120001077496</v>
          </cell>
          <cell r="R807">
            <v>14049367</v>
          </cell>
          <cell r="S807">
            <v>47534000</v>
          </cell>
          <cell r="T807">
            <v>172635000</v>
          </cell>
          <cell r="V807" t="str">
            <v>pc897381</v>
          </cell>
          <cell r="W807" t="str">
            <v>bq839264</v>
          </cell>
          <cell r="X807" t="str">
            <v>(清)(建)(大)(と)(石)(鋼)(舗)(浚)(塗)(内)(園)(水)(解)土建大と石電管鋼舗浚塗内園水解</v>
          </cell>
          <cell r="Y807" t="str">
            <v>(清)(建)(大)(と)(石)(鋼)(舗)(浚)(塗)(内)(園)(水)(解)</v>
          </cell>
          <cell r="Z807" t="str">
            <v>土建大と石電管鋼舗浚塗内園水解</v>
          </cell>
          <cell r="AA807" t="str">
            <v>建築一式</v>
          </cell>
          <cell r="AB807" t="str">
            <v>土木一式</v>
          </cell>
          <cell r="AC807" t="str">
            <v>水道施設</v>
          </cell>
          <cell r="AD807" t="str">
            <v>解体</v>
          </cell>
          <cell r="AE807">
            <v>43190</v>
          </cell>
          <cell r="AF807" t="str">
            <v>希望しない</v>
          </cell>
          <cell r="AG807" t="str">
            <v>建築一式</v>
          </cell>
          <cell r="AH807" t="str">
            <v>特定</v>
          </cell>
          <cell r="AI807">
            <v>1678</v>
          </cell>
          <cell r="AJ807">
            <v>42022971</v>
          </cell>
          <cell r="AK807" t="str">
            <v>206(163)/1/33</v>
          </cell>
          <cell r="AL807" t="str">
            <v>土木一式</v>
          </cell>
          <cell r="AM807" t="str">
            <v>特定</v>
          </cell>
          <cell r="AN807">
            <v>1804</v>
          </cell>
          <cell r="AO807">
            <v>77342988</v>
          </cell>
          <cell r="AP807" t="str">
            <v>575(492)/2/33</v>
          </cell>
          <cell r="AQ807" t="str">
            <v>水道施設</v>
          </cell>
          <cell r="AR807" t="str">
            <v>特定</v>
          </cell>
          <cell r="AS807">
            <v>1165</v>
          </cell>
          <cell r="AT807">
            <v>259102</v>
          </cell>
          <cell r="AU807" t="str">
            <v>8(4)/0/0</v>
          </cell>
          <cell r="AV807" t="str">
            <v>解体</v>
          </cell>
          <cell r="AW807" t="str">
            <v>特定</v>
          </cell>
          <cell r="AX807">
            <v>1240</v>
          </cell>
          <cell r="AY807">
            <v>650029</v>
          </cell>
          <cell r="AZ807" t="str">
            <v>15(15)/0/0</v>
          </cell>
          <cell r="BA807" t="str">
            <v>東京都</v>
          </cell>
          <cell r="BB807" t="str">
            <v>青海フロンティアビル</v>
          </cell>
          <cell r="CR807">
            <v>6034</v>
          </cell>
          <cell r="CS807" t="str">
            <v>ﾊﾗ ﾐｷｵ</v>
          </cell>
          <cell r="CT807" t="str">
            <v>原  幹夫</v>
          </cell>
          <cell r="CU807" t="str">
            <v>情報管理課</v>
          </cell>
          <cell r="CW807">
            <v>6680317</v>
          </cell>
          <cell r="CX807" t="str">
            <v>主任</v>
          </cell>
          <cell r="CY807" t="str">
            <v>情報管理課長</v>
          </cell>
        </row>
        <row r="808">
          <cell r="B808">
            <v>3398</v>
          </cell>
          <cell r="C808" t="str">
            <v>東洋電気工事(株)</v>
          </cell>
          <cell r="D808" t="str">
            <v>078-575-2000</v>
          </cell>
          <cell r="E808" t="str">
            <v>652-0898</v>
          </cell>
          <cell r="F808" t="str">
            <v>兵庫県神戸市兵庫区駅前通5-1-18</v>
          </cell>
          <cell r="G808" t="str">
            <v>神戸市</v>
          </cell>
          <cell r="H808" t="str">
            <v/>
          </cell>
          <cell r="I808" t="str">
            <v>代表取締役 合田　吉伸</v>
          </cell>
          <cell r="J808" t="str">
            <v>本店</v>
          </cell>
          <cell r="K808" t="str">
            <v>078-577-2600</v>
          </cell>
          <cell r="L808" t="str">
            <v>info@to-tec.com</v>
          </cell>
          <cell r="M808" t="str">
            <v>ﾄｳﾖｳﾃﾞﾝｷｺｳｼﾞ</v>
          </cell>
          <cell r="N808" t="str">
            <v>無</v>
          </cell>
          <cell r="O808">
            <v>59</v>
          </cell>
          <cell r="P808">
            <v>32</v>
          </cell>
          <cell r="Q808">
            <v>6140001013691</v>
          </cell>
          <cell r="R808">
            <v>36000</v>
          </cell>
          <cell r="S808">
            <v>791571</v>
          </cell>
          <cell r="T808">
            <v>943314</v>
          </cell>
          <cell r="V808" t="str">
            <v>rn227617</v>
          </cell>
          <cell r="W808" t="str">
            <v>mx718987</v>
          </cell>
          <cell r="X808" t="str">
            <v>通消電</v>
          </cell>
          <cell r="Y808" t="str">
            <v>通消</v>
          </cell>
          <cell r="Z808" t="str">
            <v>電</v>
          </cell>
          <cell r="AA808" t="str">
            <v>電気</v>
          </cell>
          <cell r="AB808" t="str">
            <v>電気通信</v>
          </cell>
          <cell r="AC808" t="str">
            <v>消防施設</v>
          </cell>
          <cell r="AD808" t="str">
            <v/>
          </cell>
          <cell r="AE808">
            <v>43251</v>
          </cell>
          <cell r="AF808" t="str">
            <v>希望しない</v>
          </cell>
          <cell r="AG808" t="str">
            <v>電気</v>
          </cell>
          <cell r="AH808" t="str">
            <v>特定</v>
          </cell>
          <cell r="AI808">
            <v>1029</v>
          </cell>
          <cell r="AJ808">
            <v>882875</v>
          </cell>
          <cell r="AK808" t="str">
            <v>13(13)/7/0</v>
          </cell>
          <cell r="AL808" t="str">
            <v>電気通信</v>
          </cell>
          <cell r="AM808" t="str">
            <v>一般</v>
          </cell>
          <cell r="AN808">
            <v>729</v>
          </cell>
          <cell r="AO808">
            <v>1267</v>
          </cell>
          <cell r="AP808" t="str">
            <v>0(0)/0/1</v>
          </cell>
          <cell r="AQ808" t="str">
            <v>消防施設</v>
          </cell>
          <cell r="AR808" t="str">
            <v>一般</v>
          </cell>
          <cell r="AS808">
            <v>750</v>
          </cell>
          <cell r="AT808">
            <v>2926</v>
          </cell>
          <cell r="AU808" t="str">
            <v>0(0)/3/0</v>
          </cell>
          <cell r="AV808" t="str">
            <v/>
          </cell>
          <cell r="AW808" t="str">
            <v/>
          </cell>
          <cell r="AX808" t="str">
            <v/>
          </cell>
          <cell r="AY808" t="str">
            <v/>
          </cell>
          <cell r="AZ808" t="str">
            <v/>
          </cell>
          <cell r="BA808" t="str">
            <v>兵庫県</v>
          </cell>
          <cell r="BB808">
            <v>0</v>
          </cell>
          <cell r="CR808">
            <v>6035</v>
          </cell>
          <cell r="CS808" t="str">
            <v>ﾅｶｶﾞﾜ ﾏｻｷ</v>
          </cell>
          <cell r="CT808" t="str">
            <v>中川  正樹</v>
          </cell>
          <cell r="CU808" t="str">
            <v>情報管理課</v>
          </cell>
          <cell r="CW808">
            <v>6671361</v>
          </cell>
          <cell r="CX808" t="str">
            <v>主任</v>
          </cell>
          <cell r="CY808" t="str">
            <v>情報管理課長</v>
          </cell>
        </row>
        <row r="809">
          <cell r="B809">
            <v>3400</v>
          </cell>
          <cell r="C809" t="str">
            <v>東洋熱工業(株)（登録取下げ）</v>
          </cell>
          <cell r="D809" t="str">
            <v>078-242-2922</v>
          </cell>
          <cell r="E809" t="str">
            <v>651-0085</v>
          </cell>
          <cell r="F809" t="str">
            <v>兵庫県神戸市中央区八幡通3-2-5</v>
          </cell>
          <cell r="G809" t="str">
            <v/>
          </cell>
          <cell r="H809" t="str">
            <v>神戸営業所</v>
          </cell>
          <cell r="I809" t="str">
            <v>所長 田中　芳雄</v>
          </cell>
          <cell r="J809" t="str">
            <v>東京都</v>
          </cell>
          <cell r="K809" t="str">
            <v>078-242-2933</v>
          </cell>
          <cell r="L809" t="str">
            <v>ahirota@tonets.co.jp</v>
          </cell>
          <cell r="M809" t="str">
            <v>ﾄｳﾖｳﾈﾂｺｳｷﾞｮｳ</v>
          </cell>
          <cell r="N809" t="str">
            <v>有</v>
          </cell>
          <cell r="O809">
            <v>68</v>
          </cell>
          <cell r="P809">
            <v>789</v>
          </cell>
          <cell r="Q809">
            <v>1010001051916</v>
          </cell>
          <cell r="R809">
            <v>1010000</v>
          </cell>
          <cell r="S809">
            <v>31688789</v>
          </cell>
          <cell r="T809">
            <v>75891065</v>
          </cell>
          <cell r="V809" t="str">
            <v>jz896473</v>
          </cell>
          <cell r="W809" t="str">
            <v>uw215183</v>
          </cell>
          <cell r="X809" t="str">
            <v>消(管)建電管機</v>
          </cell>
          <cell r="Y809" t="str">
            <v>消(管)</v>
          </cell>
          <cell r="Z809" t="str">
            <v>建電管機</v>
          </cell>
          <cell r="AA809" t="str">
            <v>管</v>
          </cell>
          <cell r="AB809" t="str">
            <v/>
          </cell>
          <cell r="AC809" t="str">
            <v/>
          </cell>
          <cell r="AD809" t="str">
            <v/>
          </cell>
          <cell r="AE809">
            <v>43190</v>
          </cell>
          <cell r="AF809" t="str">
            <v>希望しない</v>
          </cell>
          <cell r="AG809" t="str">
            <v>管</v>
          </cell>
          <cell r="AH809" t="str">
            <v>特定</v>
          </cell>
          <cell r="AI809">
            <v>1759</v>
          </cell>
          <cell r="AJ809">
            <v>75621978</v>
          </cell>
          <cell r="AK809" t="str">
            <v>451(413)/44/26</v>
          </cell>
          <cell r="AL809" t="str">
            <v/>
          </cell>
          <cell r="AM809" t="str">
            <v/>
          </cell>
          <cell r="AN809" t="str">
            <v/>
          </cell>
          <cell r="AO809" t="str">
            <v/>
          </cell>
          <cell r="AP809" t="str">
            <v/>
          </cell>
          <cell r="AQ809" t="str">
            <v/>
          </cell>
          <cell r="AR809" t="str">
            <v/>
          </cell>
          <cell r="AS809" t="str">
            <v/>
          </cell>
          <cell r="AT809" t="str">
            <v/>
          </cell>
          <cell r="AU809" t="str">
            <v/>
          </cell>
          <cell r="AV809" t="str">
            <v/>
          </cell>
          <cell r="AW809" t="str">
            <v/>
          </cell>
          <cell r="AX809" t="str">
            <v/>
          </cell>
          <cell r="AY809" t="str">
            <v/>
          </cell>
          <cell r="AZ809" t="str">
            <v/>
          </cell>
          <cell r="BA809" t="str">
            <v>東京都</v>
          </cell>
          <cell r="BB809">
            <v>0</v>
          </cell>
          <cell r="CR809">
            <v>6036</v>
          </cell>
          <cell r="CS809" t="str">
            <v>ｼﾏﾀﾞ ｲﾂﾍﾟｲ</v>
          </cell>
          <cell r="CT809" t="str">
            <v>島田  一平</v>
          </cell>
          <cell r="CU809" t="str">
            <v>消防総務課</v>
          </cell>
          <cell r="CW809">
            <v>6680317</v>
          </cell>
          <cell r="CX809" t="str">
            <v>主任</v>
          </cell>
          <cell r="CY809" t="str">
            <v>総務課長</v>
          </cell>
        </row>
        <row r="810">
          <cell r="B810">
            <v>3401</v>
          </cell>
          <cell r="C810" t="str">
            <v>東洋ビルテック(株)</v>
          </cell>
          <cell r="D810" t="str">
            <v>078-531-5881</v>
          </cell>
          <cell r="E810" t="str">
            <v>652-0802</v>
          </cell>
          <cell r="F810" t="str">
            <v>兵庫県神戸市兵庫区水木通4-2-2</v>
          </cell>
          <cell r="G810" t="str">
            <v>神戸市</v>
          </cell>
          <cell r="H810" t="str">
            <v/>
          </cell>
          <cell r="I810" t="str">
            <v>代表取締役 針生　壽則</v>
          </cell>
          <cell r="J810" t="str">
            <v>本店</v>
          </cell>
          <cell r="K810" t="str">
            <v>078-531-5889</v>
          </cell>
          <cell r="L810" t="str">
            <v>tbuiltec@f6.dion.ne.jp</v>
          </cell>
          <cell r="M810" t="str">
            <v>ﾄｳﾖｳﾋﾞﾙﾃｯｸ</v>
          </cell>
          <cell r="N810" t="str">
            <v>無</v>
          </cell>
          <cell r="O810">
            <v>32</v>
          </cell>
          <cell r="P810">
            <v>7</v>
          </cell>
          <cell r="Q810">
            <v>9140001013697</v>
          </cell>
          <cell r="R810">
            <v>30000</v>
          </cell>
          <cell r="S810">
            <v>-43081</v>
          </cell>
          <cell r="T810">
            <v>233560</v>
          </cell>
          <cell r="V810" t="str">
            <v>pt551969</v>
          </cell>
          <cell r="W810" t="str">
            <v>px282096</v>
          </cell>
          <cell r="X810" t="str">
            <v>塗防内</v>
          </cell>
          <cell r="Y810" t="str">
            <v>塗防内</v>
          </cell>
          <cell r="Z810" t="str">
            <v/>
          </cell>
          <cell r="AA810" t="str">
            <v>防水</v>
          </cell>
          <cell r="AB810" t="str">
            <v>塗装</v>
          </cell>
          <cell r="AC810" t="str">
            <v/>
          </cell>
          <cell r="AD810" t="str">
            <v/>
          </cell>
          <cell r="AE810">
            <v>43008</v>
          </cell>
          <cell r="AF810" t="str">
            <v>希望しない</v>
          </cell>
          <cell r="AG810" t="str">
            <v>防水</v>
          </cell>
          <cell r="AH810" t="str">
            <v>一般</v>
          </cell>
          <cell r="AI810">
            <v>632</v>
          </cell>
          <cell r="AJ810">
            <v>168003</v>
          </cell>
          <cell r="AK810" t="str">
            <v>0(0)/2/0</v>
          </cell>
          <cell r="AL810" t="str">
            <v>塗装</v>
          </cell>
          <cell r="AM810" t="str">
            <v>一般</v>
          </cell>
          <cell r="AN810">
            <v>562</v>
          </cell>
          <cell r="AO810">
            <v>23244</v>
          </cell>
          <cell r="AP810" t="str">
            <v>0(0)/1/0</v>
          </cell>
          <cell r="AQ810" t="str">
            <v/>
          </cell>
          <cell r="AR810" t="str">
            <v/>
          </cell>
          <cell r="AS810" t="str">
            <v/>
          </cell>
          <cell r="AT810" t="str">
            <v/>
          </cell>
          <cell r="AU810" t="str">
            <v/>
          </cell>
          <cell r="AV810" t="str">
            <v/>
          </cell>
          <cell r="AW810" t="str">
            <v/>
          </cell>
          <cell r="AX810" t="str">
            <v/>
          </cell>
          <cell r="AY810" t="str">
            <v/>
          </cell>
          <cell r="AZ810" t="str">
            <v/>
          </cell>
          <cell r="BA810" t="str">
            <v>兵庫県</v>
          </cell>
          <cell r="BB810">
            <v>0</v>
          </cell>
          <cell r="CR810">
            <v>6036</v>
          </cell>
          <cell r="CS810" t="str">
            <v>ｼﾏﾀﾞ ｲﾂﾍﾟｲ</v>
          </cell>
          <cell r="CT810" t="str">
            <v>島田  一平</v>
          </cell>
          <cell r="CU810" t="str">
            <v>消防総務課</v>
          </cell>
          <cell r="CW810">
            <v>6680317</v>
          </cell>
          <cell r="CX810" t="str">
            <v>主任</v>
          </cell>
          <cell r="CY810" t="str">
            <v>総務課長</v>
          </cell>
        </row>
        <row r="811">
          <cell r="B811">
            <v>3405</v>
          </cell>
          <cell r="C811" t="str">
            <v>東和クリーナー(有)</v>
          </cell>
          <cell r="D811" t="str">
            <v>078-978-1471</v>
          </cell>
          <cell r="E811" t="str">
            <v>651-2113</v>
          </cell>
          <cell r="F811" t="str">
            <v>兵庫県神戸市西区伊川谷町有瀬480-2-108</v>
          </cell>
          <cell r="G811" t="str">
            <v>大阪市</v>
          </cell>
          <cell r="H811" t="str">
            <v>神戸支店</v>
          </cell>
          <cell r="I811" t="str">
            <v>支店長 古川　貴雄</v>
          </cell>
          <cell r="J811" t="str">
            <v>大阪府大阪市</v>
          </cell>
          <cell r="K811" t="str">
            <v>078-978-1472</v>
          </cell>
          <cell r="L811" t="str">
            <v>touwa@xrh.biglobe.ne.jp</v>
          </cell>
          <cell r="M811" t="str">
            <v>ﾄｳﾜｸﾘｰﾅｰ</v>
          </cell>
          <cell r="N811" t="str">
            <v>有</v>
          </cell>
          <cell r="O811">
            <v>25</v>
          </cell>
          <cell r="P811">
            <v>14</v>
          </cell>
          <cell r="Q811">
            <v>4120002024097</v>
          </cell>
          <cell r="R811">
            <v>30000</v>
          </cell>
          <cell r="S811">
            <v>106992</v>
          </cell>
          <cell r="T811">
            <v>541925</v>
          </cell>
          <cell r="V811" t="str">
            <v>mx564543</v>
          </cell>
          <cell r="W811" t="str">
            <v>cs493568</v>
          </cell>
          <cell r="X811" t="str">
            <v>(清)(と)(鋼)(舗)(浚)(塗)(水)土と石管鋼舗浚塗水</v>
          </cell>
          <cell r="Y811" t="str">
            <v>(清)(と)(鋼)(舗)(浚)(塗)(水)</v>
          </cell>
          <cell r="Z811" t="str">
            <v>土と石管鋼舗浚塗水</v>
          </cell>
          <cell r="AA811" t="str">
            <v>土木一式</v>
          </cell>
          <cell r="AB811" t="str">
            <v>浚渫</v>
          </cell>
          <cell r="AC811" t="str">
            <v/>
          </cell>
          <cell r="AD811" t="str">
            <v/>
          </cell>
          <cell r="AE811">
            <v>43251</v>
          </cell>
          <cell r="AF811" t="str">
            <v>希望する</v>
          </cell>
          <cell r="AG811" t="str">
            <v>土木一式</v>
          </cell>
          <cell r="AH811" t="str">
            <v>特定</v>
          </cell>
          <cell r="AI811">
            <v>824</v>
          </cell>
          <cell r="AJ811">
            <v>231167</v>
          </cell>
          <cell r="AK811" t="str">
            <v>4(4)/3/5</v>
          </cell>
          <cell r="AL811" t="str">
            <v>浚渫</v>
          </cell>
          <cell r="AM811" t="str">
            <v>特定</v>
          </cell>
          <cell r="AN811">
            <v>698</v>
          </cell>
          <cell r="AO811">
            <v>5257</v>
          </cell>
          <cell r="AP811" t="str">
            <v>3(3)/3/5</v>
          </cell>
          <cell r="AQ811" t="str">
            <v/>
          </cell>
          <cell r="AR811" t="str">
            <v/>
          </cell>
          <cell r="AS811" t="str">
            <v/>
          </cell>
          <cell r="AT811" t="str">
            <v/>
          </cell>
          <cell r="AU811" t="str">
            <v/>
          </cell>
          <cell r="AV811" t="str">
            <v/>
          </cell>
          <cell r="AW811" t="str">
            <v/>
          </cell>
          <cell r="AX811" t="str">
            <v/>
          </cell>
          <cell r="AY811" t="str">
            <v/>
          </cell>
          <cell r="AZ811" t="str">
            <v/>
          </cell>
          <cell r="BA811" t="str">
            <v>大阪府</v>
          </cell>
          <cell r="BB811">
            <v>0</v>
          </cell>
          <cell r="CR811">
            <v>6042</v>
          </cell>
          <cell r="CS811" t="str">
            <v>ｲｻﾔﾏ ﾓﾄｺ</v>
          </cell>
          <cell r="CT811" t="str">
            <v>諫山  元子</v>
          </cell>
          <cell r="CU811" t="str">
            <v>こども福祉課</v>
          </cell>
          <cell r="CW811">
            <v>2696</v>
          </cell>
          <cell r="CX811" t="str">
            <v>主査</v>
          </cell>
          <cell r="CY811" t="str">
            <v>こども福祉課長</v>
          </cell>
        </row>
        <row r="812">
          <cell r="B812">
            <v>3406</v>
          </cell>
          <cell r="C812" t="str">
            <v>東和スポーツ施設(株)</v>
          </cell>
          <cell r="D812" t="str">
            <v>075-702-1177</v>
          </cell>
          <cell r="E812" t="str">
            <v>606-8284</v>
          </cell>
          <cell r="F812" t="str">
            <v>京都府京都市左京区北白川下池田町79-1</v>
          </cell>
          <cell r="G812" t="str">
            <v>京都市</v>
          </cell>
          <cell r="H812" t="str">
            <v/>
          </cell>
          <cell r="I812" t="str">
            <v>代表取締役 川谷　真輝</v>
          </cell>
          <cell r="J812" t="str">
            <v>本店</v>
          </cell>
          <cell r="K812" t="str">
            <v>075-702-1235</v>
          </cell>
          <cell r="L812" t="str">
            <v>info@towa-sports.co.jp</v>
          </cell>
          <cell r="M812" t="str">
            <v>ﾄｳﾜｽﾎﾟｰﾂｼｾﾂ</v>
          </cell>
          <cell r="N812" t="str">
            <v>無</v>
          </cell>
          <cell r="O812">
            <v>34</v>
          </cell>
          <cell r="P812">
            <v>12</v>
          </cell>
          <cell r="Q812">
            <v>1130001006908</v>
          </cell>
          <cell r="R812">
            <v>50000</v>
          </cell>
          <cell r="S812">
            <v>94575</v>
          </cell>
          <cell r="T812">
            <v>705257</v>
          </cell>
          <cell r="V812" t="str">
            <v>rv988482</v>
          </cell>
          <cell r="W812" t="str">
            <v>ue654226</v>
          </cell>
          <cell r="X812" t="str">
            <v>園土と舗</v>
          </cell>
          <cell r="Y812" t="str">
            <v>園</v>
          </cell>
          <cell r="Z812" t="str">
            <v>土と舗</v>
          </cell>
          <cell r="AA812" t="str">
            <v>土木一式</v>
          </cell>
          <cell r="AB812" t="str">
            <v>舗装</v>
          </cell>
          <cell r="AC812" t="str">
            <v>造園</v>
          </cell>
          <cell r="AD812" t="str">
            <v>とび土工</v>
          </cell>
          <cell r="AE812">
            <v>43281</v>
          </cell>
          <cell r="AF812" t="str">
            <v>希望しない</v>
          </cell>
          <cell r="AG812" t="str">
            <v>土木一式</v>
          </cell>
          <cell r="AH812" t="str">
            <v>特定</v>
          </cell>
          <cell r="AI812">
            <v>900</v>
          </cell>
          <cell r="AJ812">
            <v>640919</v>
          </cell>
          <cell r="AK812" t="str">
            <v>7(7)/0/5</v>
          </cell>
          <cell r="AL812" t="str">
            <v>舗装</v>
          </cell>
          <cell r="AM812" t="str">
            <v>特定</v>
          </cell>
          <cell r="AN812">
            <v>788</v>
          </cell>
          <cell r="AO812">
            <v>16088</v>
          </cell>
          <cell r="AP812" t="str">
            <v>7(7)/0/5</v>
          </cell>
          <cell r="AQ812" t="str">
            <v>造園</v>
          </cell>
          <cell r="AR812" t="str">
            <v>一般</v>
          </cell>
          <cell r="AS812">
            <v>668</v>
          </cell>
          <cell r="AT812">
            <v>5232</v>
          </cell>
          <cell r="AU812" t="str">
            <v>0(0)/0/0</v>
          </cell>
          <cell r="AV812" t="str">
            <v>とび土工</v>
          </cell>
          <cell r="AW812" t="str">
            <v>特定</v>
          </cell>
          <cell r="AX812">
            <v>672</v>
          </cell>
          <cell r="AY812">
            <v>5454</v>
          </cell>
          <cell r="AZ812" t="str">
            <v>0(0)/0/0</v>
          </cell>
          <cell r="BA812" t="str">
            <v>京都府</v>
          </cell>
          <cell r="BB812">
            <v>0</v>
          </cell>
          <cell r="CR812">
            <v>6095</v>
          </cell>
          <cell r="CS812" t="str">
            <v>ﾀｹﾅｶ ﾔﾖｲ</v>
          </cell>
          <cell r="CT812" t="str">
            <v>竹中  やよい</v>
          </cell>
          <cell r="CU812" t="str">
            <v>幼児教育推進課</v>
          </cell>
          <cell r="CW812">
            <v>4268</v>
          </cell>
          <cell r="CX812" t="str">
            <v>主任</v>
          </cell>
          <cell r="CY812" t="str">
            <v>まちづくり推進課長</v>
          </cell>
        </row>
        <row r="813">
          <cell r="B813">
            <v>3407</v>
          </cell>
          <cell r="C813" t="str">
            <v>(株)トーエネック</v>
          </cell>
          <cell r="D813" t="str">
            <v>06-6305-2181</v>
          </cell>
          <cell r="E813" t="str">
            <v>532-0025</v>
          </cell>
          <cell r="F813" t="str">
            <v>大阪府大阪市淀川区新北野3-8-2</v>
          </cell>
          <cell r="G813" t="str">
            <v>名古屋市</v>
          </cell>
          <cell r="H813" t="str">
            <v>大阪本部</v>
          </cell>
          <cell r="I813" t="str">
            <v>執行役員本部長 加藤　憲二郎</v>
          </cell>
          <cell r="J813" t="str">
            <v>愛知県名古屋市</v>
          </cell>
          <cell r="K813" t="str">
            <v>06-6301-8506</v>
          </cell>
          <cell r="L813" t="str">
            <v>OSK-DNS@toenec.co.jp</v>
          </cell>
          <cell r="M813" t="str">
            <v>ﾄｰｴﾈｯｸ</v>
          </cell>
          <cell r="N813" t="str">
            <v>有</v>
          </cell>
          <cell r="O813">
            <v>68</v>
          </cell>
          <cell r="P813">
            <v>4826</v>
          </cell>
          <cell r="Q813">
            <v>8180001038758</v>
          </cell>
          <cell r="R813">
            <v>7680785</v>
          </cell>
          <cell r="S813">
            <v>78752318</v>
          </cell>
          <cell r="T813">
            <v>188783155</v>
          </cell>
          <cell r="V813" t="str">
            <v>uj828752</v>
          </cell>
          <cell r="W813" t="str">
            <v>rb343122</v>
          </cell>
          <cell r="X813" t="str">
            <v>消(電)(通)(消)土建と電管鋼舗塗防通水</v>
          </cell>
          <cell r="Y813" t="str">
            <v>消(電)(通)(消)</v>
          </cell>
          <cell r="Z813" t="str">
            <v>土建と電管鋼舗塗防通水</v>
          </cell>
          <cell r="AA813" t="str">
            <v>電気</v>
          </cell>
          <cell r="AB813" t="str">
            <v>電気通信</v>
          </cell>
          <cell r="AC813" t="str">
            <v>消防施設</v>
          </cell>
          <cell r="AD813" t="str">
            <v/>
          </cell>
          <cell r="AE813">
            <v>43190</v>
          </cell>
          <cell r="AF813" t="str">
            <v>希望しない</v>
          </cell>
          <cell r="AG813" t="str">
            <v>電気</v>
          </cell>
          <cell r="AH813" t="str">
            <v>特定</v>
          </cell>
          <cell r="AI813">
            <v>1855</v>
          </cell>
          <cell r="AJ813">
            <v>150516613</v>
          </cell>
          <cell r="AK813" t="str">
            <v>1000(560)/630/323</v>
          </cell>
          <cell r="AL813" t="str">
            <v>電気通信</v>
          </cell>
          <cell r="AM813" t="str">
            <v>特定</v>
          </cell>
          <cell r="AN813">
            <v>1458</v>
          </cell>
          <cell r="AO813">
            <v>13245859</v>
          </cell>
          <cell r="AP813" t="str">
            <v>21(7)/0/137</v>
          </cell>
          <cell r="AQ813" t="str">
            <v>消防施設</v>
          </cell>
          <cell r="AR813" t="str">
            <v>一般</v>
          </cell>
          <cell r="AS813">
            <v>1138</v>
          </cell>
          <cell r="AT813" t="str">
            <v/>
          </cell>
          <cell r="AU813" t="str">
            <v>0(0)/381/0</v>
          </cell>
          <cell r="AV813" t="str">
            <v/>
          </cell>
          <cell r="AW813" t="str">
            <v/>
          </cell>
          <cell r="AX813" t="str">
            <v/>
          </cell>
          <cell r="AY813" t="str">
            <v/>
          </cell>
          <cell r="AZ813" t="str">
            <v/>
          </cell>
          <cell r="BA813" t="str">
            <v>愛知県</v>
          </cell>
          <cell r="BB813">
            <v>0</v>
          </cell>
          <cell r="CR813">
            <v>6096</v>
          </cell>
          <cell r="CS813" t="str">
            <v>ﾉｸﾞﾁ ｶｽﾞﾋﾛ</v>
          </cell>
          <cell r="CT813" t="str">
            <v>野口  和浩</v>
          </cell>
          <cell r="CU813" t="str">
            <v>財政企画課</v>
          </cell>
          <cell r="CW813">
            <v>2224</v>
          </cell>
          <cell r="CX813" t="str">
            <v>主任</v>
          </cell>
          <cell r="CY813" t="str">
            <v>財政企画課長</v>
          </cell>
        </row>
        <row r="814">
          <cell r="B814">
            <v>3408</v>
          </cell>
          <cell r="C814" t="str">
            <v>(株)トーケミ</v>
          </cell>
          <cell r="D814" t="str">
            <v>06-6301-5627</v>
          </cell>
          <cell r="E814" t="str">
            <v>532-0021</v>
          </cell>
          <cell r="F814" t="str">
            <v>大阪府大阪市淀川区田川北1-12-11</v>
          </cell>
          <cell r="G814" t="str">
            <v>大阪市</v>
          </cell>
          <cell r="H814" t="str">
            <v/>
          </cell>
          <cell r="I814" t="str">
            <v>代表取締役 細谷　一彦</v>
          </cell>
          <cell r="J814" t="str">
            <v>本店</v>
          </cell>
          <cell r="K814" t="str">
            <v>06-6308-7559</v>
          </cell>
          <cell r="L814" t="str">
            <v>or@tohkemy.co.jp</v>
          </cell>
          <cell r="M814" t="str">
            <v>ﾄｰｹﾐ</v>
          </cell>
          <cell r="N814" t="str">
            <v>無</v>
          </cell>
          <cell r="O814">
            <v>38</v>
          </cell>
          <cell r="P814">
            <v>210</v>
          </cell>
          <cell r="Q814">
            <v>5120001057064</v>
          </cell>
          <cell r="R814">
            <v>95000</v>
          </cell>
          <cell r="S814">
            <v>3342102</v>
          </cell>
          <cell r="T814">
            <v>6703526</v>
          </cell>
          <cell r="V814" t="str">
            <v>ec904947</v>
          </cell>
          <cell r="W814" t="str">
            <v>zs878218</v>
          </cell>
          <cell r="X814" t="str">
            <v>管機土水</v>
          </cell>
          <cell r="Y814" t="str">
            <v>管機</v>
          </cell>
          <cell r="Z814" t="str">
            <v>土水</v>
          </cell>
          <cell r="AA814" t="str">
            <v>水道施設</v>
          </cell>
          <cell r="AB814" t="str">
            <v>機械器具</v>
          </cell>
          <cell r="AC814" t="str">
            <v>管</v>
          </cell>
          <cell r="AD814" t="str">
            <v/>
          </cell>
          <cell r="AE814">
            <v>43190</v>
          </cell>
          <cell r="AF814" t="str">
            <v>希望しない</v>
          </cell>
          <cell r="AG814" t="str">
            <v>水道施設</v>
          </cell>
          <cell r="AH814" t="str">
            <v>特定</v>
          </cell>
          <cell r="AI814">
            <v>1064</v>
          </cell>
          <cell r="AJ814">
            <v>1355401</v>
          </cell>
          <cell r="AK814" t="str">
            <v>5(4)/4/40</v>
          </cell>
          <cell r="AL814" t="str">
            <v>機械器具</v>
          </cell>
          <cell r="AM814" t="str">
            <v>一般</v>
          </cell>
          <cell r="AN814">
            <v>834</v>
          </cell>
          <cell r="AO814">
            <v>284322</v>
          </cell>
          <cell r="AP814" t="str">
            <v>()//24</v>
          </cell>
          <cell r="AQ814" t="str">
            <v>管</v>
          </cell>
          <cell r="AR814" t="str">
            <v>一般</v>
          </cell>
          <cell r="AS814">
            <v>579</v>
          </cell>
          <cell r="AT814">
            <v>22061</v>
          </cell>
          <cell r="AU814" t="str">
            <v>4(3)/5/17</v>
          </cell>
          <cell r="AV814" t="str">
            <v/>
          </cell>
          <cell r="AW814" t="str">
            <v/>
          </cell>
          <cell r="AX814" t="str">
            <v/>
          </cell>
          <cell r="AY814" t="str">
            <v/>
          </cell>
          <cell r="AZ814" t="str">
            <v/>
          </cell>
          <cell r="BA814" t="str">
            <v>大阪府</v>
          </cell>
          <cell r="BB814">
            <v>0</v>
          </cell>
          <cell r="CR814">
            <v>6097</v>
          </cell>
          <cell r="CS814" t="str">
            <v>ﾑﾗｶﾐ ｱｲｺ</v>
          </cell>
          <cell r="CT814" t="str">
            <v>村上  愛子</v>
          </cell>
          <cell r="CU814" t="str">
            <v>都市基盤総務課</v>
          </cell>
          <cell r="CW814">
            <v>3010</v>
          </cell>
          <cell r="CX814" t="str">
            <v>主任</v>
          </cell>
          <cell r="CY814" t="str">
            <v>都市基盤総務課長</v>
          </cell>
        </row>
        <row r="815">
          <cell r="B815">
            <v>3409</v>
          </cell>
          <cell r="C815" t="str">
            <v>(株)トータルサプライ</v>
          </cell>
          <cell r="D815" t="str">
            <v>06-6415-2860</v>
          </cell>
          <cell r="E815" t="str">
            <v>660-0873</v>
          </cell>
          <cell r="F815" t="str">
            <v>兵庫県尼崎市玄番南之町5番地6</v>
          </cell>
          <cell r="G815" t="str">
            <v>尼崎市</v>
          </cell>
          <cell r="H815" t="str">
            <v/>
          </cell>
          <cell r="I815" t="str">
            <v>代表取締役社長 柄谷　順一郎</v>
          </cell>
          <cell r="J815" t="str">
            <v>本店</v>
          </cell>
          <cell r="K815" t="str">
            <v>06-6416-8534</v>
          </cell>
          <cell r="L815" t="str">
            <v>yoshimoto@karatani.co.jp</v>
          </cell>
          <cell r="M815" t="str">
            <v>ﾄｰﾀﾙｻﾌﾟﾗｲ</v>
          </cell>
          <cell r="N815" t="str">
            <v>無</v>
          </cell>
          <cell r="O815">
            <v>31</v>
          </cell>
          <cell r="P815">
            <v>9</v>
          </cell>
          <cell r="Q815">
            <v>6140001050165</v>
          </cell>
          <cell r="R815">
            <v>5000</v>
          </cell>
          <cell r="S815">
            <v>237342</v>
          </cell>
          <cell r="T815">
            <v>324329</v>
          </cell>
          <cell r="V815" t="str">
            <v>mj238330</v>
          </cell>
          <cell r="W815" t="str">
            <v>cm106082</v>
          </cell>
          <cell r="X815" t="str">
            <v>土建大と解</v>
          </cell>
          <cell r="Y815" t="str">
            <v/>
          </cell>
          <cell r="Z815" t="str">
            <v>土建大と解</v>
          </cell>
          <cell r="AA815" t="str">
            <v>建築一式</v>
          </cell>
          <cell r="AB815" t="str">
            <v>解体</v>
          </cell>
          <cell r="AC815" t="str">
            <v>土木一式</v>
          </cell>
          <cell r="AD815" t="str">
            <v>大工</v>
          </cell>
          <cell r="AE815" t="str">
            <v>H.29.9.30</v>
          </cell>
          <cell r="AF815" t="str">
            <v/>
          </cell>
          <cell r="AG815" t="str">
            <v>建築一式</v>
          </cell>
          <cell r="AH815" t="str">
            <v>特定</v>
          </cell>
          <cell r="AI815">
            <v>949</v>
          </cell>
          <cell r="AJ815">
            <v>650582</v>
          </cell>
          <cell r="AK815" t="str">
            <v>3(2)/1/1</v>
          </cell>
          <cell r="AL815" t="str">
            <v>解体</v>
          </cell>
          <cell r="AM815" t="str">
            <v>特定</v>
          </cell>
          <cell r="AN815" t="str">
            <v/>
          </cell>
          <cell r="AO815" t="str">
            <v/>
          </cell>
          <cell r="AP815" t="str">
            <v/>
          </cell>
          <cell r="AQ815" t="str">
            <v>土木一式</v>
          </cell>
          <cell r="AR815" t="str">
            <v>特定</v>
          </cell>
          <cell r="AS815" t="str">
            <v/>
          </cell>
          <cell r="AT815" t="str">
            <v/>
          </cell>
          <cell r="AU815" t="str">
            <v/>
          </cell>
          <cell r="AV815" t="str">
            <v>大工</v>
          </cell>
          <cell r="AW815" t="str">
            <v>特定</v>
          </cell>
          <cell r="AX815">
            <v>430</v>
          </cell>
          <cell r="AY815">
            <v>2574</v>
          </cell>
          <cell r="AZ815" t="str">
            <v>3(2)/0/0</v>
          </cell>
          <cell r="BA815" t="str">
            <v>兵庫県</v>
          </cell>
          <cell r="BB815">
            <v>0</v>
          </cell>
          <cell r="CR815">
            <v>6098</v>
          </cell>
          <cell r="CS815" t="str">
            <v>ｺｳｼﾞﾔ ﾅｵ</v>
          </cell>
          <cell r="CT815" t="str">
            <v>糀谷  直</v>
          </cell>
          <cell r="CU815" t="str">
            <v>福利厚生課</v>
          </cell>
          <cell r="CW815">
            <v>2331</v>
          </cell>
          <cell r="CX815" t="str">
            <v>主任</v>
          </cell>
          <cell r="CY815" t="str">
            <v>資産税課長</v>
          </cell>
        </row>
        <row r="816">
          <cell r="B816">
            <v>3410</v>
          </cell>
          <cell r="C816" t="str">
            <v>ドーピー建設工業(株)</v>
          </cell>
          <cell r="D816" t="str">
            <v>078-335-7383</v>
          </cell>
          <cell r="E816" t="str">
            <v>650-0022</v>
          </cell>
          <cell r="F816" t="str">
            <v>兵庫県神戸市中央区元町通3-17-8</v>
          </cell>
          <cell r="G816" t="str">
            <v>札幌市</v>
          </cell>
          <cell r="H816" t="str">
            <v>神戸事務所</v>
          </cell>
          <cell r="I816" t="str">
            <v>所長 吉田　孝司</v>
          </cell>
          <cell r="J816" t="str">
            <v>北海道札幌市</v>
          </cell>
          <cell r="K816" t="str">
            <v>078-335-7384</v>
          </cell>
          <cell r="L816" t="str">
            <v>osaka@dps.co.jp</v>
          </cell>
          <cell r="M816" t="str">
            <v>ﾄﾞｰﾋﾟｰｹﾝｾﾂｺｳｷﾞｮｳ</v>
          </cell>
          <cell r="N816" t="str">
            <v>有</v>
          </cell>
          <cell r="O816">
            <v>62</v>
          </cell>
          <cell r="P816">
            <v>202</v>
          </cell>
          <cell r="Q816">
            <v>2430001029514</v>
          </cell>
          <cell r="R816">
            <v>300000</v>
          </cell>
          <cell r="S816">
            <v>1303878</v>
          </cell>
          <cell r="T816">
            <v>11614682</v>
          </cell>
          <cell r="V816" t="str">
            <v>cv139727</v>
          </cell>
          <cell r="W816" t="str">
            <v>ka105489</v>
          </cell>
          <cell r="X816" t="str">
            <v>(清)(と)(鋼)(舗)(水)(解)土建と鋼鉄舗水解</v>
          </cell>
          <cell r="Y816" t="str">
            <v>(清)(と)(鋼)(舗)(水)(解)</v>
          </cell>
          <cell r="Z816" t="str">
            <v>土建と鋼鉄舗水解</v>
          </cell>
          <cell r="AA816" t="str">
            <v>土木一式</v>
          </cell>
          <cell r="AB816" t="str">
            <v>とび土工</v>
          </cell>
          <cell r="AC816" t="str">
            <v>水道施設</v>
          </cell>
          <cell r="AD816" t="str">
            <v>鋼構造物</v>
          </cell>
          <cell r="AE816">
            <v>43555</v>
          </cell>
          <cell r="AF816" t="str">
            <v>希望しない</v>
          </cell>
          <cell r="AG816" t="str">
            <v>土木一式</v>
          </cell>
          <cell r="AH816" t="str">
            <v>特定</v>
          </cell>
          <cell r="AI816">
            <v>1438</v>
          </cell>
          <cell r="AJ816">
            <v>8854723</v>
          </cell>
          <cell r="AK816" t="str">
            <v>141(135)/4/2</v>
          </cell>
          <cell r="AL816" t="str">
            <v>とび土工</v>
          </cell>
          <cell r="AM816" t="str">
            <v>特定</v>
          </cell>
          <cell r="AN816">
            <v>963</v>
          </cell>
          <cell r="AO816">
            <v>765617</v>
          </cell>
          <cell r="AP816" t="str">
            <v>24(21)/1/1</v>
          </cell>
          <cell r="AQ816" t="str">
            <v>水道施設</v>
          </cell>
          <cell r="AR816" t="str">
            <v>特定</v>
          </cell>
          <cell r="AS816">
            <v>397</v>
          </cell>
          <cell r="AT816" t="str">
            <v/>
          </cell>
          <cell r="AU816" t="str">
            <v>17(16)/0/0</v>
          </cell>
          <cell r="AV816" t="str">
            <v>鋼構造物</v>
          </cell>
          <cell r="AW816" t="str">
            <v>特定</v>
          </cell>
          <cell r="AX816">
            <v>397</v>
          </cell>
          <cell r="AY816" t="str">
            <v/>
          </cell>
          <cell r="AZ816" t="str">
            <v>87(85)/2/0</v>
          </cell>
          <cell r="BA816" t="str">
            <v>北海道</v>
          </cell>
        </row>
        <row r="817">
          <cell r="B817">
            <v>3411</v>
          </cell>
          <cell r="C817" t="str">
            <v>トーヨー電気工事(株)</v>
          </cell>
          <cell r="D817" t="str">
            <v>06-6821-7560</v>
          </cell>
          <cell r="E817" t="str">
            <v>564-0044</v>
          </cell>
          <cell r="F817" t="str">
            <v>大阪府吹田市南金田2-11-22</v>
          </cell>
          <cell r="G817" t="str">
            <v>吹田市</v>
          </cell>
          <cell r="H817" t="str">
            <v/>
          </cell>
          <cell r="I817" t="str">
            <v>代表取締役社長 池田　祐志</v>
          </cell>
          <cell r="J817" t="str">
            <v>本店</v>
          </cell>
          <cell r="K817" t="str">
            <v>06-6821-7577</v>
          </cell>
          <cell r="L817" t="str">
            <v>toyodenki@vvv1.co.jp</v>
          </cell>
          <cell r="M817" t="str">
            <v>ﾄｰﾖｰﾃﾞﾝｷｺｳｼﾞ</v>
          </cell>
          <cell r="N817" t="str">
            <v>無</v>
          </cell>
          <cell r="O817">
            <v>48</v>
          </cell>
          <cell r="P817">
            <v>98</v>
          </cell>
          <cell r="Q817">
            <v>7120001026620</v>
          </cell>
          <cell r="R817">
            <v>21000</v>
          </cell>
          <cell r="S817">
            <v>939003</v>
          </cell>
          <cell r="T817">
            <v>2776806</v>
          </cell>
          <cell r="V817" t="str">
            <v>eu169085</v>
          </cell>
          <cell r="W817" t="str">
            <v>ge459952</v>
          </cell>
          <cell r="X817" t="str">
            <v>消電</v>
          </cell>
          <cell r="Y817" t="str">
            <v>消</v>
          </cell>
          <cell r="Z817" t="str">
            <v>電</v>
          </cell>
          <cell r="AA817" t="str">
            <v>電気</v>
          </cell>
          <cell r="AB817" t="str">
            <v>消防施設</v>
          </cell>
          <cell r="AC817" t="str">
            <v/>
          </cell>
          <cell r="AD817" t="str">
            <v/>
          </cell>
          <cell r="AE817">
            <v>43190</v>
          </cell>
          <cell r="AF817" t="str">
            <v>希望しない</v>
          </cell>
          <cell r="AG817" t="str">
            <v>電気</v>
          </cell>
          <cell r="AH817" t="str">
            <v>特定</v>
          </cell>
          <cell r="AI817">
            <v>1102</v>
          </cell>
          <cell r="AJ817">
            <v>2614894</v>
          </cell>
          <cell r="AK817" t="str">
            <v>24(18)/42/11</v>
          </cell>
          <cell r="AL817" t="str">
            <v>消防施設</v>
          </cell>
          <cell r="AM817" t="str">
            <v>一般</v>
          </cell>
          <cell r="AN817">
            <v>835</v>
          </cell>
          <cell r="AO817">
            <v>7980</v>
          </cell>
          <cell r="AP817" t="str">
            <v>0(0)/24/0</v>
          </cell>
          <cell r="AQ817" t="str">
            <v/>
          </cell>
          <cell r="AR817" t="str">
            <v/>
          </cell>
          <cell r="AS817" t="str">
            <v/>
          </cell>
          <cell r="AT817" t="str">
            <v/>
          </cell>
          <cell r="AU817" t="str">
            <v/>
          </cell>
          <cell r="AV817" t="str">
            <v/>
          </cell>
          <cell r="AW817" t="str">
            <v/>
          </cell>
          <cell r="AX817" t="str">
            <v/>
          </cell>
          <cell r="AY817" t="str">
            <v/>
          </cell>
          <cell r="AZ817" t="str">
            <v/>
          </cell>
          <cell r="BA817" t="str">
            <v>大阪府</v>
          </cell>
          <cell r="BB817">
            <v>0</v>
          </cell>
        </row>
        <row r="818">
          <cell r="B818">
            <v>3412</v>
          </cell>
          <cell r="C818" t="str">
            <v>(株)トキト</v>
          </cell>
          <cell r="D818" t="str">
            <v>078-341-1133</v>
          </cell>
          <cell r="E818" t="str">
            <v>650-0011</v>
          </cell>
          <cell r="F818" t="str">
            <v>兵庫県神戸市中央区下山手通5-7-7-304</v>
          </cell>
          <cell r="G818" t="str">
            <v>堺市</v>
          </cell>
          <cell r="H818" t="str">
            <v>神戸支店</v>
          </cell>
          <cell r="I818" t="str">
            <v>取締役支店長 時任　隼成</v>
          </cell>
          <cell r="J818" t="str">
            <v>大阪府堺市</v>
          </cell>
          <cell r="K818" t="str">
            <v>078-341-1130</v>
          </cell>
          <cell r="L818" t="str">
            <v>tokito@mvj.biglobe.ne.jp</v>
          </cell>
          <cell r="M818" t="str">
            <v>ﾄｷﾄ</v>
          </cell>
          <cell r="N818" t="str">
            <v>有</v>
          </cell>
          <cell r="O818">
            <v>25</v>
          </cell>
          <cell r="P818">
            <v>20</v>
          </cell>
          <cell r="Q818">
            <v>2120101004737</v>
          </cell>
          <cell r="R818">
            <v>30000</v>
          </cell>
          <cell r="S818">
            <v>192533</v>
          </cell>
          <cell r="T818">
            <v>492688</v>
          </cell>
          <cell r="V818" t="str">
            <v>sm573384</v>
          </cell>
          <cell r="W818" t="str">
            <v>jk336555</v>
          </cell>
          <cell r="X818" t="str">
            <v>管(清)(と)(石)(鋼)(浚)(塗)(水)(解)土と石鋼舗浚塗水解</v>
          </cell>
          <cell r="Y818" t="str">
            <v>管(清)(と)(石)(鋼)(浚)(塗)(水)(解)</v>
          </cell>
          <cell r="Z818" t="str">
            <v>土と石鋼舗浚塗水解</v>
          </cell>
          <cell r="AA818" t="str">
            <v>土木一式</v>
          </cell>
          <cell r="AB818" t="str">
            <v>浚渫</v>
          </cell>
          <cell r="AC818" t="str">
            <v>とび土工</v>
          </cell>
          <cell r="AD818" t="str">
            <v>舗装</v>
          </cell>
          <cell r="AE818">
            <v>43159</v>
          </cell>
          <cell r="AF818" t="str">
            <v>希望する</v>
          </cell>
          <cell r="AG818" t="str">
            <v>土木一式</v>
          </cell>
          <cell r="AH818" t="str">
            <v>特定</v>
          </cell>
          <cell r="AI818">
            <v>801</v>
          </cell>
          <cell r="AJ818">
            <v>66084</v>
          </cell>
          <cell r="AK818" t="str">
            <v>5(4)/3/6</v>
          </cell>
          <cell r="AL818" t="str">
            <v>浚渫</v>
          </cell>
          <cell r="AM818" t="str">
            <v>特定</v>
          </cell>
          <cell r="AN818">
            <v>639</v>
          </cell>
          <cell r="AO818">
            <v>1895</v>
          </cell>
          <cell r="AP818" t="str">
            <v>0(0)/0/1</v>
          </cell>
          <cell r="AQ818" t="str">
            <v>とび土工</v>
          </cell>
          <cell r="AR818" t="str">
            <v>特定</v>
          </cell>
          <cell r="AS818">
            <v>667</v>
          </cell>
          <cell r="AT818">
            <v>7409</v>
          </cell>
          <cell r="AU818" t="str">
            <v>1(0)/0/0</v>
          </cell>
          <cell r="AV818" t="str">
            <v>舗装</v>
          </cell>
          <cell r="AW818" t="str">
            <v>特定</v>
          </cell>
          <cell r="AX818">
            <v>685</v>
          </cell>
          <cell r="AY818" t="str">
            <v/>
          </cell>
          <cell r="AZ818" t="str">
            <v>4(4)/0/0</v>
          </cell>
          <cell r="BA818" t="str">
            <v>大阪府</v>
          </cell>
          <cell r="BB818">
            <v>0</v>
          </cell>
          <cell r="CR818">
            <v>6100</v>
          </cell>
          <cell r="CS818" t="str">
            <v>ﾀｶﾀﾞ ﾕｷﾐ</v>
          </cell>
          <cell r="CT818" t="str">
            <v>高田  幸美</v>
          </cell>
          <cell r="CU818" t="str">
            <v>人事研修課</v>
          </cell>
          <cell r="CW818">
            <v>2420</v>
          </cell>
          <cell r="CX818" t="str">
            <v>主任</v>
          </cell>
          <cell r="CY818" t="str">
            <v>人事研修課長</v>
          </cell>
        </row>
        <row r="819">
          <cell r="B819">
            <v>3413</v>
          </cell>
          <cell r="C819" t="str">
            <v>東京計器(株)</v>
          </cell>
          <cell r="D819" t="str">
            <v>06-6150-6602</v>
          </cell>
          <cell r="E819" t="str">
            <v>532-0004</v>
          </cell>
          <cell r="F819" t="str">
            <v>大阪府大阪市淀川区西宮原1-7-26</v>
          </cell>
          <cell r="G819" t="str">
            <v/>
          </cell>
          <cell r="H819" t="str">
            <v>大阪営業所</v>
          </cell>
          <cell r="I819" t="str">
            <v>所長 石橋　二郎</v>
          </cell>
          <cell r="J819" t="str">
            <v>東京都</v>
          </cell>
          <cell r="K819" t="str">
            <v>06-6150-6610</v>
          </cell>
          <cell r="L819" t="str">
            <v>y-ashikawa@tokyo-keiki.co.jp</v>
          </cell>
          <cell r="M819" t="str">
            <v>ﾄｳｷｮｳｹｲｷ</v>
          </cell>
          <cell r="N819" t="str">
            <v>有</v>
          </cell>
          <cell r="O819">
            <v>56</v>
          </cell>
          <cell r="P819">
            <v>1175</v>
          </cell>
          <cell r="Q819">
            <v>3010801008436</v>
          </cell>
          <cell r="R819">
            <v>7217597</v>
          </cell>
          <cell r="S819">
            <v>23133056</v>
          </cell>
          <cell r="T819">
            <v>39417368</v>
          </cell>
          <cell r="V819" t="str">
            <v>an122582</v>
          </cell>
          <cell r="W819" t="str">
            <v>ph133965</v>
          </cell>
          <cell r="X819" t="str">
            <v>電機通消(電)(機)</v>
          </cell>
          <cell r="Y819" t="str">
            <v>電機通消(電)(機)</v>
          </cell>
          <cell r="Z819" t="str">
            <v/>
          </cell>
          <cell r="AA819" t="str">
            <v>電気</v>
          </cell>
          <cell r="AB819" t="str">
            <v>機械器具</v>
          </cell>
          <cell r="AC819" t="str">
            <v/>
          </cell>
          <cell r="AD819" t="str">
            <v/>
          </cell>
          <cell r="AE819">
            <v>43190</v>
          </cell>
          <cell r="AF819" t="str">
            <v/>
          </cell>
          <cell r="AG819" t="str">
            <v>電気</v>
          </cell>
          <cell r="AH819" t="str">
            <v>一般</v>
          </cell>
          <cell r="AI819">
            <v>1064</v>
          </cell>
          <cell r="AJ819">
            <v>834986</v>
          </cell>
          <cell r="AK819" t="str">
            <v>8(0)/11/5</v>
          </cell>
          <cell r="AL819" t="str">
            <v>機械器具</v>
          </cell>
          <cell r="AM819" t="str">
            <v>一般</v>
          </cell>
          <cell r="AN819">
            <v>898</v>
          </cell>
          <cell r="AO819">
            <v>100616</v>
          </cell>
          <cell r="AP819" t="str">
            <v>0(0)/0/5</v>
          </cell>
          <cell r="AQ819" t="str">
            <v/>
          </cell>
          <cell r="AR819" t="str">
            <v/>
          </cell>
          <cell r="AS819" t="str">
            <v/>
          </cell>
          <cell r="AT819" t="str">
            <v/>
          </cell>
          <cell r="AU819" t="str">
            <v/>
          </cell>
          <cell r="AV819" t="str">
            <v/>
          </cell>
          <cell r="AW819" t="str">
            <v/>
          </cell>
          <cell r="AX819" t="str">
            <v/>
          </cell>
          <cell r="AY819" t="str">
            <v/>
          </cell>
          <cell r="AZ819" t="str">
            <v/>
          </cell>
          <cell r="BA819" t="str">
            <v>東京都</v>
          </cell>
          <cell r="BB819">
            <v>0</v>
          </cell>
          <cell r="CR819">
            <v>6101</v>
          </cell>
          <cell r="CS819" t="str">
            <v>ﾅｶﾀｹ ﾏﾐ</v>
          </cell>
          <cell r="CT819" t="str">
            <v>中武  麻美</v>
          </cell>
          <cell r="CU819" t="str">
            <v>後期医療福祉課</v>
          </cell>
          <cell r="CW819" t="str">
            <v xml:space="preserve"> </v>
          </cell>
          <cell r="CX819" t="str">
            <v xml:space="preserve"> </v>
          </cell>
          <cell r="CY819" t="str">
            <v>後期医療福祉課長</v>
          </cell>
        </row>
        <row r="820">
          <cell r="B820">
            <v>3414</v>
          </cell>
          <cell r="C820" t="str">
            <v>常盤工業(株)</v>
          </cell>
          <cell r="D820" t="str">
            <v>06-6942-1507</v>
          </cell>
          <cell r="E820" t="str">
            <v>540-0012</v>
          </cell>
          <cell r="F820" t="str">
            <v>大阪府大阪市中央区谷町1-3-27</v>
          </cell>
          <cell r="G820" t="str">
            <v/>
          </cell>
          <cell r="H820" t="str">
            <v>大阪支店</v>
          </cell>
          <cell r="I820" t="str">
            <v>支店長 石丸　三洋</v>
          </cell>
          <cell r="J820" t="str">
            <v>東京都</v>
          </cell>
          <cell r="K820" t="str">
            <v>06-6942-1500</v>
          </cell>
          <cell r="L820" t="str">
            <v>osaka@tokiwakogyo.co.jp</v>
          </cell>
          <cell r="M820" t="str">
            <v>ﾄｷﾜｺｳｷﾞｮｳ</v>
          </cell>
          <cell r="N820" t="str">
            <v>有</v>
          </cell>
          <cell r="O820">
            <v>65</v>
          </cell>
          <cell r="P820">
            <v>287</v>
          </cell>
          <cell r="Q820">
            <v>2010001024490</v>
          </cell>
          <cell r="R820">
            <v>100000</v>
          </cell>
          <cell r="S820">
            <v>3045509</v>
          </cell>
          <cell r="T820">
            <v>20304941</v>
          </cell>
          <cell r="V820" t="str">
            <v>qn331778</v>
          </cell>
          <cell r="W820" t="str">
            <v>aj153983</v>
          </cell>
          <cell r="X820" t="str">
            <v>(清)(と)(石)(鋼)(舗)(浚)(水)土建と石屋鋼舗浚塗防内園具水</v>
          </cell>
          <cell r="Y820" t="str">
            <v>(清)(と)(石)(鋼)(舗)(浚)(水)</v>
          </cell>
          <cell r="Z820" t="str">
            <v>土建と石屋鋼舗浚塗防内園具水</v>
          </cell>
          <cell r="AA820" t="str">
            <v>舗装</v>
          </cell>
          <cell r="AB820" t="str">
            <v>土木一式</v>
          </cell>
          <cell r="AC820" t="str">
            <v/>
          </cell>
          <cell r="AD820" t="str">
            <v/>
          </cell>
          <cell r="AE820">
            <v>43190</v>
          </cell>
          <cell r="AF820" t="str">
            <v>希望しない</v>
          </cell>
          <cell r="AG820" t="str">
            <v>舗装</v>
          </cell>
          <cell r="AH820" t="str">
            <v>特定</v>
          </cell>
          <cell r="AI820">
            <v>1334</v>
          </cell>
          <cell r="AJ820">
            <v>15538841</v>
          </cell>
          <cell r="AK820" t="str">
            <v>146(136)/16/23</v>
          </cell>
          <cell r="AL820" t="str">
            <v>土木一式</v>
          </cell>
          <cell r="AM820" t="str">
            <v>特定</v>
          </cell>
          <cell r="AN820">
            <v>1089</v>
          </cell>
          <cell r="AO820">
            <v>229669</v>
          </cell>
          <cell r="AP820" t="str">
            <v>147(136)/16/8</v>
          </cell>
          <cell r="AQ820" t="str">
            <v/>
          </cell>
          <cell r="AR820" t="str">
            <v/>
          </cell>
          <cell r="AS820" t="str">
            <v/>
          </cell>
          <cell r="AT820" t="str">
            <v/>
          </cell>
          <cell r="AU820" t="str">
            <v/>
          </cell>
          <cell r="AV820" t="str">
            <v/>
          </cell>
          <cell r="AW820" t="str">
            <v/>
          </cell>
          <cell r="AX820" t="str">
            <v/>
          </cell>
          <cell r="AY820" t="str">
            <v/>
          </cell>
          <cell r="AZ820" t="str">
            <v/>
          </cell>
          <cell r="BA820" t="str">
            <v>東京都</v>
          </cell>
          <cell r="BB820">
            <v>0</v>
          </cell>
          <cell r="CR820">
            <v>6102</v>
          </cell>
          <cell r="CS820" t="str">
            <v>ｲﾄｳ ｷﾐｵ</v>
          </cell>
          <cell r="CT820" t="str">
            <v>伊藤  公男</v>
          </cell>
          <cell r="CU820" t="str">
            <v>国保年金課</v>
          </cell>
          <cell r="CW820">
            <v>2741</v>
          </cell>
          <cell r="CX820" t="str">
            <v>副主幹</v>
          </cell>
          <cell r="CY820" t="str">
            <v>国保年金課長</v>
          </cell>
        </row>
        <row r="821">
          <cell r="B821">
            <v>3417</v>
          </cell>
          <cell r="C821" t="str">
            <v>(株)戸崎組</v>
          </cell>
          <cell r="D821" t="str">
            <v>0798-34-1911</v>
          </cell>
          <cell r="E821" t="str">
            <v>662-0933</v>
          </cell>
          <cell r="F821" t="str">
            <v>兵庫県西宮市西波止町6-35</v>
          </cell>
          <cell r="G821" t="str">
            <v>西宮市</v>
          </cell>
          <cell r="H821" t="str">
            <v/>
          </cell>
          <cell r="I821" t="str">
            <v>代表取締役 松本　吉弘</v>
          </cell>
          <cell r="J821" t="str">
            <v>本店</v>
          </cell>
          <cell r="K821" t="str">
            <v>0798-22-2391</v>
          </cell>
          <cell r="L821" t="str">
            <v>tosaki@skyblue.ocn.ne.jp</v>
          </cell>
          <cell r="M821" t="str">
            <v>ﾄｻｷｸﾞﾐ</v>
          </cell>
          <cell r="N821" t="str">
            <v>無</v>
          </cell>
          <cell r="O821">
            <v>68</v>
          </cell>
          <cell r="P821">
            <v>9</v>
          </cell>
          <cell r="Q821">
            <v>5140001069578</v>
          </cell>
          <cell r="R821">
            <v>30000</v>
          </cell>
          <cell r="S821">
            <v>205058</v>
          </cell>
          <cell r="T821">
            <v>632170</v>
          </cell>
          <cell r="V821" t="str">
            <v>by124631</v>
          </cell>
          <cell r="W821" t="str">
            <v>tp140458</v>
          </cell>
          <cell r="X821" t="str">
            <v>園土建と石鋼舗浚水解</v>
          </cell>
          <cell r="Y821" t="str">
            <v>園</v>
          </cell>
          <cell r="Z821" t="str">
            <v>土建と石鋼舗浚水解</v>
          </cell>
          <cell r="AA821" t="str">
            <v>土木一式</v>
          </cell>
          <cell r="AB821" t="str">
            <v>建築一式</v>
          </cell>
          <cell r="AC821" t="str">
            <v>舗装</v>
          </cell>
          <cell r="AD821" t="str">
            <v>浚渫</v>
          </cell>
          <cell r="AE821">
            <v>43251</v>
          </cell>
          <cell r="AF821" t="str">
            <v>希望する</v>
          </cell>
          <cell r="AG821" t="str">
            <v>土木一式</v>
          </cell>
          <cell r="AH821" t="str">
            <v>特定</v>
          </cell>
          <cell r="AI821">
            <v>943</v>
          </cell>
          <cell r="AJ821">
            <v>579482</v>
          </cell>
          <cell r="AK821" t="str">
            <v>4(4)/4/2</v>
          </cell>
          <cell r="AL821" t="str">
            <v>建築一式</v>
          </cell>
          <cell r="AM821" t="str">
            <v>特定</v>
          </cell>
          <cell r="AN821">
            <v>784</v>
          </cell>
          <cell r="AO821">
            <v>18201</v>
          </cell>
          <cell r="AP821" t="str">
            <v>2(2)/0/0</v>
          </cell>
          <cell r="AQ821" t="str">
            <v>舗装</v>
          </cell>
          <cell r="AR821" t="str">
            <v>特定</v>
          </cell>
          <cell r="AS821">
            <v>799</v>
          </cell>
          <cell r="AT821">
            <v>8271</v>
          </cell>
          <cell r="AU821" t="str">
            <v>4(4)/1/0</v>
          </cell>
          <cell r="AV821" t="str">
            <v>浚渫</v>
          </cell>
          <cell r="AW821" t="str">
            <v>特定</v>
          </cell>
          <cell r="AX821">
            <v>750</v>
          </cell>
          <cell r="AY821">
            <v>19898</v>
          </cell>
          <cell r="AZ821" t="str">
            <v>0(0)/0/0</v>
          </cell>
          <cell r="BA821" t="str">
            <v>兵庫県</v>
          </cell>
          <cell r="BB821">
            <v>0</v>
          </cell>
          <cell r="CR821">
            <v>6103</v>
          </cell>
          <cell r="CS821" t="str">
            <v>ﾅｶﾓﾄ ｹﾝｲﾁ</v>
          </cell>
          <cell r="CT821" t="str">
            <v>中本  賢一</v>
          </cell>
          <cell r="CU821" t="str">
            <v>広報課</v>
          </cell>
          <cell r="CW821">
            <v>2120</v>
          </cell>
          <cell r="CX821" t="str">
            <v>副主幹</v>
          </cell>
          <cell r="CY821" t="str">
            <v>広報課長</v>
          </cell>
        </row>
        <row r="822">
          <cell r="B822">
            <v>3418</v>
          </cell>
          <cell r="C822" t="str">
            <v>都市クリエイト(株)</v>
          </cell>
          <cell r="D822" t="str">
            <v>078-925-6871</v>
          </cell>
          <cell r="E822" t="str">
            <v>651-2148</v>
          </cell>
          <cell r="F822" t="str">
            <v>兵庫県神戸市西区長畑町9-1</v>
          </cell>
          <cell r="G822" t="str">
            <v>高槻市</v>
          </cell>
          <cell r="H822" t="str">
            <v>神戸支店</v>
          </cell>
          <cell r="I822" t="str">
            <v>支店長 深本　裕之</v>
          </cell>
          <cell r="J822" t="str">
            <v>大阪府高槻市</v>
          </cell>
          <cell r="K822" t="str">
            <v>078-925-6872</v>
          </cell>
          <cell r="L822" t="str">
            <v>create-k@abelia.ocn.ne.jp</v>
          </cell>
          <cell r="M822" t="str">
            <v>ﾄｼｸﾘｴｲﾄ</v>
          </cell>
          <cell r="N822" t="str">
            <v>有</v>
          </cell>
          <cell r="O822">
            <v>37</v>
          </cell>
          <cell r="P822">
            <v>429</v>
          </cell>
          <cell r="Q822">
            <v>8120901011563</v>
          </cell>
          <cell r="R822">
            <v>75000</v>
          </cell>
          <cell r="S822">
            <v>6607729</v>
          </cell>
          <cell r="T822">
            <v>7645077</v>
          </cell>
          <cell r="V822" t="str">
            <v>wb880390</v>
          </cell>
          <cell r="W822" t="str">
            <v>jz105291</v>
          </cell>
          <cell r="X822" t="str">
            <v>建管園(清)(管)(舗)(浚)(解)土と舗浚解</v>
          </cell>
          <cell r="Y822" t="str">
            <v>建管園(清)(管)(舗)(浚)(解)</v>
          </cell>
          <cell r="Z822" t="str">
            <v>土と舗浚解</v>
          </cell>
          <cell r="AA822" t="str">
            <v>土木一式</v>
          </cell>
          <cell r="AB822" t="str">
            <v>浚渫</v>
          </cell>
          <cell r="AC822" t="str">
            <v>舗装</v>
          </cell>
          <cell r="AD822" t="str">
            <v>管</v>
          </cell>
          <cell r="AE822">
            <v>43190</v>
          </cell>
          <cell r="AF822" t="str">
            <v>希望する</v>
          </cell>
          <cell r="AG822" t="str">
            <v>土木一式</v>
          </cell>
          <cell r="AH822" t="str">
            <v>特定</v>
          </cell>
          <cell r="AI822">
            <v>1026</v>
          </cell>
          <cell r="AJ822">
            <v>292656</v>
          </cell>
          <cell r="AK822" t="str">
            <v>8(7)/5/11</v>
          </cell>
          <cell r="AL822" t="str">
            <v>浚渫</v>
          </cell>
          <cell r="AM822" t="str">
            <v>特定</v>
          </cell>
          <cell r="AN822">
            <v>908</v>
          </cell>
          <cell r="AO822">
            <v>132256</v>
          </cell>
          <cell r="AP822" t="str">
            <v>()//6</v>
          </cell>
          <cell r="AQ822" t="str">
            <v>舗装</v>
          </cell>
          <cell r="AR822" t="str">
            <v>特定</v>
          </cell>
          <cell r="AS822">
            <v>933</v>
          </cell>
          <cell r="AT822">
            <v>49625</v>
          </cell>
          <cell r="AU822" t="str">
            <v>5(4)/3/1</v>
          </cell>
          <cell r="AV822" t="str">
            <v>管</v>
          </cell>
          <cell r="AW822" t="str">
            <v>一般</v>
          </cell>
          <cell r="AX822">
            <v>828</v>
          </cell>
          <cell r="AY822">
            <v>10328</v>
          </cell>
          <cell r="AZ822" t="str">
            <v>()//1</v>
          </cell>
          <cell r="BA822" t="str">
            <v>大阪府</v>
          </cell>
          <cell r="BB822">
            <v>0</v>
          </cell>
          <cell r="CR822">
            <v>6104</v>
          </cell>
          <cell r="CS822" t="str">
            <v>ﾏﾂﾓﾄ ﾖｼﾋﾛ</v>
          </cell>
          <cell r="CT822" t="str">
            <v>松本  嘉博</v>
          </cell>
          <cell r="CU822" t="str">
            <v>都市基盤総務課</v>
          </cell>
          <cell r="CW822">
            <v>3009</v>
          </cell>
          <cell r="CX822" t="str">
            <v>副主幹</v>
          </cell>
          <cell r="CY822" t="str">
            <v>都市基盤総務課長</v>
          </cell>
        </row>
        <row r="823">
          <cell r="B823">
            <v>3419</v>
          </cell>
          <cell r="C823" t="str">
            <v>戸田建設(株)</v>
          </cell>
          <cell r="D823" t="str">
            <v>078-221-7121</v>
          </cell>
          <cell r="E823" t="str">
            <v>651-0087</v>
          </cell>
          <cell r="F823" t="str">
            <v>兵庫県神戸市中央区御幸通3-1-3</v>
          </cell>
          <cell r="G823" t="str">
            <v/>
          </cell>
          <cell r="H823" t="str">
            <v>神戸総合営業所</v>
          </cell>
          <cell r="I823" t="str">
            <v>所長 上林　智</v>
          </cell>
          <cell r="J823" t="str">
            <v>東京都</v>
          </cell>
          <cell r="K823" t="str">
            <v>078-221-7314</v>
          </cell>
          <cell r="L823" t="str">
            <v>miho.miyaura@toda.co.jp</v>
          </cell>
          <cell r="M823" t="str">
            <v>ﾄﾀﾞｹﾝｾﾂ</v>
          </cell>
          <cell r="N823" t="str">
            <v>有</v>
          </cell>
          <cell r="O823">
            <v>68</v>
          </cell>
          <cell r="P823">
            <v>4158</v>
          </cell>
          <cell r="Q823">
            <v>6010001034874</v>
          </cell>
          <cell r="R823">
            <v>23001597</v>
          </cell>
          <cell r="S823">
            <v>233975738</v>
          </cell>
          <cell r="T823">
            <v>429026000</v>
          </cell>
          <cell r="V823" t="str">
            <v>ss871483</v>
          </cell>
          <cell r="W823" t="str">
            <v>es639720</v>
          </cell>
          <cell r="X823" t="str">
            <v>(清)(建)(大)(と)(石)(屋)(タ)(鋼)(舗)(浚)(内)(水)土建大と石屋電管タ鋼鉄舗浚板ガ塗防内熱通園具水消清解(清)(建)(大)(と)(石)(屋)(タ)(鋼)(舗)(浚)(内)(水)</v>
          </cell>
          <cell r="Y823" t="str">
            <v>(清)(建)(大)(と)(石)(屋)(タ)(鋼)(舗)(浚)(内)(水)</v>
          </cell>
          <cell r="Z823" t="str">
            <v>土建大と石屋電管タ鋼鉄舗浚板ガ塗防内熱通園具水消清解(清)(建)(大)(と)(石)(屋)(タ)(鋼)(舗)(浚)(内)(水)</v>
          </cell>
          <cell r="AA823" t="str">
            <v>建築一式</v>
          </cell>
          <cell r="AB823" t="str">
            <v>土木一式</v>
          </cell>
          <cell r="AC823" t="str">
            <v>水道施設</v>
          </cell>
          <cell r="AD823" t="str">
            <v/>
          </cell>
          <cell r="AE823">
            <v>43190</v>
          </cell>
          <cell r="AF823" t="str">
            <v>希望する</v>
          </cell>
          <cell r="AG823" t="str">
            <v>建築一式</v>
          </cell>
          <cell r="AH823" t="str">
            <v>特定</v>
          </cell>
          <cell r="AI823">
            <v>1980</v>
          </cell>
          <cell r="AJ823">
            <v>277206851</v>
          </cell>
          <cell r="AK823" t="str">
            <v>1325(599)/71/0</v>
          </cell>
          <cell r="AL823" t="str">
            <v>土木一式</v>
          </cell>
          <cell r="AM823" t="str">
            <v>特定</v>
          </cell>
          <cell r="AN823">
            <v>1956</v>
          </cell>
          <cell r="AO823">
            <v>94083361</v>
          </cell>
          <cell r="AP823" t="str">
            <v>985(531)/15/0</v>
          </cell>
          <cell r="AQ823" t="str">
            <v>水道施設</v>
          </cell>
          <cell r="AR823" t="str">
            <v>特定</v>
          </cell>
          <cell r="AS823">
            <v>1498</v>
          </cell>
          <cell r="AT823">
            <v>1542560</v>
          </cell>
          <cell r="AU823" t="str">
            <v>171(76)/0/0</v>
          </cell>
          <cell r="AV823" t="str">
            <v/>
          </cell>
          <cell r="AW823" t="str">
            <v/>
          </cell>
          <cell r="AX823" t="str">
            <v/>
          </cell>
          <cell r="AY823" t="str">
            <v/>
          </cell>
          <cell r="AZ823" t="str">
            <v/>
          </cell>
          <cell r="BA823" t="str">
            <v>東京都</v>
          </cell>
          <cell r="BB823">
            <v>0</v>
          </cell>
          <cell r="CR823">
            <v>6105</v>
          </cell>
          <cell r="CS823" t="str">
            <v>ｴｻﾞｷ ｻﾁｺ</v>
          </cell>
          <cell r="CT823" t="str">
            <v>江﨑  幸子</v>
          </cell>
          <cell r="CU823" t="str">
            <v>都市デザイン課</v>
          </cell>
          <cell r="CW823">
            <v>3207</v>
          </cell>
          <cell r="CX823" t="str">
            <v>主任</v>
          </cell>
          <cell r="CY823" t="str">
            <v>都市デザイン課長</v>
          </cell>
        </row>
        <row r="824">
          <cell r="B824">
            <v>3421</v>
          </cell>
          <cell r="C824" t="str">
            <v>飛島建設(株)</v>
          </cell>
          <cell r="D824" t="str">
            <v>078-341-8251</v>
          </cell>
          <cell r="E824" t="str">
            <v>669-1101</v>
          </cell>
          <cell r="F824" t="str">
            <v>兵庫県神戸市</v>
          </cell>
          <cell r="G824" t="str">
            <v/>
          </cell>
          <cell r="H824" t="str">
            <v>神戸営業所</v>
          </cell>
          <cell r="I824" t="str">
            <v>所長　 辻野　雅敬</v>
          </cell>
          <cell r="J824" t="str">
            <v>東京都</v>
          </cell>
          <cell r="K824" t="str">
            <v>078-341-8273</v>
          </cell>
          <cell r="L824" t="str">
            <v>osaka_bpd@tobishima.co.jp</v>
          </cell>
          <cell r="M824" t="str">
            <v>ﾄﾋﾞｼﾏｹﾝｾﾂ</v>
          </cell>
          <cell r="N824" t="str">
            <v>有</v>
          </cell>
          <cell r="O824">
            <v>68</v>
          </cell>
          <cell r="P824">
            <v>1320</v>
          </cell>
          <cell r="Q824">
            <v>8010000000000</v>
          </cell>
          <cell r="R824">
            <v>5519942</v>
          </cell>
          <cell r="S824">
            <v>31523951</v>
          </cell>
          <cell r="T824">
            <v>131121000</v>
          </cell>
          <cell r="V824" t="str">
            <v>ux290595</v>
          </cell>
          <cell r="W824" t="str">
            <v>eg604272</v>
          </cell>
          <cell r="X824" t="str">
            <v>(清)(建)(大)(と)(石)(屋)(タ)(鋼)(舗)(浚)(内)(水)土建大と石屋電管タ鋼鉄舗浚板ガ塗防内熱通園具水消清解(清)(建)(大)(と)(石)(屋)(タ)(鋼)(舗)(浚)(内)(水)</v>
          </cell>
          <cell r="Y824" t="str">
            <v>(清)(建)(大)(と)(石)(屋)(タ)(鋼)(舗)(浚)(内)(水)</v>
          </cell>
          <cell r="Z824" t="str">
            <v>土建大と石屋電管タ鋼鉄舗浚板ガ塗防内熱通園具水消清解(清)(建)(大)(と)(石)(屋)(タ)(鋼)(舗)(浚)(内)(水)</v>
          </cell>
          <cell r="AA824" t="str">
            <v>土木一式</v>
          </cell>
          <cell r="AB824" t="str">
            <v>建築一式</v>
          </cell>
          <cell r="AC824" t="str">
            <v>水道施設</v>
          </cell>
          <cell r="AD824" t="str">
            <v>とび土工</v>
          </cell>
          <cell r="AE824">
            <v>43190</v>
          </cell>
          <cell r="AF824" t="str">
            <v>希望しない</v>
          </cell>
          <cell r="AG824" t="str">
            <v>土木一式</v>
          </cell>
          <cell r="AH824" t="str">
            <v>特定</v>
          </cell>
          <cell r="AI824">
            <v>1770</v>
          </cell>
          <cell r="AJ824">
            <v>67568781</v>
          </cell>
          <cell r="AK824" t="str">
            <v>493(453)/1/20</v>
          </cell>
          <cell r="AL824" t="str">
            <v>建築一式</v>
          </cell>
          <cell r="AM824" t="str">
            <v>特定</v>
          </cell>
          <cell r="AN824">
            <v>1706</v>
          </cell>
          <cell r="AO824">
            <v>49134602</v>
          </cell>
          <cell r="AP824" t="str">
            <v>302(237)/7/48</v>
          </cell>
          <cell r="AQ824" t="str">
            <v>水道施設</v>
          </cell>
          <cell r="AR824" t="str">
            <v>特定</v>
          </cell>
          <cell r="AS824">
            <v>1364</v>
          </cell>
          <cell r="AT824">
            <v>717675</v>
          </cell>
          <cell r="AU824" t="str">
            <v>224(206)/1/1</v>
          </cell>
          <cell r="AV824" t="str">
            <v>とび土工</v>
          </cell>
          <cell r="AW824" t="str">
            <v>特定</v>
          </cell>
          <cell r="AX824">
            <v>1349</v>
          </cell>
          <cell r="AY824">
            <v>1958720</v>
          </cell>
          <cell r="AZ824" t="str">
            <v>127(114)/0/0</v>
          </cell>
          <cell r="BA824" t="str">
            <v>東京都</v>
          </cell>
          <cell r="BB824">
            <v>0</v>
          </cell>
          <cell r="CR824">
            <v>6106</v>
          </cell>
          <cell r="CS824" t="str">
            <v>ﾀｹﾅｶ ﾄｼﾋﾛ</v>
          </cell>
          <cell r="CT824" t="str">
            <v>竹中  俊博</v>
          </cell>
          <cell r="CU824" t="str">
            <v>施設課</v>
          </cell>
          <cell r="CW824">
            <v>3627</v>
          </cell>
          <cell r="CX824" t="str">
            <v>主任</v>
          </cell>
          <cell r="CY824" t="str">
            <v>施設課長</v>
          </cell>
        </row>
        <row r="825">
          <cell r="B825">
            <v>3423</v>
          </cell>
          <cell r="C825" t="str">
            <v>(株)豊浦浚渫</v>
          </cell>
          <cell r="D825" t="str">
            <v>0798-23-6984</v>
          </cell>
          <cell r="E825" t="str">
            <v>662-0943</v>
          </cell>
          <cell r="F825" t="str">
            <v>兵庫県西宮市西宮浜2-21-3</v>
          </cell>
          <cell r="G825" t="str">
            <v>西宮市</v>
          </cell>
          <cell r="H825" t="str">
            <v/>
          </cell>
          <cell r="I825" t="str">
            <v>代表取締役 嶋城　隆彦</v>
          </cell>
          <cell r="J825" t="str">
            <v>本店</v>
          </cell>
          <cell r="K825" t="str">
            <v>0798-33-5649</v>
          </cell>
          <cell r="L825" t="str">
            <v>info@toyoura-s.com</v>
          </cell>
          <cell r="M825" t="str">
            <v>ﾄﾖｳﾗｼｭﾝｾﾂ</v>
          </cell>
          <cell r="N825" t="str">
            <v>無</v>
          </cell>
          <cell r="O825">
            <v>35</v>
          </cell>
          <cell r="P825">
            <v>24</v>
          </cell>
          <cell r="Q825">
            <v>1140001069598</v>
          </cell>
          <cell r="R825">
            <v>25000</v>
          </cell>
          <cell r="S825">
            <v>-17480</v>
          </cell>
          <cell r="T825">
            <v>496160</v>
          </cell>
          <cell r="V825" t="str">
            <v>pk866922</v>
          </cell>
          <cell r="W825" t="str">
            <v>vg486571</v>
          </cell>
          <cell r="X825" t="str">
            <v>土と管舗浚水</v>
          </cell>
          <cell r="Y825" t="str">
            <v>土と管舗浚水</v>
          </cell>
          <cell r="Z825" t="str">
            <v/>
          </cell>
          <cell r="AA825" t="str">
            <v>土木一式</v>
          </cell>
          <cell r="AB825" t="str">
            <v>浚渫</v>
          </cell>
          <cell r="AC825" t="str">
            <v>管</v>
          </cell>
          <cell r="AD825" t="str">
            <v/>
          </cell>
          <cell r="AE825">
            <v>43251</v>
          </cell>
          <cell r="AF825" t="str">
            <v>希望する</v>
          </cell>
          <cell r="AG825" t="str">
            <v>土木一式</v>
          </cell>
          <cell r="AH825" t="str">
            <v>一般</v>
          </cell>
          <cell r="AI825">
            <v>827</v>
          </cell>
          <cell r="AJ825">
            <v>340056</v>
          </cell>
          <cell r="AK825" t="str">
            <v>2(2)/2/11</v>
          </cell>
          <cell r="AL825" t="str">
            <v>浚渫</v>
          </cell>
          <cell r="AM825" t="str">
            <v>一般</v>
          </cell>
          <cell r="AN825">
            <v>686</v>
          </cell>
          <cell r="AO825">
            <v>4190</v>
          </cell>
          <cell r="AP825" t="str">
            <v>2(2)/2/0</v>
          </cell>
          <cell r="AQ825" t="str">
            <v>管</v>
          </cell>
          <cell r="AR825" t="str">
            <v>一般</v>
          </cell>
          <cell r="AS825">
            <v>635</v>
          </cell>
          <cell r="AT825">
            <v>736</v>
          </cell>
          <cell r="AU825" t="str">
            <v>0(0)/0/1</v>
          </cell>
          <cell r="AV825" t="str">
            <v/>
          </cell>
          <cell r="AW825" t="str">
            <v/>
          </cell>
          <cell r="AX825" t="str">
            <v/>
          </cell>
          <cell r="AY825" t="str">
            <v/>
          </cell>
          <cell r="AZ825" t="str">
            <v/>
          </cell>
          <cell r="BA825" t="str">
            <v>兵庫県</v>
          </cell>
          <cell r="BB825">
            <v>0</v>
          </cell>
          <cell r="CR825">
            <v>6107</v>
          </cell>
          <cell r="CS825" t="str">
            <v>ｾﾝｻﾞｷ ﾏﾕﾐ</v>
          </cell>
          <cell r="CT825" t="str">
            <v>先崎  麻由美</v>
          </cell>
          <cell r="CU825" t="str">
            <v>こども福祉課</v>
          </cell>
          <cell r="CW825" t="str">
            <v xml:space="preserve"> </v>
          </cell>
          <cell r="CX825" t="str">
            <v xml:space="preserve"> </v>
          </cell>
          <cell r="CY825" t="str">
            <v>こども福祉課長</v>
          </cell>
        </row>
        <row r="826">
          <cell r="B826">
            <v>3424</v>
          </cell>
          <cell r="C826" t="str">
            <v>豊城建設(株)</v>
          </cell>
          <cell r="D826" t="str">
            <v>06-6421-6048</v>
          </cell>
          <cell r="E826" t="str">
            <v>661-0978</v>
          </cell>
          <cell r="F826" t="str">
            <v>兵庫県尼崎市久々知西町1-4-3</v>
          </cell>
          <cell r="G826" t="str">
            <v>尼崎市</v>
          </cell>
          <cell r="H826" t="str">
            <v/>
          </cell>
          <cell r="I826" t="str">
            <v>代表取締役 野口　光明</v>
          </cell>
          <cell r="J826" t="str">
            <v>本店</v>
          </cell>
          <cell r="K826" t="str">
            <v>06-6421-6043</v>
          </cell>
          <cell r="L826" t="str">
            <v>toyoshiro@hcc1.bai.ne.jp</v>
          </cell>
          <cell r="M826" t="str">
            <v>ﾄﾖｼﾛｹﾝｾﾂ</v>
          </cell>
          <cell r="N826" t="str">
            <v>無</v>
          </cell>
          <cell r="O826">
            <v>44</v>
          </cell>
          <cell r="P826">
            <v>14</v>
          </cell>
          <cell r="Q826">
            <v>8140001050279</v>
          </cell>
          <cell r="R826">
            <v>25000</v>
          </cell>
          <cell r="S826">
            <v>145282</v>
          </cell>
          <cell r="T826">
            <v>209036</v>
          </cell>
          <cell r="V826" t="str">
            <v>ap550728</v>
          </cell>
          <cell r="W826" t="str">
            <v>wu159326</v>
          </cell>
          <cell r="X826" t="str">
            <v>土建大と石屋管タ鋼鉄舗浚板ガ塗防内熱具水解</v>
          </cell>
          <cell r="Y826" t="str">
            <v/>
          </cell>
          <cell r="Z826" t="str">
            <v>土建大と石屋管タ鋼鉄舗浚板ガ塗防内熱具水解</v>
          </cell>
          <cell r="AA826" t="str">
            <v>水道施設</v>
          </cell>
          <cell r="AB826" t="str">
            <v>管</v>
          </cell>
          <cell r="AC826" t="str">
            <v>土木一式</v>
          </cell>
          <cell r="AD826" t="str">
            <v>舗装</v>
          </cell>
          <cell r="AE826">
            <v>43220</v>
          </cell>
          <cell r="AF826" t="str">
            <v>希望する</v>
          </cell>
          <cell r="AG826" t="str">
            <v>水道施設</v>
          </cell>
          <cell r="AH826" t="str">
            <v>特定</v>
          </cell>
          <cell r="AI826">
            <v>705</v>
          </cell>
          <cell r="AJ826" t="str">
            <v/>
          </cell>
          <cell r="AK826" t="str">
            <v>0(0)/0/0</v>
          </cell>
          <cell r="AL826" t="str">
            <v>管</v>
          </cell>
          <cell r="AM826" t="str">
            <v>特定</v>
          </cell>
          <cell r="AN826">
            <v>771</v>
          </cell>
          <cell r="AO826">
            <v>14307</v>
          </cell>
          <cell r="AP826" t="str">
            <v>1(1)/0/2</v>
          </cell>
          <cell r="AQ826" t="str">
            <v>土木一式</v>
          </cell>
          <cell r="AR826" t="str">
            <v>特定</v>
          </cell>
          <cell r="AS826">
            <v>917</v>
          </cell>
          <cell r="AT826">
            <v>303113</v>
          </cell>
          <cell r="AU826" t="str">
            <v>4(4)/4/1</v>
          </cell>
          <cell r="AV826" t="str">
            <v>舗装</v>
          </cell>
          <cell r="AW826" t="str">
            <v>特定</v>
          </cell>
          <cell r="AX826">
            <v>718</v>
          </cell>
          <cell r="AY826">
            <v>788</v>
          </cell>
          <cell r="AZ826" t="str">
            <v>0(0)/2/0</v>
          </cell>
          <cell r="BA826" t="str">
            <v>兵庫県</v>
          </cell>
          <cell r="BB826">
            <v>0</v>
          </cell>
          <cell r="CR826">
            <v>6109</v>
          </cell>
          <cell r="CS826" t="str">
            <v>ｺｲﾜ ｲｸｴ</v>
          </cell>
          <cell r="CT826" t="str">
            <v>古岩  育恵</v>
          </cell>
          <cell r="CU826" t="str">
            <v>地域・高年福祉課</v>
          </cell>
          <cell r="CW826">
            <v>2778</v>
          </cell>
          <cell r="CX826" t="str">
            <v>主任</v>
          </cell>
          <cell r="CY826" t="str">
            <v>地域・高年福祉課長</v>
          </cell>
        </row>
        <row r="827">
          <cell r="B827">
            <v>3426</v>
          </cell>
          <cell r="C827" t="str">
            <v>ドリコ(株)</v>
          </cell>
          <cell r="D827" t="str">
            <v>06-6303-5941</v>
          </cell>
          <cell r="E827" t="str">
            <v>532-0011</v>
          </cell>
          <cell r="F827" t="str">
            <v>大阪府大阪市淀川区西中島5-14-5 ﾆｯｾｲ新大阪南口ﾋﾞﾙ5階</v>
          </cell>
          <cell r="G827" t="str">
            <v/>
          </cell>
          <cell r="H827" t="str">
            <v>大阪支店</v>
          </cell>
          <cell r="I827" t="str">
            <v>支店長　 鳥居　赳志</v>
          </cell>
          <cell r="J827" t="str">
            <v>東京都</v>
          </cell>
          <cell r="K827" t="str">
            <v>06-6305-2315</v>
          </cell>
          <cell r="L827" t="str">
            <v>osaka@drico.co.jp</v>
          </cell>
          <cell r="M827" t="str">
            <v>ﾄﾞﾘｺ</v>
          </cell>
          <cell r="N827" t="str">
            <v>有</v>
          </cell>
          <cell r="O827">
            <v>67</v>
          </cell>
          <cell r="P827">
            <v>142</v>
          </cell>
          <cell r="Q827">
            <v>6010500000000</v>
          </cell>
          <cell r="R827">
            <v>275000</v>
          </cell>
          <cell r="S827">
            <v>1766376</v>
          </cell>
          <cell r="T827">
            <v>7340786</v>
          </cell>
          <cell r="V827" t="str">
            <v>rj845040</v>
          </cell>
          <cell r="W827" t="str">
            <v>dc399013</v>
          </cell>
          <cell r="X827" t="str">
            <v>土建大と石屋管タ鋼鉄舗浚板ガ塗防内熱具水解</v>
          </cell>
          <cell r="Y827" t="str">
            <v/>
          </cell>
          <cell r="Z827" t="str">
            <v>土建大と石屋管タ鋼鉄舗浚板ガ塗防内熱具水解</v>
          </cell>
          <cell r="AA827" t="str">
            <v>機械器具</v>
          </cell>
          <cell r="AB827" t="str">
            <v>水道施設</v>
          </cell>
          <cell r="AC827" t="str">
            <v>さく井</v>
          </cell>
          <cell r="AD827" t="str">
            <v>管</v>
          </cell>
          <cell r="AE827">
            <v>43190</v>
          </cell>
          <cell r="AF827" t="str">
            <v>希望しない</v>
          </cell>
          <cell r="AG827" t="str">
            <v>機械器具</v>
          </cell>
          <cell r="AH827" t="str">
            <v>特定</v>
          </cell>
          <cell r="AI827">
            <v>1107</v>
          </cell>
          <cell r="AJ827">
            <v>3228532</v>
          </cell>
          <cell r="AK827" t="str">
            <v>0(0)/0/19</v>
          </cell>
          <cell r="AL827" t="str">
            <v>水道施設</v>
          </cell>
          <cell r="AM827" t="str">
            <v>特定</v>
          </cell>
          <cell r="AN827">
            <v>1064</v>
          </cell>
          <cell r="AO827">
            <v>446473</v>
          </cell>
          <cell r="AP827" t="str">
            <v>15(15)/0/4</v>
          </cell>
          <cell r="AQ827" t="str">
            <v>さく井</v>
          </cell>
          <cell r="AR827" t="str">
            <v>特定</v>
          </cell>
          <cell r="AS827">
            <v>983</v>
          </cell>
          <cell r="AT827">
            <v>1326640</v>
          </cell>
          <cell r="AU827" t="str">
            <v>0(0)/13/0</v>
          </cell>
          <cell r="AV827" t="str">
            <v>管</v>
          </cell>
          <cell r="AW827" t="str">
            <v>特定</v>
          </cell>
          <cell r="AX827">
            <v>933</v>
          </cell>
          <cell r="AY827">
            <v>77711</v>
          </cell>
          <cell r="AZ827" t="str">
            <v>15(15)/0/1</v>
          </cell>
          <cell r="BA827" t="str">
            <v>東京都</v>
          </cell>
          <cell r="BB827">
            <v>0</v>
          </cell>
          <cell r="CR827">
            <v>6110</v>
          </cell>
          <cell r="CS827" t="str">
            <v>ﾖｺｲ ｱｲｺ</v>
          </cell>
          <cell r="CT827" t="str">
            <v>横井  愛子</v>
          </cell>
          <cell r="CU827" t="str">
            <v>保育課</v>
          </cell>
          <cell r="CW827" t="str">
            <v xml:space="preserve"> </v>
          </cell>
          <cell r="CX827" t="str">
            <v xml:space="preserve"> </v>
          </cell>
          <cell r="CY827" t="str">
            <v>保育課長</v>
          </cell>
        </row>
        <row r="828">
          <cell r="B828">
            <v>3428</v>
          </cell>
          <cell r="C828" t="str">
            <v>(株)酉島製作所</v>
          </cell>
          <cell r="D828" t="str">
            <v>06-6392-0400</v>
          </cell>
          <cell r="E828" t="str">
            <v>532-0003</v>
          </cell>
          <cell r="F828" t="str">
            <v>大阪府大阪市淀川区宮原4-1-14</v>
          </cell>
          <cell r="G828" t="str">
            <v>高槻市</v>
          </cell>
          <cell r="H828" t="str">
            <v>大阪支店</v>
          </cell>
          <cell r="I828" t="str">
            <v>支店長 柳川瀬　保男</v>
          </cell>
          <cell r="J828" t="str">
            <v>大阪府高槻市</v>
          </cell>
          <cell r="K828" t="str">
            <v>06-6392-0400</v>
          </cell>
          <cell r="L828" t="str">
            <v>nyusatsu-osaka@torishima.co.jp</v>
          </cell>
          <cell r="M828" t="str">
            <v>ﾄﾘｼﾏｾｲｻｸｼｮ</v>
          </cell>
          <cell r="N828" t="str">
            <v>有</v>
          </cell>
          <cell r="O828">
            <v>67</v>
          </cell>
          <cell r="P828">
            <v>1160</v>
          </cell>
          <cell r="Q828">
            <v>9120901011562</v>
          </cell>
          <cell r="R828">
            <v>1592775</v>
          </cell>
          <cell r="S828">
            <v>27820000</v>
          </cell>
          <cell r="T828">
            <v>45381000</v>
          </cell>
          <cell r="V828" t="str">
            <v>su748347</v>
          </cell>
          <cell r="W828" t="str">
            <v>cp117971</v>
          </cell>
          <cell r="X828" t="str">
            <v>消(清)(電)(管)(鋼)(機)(水)土建電管鋼機通水</v>
          </cell>
          <cell r="Y828" t="str">
            <v>消(清)(電)(管)(鋼)(機)(水)</v>
          </cell>
          <cell r="Z828" t="str">
            <v>土建電管鋼機通水</v>
          </cell>
          <cell r="AA828" t="str">
            <v>機械器具</v>
          </cell>
          <cell r="AB828" t="str">
            <v>水道施設</v>
          </cell>
          <cell r="AC828" t="str">
            <v>電気</v>
          </cell>
          <cell r="AD828" t="str">
            <v>管</v>
          </cell>
          <cell r="AE828">
            <v>43190</v>
          </cell>
          <cell r="AF828" t="str">
            <v>希望しない</v>
          </cell>
          <cell r="AG828" t="str">
            <v>機械器具</v>
          </cell>
          <cell r="AH828" t="str">
            <v>特定</v>
          </cell>
          <cell r="AI828">
            <v>1415</v>
          </cell>
          <cell r="AJ828">
            <v>16293947</v>
          </cell>
          <cell r="AK828" t="str">
            <v>6(5)/0/155</v>
          </cell>
          <cell r="AL828" t="str">
            <v>水道施設</v>
          </cell>
          <cell r="AM828" t="str">
            <v>特定</v>
          </cell>
          <cell r="AN828">
            <v>1285</v>
          </cell>
          <cell r="AO828">
            <v>1033109</v>
          </cell>
          <cell r="AP828" t="str">
            <v>98(91)/8/4</v>
          </cell>
          <cell r="AQ828" t="str">
            <v>電気</v>
          </cell>
          <cell r="AR828" t="str">
            <v>特定</v>
          </cell>
          <cell r="AS828">
            <v>1256</v>
          </cell>
          <cell r="AT828">
            <v>551137</v>
          </cell>
          <cell r="AU828" t="str">
            <v>93(88)/11/0</v>
          </cell>
          <cell r="AV828" t="str">
            <v>管</v>
          </cell>
          <cell r="AW828" t="str">
            <v>特定</v>
          </cell>
          <cell r="AX828">
            <v>1021</v>
          </cell>
          <cell r="AY828" t="str">
            <v/>
          </cell>
          <cell r="AZ828" t="str">
            <v>24(21)/14/0</v>
          </cell>
          <cell r="BA828" t="str">
            <v>大阪府</v>
          </cell>
          <cell r="BB828">
            <v>0</v>
          </cell>
          <cell r="CR828">
            <v>6111</v>
          </cell>
          <cell r="CS828" t="str">
            <v>ｼﾗﾀﾆ ｶｵﾘ</v>
          </cell>
          <cell r="CT828" t="str">
            <v>白谷  香織</v>
          </cell>
          <cell r="CU828" t="str">
            <v>保育課</v>
          </cell>
          <cell r="CW828" t="str">
            <v xml:space="preserve"> </v>
          </cell>
          <cell r="CX828" t="str">
            <v xml:space="preserve"> </v>
          </cell>
          <cell r="CY828" t="str">
            <v>保育課長</v>
          </cell>
        </row>
        <row r="829">
          <cell r="B829">
            <v>3429</v>
          </cell>
          <cell r="C829" t="str">
            <v>東邦電気工業(株)</v>
          </cell>
          <cell r="D829" t="str">
            <v>06-6990-2511</v>
          </cell>
          <cell r="E829" t="str">
            <v>533-0006</v>
          </cell>
          <cell r="F829" t="str">
            <v>大阪府大阪市東淀川区上新庄1-2-13</v>
          </cell>
          <cell r="G829" t="str">
            <v/>
          </cell>
          <cell r="H829" t="str">
            <v>大阪支店</v>
          </cell>
          <cell r="I829" t="str">
            <v>執行役員支店長 会田　武巳</v>
          </cell>
          <cell r="J829" t="str">
            <v>東京都</v>
          </cell>
          <cell r="K829" t="str">
            <v>06-6990-2515</v>
          </cell>
          <cell r="L829" t="str">
            <v>osa-eigyou@toho-elec.co.jp</v>
          </cell>
          <cell r="M829" t="str">
            <v>ﾄｳﾎｳﾃﾞﾝｷｺｳｷﾞｮｳ</v>
          </cell>
          <cell r="N829" t="str">
            <v>有</v>
          </cell>
          <cell r="O829">
            <v>68</v>
          </cell>
          <cell r="P829">
            <v>656</v>
          </cell>
          <cell r="Q829">
            <v>5011001015568</v>
          </cell>
          <cell r="R829">
            <v>2240000</v>
          </cell>
          <cell r="S829">
            <v>17696526</v>
          </cell>
          <cell r="T829">
            <v>20905313</v>
          </cell>
          <cell r="V829" t="str">
            <v>jj921781</v>
          </cell>
          <cell r="W829" t="str">
            <v>en388680</v>
          </cell>
          <cell r="X829" t="str">
            <v>と管塗機消(電)(通)電通</v>
          </cell>
          <cell r="Y829" t="str">
            <v>と管塗機消(電)(通)</v>
          </cell>
          <cell r="Z829" t="str">
            <v>電通</v>
          </cell>
          <cell r="AA829" t="str">
            <v>電気</v>
          </cell>
          <cell r="AB829" t="str">
            <v>電気通信</v>
          </cell>
          <cell r="AC829" t="str">
            <v/>
          </cell>
          <cell r="AD829" t="str">
            <v/>
          </cell>
          <cell r="AE829">
            <v>43190</v>
          </cell>
          <cell r="AF829" t="str">
            <v>希望しない</v>
          </cell>
          <cell r="AG829" t="str">
            <v>電気</v>
          </cell>
          <cell r="AH829" t="str">
            <v>特定</v>
          </cell>
          <cell r="AI829">
            <v>1474</v>
          </cell>
          <cell r="AJ829">
            <v>14263416</v>
          </cell>
          <cell r="AK829" t="str">
            <v>219(198)/63/122</v>
          </cell>
          <cell r="AL829" t="str">
            <v>電気通信</v>
          </cell>
          <cell r="AM829" t="str">
            <v>特定</v>
          </cell>
          <cell r="AN829">
            <v>1333</v>
          </cell>
          <cell r="AO829">
            <v>6506507</v>
          </cell>
          <cell r="AP829" t="str">
            <v>0(0)/0/251</v>
          </cell>
          <cell r="AQ829" t="str">
            <v/>
          </cell>
          <cell r="AR829" t="str">
            <v/>
          </cell>
          <cell r="AS829" t="str">
            <v/>
          </cell>
          <cell r="AT829" t="str">
            <v/>
          </cell>
          <cell r="AU829" t="str">
            <v/>
          </cell>
          <cell r="AV829" t="str">
            <v/>
          </cell>
          <cell r="AW829" t="str">
            <v/>
          </cell>
          <cell r="AX829" t="str">
            <v/>
          </cell>
          <cell r="AY829" t="str">
            <v/>
          </cell>
          <cell r="AZ829" t="str">
            <v/>
          </cell>
          <cell r="BA829" t="str">
            <v>東京都</v>
          </cell>
          <cell r="BB829">
            <v>0</v>
          </cell>
          <cell r="CR829">
            <v>6114</v>
          </cell>
          <cell r="CS829" t="str">
            <v>ｶﾗｻﾜ ﾅｵﾋﾛ</v>
          </cell>
          <cell r="CT829" t="str">
            <v>唐澤  直洋</v>
          </cell>
          <cell r="CU829" t="str">
            <v>徴収対策課</v>
          </cell>
          <cell r="CW829">
            <v>2351</v>
          </cell>
          <cell r="CX829" t="str">
            <v>主任</v>
          </cell>
          <cell r="CY829" t="str">
            <v>徴収対策課長</v>
          </cell>
        </row>
        <row r="830">
          <cell r="B830">
            <v>3430</v>
          </cell>
          <cell r="C830" t="str">
            <v>(株)トータル</v>
          </cell>
          <cell r="D830" t="str">
            <v>072-794-5826</v>
          </cell>
          <cell r="E830" t="str">
            <v>666-0117</v>
          </cell>
          <cell r="F830" t="str">
            <v>兵庫県川西市東畦野2-7-5</v>
          </cell>
          <cell r="G830" t="str">
            <v>川西市</v>
          </cell>
          <cell r="H830" t="str">
            <v/>
          </cell>
          <cell r="I830" t="str">
            <v>代表取締役 森畠　富男</v>
          </cell>
          <cell r="J830" t="str">
            <v>本店</v>
          </cell>
          <cell r="K830" t="str">
            <v>072-795-2080</v>
          </cell>
          <cell r="L830" t="str">
            <v>total@cpost.plala.or.jp</v>
          </cell>
          <cell r="M830" t="str">
            <v>ﾄｰﾀﾙ</v>
          </cell>
          <cell r="N830" t="str">
            <v>無</v>
          </cell>
          <cell r="O830">
            <v>29</v>
          </cell>
          <cell r="P830">
            <v>14</v>
          </cell>
          <cell r="Q830">
            <v>5140001074503</v>
          </cell>
          <cell r="R830">
            <v>20000</v>
          </cell>
          <cell r="S830">
            <v>262931</v>
          </cell>
          <cell r="T830">
            <v>966331</v>
          </cell>
          <cell r="V830" t="str">
            <v>qe678907</v>
          </cell>
          <cell r="W830" t="str">
            <v>cm142374</v>
          </cell>
          <cell r="X830" t="str">
            <v>土と管舗解建</v>
          </cell>
          <cell r="Y830" t="str">
            <v>土と管舗解</v>
          </cell>
          <cell r="Z830" t="str">
            <v>建</v>
          </cell>
          <cell r="AA830" t="str">
            <v>建築一式</v>
          </cell>
          <cell r="AB830" t="str">
            <v>土木一式</v>
          </cell>
          <cell r="AC830" t="str">
            <v>とび土工</v>
          </cell>
          <cell r="AD830" t="str">
            <v>管</v>
          </cell>
          <cell r="AE830">
            <v>43251</v>
          </cell>
          <cell r="AF830" t="str">
            <v>希望しない</v>
          </cell>
          <cell r="AG830" t="str">
            <v>建築一式</v>
          </cell>
          <cell r="AH830" t="str">
            <v>特定</v>
          </cell>
          <cell r="AI830">
            <v>847</v>
          </cell>
          <cell r="AJ830">
            <v>647145</v>
          </cell>
          <cell r="AK830" t="str">
            <v>4(3)/4/0</v>
          </cell>
          <cell r="AL830" t="str">
            <v>土木一式</v>
          </cell>
          <cell r="AM830" t="str">
            <v>一般</v>
          </cell>
          <cell r="AN830">
            <v>720</v>
          </cell>
          <cell r="AO830">
            <v>44531</v>
          </cell>
          <cell r="AP830" t="str">
            <v>2(0)/2/0</v>
          </cell>
          <cell r="AQ830" t="str">
            <v>とび土工</v>
          </cell>
          <cell r="AR830" t="str">
            <v>一般</v>
          </cell>
          <cell r="AS830">
            <v>692</v>
          </cell>
          <cell r="AT830">
            <v>17357</v>
          </cell>
          <cell r="AU830" t="str">
            <v>2(2)/0/0</v>
          </cell>
          <cell r="AV830" t="str">
            <v>管</v>
          </cell>
          <cell r="AW830" t="str">
            <v>一般</v>
          </cell>
          <cell r="AX830">
            <v>637</v>
          </cell>
          <cell r="AY830">
            <v>6773</v>
          </cell>
          <cell r="AZ830" t="str">
            <v>0(0)/0/1</v>
          </cell>
          <cell r="BA830" t="str">
            <v>兵庫県</v>
          </cell>
          <cell r="BB830">
            <v>0</v>
          </cell>
          <cell r="CR830">
            <v>6115</v>
          </cell>
          <cell r="CS830" t="str">
            <v>ｸﾙｼﾏ ﾐﾕｷ</v>
          </cell>
          <cell r="CT830" t="str">
            <v>久留嶋  美幸</v>
          </cell>
          <cell r="CU830" t="str">
            <v>契約・検査課</v>
          </cell>
          <cell r="CW830">
            <v>2447</v>
          </cell>
          <cell r="CX830" t="str">
            <v xml:space="preserve"> </v>
          </cell>
          <cell r="CY830" t="str">
            <v>契約・検査課長</v>
          </cell>
        </row>
        <row r="831">
          <cell r="B831">
            <v>3431</v>
          </cell>
          <cell r="C831" t="str">
            <v>東洋冷熱工業(株)</v>
          </cell>
          <cell r="D831" t="str">
            <v>079-234-0100</v>
          </cell>
          <cell r="E831" t="str">
            <v>670-0952</v>
          </cell>
          <cell r="F831" t="str">
            <v>兵庫県姫路市南条3-2</v>
          </cell>
          <cell r="G831" t="str">
            <v>姫路市</v>
          </cell>
          <cell r="H831" t="str">
            <v/>
          </cell>
          <cell r="I831" t="str">
            <v>代表取締役 水谷　重樹</v>
          </cell>
          <cell r="J831" t="str">
            <v>本店</v>
          </cell>
          <cell r="K831" t="str">
            <v>079-234-0105</v>
          </cell>
          <cell r="L831" t="str">
            <v>kawahara@toyoreinetsu.co.jp</v>
          </cell>
          <cell r="M831" t="str">
            <v>ﾄｳﾖｳﾚｲﾈﾂｺｳｷﾞｮｳ</v>
          </cell>
          <cell r="N831" t="str">
            <v>無</v>
          </cell>
          <cell r="O831">
            <v>50</v>
          </cell>
          <cell r="P831">
            <v>30</v>
          </cell>
          <cell r="Q831">
            <v>7140001060246</v>
          </cell>
          <cell r="R831">
            <v>20000</v>
          </cell>
          <cell r="S831">
            <v>694484</v>
          </cell>
          <cell r="T831">
            <v>2107672</v>
          </cell>
          <cell r="V831" t="str">
            <v>km904792</v>
          </cell>
          <cell r="W831" t="str">
            <v>zg386314</v>
          </cell>
          <cell r="X831" t="str">
            <v>電機管</v>
          </cell>
          <cell r="Y831" t="str">
            <v>電機</v>
          </cell>
          <cell r="Z831" t="str">
            <v>管</v>
          </cell>
          <cell r="AA831" t="str">
            <v>管</v>
          </cell>
          <cell r="AB831" t="str">
            <v>機械器具</v>
          </cell>
          <cell r="AC831" t="str">
            <v>電気</v>
          </cell>
          <cell r="AD831" t="str">
            <v/>
          </cell>
          <cell r="AE831">
            <v>43100</v>
          </cell>
          <cell r="AF831" t="str">
            <v>希望しない</v>
          </cell>
          <cell r="AG831" t="str">
            <v>管</v>
          </cell>
          <cell r="AH831" t="str">
            <v>特定</v>
          </cell>
          <cell r="AI831">
            <v>979</v>
          </cell>
          <cell r="AJ831">
            <v>1914402</v>
          </cell>
          <cell r="AK831" t="str">
            <v>7(7)/6/6</v>
          </cell>
          <cell r="AL831" t="str">
            <v>機械器具</v>
          </cell>
          <cell r="AM831" t="str">
            <v>一般</v>
          </cell>
          <cell r="AN831">
            <v>717</v>
          </cell>
          <cell r="AO831">
            <v>8308</v>
          </cell>
          <cell r="AP831" t="str">
            <v>0(0)/0/7</v>
          </cell>
          <cell r="AQ831" t="str">
            <v>電気</v>
          </cell>
          <cell r="AR831" t="str">
            <v>一般</v>
          </cell>
          <cell r="AS831">
            <v>680</v>
          </cell>
          <cell r="AT831">
            <v>508</v>
          </cell>
          <cell r="AU831" t="str">
            <v>0(0)/0/8</v>
          </cell>
          <cell r="AV831" t="str">
            <v/>
          </cell>
          <cell r="AW831" t="str">
            <v/>
          </cell>
          <cell r="AX831" t="str">
            <v/>
          </cell>
          <cell r="AY831" t="str">
            <v/>
          </cell>
          <cell r="AZ831" t="str">
            <v/>
          </cell>
          <cell r="BA831" t="str">
            <v>兵庫県</v>
          </cell>
          <cell r="BB831">
            <v>0</v>
          </cell>
          <cell r="CR831">
            <v>6119</v>
          </cell>
          <cell r="CS831" t="str">
            <v>ﾀﾂﾉ ﾖｼｵ</v>
          </cell>
          <cell r="CT831" t="str">
            <v>辰野  義央</v>
          </cell>
          <cell r="CU831" t="str">
            <v>東消防署</v>
          </cell>
          <cell r="CW831">
            <v>668325</v>
          </cell>
          <cell r="CX831" t="str">
            <v>主任</v>
          </cell>
          <cell r="CY831" t="str">
            <v>東消防署長</v>
          </cell>
        </row>
        <row r="832">
          <cell r="B832">
            <v>3435</v>
          </cell>
          <cell r="C832" t="str">
            <v>東和工業(株)</v>
          </cell>
          <cell r="D832" t="str">
            <v>078-686-1169</v>
          </cell>
          <cell r="E832" t="str">
            <v>852-0866</v>
          </cell>
          <cell r="F832" t="str">
            <v>兵庫県神戸市兵庫区遠矢浜町2-44</v>
          </cell>
          <cell r="G832" t="str">
            <v>枚方市</v>
          </cell>
          <cell r="H832" t="str">
            <v>神戸支店</v>
          </cell>
          <cell r="I832" t="str">
            <v>支店長 新子　延博</v>
          </cell>
          <cell r="J832" t="str">
            <v>大阪府枚方市</v>
          </cell>
          <cell r="K832" t="str">
            <v>078-686-1196</v>
          </cell>
          <cell r="L832" t="str">
            <v>towa-jimu@vanilla.ocn.ne.jp</v>
          </cell>
          <cell r="M832" t="str">
            <v>ﾄｳﾜｺｳｷﾞｮｳ</v>
          </cell>
          <cell r="N832" t="str">
            <v>有</v>
          </cell>
          <cell r="O832">
            <v>39</v>
          </cell>
          <cell r="P832">
            <v>9</v>
          </cell>
          <cell r="Q832">
            <v>9120001150187</v>
          </cell>
          <cell r="R832">
            <v>70000</v>
          </cell>
          <cell r="S832">
            <v>71154</v>
          </cell>
          <cell r="T832">
            <v>391486</v>
          </cell>
          <cell r="V832" t="str">
            <v>ug456047</v>
          </cell>
          <cell r="W832" t="str">
            <v>xi148841</v>
          </cell>
          <cell r="X832" t="str">
            <v>(清)(と)(石)(鋼)(舗)(浚)(塗)(水)土建と石管鋼舗浚塗防井水</v>
          </cell>
          <cell r="Y832" t="str">
            <v>(清)(と)(石)(鋼)(舗)(浚)(塗)(水)</v>
          </cell>
          <cell r="Z832" t="str">
            <v>土建と石管鋼舗浚塗防井水</v>
          </cell>
          <cell r="AA832" t="str">
            <v>土木一式</v>
          </cell>
          <cell r="AB832" t="str">
            <v>塗装</v>
          </cell>
          <cell r="AC832" t="str">
            <v>浚渫</v>
          </cell>
          <cell r="AD832" t="str">
            <v>とび土工</v>
          </cell>
          <cell r="AE832" t="str">
            <v>H30</v>
          </cell>
          <cell r="AF832">
            <v>31</v>
          </cell>
          <cell r="AG832" t="str">
            <v>土木一式</v>
          </cell>
          <cell r="AH832" t="str">
            <v>特定</v>
          </cell>
          <cell r="AI832">
            <v>816</v>
          </cell>
          <cell r="AJ832">
            <v>185510</v>
          </cell>
          <cell r="AK832" t="str">
            <v>4(4)/1/3</v>
          </cell>
          <cell r="AL832" t="str">
            <v>塗装</v>
          </cell>
          <cell r="AM832" t="str">
            <v>特定</v>
          </cell>
          <cell r="AN832">
            <v>628</v>
          </cell>
          <cell r="AO832" t="str">
            <v/>
          </cell>
          <cell r="AP832" t="str">
            <v>0(0)/0/0</v>
          </cell>
          <cell r="AQ832" t="str">
            <v>浚渫</v>
          </cell>
          <cell r="AR832" t="str">
            <v>特定</v>
          </cell>
          <cell r="AS832">
            <v>646</v>
          </cell>
          <cell r="AT832">
            <v>3773</v>
          </cell>
          <cell r="AU832" t="str">
            <v>0(0)/0/0</v>
          </cell>
          <cell r="AV832" t="str">
            <v>とび土工</v>
          </cell>
          <cell r="AW832" t="str">
            <v>特定</v>
          </cell>
          <cell r="AX832">
            <v>631</v>
          </cell>
          <cell r="AY832">
            <v>829</v>
          </cell>
          <cell r="AZ832" t="str">
            <v>0(0)/0/0</v>
          </cell>
          <cell r="BA832" t="str">
            <v>大阪府</v>
          </cell>
          <cell r="BB832">
            <v>0</v>
          </cell>
          <cell r="CR832">
            <v>6136</v>
          </cell>
          <cell r="CS832" t="str">
            <v>ｵｶﾀﾞ ﾏﾎ</v>
          </cell>
          <cell r="CT832" t="str">
            <v>岡田  真保</v>
          </cell>
          <cell r="CU832" t="str">
            <v>生活支援課</v>
          </cell>
          <cell r="CW832">
            <v>2531</v>
          </cell>
          <cell r="CX832" t="str">
            <v xml:space="preserve"> </v>
          </cell>
          <cell r="CY832" t="str">
            <v>生活支援課長</v>
          </cell>
        </row>
        <row r="833">
          <cell r="B833">
            <v>3437</v>
          </cell>
          <cell r="C833" t="str">
            <v>(株)トータルメディア開発研究所</v>
          </cell>
          <cell r="D833" t="str">
            <v>03-3221-5558</v>
          </cell>
          <cell r="E833" t="str">
            <v>102-0094</v>
          </cell>
          <cell r="F833" t="str">
            <v>東京都東京都千代田区紀尾井町3‐23</v>
          </cell>
          <cell r="G833" t="str">
            <v/>
          </cell>
          <cell r="H833" t="str">
            <v/>
          </cell>
          <cell r="I833" t="str">
            <v>代表取締役 山村　健一郎</v>
          </cell>
          <cell r="J833" t="str">
            <v>本店</v>
          </cell>
          <cell r="K833" t="str">
            <v>03-3221-5521</v>
          </cell>
          <cell r="L833" t="str">
            <v>eigyo2008@totalmedia.co.jp</v>
          </cell>
          <cell r="M833" t="str">
            <v>ﾄｰﾀﾙﾒﾃﾞｨｱｶｲﾊﾂｹﾝｷｭｳｼｮ</v>
          </cell>
          <cell r="N833" t="str">
            <v>無</v>
          </cell>
          <cell r="O833">
            <v>48</v>
          </cell>
          <cell r="P833">
            <v>207</v>
          </cell>
          <cell r="Q833">
            <v>6010501009533</v>
          </cell>
          <cell r="R833">
            <v>500000</v>
          </cell>
          <cell r="S833">
            <v>2212148</v>
          </cell>
          <cell r="T833">
            <v>7970368</v>
          </cell>
          <cell r="V833" t="str">
            <v>es781611</v>
          </cell>
          <cell r="W833" t="str">
            <v>sg470218</v>
          </cell>
          <cell r="X833" t="str">
            <v>通消建大屋電管タ鋼内</v>
          </cell>
          <cell r="Y833" t="str">
            <v>通消</v>
          </cell>
          <cell r="Z833" t="str">
            <v>建大屋電管タ鋼内</v>
          </cell>
          <cell r="AA833" t="str">
            <v>内装仕上</v>
          </cell>
          <cell r="AB833" t="str">
            <v/>
          </cell>
          <cell r="AC833" t="str">
            <v/>
          </cell>
          <cell r="AD833" t="str">
            <v/>
          </cell>
          <cell r="AE833">
            <v>43190</v>
          </cell>
          <cell r="AF833" t="str">
            <v>希望しない</v>
          </cell>
          <cell r="AG833" t="str">
            <v>内装仕上</v>
          </cell>
          <cell r="AH833" t="str">
            <v>特定</v>
          </cell>
          <cell r="AI833">
            <v>1140</v>
          </cell>
          <cell r="AJ833">
            <v>4571544</v>
          </cell>
          <cell r="AK833" t="str">
            <v>15(15)/5/27</v>
          </cell>
          <cell r="AL833" t="str">
            <v/>
          </cell>
          <cell r="AM833" t="str">
            <v/>
          </cell>
          <cell r="AN833" t="str">
            <v/>
          </cell>
          <cell r="AO833" t="str">
            <v/>
          </cell>
          <cell r="AP833" t="str">
            <v/>
          </cell>
          <cell r="AQ833" t="str">
            <v/>
          </cell>
          <cell r="AR833" t="str">
            <v/>
          </cell>
          <cell r="AS833" t="str">
            <v/>
          </cell>
          <cell r="AT833" t="str">
            <v/>
          </cell>
          <cell r="AU833" t="str">
            <v/>
          </cell>
          <cell r="AV833" t="str">
            <v/>
          </cell>
          <cell r="AW833" t="str">
            <v/>
          </cell>
          <cell r="AX833" t="str">
            <v/>
          </cell>
          <cell r="AY833" t="str">
            <v/>
          </cell>
          <cell r="AZ833" t="str">
            <v/>
          </cell>
          <cell r="BA833" t="str">
            <v>東京都</v>
          </cell>
          <cell r="BB833">
            <v>0</v>
          </cell>
          <cell r="CR833">
            <v>6150</v>
          </cell>
          <cell r="CS833" t="str">
            <v>ｵｵﾂｶ ﾃﾂﾔ</v>
          </cell>
          <cell r="CT833" t="str">
            <v>大塚  鉄也</v>
          </cell>
          <cell r="CU833" t="str">
            <v>運輸サービス課</v>
          </cell>
          <cell r="CW833">
            <v>6736</v>
          </cell>
          <cell r="CX833" t="str">
            <v xml:space="preserve"> </v>
          </cell>
          <cell r="CY833" t="str">
            <v>運輸サービス課長</v>
          </cell>
        </row>
        <row r="834">
          <cell r="B834">
            <v>3441</v>
          </cell>
          <cell r="C834" t="str">
            <v>(株)鳥羽瀬社寺建築</v>
          </cell>
          <cell r="D834" t="str">
            <v>072-981-8493</v>
          </cell>
          <cell r="E834" t="str">
            <v>579-8001</v>
          </cell>
          <cell r="F834" t="str">
            <v>大阪府東大阪市善根寺町6-9-28</v>
          </cell>
          <cell r="G834" t="str">
            <v>東大阪市</v>
          </cell>
          <cell r="H834" t="str">
            <v/>
          </cell>
          <cell r="I834" t="str">
            <v>代表取締役　 稲岡　信義</v>
          </cell>
          <cell r="J834" t="str">
            <v>本店</v>
          </cell>
          <cell r="K834" t="str">
            <v>072-981-8508</v>
          </cell>
          <cell r="L834" t="str">
            <v>tobase-tomoko@tobase-syaji.co.jp</v>
          </cell>
          <cell r="M834" t="str">
            <v>ﾄﾊﾞｾｼﾔｼﾞｹﾝﾁｸ</v>
          </cell>
          <cell r="N834" t="str">
            <v>無</v>
          </cell>
          <cell r="O834">
            <v>22</v>
          </cell>
          <cell r="P834">
            <v>31</v>
          </cell>
          <cell r="Q834">
            <v>1122000000000</v>
          </cell>
          <cell r="R834">
            <v>31000</v>
          </cell>
          <cell r="S834">
            <v>255018</v>
          </cell>
          <cell r="T834">
            <v>407571</v>
          </cell>
          <cell r="V834" t="str">
            <v>en370393</v>
          </cell>
          <cell r="W834" t="str">
            <v>bq498908</v>
          </cell>
          <cell r="X834" t="str">
            <v>通消建大屋電管タ鋼内</v>
          </cell>
          <cell r="Y834" t="str">
            <v>通消</v>
          </cell>
          <cell r="Z834" t="str">
            <v>建大屋電管タ鋼内</v>
          </cell>
          <cell r="AA834" t="str">
            <v>建築一式</v>
          </cell>
          <cell r="AB834" t="str">
            <v/>
          </cell>
          <cell r="AC834" t="str">
            <v/>
          </cell>
          <cell r="AD834" t="str">
            <v/>
          </cell>
          <cell r="AE834">
            <v>43008</v>
          </cell>
          <cell r="AF834" t="str">
            <v>希望しない</v>
          </cell>
          <cell r="AG834" t="str">
            <v>建築一式</v>
          </cell>
          <cell r="AH834" t="str">
            <v>特定</v>
          </cell>
          <cell r="AI834">
            <v>811</v>
          </cell>
          <cell r="AJ834">
            <v>542029</v>
          </cell>
          <cell r="AK834" t="str">
            <v>4(4)/5/6</v>
          </cell>
          <cell r="AL834" t="str">
            <v/>
          </cell>
          <cell r="AM834" t="str">
            <v/>
          </cell>
          <cell r="AN834" t="str">
            <v/>
          </cell>
          <cell r="AO834" t="str">
            <v/>
          </cell>
          <cell r="AP834" t="str">
            <v/>
          </cell>
          <cell r="AQ834" t="str">
            <v/>
          </cell>
          <cell r="AR834" t="str">
            <v/>
          </cell>
          <cell r="AS834" t="str">
            <v/>
          </cell>
          <cell r="AT834" t="str">
            <v/>
          </cell>
          <cell r="AU834" t="str">
            <v/>
          </cell>
          <cell r="AV834" t="str">
            <v/>
          </cell>
          <cell r="AW834" t="str">
            <v/>
          </cell>
          <cell r="AX834" t="str">
            <v/>
          </cell>
          <cell r="AY834" t="str">
            <v/>
          </cell>
          <cell r="AZ834" t="str">
            <v/>
          </cell>
          <cell r="BA834" t="str">
            <v>大阪府</v>
          </cell>
          <cell r="BB834">
            <v>0</v>
          </cell>
          <cell r="CR834">
            <v>6177</v>
          </cell>
          <cell r="CS834" t="str">
            <v>ｳｴﾀﾞ ﾐﾉﾘ</v>
          </cell>
          <cell r="CT834" t="str">
            <v>上田  みのり</v>
          </cell>
          <cell r="CU834" t="str">
            <v>介護保険課</v>
          </cell>
          <cell r="CW834">
            <v>2704</v>
          </cell>
          <cell r="CX834" t="str">
            <v>主任</v>
          </cell>
          <cell r="CY834" t="str">
            <v>介護保険課長</v>
          </cell>
        </row>
        <row r="835">
          <cell r="B835">
            <v>3443</v>
          </cell>
          <cell r="C835" t="str">
            <v>東レ建設(株)</v>
          </cell>
          <cell r="D835" t="str">
            <v>06-6447-5152</v>
          </cell>
          <cell r="E835" t="str">
            <v>530-8222</v>
          </cell>
          <cell r="F835" t="str">
            <v>大阪府大阪市北区中之島3-3-3</v>
          </cell>
          <cell r="G835" t="str">
            <v>大阪市</v>
          </cell>
          <cell r="H835" t="str">
            <v/>
          </cell>
          <cell r="I835" t="str">
            <v>代表取締役社長 冨山　元行</v>
          </cell>
          <cell r="J835" t="str">
            <v>本店</v>
          </cell>
          <cell r="K835" t="str">
            <v>06-6447-0891</v>
          </cell>
          <cell r="L835" t="str">
            <v>naomi_matsuda@tcc.toray.co.jp</v>
          </cell>
          <cell r="M835" t="str">
            <v>ﾄｰﾚｹﾝｾﾂ</v>
          </cell>
          <cell r="N835" t="str">
            <v>無</v>
          </cell>
          <cell r="O835">
            <v>17</v>
          </cell>
          <cell r="P835">
            <v>367</v>
          </cell>
          <cell r="Q835">
            <v>9120001096018</v>
          </cell>
          <cell r="R835">
            <v>1503000</v>
          </cell>
          <cell r="S835">
            <v>13945780</v>
          </cell>
          <cell r="T835">
            <v>51729399</v>
          </cell>
          <cell r="V835" t="str">
            <v>mq706884</v>
          </cell>
          <cell r="W835" t="str">
            <v>ks868567</v>
          </cell>
          <cell r="X835" t="str">
            <v>土建大と石屋電管タ鋼舗浚板塗防内園具水</v>
          </cell>
          <cell r="Y835" t="str">
            <v/>
          </cell>
          <cell r="Z835" t="str">
            <v>土建大と石屋電管タ鋼舗浚板塗防内園具水</v>
          </cell>
          <cell r="AA835" t="str">
            <v>建築一式</v>
          </cell>
          <cell r="AB835" t="str">
            <v>土木一式</v>
          </cell>
          <cell r="AC835" t="str">
            <v/>
          </cell>
          <cell r="AD835" t="str">
            <v/>
          </cell>
          <cell r="AE835">
            <v>43190</v>
          </cell>
          <cell r="AF835" t="str">
            <v>希望する</v>
          </cell>
          <cell r="AG835" t="str">
            <v>建築一式</v>
          </cell>
          <cell r="AH835" t="str">
            <v>特定</v>
          </cell>
          <cell r="AI835">
            <v>1354</v>
          </cell>
          <cell r="AJ835">
            <v>23540325</v>
          </cell>
          <cell r="AK835" t="str">
            <v>181(82)/3/0</v>
          </cell>
          <cell r="AL835" t="str">
            <v>土木一式</v>
          </cell>
          <cell r="AM835" t="str">
            <v>特定</v>
          </cell>
          <cell r="AN835">
            <v>1115</v>
          </cell>
          <cell r="AO835">
            <v>2349839</v>
          </cell>
          <cell r="AP835" t="str">
            <v>54(31)/3/0</v>
          </cell>
          <cell r="AQ835" t="str">
            <v/>
          </cell>
          <cell r="AR835" t="str">
            <v/>
          </cell>
          <cell r="AS835" t="str">
            <v/>
          </cell>
          <cell r="AT835" t="str">
            <v/>
          </cell>
          <cell r="AU835" t="str">
            <v/>
          </cell>
          <cell r="AV835" t="str">
            <v/>
          </cell>
          <cell r="AW835" t="str">
            <v/>
          </cell>
          <cell r="AX835" t="str">
            <v/>
          </cell>
          <cell r="AY835" t="str">
            <v/>
          </cell>
          <cell r="AZ835" t="str">
            <v/>
          </cell>
          <cell r="BA835" t="str">
            <v>大阪府</v>
          </cell>
          <cell r="BB835" t="str">
            <v>中之島三井ビルディング</v>
          </cell>
          <cell r="CR835">
            <v>6178</v>
          </cell>
          <cell r="CS835" t="str">
            <v>ﾔﾏｶﾞﾀ ｴﾐ</v>
          </cell>
          <cell r="CT835" t="str">
            <v>山縣  英美</v>
          </cell>
          <cell r="CU835" t="str">
            <v>教育総務課</v>
          </cell>
          <cell r="CW835" t="str">
            <v xml:space="preserve"> </v>
          </cell>
          <cell r="CX835" t="str">
            <v>主任</v>
          </cell>
          <cell r="CY835" t="str">
            <v>教育総務課長</v>
          </cell>
        </row>
        <row r="836">
          <cell r="B836">
            <v>3445</v>
          </cell>
          <cell r="C836" t="str">
            <v>(株)トーワ技研工業</v>
          </cell>
          <cell r="D836" t="str">
            <v>06-4867-3362</v>
          </cell>
          <cell r="E836" t="str">
            <v>532-0003</v>
          </cell>
          <cell r="F836" t="str">
            <v>大阪府大阪市淀川区宮原1-18-20</v>
          </cell>
          <cell r="G836" t="str">
            <v>大阪市</v>
          </cell>
          <cell r="H836" t="str">
            <v/>
          </cell>
          <cell r="I836" t="str">
            <v>代表取締役 千神　展久</v>
          </cell>
          <cell r="J836" t="str">
            <v>本店</v>
          </cell>
          <cell r="K836" t="str">
            <v>06-4867-3363</v>
          </cell>
          <cell r="L836" t="str">
            <v>towa_giken_towa@yahoo.co.jp</v>
          </cell>
          <cell r="M836" t="str">
            <v>ﾄｰﾜｷﾞｹﾝｺｳｷﾞｮｳ</v>
          </cell>
          <cell r="N836" t="str">
            <v>無</v>
          </cell>
          <cell r="O836">
            <v>15</v>
          </cell>
          <cell r="P836">
            <v>25</v>
          </cell>
          <cell r="Q836">
            <v>2120001141358</v>
          </cell>
          <cell r="R836">
            <v>40000</v>
          </cell>
          <cell r="S836">
            <v>310690</v>
          </cell>
          <cell r="T836">
            <v>2849059</v>
          </cell>
          <cell r="V836" t="str">
            <v>sz170560</v>
          </cell>
          <cell r="W836" t="str">
            <v>qe678907</v>
          </cell>
          <cell r="X836" t="str">
            <v>建大と石屋タ鋼鉄板ガ塗防内熱具</v>
          </cell>
          <cell r="Y836" t="str">
            <v/>
          </cell>
          <cell r="Z836" t="str">
            <v>建大と石屋タ鋼鉄板ガ塗防内熱具</v>
          </cell>
          <cell r="AA836" t="str">
            <v>防水</v>
          </cell>
          <cell r="AB836" t="str">
            <v/>
          </cell>
          <cell r="AC836" t="str">
            <v/>
          </cell>
          <cell r="AD836" t="str">
            <v/>
          </cell>
          <cell r="AE836">
            <v>43220</v>
          </cell>
          <cell r="AF836" t="str">
            <v>希望しない</v>
          </cell>
          <cell r="AG836" t="str">
            <v>防水</v>
          </cell>
          <cell r="AH836" t="str">
            <v>特定</v>
          </cell>
          <cell r="AI836">
            <v>770</v>
          </cell>
          <cell r="AJ836">
            <v>529783</v>
          </cell>
          <cell r="AK836" t="str">
            <v>()/3/4</v>
          </cell>
          <cell r="AL836" t="str">
            <v/>
          </cell>
          <cell r="AM836" t="str">
            <v/>
          </cell>
          <cell r="AN836" t="str">
            <v/>
          </cell>
          <cell r="AO836" t="str">
            <v/>
          </cell>
          <cell r="AP836" t="str">
            <v/>
          </cell>
          <cell r="AQ836" t="str">
            <v/>
          </cell>
          <cell r="AR836" t="str">
            <v/>
          </cell>
          <cell r="AS836" t="str">
            <v/>
          </cell>
          <cell r="AT836" t="str">
            <v/>
          </cell>
          <cell r="AU836" t="str">
            <v/>
          </cell>
          <cell r="AV836" t="str">
            <v/>
          </cell>
          <cell r="AW836" t="str">
            <v/>
          </cell>
          <cell r="AX836" t="str">
            <v/>
          </cell>
          <cell r="AY836" t="str">
            <v/>
          </cell>
          <cell r="AZ836" t="str">
            <v/>
          </cell>
          <cell r="BA836" t="str">
            <v>大阪府</v>
          </cell>
          <cell r="BB836">
            <v>0</v>
          </cell>
          <cell r="CR836">
            <v>6179</v>
          </cell>
          <cell r="CS836" t="str">
            <v>ｵｹｶﾞﾜ ｼﾕｳｲﾁ</v>
          </cell>
          <cell r="CT836" t="str">
            <v>桶川  秀一</v>
          </cell>
          <cell r="CU836" t="str">
            <v>財政企画課</v>
          </cell>
          <cell r="CW836">
            <v>2226</v>
          </cell>
          <cell r="CX836" t="str">
            <v>主任</v>
          </cell>
          <cell r="CY836" t="str">
            <v>財政企画課長</v>
          </cell>
        </row>
        <row r="837">
          <cell r="B837">
            <v>3448</v>
          </cell>
          <cell r="C837" t="str">
            <v>東テク(株)</v>
          </cell>
          <cell r="D837" t="str">
            <v>06-6203-4871</v>
          </cell>
          <cell r="E837" t="str">
            <v>541-0046</v>
          </cell>
          <cell r="F837" t="str">
            <v>大阪府大阪市中央区平野町4-2-3</v>
          </cell>
          <cell r="G837" t="str">
            <v/>
          </cell>
          <cell r="H837" t="str">
            <v>大阪支店</v>
          </cell>
          <cell r="I837" t="str">
            <v>執行役員支店長 糸満　睦夫</v>
          </cell>
          <cell r="J837" t="str">
            <v>東京都</v>
          </cell>
          <cell r="K837" t="str">
            <v>06-6222-6205</v>
          </cell>
          <cell r="L837" t="str">
            <v>matsutani-t@totech.co.jp</v>
          </cell>
          <cell r="M837" t="str">
            <v>ﾄｳﾃｸ</v>
          </cell>
          <cell r="N837" t="str">
            <v>有</v>
          </cell>
          <cell r="O837">
            <v>63</v>
          </cell>
          <cell r="P837">
            <v>926</v>
          </cell>
          <cell r="Q837">
            <v>2010001051477</v>
          </cell>
          <cell r="R837">
            <v>1857000</v>
          </cell>
          <cell r="S837">
            <v>21403032</v>
          </cell>
          <cell r="T837">
            <v>76149000</v>
          </cell>
          <cell r="V837" t="str">
            <v>fr465986</v>
          </cell>
          <cell r="W837" t="str">
            <v>be231504</v>
          </cell>
          <cell r="X837" t="str">
            <v>内機通消(電)(管)(機)(通)電管</v>
          </cell>
          <cell r="Y837" t="str">
            <v>内機通消(電)(管)(機)(通)</v>
          </cell>
          <cell r="Z837" t="str">
            <v>電管</v>
          </cell>
          <cell r="AA837" t="str">
            <v>電気</v>
          </cell>
          <cell r="AB837" t="str">
            <v>管</v>
          </cell>
          <cell r="AC837" t="str">
            <v>電気通信</v>
          </cell>
          <cell r="AD837" t="str">
            <v>機械器具</v>
          </cell>
          <cell r="AE837">
            <v>43190</v>
          </cell>
          <cell r="AF837" t="str">
            <v>希望しない</v>
          </cell>
          <cell r="AG837" t="str">
            <v>電気</v>
          </cell>
          <cell r="AH837" t="str">
            <v>特定</v>
          </cell>
          <cell r="AI837">
            <v>1429</v>
          </cell>
          <cell r="AJ837">
            <v>16492560</v>
          </cell>
          <cell r="AK837" t="str">
            <v>90(50)/21/36</v>
          </cell>
          <cell r="AL837" t="str">
            <v>管</v>
          </cell>
          <cell r="AM837" t="str">
            <v>特定</v>
          </cell>
          <cell r="AN837">
            <v>1310</v>
          </cell>
          <cell r="AO837">
            <v>2451387</v>
          </cell>
          <cell r="AP837" t="str">
            <v>118(39)/88/23</v>
          </cell>
          <cell r="AQ837" t="str">
            <v>電気通信</v>
          </cell>
          <cell r="AR837" t="str">
            <v>一般</v>
          </cell>
          <cell r="AS837">
            <v>959</v>
          </cell>
          <cell r="AT837">
            <v>117433</v>
          </cell>
          <cell r="AU837" t="str">
            <v>0(0)/0/3</v>
          </cell>
          <cell r="AV837" t="str">
            <v>機械器具</v>
          </cell>
          <cell r="AW837" t="str">
            <v>一般</v>
          </cell>
          <cell r="AX837">
            <v>977</v>
          </cell>
          <cell r="AY837">
            <v>150318</v>
          </cell>
          <cell r="AZ837" t="str">
            <v>0(0)/0/3</v>
          </cell>
          <cell r="BA837" t="str">
            <v>東京都</v>
          </cell>
          <cell r="BB837">
            <v>0</v>
          </cell>
          <cell r="CR837">
            <v>6180</v>
          </cell>
          <cell r="CS837" t="str">
            <v>ﾉﾄ ﾘﾂｺ</v>
          </cell>
          <cell r="CT837" t="str">
            <v>能登  梨津子</v>
          </cell>
          <cell r="CU837" t="str">
            <v>介護保険課</v>
          </cell>
          <cell r="CW837">
            <v>2711</v>
          </cell>
          <cell r="CX837" t="str">
            <v xml:space="preserve"> </v>
          </cell>
          <cell r="CY837" t="str">
            <v>介護保険課長</v>
          </cell>
        </row>
        <row r="838">
          <cell r="B838">
            <v>3449</v>
          </cell>
          <cell r="C838" t="str">
            <v>(株)豊中ロック</v>
          </cell>
          <cell r="D838" t="str">
            <v>06-6334-7596</v>
          </cell>
          <cell r="E838" t="str">
            <v>561-0817</v>
          </cell>
          <cell r="F838" t="str">
            <v>大阪府豊中市浜2-8-5</v>
          </cell>
          <cell r="G838" t="str">
            <v>豊中市</v>
          </cell>
          <cell r="H838" t="str">
            <v/>
          </cell>
          <cell r="I838" t="str">
            <v>代表取締役 落合　良太</v>
          </cell>
          <cell r="J838" t="str">
            <v>本店</v>
          </cell>
          <cell r="K838" t="str">
            <v>06-6334-6667</v>
          </cell>
          <cell r="L838" t="str">
            <v>honbu@toyonaka-lock.co.jp</v>
          </cell>
          <cell r="M838" t="str">
            <v>ﾄﾖﾅｶﾛｯｸ</v>
          </cell>
          <cell r="N838" t="str">
            <v>無</v>
          </cell>
          <cell r="O838">
            <v>31</v>
          </cell>
          <cell r="P838">
            <v>11</v>
          </cell>
          <cell r="Q838">
            <v>7120901024797</v>
          </cell>
          <cell r="R838">
            <v>10000</v>
          </cell>
          <cell r="S838">
            <v>35014</v>
          </cell>
          <cell r="T838">
            <v>231575</v>
          </cell>
          <cell r="V838" t="str">
            <v>zh147924</v>
          </cell>
          <cell r="W838" t="str">
            <v>jr176184</v>
          </cell>
          <cell r="X838" t="str">
            <v>電通具消</v>
          </cell>
          <cell r="Y838" t="str">
            <v>電通具消</v>
          </cell>
          <cell r="Z838" t="str">
            <v/>
          </cell>
          <cell r="AA838" t="str">
            <v>建具</v>
          </cell>
          <cell r="AB838" t="str">
            <v>電気</v>
          </cell>
          <cell r="AC838" t="str">
            <v>電気通信</v>
          </cell>
          <cell r="AD838" t="str">
            <v/>
          </cell>
          <cell r="AE838">
            <v>43008</v>
          </cell>
          <cell r="AF838" t="str">
            <v>希望しない</v>
          </cell>
          <cell r="AG838" t="str">
            <v>建具</v>
          </cell>
          <cell r="AH838" t="str">
            <v>一般</v>
          </cell>
          <cell r="AI838">
            <v>540</v>
          </cell>
          <cell r="AJ838">
            <v>1665</v>
          </cell>
          <cell r="AK838" t="str">
            <v>0(0)/0/1</v>
          </cell>
          <cell r="AL838" t="str">
            <v>電気</v>
          </cell>
          <cell r="AM838" t="str">
            <v>一般</v>
          </cell>
          <cell r="AN838">
            <v>589</v>
          </cell>
          <cell r="AO838">
            <v>31348</v>
          </cell>
          <cell r="AP838" t="str">
            <v>0(0)/1/0</v>
          </cell>
          <cell r="AQ838" t="str">
            <v>電気通信</v>
          </cell>
          <cell r="AR838" t="str">
            <v>一般</v>
          </cell>
          <cell r="AS838">
            <v>603</v>
          </cell>
          <cell r="AT838">
            <v>67690</v>
          </cell>
          <cell r="AU838" t="str">
            <v>0(0)/0/1</v>
          </cell>
          <cell r="AV838" t="str">
            <v/>
          </cell>
          <cell r="AW838" t="str">
            <v/>
          </cell>
          <cell r="AX838" t="str">
            <v/>
          </cell>
          <cell r="AY838" t="str">
            <v/>
          </cell>
          <cell r="AZ838" t="str">
            <v/>
          </cell>
          <cell r="BA838" t="str">
            <v>大阪府</v>
          </cell>
          <cell r="BB838">
            <v>0</v>
          </cell>
          <cell r="CR838">
            <v>6182</v>
          </cell>
          <cell r="CS838" t="str">
            <v>ﾐﾈﾊﾀ ﾕｷ</v>
          </cell>
          <cell r="CT838" t="str">
            <v>峯畑  由記</v>
          </cell>
          <cell r="CU838" t="str">
            <v>議事課</v>
          </cell>
          <cell r="CW838">
            <v>3451</v>
          </cell>
          <cell r="CX838" t="str">
            <v xml:space="preserve"> </v>
          </cell>
          <cell r="CY838" t="str">
            <v>議事課長</v>
          </cell>
        </row>
        <row r="839">
          <cell r="B839">
            <v>3452</v>
          </cell>
          <cell r="C839" t="str">
            <v>(株)東和エンジニアリング</v>
          </cell>
          <cell r="D839" t="str">
            <v>06-6292-8555</v>
          </cell>
          <cell r="E839" t="str">
            <v>530-0015</v>
          </cell>
          <cell r="F839" t="str">
            <v>大阪府大阪市北区中崎西4-2-27</v>
          </cell>
          <cell r="G839" t="str">
            <v/>
          </cell>
          <cell r="H839" t="str">
            <v>関西支社</v>
          </cell>
          <cell r="I839" t="str">
            <v>支社長 村田　敏美</v>
          </cell>
          <cell r="J839" t="str">
            <v>東京都</v>
          </cell>
          <cell r="K839" t="str">
            <v>06-6292-8567</v>
          </cell>
          <cell r="L839" t="str">
            <v>osa-keiri@towaeng.co.jp</v>
          </cell>
          <cell r="M839" t="str">
            <v>ﾄｳﾜｴﾝｼﾞﾆｱﾘﾝｸﾞ</v>
          </cell>
          <cell r="N839" t="str">
            <v>有</v>
          </cell>
          <cell r="O839">
            <v>49</v>
          </cell>
          <cell r="P839">
            <v>222</v>
          </cell>
          <cell r="Q839">
            <v>8010501022641</v>
          </cell>
          <cell r="R839">
            <v>633846</v>
          </cell>
          <cell r="S839">
            <v>4019847</v>
          </cell>
          <cell r="T839">
            <v>8932988</v>
          </cell>
          <cell r="V839" t="str">
            <v>pl169873</v>
          </cell>
          <cell r="W839" t="str">
            <v>mw147236</v>
          </cell>
          <cell r="X839" t="str">
            <v>(通)電通</v>
          </cell>
          <cell r="Y839" t="str">
            <v>(通)</v>
          </cell>
          <cell r="Z839" t="str">
            <v>電通</v>
          </cell>
          <cell r="AA839" t="str">
            <v>電気通信</v>
          </cell>
          <cell r="AB839" t="str">
            <v/>
          </cell>
          <cell r="AC839" t="str">
            <v/>
          </cell>
          <cell r="AD839" t="str">
            <v/>
          </cell>
          <cell r="AE839">
            <v>43251</v>
          </cell>
          <cell r="AF839" t="str">
            <v/>
          </cell>
          <cell r="AG839" t="str">
            <v>電気通信</v>
          </cell>
          <cell r="AH839" t="str">
            <v>特定</v>
          </cell>
          <cell r="AI839">
            <v>1140</v>
          </cell>
          <cell r="AJ839">
            <v>3172458</v>
          </cell>
          <cell r="AK839" t="str">
            <v>0(0)/0/112</v>
          </cell>
          <cell r="AL839" t="str">
            <v/>
          </cell>
          <cell r="AM839" t="str">
            <v/>
          </cell>
          <cell r="AN839" t="str">
            <v/>
          </cell>
          <cell r="AO839" t="str">
            <v/>
          </cell>
          <cell r="AP839" t="str">
            <v/>
          </cell>
          <cell r="AQ839" t="str">
            <v/>
          </cell>
          <cell r="AR839" t="str">
            <v/>
          </cell>
          <cell r="AS839" t="str">
            <v/>
          </cell>
          <cell r="AT839" t="str">
            <v/>
          </cell>
          <cell r="AU839" t="str">
            <v/>
          </cell>
          <cell r="AV839" t="str">
            <v/>
          </cell>
          <cell r="AW839" t="str">
            <v/>
          </cell>
          <cell r="AX839" t="str">
            <v/>
          </cell>
          <cell r="AY839" t="str">
            <v/>
          </cell>
          <cell r="AZ839" t="str">
            <v/>
          </cell>
          <cell r="BA839" t="str">
            <v>東京都</v>
          </cell>
          <cell r="BB839">
            <v>0</v>
          </cell>
          <cell r="CR839">
            <v>6183</v>
          </cell>
          <cell r="CS839" t="str">
            <v>ｸﾗｶﾞｷ ｱｷｺ</v>
          </cell>
          <cell r="CT839" t="str">
            <v>倉垣  明子</v>
          </cell>
          <cell r="CU839" t="str">
            <v>浄水課</v>
          </cell>
          <cell r="CW839" t="str">
            <v xml:space="preserve"> </v>
          </cell>
          <cell r="CX839" t="str">
            <v>主任</v>
          </cell>
          <cell r="CY839" t="str">
            <v>浄水課長</v>
          </cell>
        </row>
        <row r="840">
          <cell r="B840">
            <v>3453</v>
          </cell>
          <cell r="C840" t="str">
            <v>トミタ環境(株)</v>
          </cell>
          <cell r="D840" t="str">
            <v>0772-22-3441</v>
          </cell>
          <cell r="E840" t="str">
            <v>626-0061</v>
          </cell>
          <cell r="F840" t="str">
            <v>京都府宮津市字波路826</v>
          </cell>
          <cell r="G840" t="str">
            <v>宮津市</v>
          </cell>
          <cell r="H840" t="str">
            <v/>
          </cell>
          <cell r="I840" t="str">
            <v>代表取締役　 城山　恵二</v>
          </cell>
          <cell r="J840" t="str">
            <v>本店</v>
          </cell>
          <cell r="K840" t="str">
            <v>0772-22-3148</v>
          </cell>
          <cell r="L840" t="str">
            <v>tomikan@tomita-kankyo.jp</v>
          </cell>
          <cell r="M840" t="str">
            <v>ﾄﾐﾀｶﾝｷﾖｳ</v>
          </cell>
          <cell r="N840" t="str">
            <v>無</v>
          </cell>
          <cell r="O840">
            <v>43</v>
          </cell>
          <cell r="P840">
            <v>20</v>
          </cell>
          <cell r="Q840">
            <v>8130000000000</v>
          </cell>
          <cell r="R840">
            <v>20000</v>
          </cell>
          <cell r="S840">
            <v>110332</v>
          </cell>
          <cell r="T840">
            <v>212421</v>
          </cell>
          <cell r="V840" t="str">
            <v>im134652</v>
          </cell>
          <cell r="W840" t="str">
            <v>ty132843</v>
          </cell>
          <cell r="X840" t="str">
            <v>(通)電通</v>
          </cell>
          <cell r="Y840" t="str">
            <v>(通)</v>
          </cell>
          <cell r="Z840" t="str">
            <v>電通</v>
          </cell>
          <cell r="AA840" t="str">
            <v>浚渫</v>
          </cell>
          <cell r="AB840" t="str">
            <v>管</v>
          </cell>
          <cell r="AC840" t="str">
            <v/>
          </cell>
          <cell r="AD840" t="str">
            <v/>
          </cell>
          <cell r="AE840">
            <v>43190</v>
          </cell>
          <cell r="AF840" t="str">
            <v>希望しない</v>
          </cell>
          <cell r="AG840" t="str">
            <v>浚渫</v>
          </cell>
          <cell r="AH840" t="str">
            <v>一般</v>
          </cell>
          <cell r="AI840">
            <v>714</v>
          </cell>
          <cell r="AJ840">
            <v>20947</v>
          </cell>
          <cell r="AK840" t="str">
            <v>0(0)/0/</v>
          </cell>
          <cell r="AL840" t="str">
            <v>管</v>
          </cell>
          <cell r="AM840" t="str">
            <v>一般</v>
          </cell>
          <cell r="AN840">
            <v>717</v>
          </cell>
          <cell r="AO840">
            <v>20056</v>
          </cell>
          <cell r="AP840" t="str">
            <v>0(0)/0/2</v>
          </cell>
          <cell r="AQ840" t="str">
            <v/>
          </cell>
          <cell r="AR840" t="str">
            <v/>
          </cell>
          <cell r="AS840" t="str">
            <v/>
          </cell>
          <cell r="AT840" t="str">
            <v/>
          </cell>
          <cell r="AU840" t="str">
            <v/>
          </cell>
          <cell r="AV840" t="str">
            <v/>
          </cell>
          <cell r="AW840" t="str">
            <v/>
          </cell>
          <cell r="AX840" t="str">
            <v/>
          </cell>
          <cell r="AY840" t="str">
            <v/>
          </cell>
          <cell r="AZ840" t="str">
            <v/>
          </cell>
          <cell r="BA840" t="str">
            <v>京都府</v>
          </cell>
          <cell r="BB840">
            <v>0</v>
          </cell>
          <cell r="CR840">
            <v>6185</v>
          </cell>
          <cell r="CS840" t="str">
            <v>ｷﾀｶﾞﾜ ﾖｼﾅﾘ</v>
          </cell>
          <cell r="CT840" t="str">
            <v>北川  善也</v>
          </cell>
          <cell r="CU840" t="str">
            <v>情報管理課</v>
          </cell>
          <cell r="CW840">
            <v>2483</v>
          </cell>
          <cell r="CX840" t="str">
            <v>主査</v>
          </cell>
          <cell r="CY840" t="str">
            <v>情報管理課長</v>
          </cell>
        </row>
        <row r="841">
          <cell r="B841">
            <v>3461</v>
          </cell>
          <cell r="C841" t="str">
            <v>(株)鐵興</v>
          </cell>
          <cell r="D841" t="str">
            <v>06-6358-6881</v>
          </cell>
          <cell r="E841" t="str">
            <v>530-0035</v>
          </cell>
          <cell r="F841" t="str">
            <v>大阪府大阪市北区同心2-11-19-503</v>
          </cell>
          <cell r="G841" t="str">
            <v>大阪市</v>
          </cell>
          <cell r="H841" t="str">
            <v/>
          </cell>
          <cell r="I841" t="str">
            <v>代表取締役 嶋野　英幸</v>
          </cell>
          <cell r="J841" t="str">
            <v>本店</v>
          </cell>
          <cell r="K841" t="str">
            <v>06-6358-6882</v>
          </cell>
          <cell r="L841" t="str">
            <v>tekko@abelia.ocn.ne.jp</v>
          </cell>
          <cell r="M841" t="str">
            <v>ﾃｯｺｳ</v>
          </cell>
          <cell r="N841" t="str">
            <v>無</v>
          </cell>
          <cell r="O841">
            <v>14</v>
          </cell>
          <cell r="P841">
            <v>10</v>
          </cell>
          <cell r="Q841">
            <v>8120001020861</v>
          </cell>
          <cell r="R841">
            <v>40000</v>
          </cell>
          <cell r="S841">
            <v>128596</v>
          </cell>
          <cell r="T841">
            <v>240491</v>
          </cell>
          <cell r="V841" t="str">
            <v>zz105651</v>
          </cell>
          <cell r="W841" t="str">
            <v>nz133137</v>
          </cell>
          <cell r="X841" t="str">
            <v>通消建電</v>
          </cell>
          <cell r="Y841" t="str">
            <v>通消</v>
          </cell>
          <cell r="Z841" t="str">
            <v>建電</v>
          </cell>
          <cell r="AA841" t="str">
            <v>電気</v>
          </cell>
          <cell r="AB841" t="str">
            <v>電気通信</v>
          </cell>
          <cell r="AC841" t="str">
            <v>消防施設</v>
          </cell>
          <cell r="AD841" t="str">
            <v>建築一式</v>
          </cell>
          <cell r="AE841">
            <v>43343</v>
          </cell>
          <cell r="AF841" t="str">
            <v/>
          </cell>
          <cell r="AG841" t="str">
            <v>電気</v>
          </cell>
          <cell r="AH841" t="str">
            <v>特定</v>
          </cell>
          <cell r="AI841">
            <v>828</v>
          </cell>
          <cell r="AJ841">
            <v>223944</v>
          </cell>
          <cell r="AK841" t="str">
            <v>3(3)/2/2</v>
          </cell>
          <cell r="AL841" t="str">
            <v>電気通信</v>
          </cell>
          <cell r="AM841" t="str">
            <v>一般</v>
          </cell>
          <cell r="AN841">
            <v>692</v>
          </cell>
          <cell r="AO841">
            <v>28793</v>
          </cell>
          <cell r="AP841" t="str">
            <v>()//1</v>
          </cell>
          <cell r="AQ841" t="str">
            <v>消防施設</v>
          </cell>
          <cell r="AR841" t="str">
            <v>一般</v>
          </cell>
          <cell r="AS841">
            <v>656</v>
          </cell>
          <cell r="AT841">
            <v>2878</v>
          </cell>
          <cell r="AU841" t="str">
            <v>()/1/</v>
          </cell>
          <cell r="AV841" t="str">
            <v>建築一式</v>
          </cell>
          <cell r="AW841" t="str">
            <v>特定</v>
          </cell>
          <cell r="AX841">
            <v>655</v>
          </cell>
          <cell r="AY841">
            <v>3171</v>
          </cell>
          <cell r="AZ841" t="str">
            <v/>
          </cell>
          <cell r="BA841" t="str">
            <v>大阪府</v>
          </cell>
        </row>
        <row r="842">
          <cell r="B842">
            <v>3476</v>
          </cell>
          <cell r="C842" t="str">
            <v>株式会社中西宝南園</v>
          </cell>
          <cell r="D842" t="str">
            <v>0797-88-2832</v>
          </cell>
          <cell r="E842" t="str">
            <v>541-0051</v>
          </cell>
          <cell r="F842" t="str">
            <v>宝塚市南ひばりが丘3-16-8</v>
          </cell>
          <cell r="G842" t="str">
            <v>宝塚市</v>
          </cell>
          <cell r="H842" t="str">
            <v/>
          </cell>
          <cell r="I842" t="str">
            <v>代表取締役　 中西　昇誠</v>
          </cell>
          <cell r="J842" t="str">
            <v>本店</v>
          </cell>
          <cell r="K842" t="str">
            <v>0797-88-3689</v>
          </cell>
          <cell r="L842" t="str">
            <v>hounanen@jttk.zaq.ne.jp</v>
          </cell>
          <cell r="M842" t="str">
            <v>ﾅｶﾆｼﾎｳﾅﾝｴﾝ</v>
          </cell>
          <cell r="N842" t="str">
            <v>無</v>
          </cell>
          <cell r="O842">
            <v>42</v>
          </cell>
          <cell r="P842">
            <v>6</v>
          </cell>
          <cell r="Q842">
            <v>7140000000000</v>
          </cell>
          <cell r="R842">
            <v>3000</v>
          </cell>
          <cell r="S842">
            <v>23944</v>
          </cell>
          <cell r="T842">
            <v>135831</v>
          </cell>
          <cell r="V842" t="str">
            <v>bw169064</v>
          </cell>
          <cell r="W842" t="str">
            <v>so181612</v>
          </cell>
          <cell r="X842" t="str">
            <v>通消建電</v>
          </cell>
          <cell r="Y842" t="str">
            <v>通消</v>
          </cell>
          <cell r="Z842" t="str">
            <v>建電</v>
          </cell>
          <cell r="AA842" t="str">
            <v>造園</v>
          </cell>
          <cell r="AB842" t="str">
            <v>土木</v>
          </cell>
          <cell r="AC842" t="str">
            <v>とび・土工</v>
          </cell>
          <cell r="AD842" t="str">
            <v/>
          </cell>
          <cell r="AE842">
            <v>43220</v>
          </cell>
          <cell r="AF842" t="str">
            <v>なし</v>
          </cell>
          <cell r="AG842" t="str">
            <v>造園</v>
          </cell>
          <cell r="AH842" t="str">
            <v>一般</v>
          </cell>
          <cell r="AI842">
            <v>808</v>
          </cell>
          <cell r="AJ842">
            <v>106295</v>
          </cell>
          <cell r="AK842" t="str">
            <v>3/0/0</v>
          </cell>
          <cell r="AL842" t="str">
            <v>土木</v>
          </cell>
          <cell r="AM842" t="str">
            <v>一般</v>
          </cell>
          <cell r="AN842">
            <v>722</v>
          </cell>
          <cell r="AO842">
            <v>18878</v>
          </cell>
          <cell r="AP842" t="str">
            <v>0(0)/0/0</v>
          </cell>
          <cell r="AQ842" t="str">
            <v>とび・土工</v>
          </cell>
          <cell r="AR842" t="str">
            <v>一般</v>
          </cell>
          <cell r="AS842">
            <v>719</v>
          </cell>
          <cell r="AT842">
            <v>13085</v>
          </cell>
          <cell r="AU842" t="str">
            <v>0(0)/1/0</v>
          </cell>
          <cell r="AV842" t="str">
            <v/>
          </cell>
          <cell r="AW842" t="str">
            <v/>
          </cell>
          <cell r="AX842" t="str">
            <v/>
          </cell>
          <cell r="AY842" t="str">
            <v/>
          </cell>
          <cell r="AZ842" t="str">
            <v/>
          </cell>
          <cell r="BA842" t="str">
            <v/>
          </cell>
          <cell r="BB842">
            <v>0</v>
          </cell>
          <cell r="CR842">
            <v>6186</v>
          </cell>
          <cell r="CS842" t="str">
            <v>ﾜﾀﾞ ｱｷﾗ</v>
          </cell>
          <cell r="CT842" t="str">
            <v>和田  晃</v>
          </cell>
          <cell r="CU842" t="str">
            <v>土地調査課</v>
          </cell>
          <cell r="CW842">
            <v>4286</v>
          </cell>
          <cell r="CX842" t="str">
            <v xml:space="preserve"> </v>
          </cell>
          <cell r="CY842" t="str">
            <v>土地調査課長</v>
          </cell>
        </row>
        <row r="843">
          <cell r="B843">
            <v>3477</v>
          </cell>
          <cell r="C843" t="str">
            <v>(株)中造園</v>
          </cell>
          <cell r="D843" t="str">
            <v>0745-65-2451</v>
          </cell>
          <cell r="E843" t="str">
            <v>639-2125</v>
          </cell>
          <cell r="F843" t="str">
            <v>奈良県葛城市西辻352-1</v>
          </cell>
          <cell r="G843" t="str">
            <v>葛城市</v>
          </cell>
          <cell r="H843" t="str">
            <v/>
          </cell>
          <cell r="I843" t="str">
            <v>代表取締役 中　邦暁</v>
          </cell>
          <cell r="J843" t="str">
            <v>本店</v>
          </cell>
          <cell r="K843" t="str">
            <v>0745-65-2461</v>
          </cell>
          <cell r="L843" t="str">
            <v>info@nakazouen.com</v>
          </cell>
          <cell r="M843" t="str">
            <v>ﾅｶｿﾞｳｴﾝ</v>
          </cell>
          <cell r="N843" t="str">
            <v>無</v>
          </cell>
          <cell r="O843">
            <v>21</v>
          </cell>
          <cell r="P843">
            <v>20</v>
          </cell>
          <cell r="Q843">
            <v>8150001014183</v>
          </cell>
          <cell r="R843">
            <v>20000</v>
          </cell>
          <cell r="S843">
            <v>56677</v>
          </cell>
          <cell r="T843">
            <v>261041</v>
          </cell>
          <cell r="V843" t="str">
            <v>nl135130</v>
          </cell>
          <cell r="W843" t="str">
            <v>yn148335</v>
          </cell>
          <cell r="X843" t="str">
            <v>土と石鋼舗浚塗園水解</v>
          </cell>
          <cell r="Y843" t="str">
            <v/>
          </cell>
          <cell r="Z843" t="str">
            <v>土と石鋼舗浚塗園水解</v>
          </cell>
          <cell r="AA843" t="str">
            <v>造園</v>
          </cell>
          <cell r="AB843" t="str">
            <v>石</v>
          </cell>
          <cell r="AC843" t="str">
            <v>とび土工</v>
          </cell>
          <cell r="AD843" t="str">
            <v>土木一式</v>
          </cell>
          <cell r="AE843">
            <v>43677</v>
          </cell>
          <cell r="AF843" t="str">
            <v>希望しない</v>
          </cell>
          <cell r="AG843" t="str">
            <v>造園</v>
          </cell>
          <cell r="AH843" t="str">
            <v>特定</v>
          </cell>
          <cell r="AI843">
            <v>824</v>
          </cell>
          <cell r="AJ843">
            <v>149526</v>
          </cell>
          <cell r="AK843" t="str">
            <v>2(2)/5/2</v>
          </cell>
          <cell r="AL843" t="str">
            <v>石</v>
          </cell>
          <cell r="AM843" t="str">
            <v>特定</v>
          </cell>
          <cell r="AN843">
            <v>691</v>
          </cell>
          <cell r="AO843">
            <v>8302</v>
          </cell>
          <cell r="AP843" t="str">
            <v>0(0)/0/1</v>
          </cell>
          <cell r="AQ843" t="str">
            <v>とび土工</v>
          </cell>
          <cell r="AR843" t="str">
            <v>特定</v>
          </cell>
          <cell r="AS843">
            <v>690</v>
          </cell>
          <cell r="AT843">
            <v>8683</v>
          </cell>
          <cell r="AU843" t="str">
            <v>0(0)/0/0</v>
          </cell>
          <cell r="AV843" t="str">
            <v>土木一式</v>
          </cell>
          <cell r="AW843" t="str">
            <v>特定</v>
          </cell>
          <cell r="AX843">
            <v>779</v>
          </cell>
          <cell r="AY843">
            <v>63461</v>
          </cell>
          <cell r="AZ843" t="str">
            <v>1(1)/1/7</v>
          </cell>
          <cell r="BA843" t="str">
            <v>奈良県</v>
          </cell>
        </row>
        <row r="844">
          <cell r="B844">
            <v>3478</v>
          </cell>
          <cell r="C844" t="str">
            <v>(株)難波工務店</v>
          </cell>
          <cell r="D844" t="str">
            <v>078-903-0163</v>
          </cell>
          <cell r="E844" t="str">
            <v>651-1411</v>
          </cell>
          <cell r="F844" t="str">
            <v>兵庫県西宮市山口町名来1-6-3</v>
          </cell>
          <cell r="G844" t="str">
            <v>西宮市</v>
          </cell>
          <cell r="H844" t="str">
            <v/>
          </cell>
          <cell r="I844" t="str">
            <v>代表取締役 難波　修</v>
          </cell>
          <cell r="J844" t="str">
            <v>本店</v>
          </cell>
          <cell r="K844" t="str">
            <v>078-903-2764</v>
          </cell>
          <cell r="L844" t="str">
            <v>kk.nanba@topaz.ocn.ne.jp</v>
          </cell>
          <cell r="M844" t="str">
            <v>ﾅﾝﾊﾞｺｳﾑﾃﾝ</v>
          </cell>
          <cell r="N844" t="str">
            <v>無</v>
          </cell>
          <cell r="O844">
            <v>43</v>
          </cell>
          <cell r="P844">
            <v>11</v>
          </cell>
          <cell r="Q844">
            <v>4140001069686</v>
          </cell>
          <cell r="R844">
            <v>20000</v>
          </cell>
          <cell r="S844">
            <v>105079</v>
          </cell>
          <cell r="T844">
            <v>655569</v>
          </cell>
          <cell r="V844" t="str">
            <v>xy167251</v>
          </cell>
          <cell r="W844" t="str">
            <v>sr154743</v>
          </cell>
          <cell r="X844" t="str">
            <v>土と石鋼舗浚塗水解</v>
          </cell>
          <cell r="Y844" t="str">
            <v/>
          </cell>
          <cell r="Z844" t="str">
            <v>土と石鋼舗浚塗水解</v>
          </cell>
          <cell r="AA844" t="str">
            <v>土木一式</v>
          </cell>
          <cell r="AB844" t="str">
            <v>舗装</v>
          </cell>
          <cell r="AC844" t="str">
            <v>塗装</v>
          </cell>
          <cell r="AD844" t="str">
            <v>とび土工</v>
          </cell>
          <cell r="AE844">
            <v>43008</v>
          </cell>
          <cell r="AF844" t="str">
            <v>希望する</v>
          </cell>
          <cell r="AG844" t="str">
            <v>土木一式</v>
          </cell>
          <cell r="AH844" t="str">
            <v>特定</v>
          </cell>
          <cell r="AI844">
            <v>957</v>
          </cell>
          <cell r="AJ844">
            <v>569792</v>
          </cell>
          <cell r="AK844" t="str">
            <v>7(7)/1/1</v>
          </cell>
          <cell r="AL844" t="str">
            <v>舗装</v>
          </cell>
          <cell r="AM844" t="str">
            <v>特定</v>
          </cell>
          <cell r="AN844">
            <v>819</v>
          </cell>
          <cell r="AO844">
            <v>7533</v>
          </cell>
          <cell r="AP844" t="str">
            <v>7(7)/1/0</v>
          </cell>
          <cell r="AQ844" t="str">
            <v>塗装</v>
          </cell>
          <cell r="AR844" t="str">
            <v>特定</v>
          </cell>
          <cell r="AS844">
            <v>704</v>
          </cell>
          <cell r="AT844">
            <v>627</v>
          </cell>
          <cell r="AU844" t="str">
            <v>0(0)/0/0</v>
          </cell>
          <cell r="AV844" t="str">
            <v>とび土工</v>
          </cell>
          <cell r="AW844" t="str">
            <v>特定</v>
          </cell>
          <cell r="AX844">
            <v>714</v>
          </cell>
          <cell r="AY844">
            <v>3757</v>
          </cell>
          <cell r="AZ844" t="str">
            <v>0(0)/0/0</v>
          </cell>
          <cell r="BA844" t="str">
            <v>兵庫県</v>
          </cell>
          <cell r="BB844">
            <v>0</v>
          </cell>
          <cell r="CR844">
            <v>6189</v>
          </cell>
          <cell r="CS844" t="str">
            <v>ﾀﾆｵｶ ﾋﾛﾐ</v>
          </cell>
          <cell r="CT844" t="str">
            <v>谷岡  弘美</v>
          </cell>
          <cell r="CU844" t="str">
            <v>健康政策課</v>
          </cell>
          <cell r="CW844">
            <v>2568</v>
          </cell>
          <cell r="CX844" t="str">
            <v>主任</v>
          </cell>
          <cell r="CY844" t="str">
            <v>健康政策課長</v>
          </cell>
        </row>
        <row r="845">
          <cell r="B845">
            <v>3479</v>
          </cell>
          <cell r="C845" t="str">
            <v>(株)内藤ハウス</v>
          </cell>
          <cell r="D845" t="str">
            <v>06-6941-7110</v>
          </cell>
          <cell r="E845" t="str">
            <v>537-0024</v>
          </cell>
          <cell r="F845" t="str">
            <v>大阪府大阪市中央区北浜東2-16 日刊工業新聞社ﾋﾞﾙ7階</v>
          </cell>
          <cell r="G845" t="str">
            <v>韮崎市</v>
          </cell>
          <cell r="H845" t="str">
            <v>大阪支店</v>
          </cell>
          <cell r="I845" t="str">
            <v>執行役員支店長　 古澤　一也</v>
          </cell>
          <cell r="J845" t="str">
            <v>山梨県韮崎市</v>
          </cell>
          <cell r="K845" t="str">
            <v>06-6941-7111</v>
          </cell>
          <cell r="L845" t="str">
            <v>olib@naitohouse.co.jp</v>
          </cell>
          <cell r="M845" t="str">
            <v>ﾅｲﾄｳﾊｳｽ</v>
          </cell>
          <cell r="N845" t="str">
            <v>有</v>
          </cell>
          <cell r="O845">
            <v>47</v>
          </cell>
          <cell r="P845">
            <v>293</v>
          </cell>
          <cell r="Q845">
            <v>8090000000000</v>
          </cell>
          <cell r="R845">
            <v>100000</v>
          </cell>
          <cell r="S845">
            <v>25389148</v>
          </cell>
          <cell r="T845">
            <v>22471895</v>
          </cell>
          <cell r="V845" t="str">
            <v>wt138538</v>
          </cell>
          <cell r="W845" t="str">
            <v>jz976731</v>
          </cell>
          <cell r="X845" t="str">
            <v>土と石鋼舗浚塗水解</v>
          </cell>
          <cell r="Y845" t="str">
            <v/>
          </cell>
          <cell r="Z845" t="str">
            <v>土と石鋼舗浚塗水解</v>
          </cell>
          <cell r="AA845" t="str">
            <v>建築一式</v>
          </cell>
          <cell r="AB845" t="str">
            <v/>
          </cell>
          <cell r="AC845" t="str">
            <v/>
          </cell>
          <cell r="AD845" t="str">
            <v/>
          </cell>
          <cell r="AE845">
            <v>42978</v>
          </cell>
          <cell r="AF845" t="str">
            <v>希望しない</v>
          </cell>
          <cell r="AG845" t="str">
            <v>建築一式</v>
          </cell>
          <cell r="AH845" t="str">
            <v>特定</v>
          </cell>
          <cell r="AI845">
            <v>1588</v>
          </cell>
          <cell r="AJ845">
            <v>7146525</v>
          </cell>
          <cell r="AK845" t="str">
            <v>80(73)/16/1</v>
          </cell>
          <cell r="AL845" t="str">
            <v/>
          </cell>
          <cell r="AM845" t="str">
            <v/>
          </cell>
          <cell r="AN845" t="str">
            <v/>
          </cell>
          <cell r="AO845" t="str">
            <v/>
          </cell>
          <cell r="AP845" t="str">
            <v/>
          </cell>
          <cell r="AQ845" t="str">
            <v/>
          </cell>
          <cell r="AR845" t="str">
            <v/>
          </cell>
          <cell r="AS845" t="str">
            <v/>
          </cell>
          <cell r="AT845" t="str">
            <v/>
          </cell>
          <cell r="AU845" t="str">
            <v/>
          </cell>
          <cell r="AV845" t="str">
            <v/>
          </cell>
          <cell r="AW845" t="str">
            <v/>
          </cell>
          <cell r="AX845" t="str">
            <v/>
          </cell>
          <cell r="AY845" t="str">
            <v/>
          </cell>
          <cell r="AZ845" t="str">
            <v/>
          </cell>
          <cell r="BA845" t="str">
            <v>山梨県</v>
          </cell>
          <cell r="BB845">
            <v>0</v>
          </cell>
          <cell r="CR845">
            <v>6190</v>
          </cell>
          <cell r="CS845" t="str">
            <v>ﾐﾁｵｶ ｶﾖｳｺ</v>
          </cell>
          <cell r="CT845" t="str">
            <v>道岡  加容子</v>
          </cell>
          <cell r="CU845" t="str">
            <v>健康政策課</v>
          </cell>
          <cell r="CW845">
            <v>2565</v>
          </cell>
          <cell r="CX845" t="str">
            <v>主任</v>
          </cell>
          <cell r="CY845" t="str">
            <v>健康政策課長</v>
          </cell>
        </row>
        <row r="846">
          <cell r="B846">
            <v>3480</v>
          </cell>
          <cell r="C846" t="str">
            <v>中平建設(株)</v>
          </cell>
          <cell r="D846" t="str">
            <v>0737-64-1717</v>
          </cell>
          <cell r="E846" t="str">
            <v>536-0007</v>
          </cell>
          <cell r="F846" t="str">
            <v>和歌山県有田郡湯浅町大字湯浅1429</v>
          </cell>
          <cell r="G846" t="str">
            <v>有田郡湯浅町大字湯浅</v>
          </cell>
          <cell r="H846" t="str">
            <v/>
          </cell>
          <cell r="I846" t="str">
            <v>代表取締役　 中平　孝治</v>
          </cell>
          <cell r="J846" t="str">
            <v>本店</v>
          </cell>
          <cell r="K846" t="str">
            <v>0737-63-3239</v>
          </cell>
          <cell r="L846" t="str">
            <v>kajihara@nakahira.co.jp</v>
          </cell>
          <cell r="M846" t="str">
            <v>ﾅｶﾋﾗｹﾝｾﾂ</v>
          </cell>
          <cell r="N846" t="str">
            <v>無</v>
          </cell>
          <cell r="O846">
            <v>49</v>
          </cell>
          <cell r="P846">
            <v>28</v>
          </cell>
          <cell r="Q846">
            <v>1170000000000</v>
          </cell>
          <cell r="R846">
            <v>70000</v>
          </cell>
          <cell r="S846">
            <v>431647</v>
          </cell>
          <cell r="T846">
            <v>1827857</v>
          </cell>
          <cell r="V846" t="str">
            <v>gq181772</v>
          </cell>
          <cell r="W846" t="str">
            <v>yl140363</v>
          </cell>
          <cell r="X846" t="str">
            <v>土と石鋼舗浚塗水解</v>
          </cell>
          <cell r="Y846" t="str">
            <v/>
          </cell>
          <cell r="Z846" t="str">
            <v>土と石鋼舗浚塗水解</v>
          </cell>
          <cell r="AA846" t="str">
            <v>土木一式</v>
          </cell>
          <cell r="AB846" t="str">
            <v>とび土工</v>
          </cell>
          <cell r="AC846" t="str">
            <v>建築一式</v>
          </cell>
          <cell r="AD846" t="str">
            <v>管</v>
          </cell>
          <cell r="AE846">
            <v>43281</v>
          </cell>
          <cell r="AF846" t="str">
            <v>希望しない</v>
          </cell>
          <cell r="AG846" t="str">
            <v>土木一式</v>
          </cell>
          <cell r="AH846" t="str">
            <v>特定</v>
          </cell>
          <cell r="AI846">
            <v>903</v>
          </cell>
          <cell r="AJ846">
            <v>302686</v>
          </cell>
          <cell r="AK846" t="str">
            <v>9(9)/3/0</v>
          </cell>
          <cell r="AL846" t="str">
            <v>とび土工</v>
          </cell>
          <cell r="AM846" t="str">
            <v>特定</v>
          </cell>
          <cell r="AN846">
            <v>744</v>
          </cell>
          <cell r="AO846">
            <v>5937</v>
          </cell>
          <cell r="AP846" t="str">
            <v>4(4)/1/0</v>
          </cell>
          <cell r="AQ846" t="str">
            <v>建築一式</v>
          </cell>
          <cell r="AR846" t="str">
            <v>特定</v>
          </cell>
          <cell r="AS846">
            <v>994</v>
          </cell>
          <cell r="AT846">
            <v>1839648</v>
          </cell>
          <cell r="AU846" t="str">
            <v>11(10)/1/2</v>
          </cell>
          <cell r="AV846" t="str">
            <v>管</v>
          </cell>
          <cell r="AW846" t="str">
            <v>特定</v>
          </cell>
          <cell r="AX846">
            <v>676</v>
          </cell>
          <cell r="AY846">
            <v>2729</v>
          </cell>
          <cell r="AZ846" t="str">
            <v>0(0)/1/1</v>
          </cell>
          <cell r="BA846" t="str">
            <v>和歌山県</v>
          </cell>
          <cell r="BB846">
            <v>0</v>
          </cell>
          <cell r="CR846">
            <v>6191</v>
          </cell>
          <cell r="CS846" t="str">
            <v>ｼﾊﾞﾊﾗ ｱﾔｺ</v>
          </cell>
          <cell r="CT846" t="str">
            <v>柴原  彩子</v>
          </cell>
          <cell r="CU846" t="str">
            <v>障害福祉課</v>
          </cell>
          <cell r="CW846">
            <v>2595</v>
          </cell>
          <cell r="CX846" t="str">
            <v xml:space="preserve"> </v>
          </cell>
          <cell r="CY846" t="str">
            <v>障害福祉課長</v>
          </cell>
        </row>
        <row r="847">
          <cell r="B847">
            <v>3481</v>
          </cell>
          <cell r="C847" t="str">
            <v>中井エンジニアリング(株)</v>
          </cell>
          <cell r="D847" t="str">
            <v>06-6203-5461</v>
          </cell>
          <cell r="E847" t="str">
            <v>541-0048</v>
          </cell>
          <cell r="F847" t="str">
            <v>大阪府大阪市中央区淡路町4-4-15</v>
          </cell>
          <cell r="G847" t="str">
            <v>大阪市</v>
          </cell>
          <cell r="H847" t="str">
            <v/>
          </cell>
          <cell r="I847" t="str">
            <v>取締役社長　 中井　稔</v>
          </cell>
          <cell r="J847" t="str">
            <v>本店</v>
          </cell>
          <cell r="K847" t="str">
            <v>06-6201-1898</v>
          </cell>
          <cell r="L847" t="str">
            <v>j-yoshida@nakai-eng.co.jp</v>
          </cell>
          <cell r="M847" t="str">
            <v>ﾅｶｲ</v>
          </cell>
          <cell r="N847" t="str">
            <v>無</v>
          </cell>
          <cell r="O847">
            <v>68</v>
          </cell>
          <cell r="P847">
            <v>415</v>
          </cell>
          <cell r="Q847">
            <v>5120900000000</v>
          </cell>
          <cell r="R847">
            <v>85000</v>
          </cell>
          <cell r="S847">
            <v>4775262</v>
          </cell>
          <cell r="T847">
            <v>16501900</v>
          </cell>
          <cell r="V847" t="str">
            <v>vc396488</v>
          </cell>
          <cell r="W847" t="str">
            <v>yd957143</v>
          </cell>
          <cell r="X847" t="str">
            <v>土と石鋼舗浚塗水解</v>
          </cell>
          <cell r="Y847" t="str">
            <v/>
          </cell>
          <cell r="Z847" t="str">
            <v>土と石鋼舗浚塗水解</v>
          </cell>
          <cell r="AA847" t="str">
            <v>舗装</v>
          </cell>
          <cell r="AB847" t="str">
            <v/>
          </cell>
          <cell r="AC847" t="str">
            <v/>
          </cell>
          <cell r="AD847" t="str">
            <v/>
          </cell>
          <cell r="AE847">
            <v>43190</v>
          </cell>
          <cell r="AF847" t="str">
            <v>希望しない</v>
          </cell>
          <cell r="AG847" t="str">
            <v>舗装</v>
          </cell>
          <cell r="AH847" t="str">
            <v>特定</v>
          </cell>
          <cell r="AI847">
            <v>1129</v>
          </cell>
          <cell r="AJ847">
            <v>2260687</v>
          </cell>
          <cell r="AK847" t="str">
            <v>25(18)/16/38</v>
          </cell>
          <cell r="AL847" t="str">
            <v/>
          </cell>
          <cell r="AM847" t="str">
            <v/>
          </cell>
          <cell r="AN847" t="str">
            <v/>
          </cell>
          <cell r="AO847" t="str">
            <v/>
          </cell>
          <cell r="AP847" t="str">
            <v/>
          </cell>
          <cell r="AQ847" t="str">
            <v/>
          </cell>
          <cell r="AR847" t="str">
            <v/>
          </cell>
          <cell r="AS847" t="str">
            <v/>
          </cell>
          <cell r="AT847" t="str">
            <v/>
          </cell>
          <cell r="AU847" t="str">
            <v/>
          </cell>
          <cell r="AV847" t="str">
            <v/>
          </cell>
          <cell r="AW847" t="str">
            <v/>
          </cell>
          <cell r="AX847" t="str">
            <v/>
          </cell>
          <cell r="AY847" t="str">
            <v/>
          </cell>
          <cell r="AZ847" t="str">
            <v/>
          </cell>
          <cell r="BA847" t="str">
            <v>大阪府</v>
          </cell>
          <cell r="BB847">
            <v>0</v>
          </cell>
          <cell r="CR847">
            <v>6192</v>
          </cell>
          <cell r="CS847" t="str">
            <v>ｲﾘｴ ﾄﾓｺ</v>
          </cell>
          <cell r="CT847" t="str">
            <v>入江  智子</v>
          </cell>
          <cell r="CU847" t="str">
            <v>障害福祉課</v>
          </cell>
          <cell r="CW847">
            <v>2548</v>
          </cell>
          <cell r="CX847" t="str">
            <v>主任</v>
          </cell>
          <cell r="CY847" t="str">
            <v>障害福祉課長</v>
          </cell>
        </row>
        <row r="848">
          <cell r="B848">
            <v>3483</v>
          </cell>
          <cell r="C848" t="str">
            <v>中川(株)</v>
          </cell>
          <cell r="D848" t="str">
            <v>06-6376-3320</v>
          </cell>
          <cell r="E848" t="str">
            <v>531-0074</v>
          </cell>
          <cell r="F848" t="str">
            <v>大阪府大阪市北区本庄東3-5-14</v>
          </cell>
          <cell r="G848" t="str">
            <v>大阪市</v>
          </cell>
          <cell r="H848" t="str">
            <v/>
          </cell>
          <cell r="I848" t="str">
            <v>代表取締役　 島木　浩義</v>
          </cell>
          <cell r="J848" t="str">
            <v>本店</v>
          </cell>
          <cell r="K848" t="str">
            <v>06-6376-3320</v>
          </cell>
          <cell r="L848" t="str">
            <v>nktosou@topaz.plala.or.jp</v>
          </cell>
          <cell r="M848" t="str">
            <v>ﾅｶｶﾞﾜ</v>
          </cell>
          <cell r="N848" t="str">
            <v>無</v>
          </cell>
          <cell r="O848">
            <v>56</v>
          </cell>
          <cell r="P848">
            <v>13</v>
          </cell>
          <cell r="Q848">
            <v>9120000000000</v>
          </cell>
          <cell r="R848">
            <v>27000</v>
          </cell>
          <cell r="S848">
            <v>42918</v>
          </cell>
          <cell r="T848">
            <v>267844</v>
          </cell>
          <cell r="V848" t="str">
            <v>hx377652</v>
          </cell>
          <cell r="W848" t="str">
            <v>pq708269</v>
          </cell>
          <cell r="X848" t="str">
            <v>土と石鋼舗浚塗水解</v>
          </cell>
          <cell r="Y848" t="str">
            <v/>
          </cell>
          <cell r="Z848" t="str">
            <v>土と石鋼舗浚塗水解</v>
          </cell>
          <cell r="AA848" t="str">
            <v>塗装</v>
          </cell>
          <cell r="AB848" t="str">
            <v>建築一式</v>
          </cell>
          <cell r="AC848" t="str">
            <v/>
          </cell>
          <cell r="AD848" t="str">
            <v/>
          </cell>
          <cell r="AE848">
            <v>42978</v>
          </cell>
          <cell r="AF848" t="str">
            <v>希望しない</v>
          </cell>
          <cell r="AG848" t="str">
            <v>塗装</v>
          </cell>
          <cell r="AH848" t="str">
            <v>特定</v>
          </cell>
          <cell r="AI848">
            <v>762</v>
          </cell>
          <cell r="AJ848">
            <v>209464</v>
          </cell>
          <cell r="AK848" t="str">
            <v>2(2)/4/0</v>
          </cell>
          <cell r="AL848" t="str">
            <v>建築一式</v>
          </cell>
          <cell r="AM848" t="str">
            <v>特定</v>
          </cell>
          <cell r="AN848">
            <v>655</v>
          </cell>
          <cell r="AO848">
            <v>19157</v>
          </cell>
          <cell r="AP848" t="str">
            <v>1(0)/0/0</v>
          </cell>
          <cell r="AQ848" t="str">
            <v/>
          </cell>
          <cell r="AR848" t="str">
            <v/>
          </cell>
          <cell r="AS848" t="str">
            <v/>
          </cell>
          <cell r="AT848" t="str">
            <v/>
          </cell>
          <cell r="AU848" t="str">
            <v/>
          </cell>
          <cell r="AV848" t="str">
            <v/>
          </cell>
          <cell r="AW848" t="str">
            <v/>
          </cell>
          <cell r="AX848" t="str">
            <v/>
          </cell>
          <cell r="AY848" t="str">
            <v/>
          </cell>
          <cell r="AZ848" t="str">
            <v/>
          </cell>
          <cell r="BA848" t="str">
            <v>大阪府</v>
          </cell>
          <cell r="BB848">
            <v>0</v>
          </cell>
          <cell r="CR848">
            <v>6198</v>
          </cell>
          <cell r="CS848" t="str">
            <v>ｷﾉｼﾀ ﾀｶﾋﾛ</v>
          </cell>
          <cell r="CT848" t="str">
            <v>木下  隆宏</v>
          </cell>
          <cell r="CU848" t="str">
            <v>情報管理課</v>
          </cell>
          <cell r="CW848">
            <v>6671361</v>
          </cell>
          <cell r="CX848" t="str">
            <v>主任</v>
          </cell>
          <cell r="CY848" t="str">
            <v>情報管理課長</v>
          </cell>
        </row>
        <row r="849">
          <cell r="B849">
            <v>3486</v>
          </cell>
          <cell r="C849" t="str">
            <v>(株)中勝建設</v>
          </cell>
          <cell r="D849" t="str">
            <v>06-6423-2539</v>
          </cell>
          <cell r="E849" t="str">
            <v>661-0014</v>
          </cell>
          <cell r="F849" t="str">
            <v>兵庫県尼崎市上ﾉ島町2-2-22</v>
          </cell>
          <cell r="G849" t="str">
            <v>尼崎市</v>
          </cell>
          <cell r="H849" t="str">
            <v/>
          </cell>
          <cell r="I849" t="str">
            <v>代表取締役 岩本　美恵子</v>
          </cell>
          <cell r="J849" t="str">
            <v>本店</v>
          </cell>
          <cell r="K849" t="str">
            <v>06-6423-3781</v>
          </cell>
          <cell r="L849" t="str">
            <v>nakasyou@deluxe.ocn.ne.jp</v>
          </cell>
          <cell r="M849" t="str">
            <v>ﾅｶｼｮｳｹﾝｾﾂ</v>
          </cell>
          <cell r="N849" t="str">
            <v>無</v>
          </cell>
          <cell r="O849">
            <v>42</v>
          </cell>
          <cell r="P849">
            <v>6</v>
          </cell>
          <cell r="Q849">
            <v>9140001050393</v>
          </cell>
          <cell r="R849">
            <v>70000</v>
          </cell>
          <cell r="S849">
            <v>23707</v>
          </cell>
          <cell r="T849">
            <v>144818</v>
          </cell>
          <cell r="V849" t="str">
            <v>er727798</v>
          </cell>
          <cell r="W849" t="str">
            <v>tm520131</v>
          </cell>
          <cell r="X849" t="str">
            <v>と石管鋼舗浚水土</v>
          </cell>
          <cell r="Y849" t="str">
            <v>と石管鋼舗浚水</v>
          </cell>
          <cell r="Z849" t="str">
            <v>土</v>
          </cell>
          <cell r="AA849" t="str">
            <v>土木一式</v>
          </cell>
          <cell r="AB849" t="str">
            <v>舗装</v>
          </cell>
          <cell r="AC849" t="str">
            <v>管</v>
          </cell>
          <cell r="AD849" t="str">
            <v>水道施設</v>
          </cell>
          <cell r="AE849">
            <v>43251</v>
          </cell>
          <cell r="AF849" t="str">
            <v>希望しない</v>
          </cell>
          <cell r="AG849" t="str">
            <v>土木一式</v>
          </cell>
          <cell r="AH849" t="str">
            <v>特定</v>
          </cell>
          <cell r="AI849">
            <v>750</v>
          </cell>
          <cell r="AJ849">
            <v>111247</v>
          </cell>
          <cell r="AK849" t="str">
            <v>0(0)/3/1</v>
          </cell>
          <cell r="AL849" t="str">
            <v>舗装</v>
          </cell>
          <cell r="AM849" t="str">
            <v>一般</v>
          </cell>
          <cell r="AN849">
            <v>649</v>
          </cell>
          <cell r="AO849">
            <v>812</v>
          </cell>
          <cell r="AP849" t="str">
            <v>0(0)/3/0</v>
          </cell>
          <cell r="AQ849" t="str">
            <v>管</v>
          </cell>
          <cell r="AR849" t="str">
            <v>一般</v>
          </cell>
          <cell r="AS849">
            <v>638</v>
          </cell>
          <cell r="AT849">
            <v>614</v>
          </cell>
          <cell r="AU849" t="str">
            <v>0(0)/1/0</v>
          </cell>
          <cell r="AV849" t="str">
            <v>水道施設</v>
          </cell>
          <cell r="AW849" t="str">
            <v>一般</v>
          </cell>
          <cell r="AX849">
            <v>635</v>
          </cell>
          <cell r="AY849">
            <v>1159</v>
          </cell>
          <cell r="AZ849" t="str">
            <v>0(0)/0/0</v>
          </cell>
          <cell r="BA849" t="str">
            <v>兵庫県</v>
          </cell>
          <cell r="BB849">
            <v>0</v>
          </cell>
          <cell r="CR849">
            <v>6244</v>
          </cell>
          <cell r="CS849" t="str">
            <v>ﾌｼﾞﾜﾗ ﾔｽﾕｷ</v>
          </cell>
          <cell r="CT849" t="str">
            <v>藤原　保幸</v>
          </cell>
          <cell r="CU849" t="str">
            <v xml:space="preserve"> </v>
          </cell>
          <cell r="CW849" t="str">
            <v xml:space="preserve"> </v>
          </cell>
          <cell r="CX849" t="str">
            <v>市長</v>
          </cell>
          <cell r="CY849" t="str">
            <v>　</v>
          </cell>
        </row>
        <row r="850">
          <cell r="B850">
            <v>3487</v>
          </cell>
          <cell r="C850" t="str">
            <v>(株)永瀬</v>
          </cell>
          <cell r="D850" t="str">
            <v>0797-31-1644</v>
          </cell>
          <cell r="E850" t="str">
            <v>659-0064</v>
          </cell>
          <cell r="F850" t="str">
            <v>兵庫県芦屋市精道町10-12</v>
          </cell>
          <cell r="G850" t="str">
            <v>芦屋市</v>
          </cell>
          <cell r="H850" t="str">
            <v/>
          </cell>
          <cell r="I850" t="str">
            <v>代表取締役 永瀬　隆一</v>
          </cell>
          <cell r="J850" t="str">
            <v>本店</v>
          </cell>
          <cell r="K850" t="str">
            <v>0797-22-9311</v>
          </cell>
          <cell r="L850" t="str">
            <v>ngsk@oregano.ocn.ne.jp</v>
          </cell>
          <cell r="M850" t="str">
            <v>ﾅｶﾞｾ</v>
          </cell>
          <cell r="N850" t="str">
            <v>無</v>
          </cell>
          <cell r="O850">
            <v>52</v>
          </cell>
          <cell r="P850">
            <v>17</v>
          </cell>
          <cell r="Q850">
            <v>2140001000594</v>
          </cell>
          <cell r="R850">
            <v>40000</v>
          </cell>
          <cell r="S850">
            <v>450657</v>
          </cell>
          <cell r="T850">
            <v>901880</v>
          </cell>
          <cell r="V850" t="str">
            <v>tw362735</v>
          </cell>
          <cell r="W850" t="str">
            <v>up820646</v>
          </cell>
          <cell r="X850" t="str">
            <v>土建大と石屋タ鋼鉄舗板ガ塗防内熱具解</v>
          </cell>
          <cell r="Y850" t="str">
            <v/>
          </cell>
          <cell r="Z850" t="str">
            <v>土建大と石屋タ鋼鉄舗板ガ塗防内熱具解</v>
          </cell>
          <cell r="AA850" t="str">
            <v>建築一式</v>
          </cell>
          <cell r="AB850" t="str">
            <v/>
          </cell>
          <cell r="AC850" t="str">
            <v/>
          </cell>
          <cell r="AD850" t="str">
            <v/>
          </cell>
          <cell r="AE850">
            <v>43131</v>
          </cell>
          <cell r="AF850" t="str">
            <v>希望しない</v>
          </cell>
          <cell r="AG850" t="str">
            <v>建築一式</v>
          </cell>
          <cell r="AH850" t="str">
            <v>特定</v>
          </cell>
          <cell r="AI850">
            <v>911</v>
          </cell>
          <cell r="AJ850">
            <v>792881</v>
          </cell>
          <cell r="AK850" t="str">
            <v>5(5)/4/5</v>
          </cell>
          <cell r="AL850" t="str">
            <v/>
          </cell>
          <cell r="AM850" t="str">
            <v/>
          </cell>
          <cell r="AN850" t="str">
            <v/>
          </cell>
          <cell r="AO850" t="str">
            <v/>
          </cell>
          <cell r="AP850" t="str">
            <v/>
          </cell>
          <cell r="AQ850" t="str">
            <v/>
          </cell>
          <cell r="AR850" t="str">
            <v/>
          </cell>
          <cell r="AS850" t="str">
            <v/>
          </cell>
          <cell r="AT850" t="str">
            <v/>
          </cell>
          <cell r="AU850" t="str">
            <v/>
          </cell>
          <cell r="AV850" t="str">
            <v/>
          </cell>
          <cell r="AW850" t="str">
            <v/>
          </cell>
          <cell r="AX850" t="str">
            <v/>
          </cell>
          <cell r="AY850" t="str">
            <v/>
          </cell>
          <cell r="AZ850" t="str">
            <v/>
          </cell>
          <cell r="BA850" t="str">
            <v>兵庫県</v>
          </cell>
          <cell r="BB850">
            <v>0</v>
          </cell>
          <cell r="CR850">
            <v>6252</v>
          </cell>
          <cell r="CS850" t="str">
            <v>ｲﾁｶﾜ ﾐｻ</v>
          </cell>
          <cell r="CT850" t="str">
            <v>市川  美沙</v>
          </cell>
          <cell r="CU850" t="str">
            <v>こども若者企画課</v>
          </cell>
          <cell r="CW850" t="str">
            <v xml:space="preserve"> </v>
          </cell>
          <cell r="CX850" t="str">
            <v xml:space="preserve"> </v>
          </cell>
          <cell r="CY850" t="str">
            <v>こども若者企画課長</v>
          </cell>
        </row>
        <row r="851">
          <cell r="B851">
            <v>3488</v>
          </cell>
          <cell r="C851" t="str">
            <v>(株)中武建設工業</v>
          </cell>
          <cell r="D851" t="str">
            <v>0797-91-0300</v>
          </cell>
          <cell r="E851" t="str">
            <v>669-1211</v>
          </cell>
          <cell r="F851" t="str">
            <v>兵庫県宝塚市大原野字下岡21-1</v>
          </cell>
          <cell r="G851" t="str">
            <v>宝塚市</v>
          </cell>
          <cell r="H851" t="str">
            <v/>
          </cell>
          <cell r="I851" t="str">
            <v>代表取締役 中村　昭徳</v>
          </cell>
          <cell r="J851" t="str">
            <v>本店</v>
          </cell>
          <cell r="K851" t="str">
            <v>0797-91-0266</v>
          </cell>
          <cell r="L851" t="str">
            <v>nakatakekensetu@iris.eonet.ne.jp</v>
          </cell>
          <cell r="M851" t="str">
            <v>ﾅｶﾀｹｹﾝｾﾂｺｳｷﾞｮｳ</v>
          </cell>
          <cell r="N851" t="str">
            <v>無</v>
          </cell>
          <cell r="O851">
            <v>63</v>
          </cell>
          <cell r="P851">
            <v>9</v>
          </cell>
          <cell r="Q851">
            <v>5140001081830</v>
          </cell>
          <cell r="R851">
            <v>20000</v>
          </cell>
          <cell r="S851">
            <v>122820</v>
          </cell>
          <cell r="T851">
            <v>209000</v>
          </cell>
          <cell r="V851" t="str">
            <v>yu991618</v>
          </cell>
          <cell r="W851" t="str">
            <v>kv291804</v>
          </cell>
          <cell r="X851" t="str">
            <v>建</v>
          </cell>
          <cell r="Y851" t="str">
            <v/>
          </cell>
          <cell r="Z851" t="str">
            <v>建</v>
          </cell>
          <cell r="AA851" t="str">
            <v>建築一式</v>
          </cell>
          <cell r="AB851" t="str">
            <v/>
          </cell>
          <cell r="AC851" t="str">
            <v/>
          </cell>
          <cell r="AD851" t="str">
            <v/>
          </cell>
          <cell r="AE851">
            <v>43190</v>
          </cell>
          <cell r="AF851" t="str">
            <v>希望しない</v>
          </cell>
          <cell r="AG851" t="str">
            <v>建築一式</v>
          </cell>
          <cell r="AH851" t="str">
            <v>特定</v>
          </cell>
          <cell r="AI851">
            <v>833</v>
          </cell>
          <cell r="AJ851">
            <v>261416</v>
          </cell>
          <cell r="AK851" t="str">
            <v>5(5)/1/0</v>
          </cell>
          <cell r="AL851" t="str">
            <v/>
          </cell>
          <cell r="AM851" t="str">
            <v/>
          </cell>
          <cell r="AN851" t="str">
            <v/>
          </cell>
          <cell r="AO851" t="str">
            <v/>
          </cell>
          <cell r="AP851" t="str">
            <v/>
          </cell>
          <cell r="AQ851" t="str">
            <v/>
          </cell>
          <cell r="AR851" t="str">
            <v/>
          </cell>
          <cell r="AS851" t="str">
            <v/>
          </cell>
          <cell r="AT851" t="str">
            <v/>
          </cell>
          <cell r="AU851" t="str">
            <v/>
          </cell>
          <cell r="AV851" t="str">
            <v/>
          </cell>
          <cell r="AW851" t="str">
            <v/>
          </cell>
          <cell r="AX851" t="str">
            <v/>
          </cell>
          <cell r="AY851" t="str">
            <v/>
          </cell>
          <cell r="AZ851" t="str">
            <v/>
          </cell>
          <cell r="BA851" t="str">
            <v>兵庫県</v>
          </cell>
          <cell r="BB851">
            <v>0</v>
          </cell>
          <cell r="CR851">
            <v>6253</v>
          </cell>
          <cell r="CS851" t="str">
            <v>ｲﾄｳ ﾉﾘｱｷ</v>
          </cell>
          <cell r="CT851" t="str">
            <v>伊藤  登章</v>
          </cell>
          <cell r="CU851" t="str">
            <v>国保年金課</v>
          </cell>
          <cell r="CW851">
            <v>2797</v>
          </cell>
          <cell r="CX851" t="str">
            <v xml:space="preserve"> </v>
          </cell>
          <cell r="CY851" t="str">
            <v>国保年金課長</v>
          </cell>
        </row>
        <row r="852">
          <cell r="B852">
            <v>3491</v>
          </cell>
          <cell r="C852" t="str">
            <v>中谷産業(株)</v>
          </cell>
          <cell r="D852" t="str">
            <v>072-785-1191</v>
          </cell>
          <cell r="E852" t="str">
            <v>664-0844</v>
          </cell>
          <cell r="F852" t="str">
            <v>兵庫県伊丹市口酒井2-6-8</v>
          </cell>
          <cell r="G852" t="str">
            <v>伊丹市</v>
          </cell>
          <cell r="H852" t="str">
            <v/>
          </cell>
          <cell r="I852" t="str">
            <v>代表取締役 渡邉　秀樹</v>
          </cell>
          <cell r="J852" t="str">
            <v>本店</v>
          </cell>
          <cell r="K852" t="str">
            <v>072-785-1255</v>
          </cell>
          <cell r="L852" t="str">
            <v>eigyo@nakatanisangyo.co.jp</v>
          </cell>
          <cell r="M852" t="str">
            <v>ﾅｶﾀﾆｻﾝｷﾞｮｳ</v>
          </cell>
          <cell r="N852" t="str">
            <v>無</v>
          </cell>
          <cell r="O852">
            <v>19</v>
          </cell>
          <cell r="P852">
            <v>8</v>
          </cell>
          <cell r="Q852">
            <v>9120901024952</v>
          </cell>
          <cell r="R852">
            <v>25000</v>
          </cell>
          <cell r="S852">
            <v>18904</v>
          </cell>
          <cell r="T852">
            <v>219142</v>
          </cell>
          <cell r="V852" t="str">
            <v>et311735</v>
          </cell>
          <cell r="W852" t="str">
            <v>up810640</v>
          </cell>
          <cell r="X852" t="str">
            <v>土建大園</v>
          </cell>
          <cell r="Y852" t="str">
            <v>土建大園</v>
          </cell>
          <cell r="Z852" t="str">
            <v/>
          </cell>
          <cell r="AA852" t="str">
            <v>大工</v>
          </cell>
          <cell r="AB852" t="str">
            <v>建築一式</v>
          </cell>
          <cell r="AC852" t="str">
            <v>土木一式</v>
          </cell>
          <cell r="AD852" t="str">
            <v>造園</v>
          </cell>
          <cell r="AE852">
            <v>42978</v>
          </cell>
          <cell r="AF852" t="str">
            <v/>
          </cell>
          <cell r="AG852" t="str">
            <v>大工</v>
          </cell>
          <cell r="AH852" t="str">
            <v>一般</v>
          </cell>
          <cell r="AI852">
            <v>623</v>
          </cell>
          <cell r="AJ852">
            <v>17408</v>
          </cell>
          <cell r="AK852" t="str">
            <v>0(0)/2/0</v>
          </cell>
          <cell r="AL852" t="str">
            <v>建築一式</v>
          </cell>
          <cell r="AM852" t="str">
            <v>一般</v>
          </cell>
          <cell r="AN852">
            <v>576</v>
          </cell>
          <cell r="AO852" t="str">
            <v/>
          </cell>
          <cell r="AP852" t="str">
            <v>0(0)/1/0</v>
          </cell>
          <cell r="AQ852" t="str">
            <v>土木一式</v>
          </cell>
          <cell r="AR852" t="str">
            <v>一般</v>
          </cell>
          <cell r="AS852">
            <v>576</v>
          </cell>
          <cell r="AT852" t="str">
            <v/>
          </cell>
          <cell r="AU852" t="str">
            <v>0(0)/1/0</v>
          </cell>
          <cell r="AV852" t="str">
            <v>造園</v>
          </cell>
          <cell r="AW852" t="str">
            <v>一般</v>
          </cell>
          <cell r="AX852">
            <v>576</v>
          </cell>
          <cell r="AY852" t="str">
            <v/>
          </cell>
          <cell r="AZ852" t="str">
            <v>0(0)/1/0</v>
          </cell>
          <cell r="BA852" t="str">
            <v>伊丹市</v>
          </cell>
          <cell r="BB852" t="str">
            <v/>
          </cell>
          <cell r="CR852">
            <v>6254</v>
          </cell>
          <cell r="CS852" t="str">
            <v>ｲﾏｲ ﾏｻｶｽﾞ</v>
          </cell>
          <cell r="CT852" t="str">
            <v>今井  正和</v>
          </cell>
          <cell r="CU852" t="str">
            <v>徴収対策課</v>
          </cell>
          <cell r="CW852">
            <v>2375</v>
          </cell>
          <cell r="CX852" t="str">
            <v>主任</v>
          </cell>
          <cell r="CY852" t="str">
            <v>徴収対策課長</v>
          </cell>
        </row>
        <row r="853">
          <cell r="B853">
            <v>3496</v>
          </cell>
          <cell r="C853" t="str">
            <v>(株)中の島商会</v>
          </cell>
          <cell r="D853" t="str">
            <v>06-6492-0071</v>
          </cell>
          <cell r="E853" t="str">
            <v>661-0979</v>
          </cell>
          <cell r="F853" t="str">
            <v>兵庫県尼崎市上坂部2-6-10</v>
          </cell>
          <cell r="G853" t="str">
            <v>尼崎市</v>
          </cell>
          <cell r="H853" t="str">
            <v/>
          </cell>
          <cell r="I853" t="str">
            <v>代表取締役 白浜　敏</v>
          </cell>
          <cell r="J853" t="str">
            <v>本店</v>
          </cell>
          <cell r="K853" t="str">
            <v>06-6492-0332</v>
          </cell>
          <cell r="L853" t="str">
            <v>nss@themis.ocn.ne.jp</v>
          </cell>
          <cell r="M853" t="str">
            <v>ﾅｶﾉｼﾏｼｮｳｶｲ</v>
          </cell>
          <cell r="N853" t="str">
            <v>無</v>
          </cell>
          <cell r="O853">
            <v>40</v>
          </cell>
          <cell r="P853">
            <v>10</v>
          </cell>
          <cell r="Q853">
            <v>5140001050414</v>
          </cell>
          <cell r="R853">
            <v>20000</v>
          </cell>
          <cell r="S853">
            <v>224506</v>
          </cell>
          <cell r="T853">
            <v>332696</v>
          </cell>
          <cell r="V853" t="str">
            <v>fv489047</v>
          </cell>
          <cell r="W853" t="str">
            <v>pe274851</v>
          </cell>
          <cell r="X853" t="str">
            <v>管</v>
          </cell>
          <cell r="Y853" t="str">
            <v/>
          </cell>
          <cell r="Z853" t="str">
            <v>管</v>
          </cell>
          <cell r="AA853" t="str">
            <v>管</v>
          </cell>
          <cell r="AB853" t="str">
            <v/>
          </cell>
          <cell r="AC853" t="str">
            <v/>
          </cell>
          <cell r="AD853" t="str">
            <v/>
          </cell>
          <cell r="AE853">
            <v>43220</v>
          </cell>
          <cell r="AF853" t="str">
            <v>希望しない</v>
          </cell>
          <cell r="AG853" t="str">
            <v>管</v>
          </cell>
          <cell r="AH853" t="str">
            <v>特定</v>
          </cell>
          <cell r="AI853">
            <v>855</v>
          </cell>
          <cell r="AJ853">
            <v>332696</v>
          </cell>
          <cell r="AK853" t="str">
            <v>5(5)/2/3</v>
          </cell>
          <cell r="AL853" t="str">
            <v/>
          </cell>
          <cell r="AM853" t="str">
            <v/>
          </cell>
          <cell r="AN853" t="str">
            <v/>
          </cell>
          <cell r="AO853" t="str">
            <v/>
          </cell>
          <cell r="AP853" t="str">
            <v/>
          </cell>
          <cell r="AQ853" t="str">
            <v/>
          </cell>
          <cell r="AR853" t="str">
            <v/>
          </cell>
          <cell r="AS853" t="str">
            <v/>
          </cell>
          <cell r="AT853" t="str">
            <v/>
          </cell>
          <cell r="AU853" t="str">
            <v/>
          </cell>
          <cell r="AV853" t="str">
            <v/>
          </cell>
          <cell r="AW853" t="str">
            <v/>
          </cell>
          <cell r="AX853" t="str">
            <v/>
          </cell>
          <cell r="AY853" t="str">
            <v/>
          </cell>
          <cell r="AZ853" t="str">
            <v/>
          </cell>
          <cell r="BA853" t="str">
            <v>兵庫県</v>
          </cell>
          <cell r="BB853">
            <v>0</v>
          </cell>
          <cell r="CR853">
            <v>6256</v>
          </cell>
          <cell r="CS853" t="str">
            <v>ﾅｶﾉ ｵｻﾑ</v>
          </cell>
          <cell r="CT853" t="str">
            <v>中野  修</v>
          </cell>
          <cell r="CU853" t="str">
            <v>職員課</v>
          </cell>
          <cell r="CW853">
            <v>3615</v>
          </cell>
          <cell r="CX853" t="str">
            <v xml:space="preserve"> </v>
          </cell>
          <cell r="CY853" t="str">
            <v>職員課長</v>
          </cell>
        </row>
        <row r="854">
          <cell r="B854">
            <v>3497</v>
          </cell>
          <cell r="C854" t="str">
            <v>(株)ナカノフドー建設</v>
          </cell>
          <cell r="D854" t="str">
            <v>06-6532-8331</v>
          </cell>
          <cell r="E854" t="str">
            <v>550-0011</v>
          </cell>
          <cell r="F854" t="str">
            <v>大阪府大阪市西区阿波座2-4-23</v>
          </cell>
          <cell r="G854" t="str">
            <v>大阪市</v>
          </cell>
          <cell r="H854" t="str">
            <v>大阪支社</v>
          </cell>
          <cell r="I854" t="str">
            <v>常務執行役員支社長 吉村　哲志</v>
          </cell>
          <cell r="J854" t="str">
            <v>東京都</v>
          </cell>
          <cell r="K854" t="str">
            <v>06-6532-7401</v>
          </cell>
          <cell r="L854" t="str">
            <v>matsumoto_kouta@wave-nakano.co.jp</v>
          </cell>
          <cell r="M854" t="str">
            <v>ﾅｶﾉﾌﾄﾞｰｹﾝｾﾂ</v>
          </cell>
          <cell r="N854" t="str">
            <v>有</v>
          </cell>
          <cell r="O854">
            <v>68</v>
          </cell>
          <cell r="P854">
            <v>715</v>
          </cell>
          <cell r="Q854">
            <v>4010001008731</v>
          </cell>
          <cell r="R854">
            <v>5061678</v>
          </cell>
          <cell r="S854">
            <v>29304234</v>
          </cell>
          <cell r="T854">
            <v>104456000</v>
          </cell>
          <cell r="V854" t="str">
            <v>ey712663</v>
          </cell>
          <cell r="W854" t="str">
            <v>pn700053</v>
          </cell>
          <cell r="X854" t="str">
            <v>(建)(と)(内)土建大と石屋電管タ鋼鉄舗浚板ガ塗防内熱園具水</v>
          </cell>
          <cell r="Y854" t="str">
            <v>(建)(と)(内)</v>
          </cell>
          <cell r="Z854" t="str">
            <v>土建大と石屋電管タ鋼鉄舗浚板ガ塗防内熱園具水</v>
          </cell>
          <cell r="AA854" t="str">
            <v>建築一式</v>
          </cell>
          <cell r="AB854" t="str">
            <v>とび土工</v>
          </cell>
          <cell r="AC854" t="str">
            <v>内装仕上</v>
          </cell>
          <cell r="AD854" t="str">
            <v/>
          </cell>
          <cell r="AE854">
            <v>43190</v>
          </cell>
          <cell r="AF854" t="str">
            <v>希望しない</v>
          </cell>
          <cell r="AG854" t="str">
            <v>建築一式</v>
          </cell>
          <cell r="AH854" t="str">
            <v>特定</v>
          </cell>
          <cell r="AI854">
            <v>1788</v>
          </cell>
          <cell r="AJ854">
            <v>102137417</v>
          </cell>
          <cell r="AK854" t="str">
            <v>385(222)/33/46</v>
          </cell>
          <cell r="AL854" t="str">
            <v>とび土工</v>
          </cell>
          <cell r="AM854" t="str">
            <v>特定</v>
          </cell>
          <cell r="AN854">
            <v>1268</v>
          </cell>
          <cell r="AO854">
            <v>93350</v>
          </cell>
          <cell r="AP854" t="str">
            <v>228(157)/1/5</v>
          </cell>
          <cell r="AQ854" t="str">
            <v>内装仕上</v>
          </cell>
          <cell r="AR854" t="str">
            <v>特定</v>
          </cell>
          <cell r="AS854">
            <v>1220</v>
          </cell>
          <cell r="AT854">
            <v>142009</v>
          </cell>
          <cell r="AU854" t="str">
            <v>62(7)/18/0</v>
          </cell>
          <cell r="AV854" t="str">
            <v/>
          </cell>
          <cell r="AW854" t="str">
            <v/>
          </cell>
          <cell r="AX854" t="str">
            <v/>
          </cell>
          <cell r="AY854" t="str">
            <v/>
          </cell>
          <cell r="AZ854" t="str">
            <v/>
          </cell>
          <cell r="BA854" t="str">
            <v>東京都</v>
          </cell>
          <cell r="BB854">
            <v>0</v>
          </cell>
          <cell r="CR854">
            <v>6257</v>
          </cell>
          <cell r="CS854" t="str">
            <v>ﾆｼｶﾜ ﾀﾂﾔ</v>
          </cell>
          <cell r="CT854" t="str">
            <v>西川  達哉</v>
          </cell>
          <cell r="CU854" t="str">
            <v>交通政策課</v>
          </cell>
          <cell r="CW854">
            <v>2162</v>
          </cell>
          <cell r="CX854" t="str">
            <v xml:space="preserve"> </v>
          </cell>
          <cell r="CY854" t="str">
            <v>交通政策課長</v>
          </cell>
        </row>
        <row r="855">
          <cell r="B855">
            <v>3498</v>
          </cell>
          <cell r="C855" t="str">
            <v>中林建設(株)</v>
          </cell>
          <cell r="D855" t="str">
            <v>078-251-0120</v>
          </cell>
          <cell r="E855" t="str">
            <v>651-0084</v>
          </cell>
          <cell r="F855" t="str">
            <v>兵庫県神戸市中央区磯辺通2-2-25</v>
          </cell>
          <cell r="G855" t="str">
            <v>大阪市</v>
          </cell>
          <cell r="H855" t="str">
            <v>神戸支店</v>
          </cell>
          <cell r="I855" t="str">
            <v>支店長 鳴海　充</v>
          </cell>
          <cell r="J855" t="str">
            <v>大阪府大阪市</v>
          </cell>
          <cell r="K855" t="str">
            <v>078-251-0130</v>
          </cell>
          <cell r="L855" t="str">
            <v>m.narumi@nakabayashi.asia</v>
          </cell>
          <cell r="M855" t="str">
            <v>ﾅｶﾊﾞﾔｼｹﾝｾﾂ</v>
          </cell>
          <cell r="N855" t="str">
            <v>有</v>
          </cell>
          <cell r="O855">
            <v>47</v>
          </cell>
          <cell r="P855">
            <v>84</v>
          </cell>
          <cell r="Q855">
            <v>2120001039288</v>
          </cell>
          <cell r="R855">
            <v>210000</v>
          </cell>
          <cell r="S855">
            <v>1080672</v>
          </cell>
          <cell r="T855">
            <v>8657906</v>
          </cell>
          <cell r="V855" t="str">
            <v>cg795356</v>
          </cell>
          <cell r="W855" t="str">
            <v>yg878625</v>
          </cell>
          <cell r="X855" t="str">
            <v>電(清)(建)(大)(左)(と)(石)(屋)(タ)(鋼)(鉄)(舗)(浚)(板)(ガ)(塗)(防)(内)(熱)(具)(水)(解)土建大と石屋タ鋼鉄舗浚板ガ塗防内熱具水解</v>
          </cell>
          <cell r="Y855" t="str">
            <v>電(清)(建)(大)(左)(と)(石)(屋)(タ)(鋼)(鉄)(舗)(浚)(板)(ガ)(塗)(防)(内)(熱)(具)(水)(解)</v>
          </cell>
          <cell r="Z855" t="str">
            <v>土建大と石屋タ鋼鉄舗浚板ガ塗防内熱具水解</v>
          </cell>
          <cell r="AA855" t="str">
            <v>土木一式</v>
          </cell>
          <cell r="AB855" t="str">
            <v>建築一式</v>
          </cell>
          <cell r="AC855" t="str">
            <v>とび土工</v>
          </cell>
          <cell r="AD855" t="str">
            <v>解体</v>
          </cell>
          <cell r="AE855">
            <v>43251</v>
          </cell>
          <cell r="AF855" t="str">
            <v>希望する</v>
          </cell>
          <cell r="AG855" t="str">
            <v>土木一式</v>
          </cell>
          <cell r="AH855" t="str">
            <v>特定</v>
          </cell>
          <cell r="AI855">
            <v>1170</v>
          </cell>
          <cell r="AJ855">
            <v>4768610</v>
          </cell>
          <cell r="AK855" t="str">
            <v>48(48)/7/0</v>
          </cell>
          <cell r="AL855" t="str">
            <v>建築一式</v>
          </cell>
          <cell r="AM855" t="str">
            <v>特定</v>
          </cell>
          <cell r="AN855">
            <v>1145</v>
          </cell>
          <cell r="AO855">
            <v>3506328</v>
          </cell>
          <cell r="AP855" t="str">
            <v>44(44)/7/0</v>
          </cell>
          <cell r="AQ855" t="str">
            <v>とび土工</v>
          </cell>
          <cell r="AR855" t="str">
            <v>特定</v>
          </cell>
          <cell r="AS855">
            <v>818</v>
          </cell>
          <cell r="AT855">
            <v>35955</v>
          </cell>
          <cell r="AU855" t="str">
            <v>5(5)/0/0</v>
          </cell>
          <cell r="AV855" t="str">
            <v>解体</v>
          </cell>
          <cell r="AW855" t="str">
            <v>特定</v>
          </cell>
          <cell r="AX855">
            <v>889</v>
          </cell>
          <cell r="AY855">
            <v>164461</v>
          </cell>
          <cell r="AZ855" t="str">
            <v>5(5)/0/0</v>
          </cell>
          <cell r="BA855" t="str">
            <v>大阪府</v>
          </cell>
          <cell r="BB855">
            <v>0</v>
          </cell>
          <cell r="CR855">
            <v>6258</v>
          </cell>
          <cell r="CS855" t="str">
            <v>ﾆｼﾉ ｷﾜﾉ</v>
          </cell>
          <cell r="CT855" t="str">
            <v>西野  生和乃</v>
          </cell>
          <cell r="CU855" t="str">
            <v>介護保険課</v>
          </cell>
          <cell r="CW855">
            <v>2712</v>
          </cell>
          <cell r="CX855" t="str">
            <v xml:space="preserve"> </v>
          </cell>
          <cell r="CY855" t="str">
            <v>介護保険課長</v>
          </cell>
        </row>
        <row r="856">
          <cell r="B856">
            <v>3502</v>
          </cell>
          <cell r="C856" t="str">
            <v>(株)長村商会</v>
          </cell>
          <cell r="D856" t="str">
            <v>078-651-4141</v>
          </cell>
          <cell r="E856" t="str">
            <v>652-0834</v>
          </cell>
          <cell r="F856" t="str">
            <v>兵庫県神戸市兵庫区本町2丁目1番12号</v>
          </cell>
          <cell r="G856" t="str">
            <v>神戸市</v>
          </cell>
          <cell r="H856" t="str">
            <v/>
          </cell>
          <cell r="I856" t="str">
            <v>代表取締役 岡田　正昭</v>
          </cell>
          <cell r="J856" t="str">
            <v>本店</v>
          </cell>
          <cell r="K856" t="str">
            <v>078-651-4148</v>
          </cell>
          <cell r="L856" t="str">
            <v>s-fukuda@nagamura-sk.co.jp</v>
          </cell>
          <cell r="M856" t="str">
            <v>ﾅｶﾞﾑﾗｼｮｳｶｲ</v>
          </cell>
          <cell r="N856" t="str">
            <v>無</v>
          </cell>
          <cell r="O856">
            <v>68</v>
          </cell>
          <cell r="P856">
            <v>26</v>
          </cell>
          <cell r="Q856">
            <v>4140001013776</v>
          </cell>
          <cell r="R856">
            <v>45000</v>
          </cell>
          <cell r="S856">
            <v>395878</v>
          </cell>
          <cell r="T856">
            <v>1021029</v>
          </cell>
          <cell r="V856" t="str">
            <v>ys919962</v>
          </cell>
          <cell r="W856" t="str">
            <v>ka986308</v>
          </cell>
          <cell r="X856" t="str">
            <v>土水消管</v>
          </cell>
          <cell r="Y856" t="str">
            <v>土水消</v>
          </cell>
          <cell r="Z856" t="str">
            <v>管</v>
          </cell>
          <cell r="AA856" t="str">
            <v>管</v>
          </cell>
          <cell r="AB856" t="str">
            <v>消防施設</v>
          </cell>
          <cell r="AC856" t="str">
            <v/>
          </cell>
          <cell r="AD856" t="str">
            <v/>
          </cell>
          <cell r="AE856">
            <v>43220</v>
          </cell>
          <cell r="AF856" t="str">
            <v>希望しない</v>
          </cell>
          <cell r="AG856" t="str">
            <v>管</v>
          </cell>
          <cell r="AH856" t="str">
            <v>特定</v>
          </cell>
          <cell r="AI856">
            <v>976</v>
          </cell>
          <cell r="AJ856">
            <v>1038351</v>
          </cell>
          <cell r="AK856" t="str">
            <v>10(10)/2/4</v>
          </cell>
          <cell r="AL856" t="str">
            <v>消防施設</v>
          </cell>
          <cell r="AM856" t="str">
            <v>一般</v>
          </cell>
          <cell r="AN856">
            <v>798</v>
          </cell>
          <cell r="AO856">
            <v>40715</v>
          </cell>
          <cell r="AP856" t="str">
            <v>0(0)/7/6</v>
          </cell>
          <cell r="AQ856" t="str">
            <v/>
          </cell>
          <cell r="AR856" t="str">
            <v/>
          </cell>
          <cell r="AS856" t="str">
            <v/>
          </cell>
          <cell r="AT856" t="str">
            <v/>
          </cell>
          <cell r="AU856" t="str">
            <v/>
          </cell>
          <cell r="AV856" t="str">
            <v/>
          </cell>
          <cell r="AW856" t="str">
            <v/>
          </cell>
          <cell r="AX856" t="str">
            <v/>
          </cell>
          <cell r="AY856" t="str">
            <v/>
          </cell>
          <cell r="AZ856" t="str">
            <v/>
          </cell>
          <cell r="BA856" t="str">
            <v>兵庫県</v>
          </cell>
          <cell r="BB856">
            <v>0</v>
          </cell>
          <cell r="CR856">
            <v>6259</v>
          </cell>
          <cell r="CS856" t="str">
            <v>ﾏﾂﾔﾏ ｼﾕｳｼﾞ</v>
          </cell>
          <cell r="CT856" t="str">
            <v>松山  修士</v>
          </cell>
          <cell r="CU856" t="str">
            <v>生活支援課</v>
          </cell>
          <cell r="CW856">
            <v>2541</v>
          </cell>
          <cell r="CX856" t="str">
            <v>主任</v>
          </cell>
          <cell r="CY856" t="str">
            <v>生活支援課長</v>
          </cell>
        </row>
        <row r="857">
          <cell r="B857">
            <v>3503</v>
          </cell>
          <cell r="C857" t="str">
            <v>中村石材工業(株)</v>
          </cell>
          <cell r="D857" t="str">
            <v>06-6571-1206</v>
          </cell>
          <cell r="E857" t="str">
            <v>552-0012</v>
          </cell>
          <cell r="F857" t="str">
            <v>大阪府大阪市港区市岡3-16-3</v>
          </cell>
          <cell r="G857" t="str">
            <v>大阪市</v>
          </cell>
          <cell r="H857" t="str">
            <v/>
          </cell>
          <cell r="I857" t="str">
            <v>代表取締役 西川　禎亮</v>
          </cell>
          <cell r="J857" t="str">
            <v>本店</v>
          </cell>
          <cell r="K857" t="str">
            <v>06-6575-2501</v>
          </cell>
          <cell r="L857" t="str">
            <v>nakaseki-keiri@smile.odn.ne.jp</v>
          </cell>
          <cell r="M857" t="str">
            <v>ﾅｶﾑﾗｾｷｻﾞｲｺｳｷﾞｮｳ</v>
          </cell>
          <cell r="N857" t="str">
            <v>無</v>
          </cell>
          <cell r="O857">
            <v>64</v>
          </cell>
          <cell r="P857">
            <v>18</v>
          </cell>
          <cell r="Q857">
            <v>1120001029496</v>
          </cell>
          <cell r="R857">
            <v>30000</v>
          </cell>
          <cell r="S857">
            <v>391856</v>
          </cell>
          <cell r="T857">
            <v>345260</v>
          </cell>
          <cell r="V857" t="str">
            <v>jv136443</v>
          </cell>
          <cell r="W857" t="str">
            <v>ed716034</v>
          </cell>
          <cell r="X857" t="str">
            <v>土石</v>
          </cell>
          <cell r="Y857" t="str">
            <v>土石</v>
          </cell>
          <cell r="Z857" t="str">
            <v/>
          </cell>
          <cell r="AA857" t="str">
            <v>石</v>
          </cell>
          <cell r="AB857" t="str">
            <v>土木一式</v>
          </cell>
          <cell r="AC857" t="str">
            <v/>
          </cell>
          <cell r="AD857" t="str">
            <v/>
          </cell>
          <cell r="AE857">
            <v>43190</v>
          </cell>
          <cell r="AF857" t="str">
            <v>希望しない</v>
          </cell>
          <cell r="AG857" t="str">
            <v>石</v>
          </cell>
          <cell r="AH857" t="str">
            <v>一般</v>
          </cell>
          <cell r="AI857">
            <v>800</v>
          </cell>
          <cell r="AJ857">
            <v>323</v>
          </cell>
          <cell r="AK857" t="str">
            <v>2(2)/4/0</v>
          </cell>
          <cell r="AL857" t="str">
            <v>土木一式</v>
          </cell>
          <cell r="AM857" t="str">
            <v>一般</v>
          </cell>
          <cell r="AN857">
            <v>760</v>
          </cell>
          <cell r="AO857">
            <v>89</v>
          </cell>
          <cell r="AP857" t="str">
            <v>2(2)/3/3</v>
          </cell>
          <cell r="AQ857" t="str">
            <v/>
          </cell>
          <cell r="AR857" t="str">
            <v/>
          </cell>
          <cell r="AS857" t="str">
            <v/>
          </cell>
          <cell r="AT857" t="str">
            <v/>
          </cell>
          <cell r="AU857" t="str">
            <v/>
          </cell>
          <cell r="AV857" t="str">
            <v/>
          </cell>
          <cell r="AW857" t="str">
            <v/>
          </cell>
          <cell r="AX857" t="str">
            <v/>
          </cell>
          <cell r="AY857" t="str">
            <v/>
          </cell>
          <cell r="AZ857" t="str">
            <v/>
          </cell>
          <cell r="BA857" t="str">
            <v>大阪府</v>
          </cell>
          <cell r="BB857">
            <v>0</v>
          </cell>
          <cell r="CR857">
            <v>6260</v>
          </cell>
          <cell r="CS857" t="str">
            <v>ﾏﾅﾍﾞ ｿｳｲﾁﾛｳ</v>
          </cell>
          <cell r="CT857" t="str">
            <v>真鍋  宗一郎</v>
          </cell>
          <cell r="CU857" t="str">
            <v>人事課</v>
          </cell>
          <cell r="CW857">
            <v>4767</v>
          </cell>
          <cell r="CX857" t="str">
            <v xml:space="preserve"> </v>
          </cell>
          <cell r="CY857" t="str">
            <v>人事課長</v>
          </cell>
        </row>
        <row r="858">
          <cell r="B858">
            <v>3505</v>
          </cell>
          <cell r="C858" t="str">
            <v>中村瀝青工業(株)</v>
          </cell>
          <cell r="D858" t="str">
            <v>078-577-8010</v>
          </cell>
          <cell r="E858" t="str">
            <v>652-0058</v>
          </cell>
          <cell r="F858" t="str">
            <v>兵庫県神戸市兵庫区菊水町10-1-3</v>
          </cell>
          <cell r="G858" t="str">
            <v>神戸市</v>
          </cell>
          <cell r="H858" t="str">
            <v/>
          </cell>
          <cell r="I858" t="str">
            <v>代表取締役 中村　高明</v>
          </cell>
          <cell r="J858" t="str">
            <v>本店</v>
          </cell>
          <cell r="K858" t="str">
            <v>078-577-8020</v>
          </cell>
          <cell r="L858" t="str">
            <v>nakamura-r@muh.biglobe.ne.jp</v>
          </cell>
          <cell r="M858" t="str">
            <v>ﾅｶﾑﾗﾚｷｾｲｺｳｷﾞｮｳ</v>
          </cell>
          <cell r="N858" t="str">
            <v>無</v>
          </cell>
          <cell r="O858">
            <v>54</v>
          </cell>
          <cell r="P858">
            <v>11</v>
          </cell>
          <cell r="Q858">
            <v>3140001013777</v>
          </cell>
          <cell r="R858">
            <v>10000</v>
          </cell>
          <cell r="S858">
            <v>89616</v>
          </cell>
          <cell r="T858">
            <v>381256</v>
          </cell>
          <cell r="V858" t="str">
            <v>qj661204</v>
          </cell>
          <cell r="W858" t="str">
            <v>pp544540</v>
          </cell>
          <cell r="X858" t="str">
            <v>防建左石タ鉄ガ熱解大と屋鋼板塗内具</v>
          </cell>
          <cell r="Y858" t="str">
            <v>防建左石タ鉄ガ熱解大と屋鋼板塗内具</v>
          </cell>
          <cell r="Z858" t="str">
            <v/>
          </cell>
          <cell r="AA858" t="str">
            <v>防水</v>
          </cell>
          <cell r="AB858" t="str">
            <v/>
          </cell>
          <cell r="AC858" t="str">
            <v/>
          </cell>
          <cell r="AD858" t="str">
            <v/>
          </cell>
          <cell r="AE858">
            <v>43008</v>
          </cell>
          <cell r="AF858" t="str">
            <v/>
          </cell>
          <cell r="AG858" t="str">
            <v>防水</v>
          </cell>
          <cell r="AH858" t="str">
            <v>一般</v>
          </cell>
          <cell r="AI858">
            <v>843</v>
          </cell>
          <cell r="AJ858">
            <v>384207</v>
          </cell>
          <cell r="AK858" t="str">
            <v>1(1)/1/0</v>
          </cell>
          <cell r="AL858" t="str">
            <v/>
          </cell>
          <cell r="AM858" t="str">
            <v/>
          </cell>
          <cell r="AN858" t="str">
            <v/>
          </cell>
          <cell r="AO858" t="str">
            <v/>
          </cell>
          <cell r="AP858" t="str">
            <v/>
          </cell>
          <cell r="AQ858" t="str">
            <v/>
          </cell>
          <cell r="AR858" t="str">
            <v/>
          </cell>
          <cell r="AS858" t="str">
            <v/>
          </cell>
          <cell r="AT858" t="str">
            <v/>
          </cell>
          <cell r="AU858" t="str">
            <v/>
          </cell>
          <cell r="AV858" t="str">
            <v/>
          </cell>
          <cell r="AW858" t="str">
            <v/>
          </cell>
          <cell r="AX858" t="str">
            <v/>
          </cell>
          <cell r="AY858" t="str">
            <v/>
          </cell>
          <cell r="AZ858" t="str">
            <v/>
          </cell>
          <cell r="BA858" t="str">
            <v>兵庫県</v>
          </cell>
          <cell r="BB858">
            <v>0</v>
          </cell>
          <cell r="CR858">
            <v>6261</v>
          </cell>
          <cell r="CS858" t="str">
            <v>ﾔﾏｸﾞﾁ ｱｷﾋｺ</v>
          </cell>
          <cell r="CT858" t="str">
            <v>山口  明彦</v>
          </cell>
          <cell r="CU858" t="str">
            <v>法制課</v>
          </cell>
          <cell r="CW858">
            <v>2384</v>
          </cell>
          <cell r="CX858" t="str">
            <v>主任</v>
          </cell>
          <cell r="CY858" t="str">
            <v>法制課長</v>
          </cell>
        </row>
        <row r="859">
          <cell r="B859">
            <v>3507</v>
          </cell>
          <cell r="C859" t="str">
            <v>名古屋電機工業(株)</v>
          </cell>
          <cell r="D859" t="str">
            <v>06-6453-2401</v>
          </cell>
          <cell r="E859" t="str">
            <v>553-0001</v>
          </cell>
          <cell r="F859" t="str">
            <v>大阪府大阪市福島区海老江6-6-7</v>
          </cell>
          <cell r="G859" t="str">
            <v>あま市</v>
          </cell>
          <cell r="H859" t="str">
            <v>大阪支社</v>
          </cell>
          <cell r="I859" t="str">
            <v>支社長 栗田　和典</v>
          </cell>
          <cell r="J859" t="str">
            <v>愛知県あま市</v>
          </cell>
          <cell r="K859" t="str">
            <v>06-6453-2805</v>
          </cell>
          <cell r="L859" t="str">
            <v>osaka@nagoya-denki.co.jp</v>
          </cell>
          <cell r="M859" t="str">
            <v>ﾅｺﾞﾔﾃﾞﾝｷｺｳｷﾞｮｳ</v>
          </cell>
          <cell r="N859" t="str">
            <v>有</v>
          </cell>
          <cell r="O859">
            <v>58</v>
          </cell>
          <cell r="P859">
            <v>541</v>
          </cell>
          <cell r="Q859">
            <v>7180001020428</v>
          </cell>
          <cell r="R859">
            <v>1184975</v>
          </cell>
          <cell r="S859">
            <v>10717530</v>
          </cell>
          <cell r="T859">
            <v>17529099</v>
          </cell>
          <cell r="V859" t="str">
            <v>kf345409</v>
          </cell>
          <cell r="W859" t="str">
            <v>ev473405</v>
          </cell>
          <cell r="X859" t="str">
            <v>と鋼機消(電)(通)電通</v>
          </cell>
          <cell r="Z859" t="str">
            <v>電通</v>
          </cell>
          <cell r="AA859" t="str">
            <v>電気通信</v>
          </cell>
          <cell r="AB859" t="str">
            <v>電気</v>
          </cell>
          <cell r="AC859" t="str">
            <v/>
          </cell>
          <cell r="AD859" t="str">
            <v/>
          </cell>
          <cell r="AE859">
            <v>43190</v>
          </cell>
          <cell r="AF859" t="str">
            <v>希望しない</v>
          </cell>
          <cell r="AG859" t="str">
            <v>電気通信</v>
          </cell>
          <cell r="AH859" t="str">
            <v>特定</v>
          </cell>
          <cell r="AI859">
            <v>1300</v>
          </cell>
          <cell r="AJ859">
            <v>8438260</v>
          </cell>
          <cell r="AK859" t="str">
            <v>1(0)/0/179</v>
          </cell>
          <cell r="AL859" t="str">
            <v>電気</v>
          </cell>
          <cell r="AM859" t="str">
            <v>特定</v>
          </cell>
          <cell r="AN859">
            <v>1158</v>
          </cell>
          <cell r="AO859">
            <v>151116</v>
          </cell>
          <cell r="AP859" t="str">
            <v>138(101)/21/18</v>
          </cell>
          <cell r="AQ859" t="str">
            <v/>
          </cell>
          <cell r="AR859" t="str">
            <v/>
          </cell>
          <cell r="AS859" t="str">
            <v/>
          </cell>
          <cell r="AT859" t="str">
            <v/>
          </cell>
          <cell r="AU859" t="str">
            <v/>
          </cell>
          <cell r="AV859" t="str">
            <v/>
          </cell>
          <cell r="AW859" t="str">
            <v/>
          </cell>
          <cell r="AX859" t="str">
            <v/>
          </cell>
          <cell r="AY859" t="str">
            <v/>
          </cell>
          <cell r="AZ859" t="str">
            <v/>
          </cell>
          <cell r="BA859" t="str">
            <v>愛知県</v>
          </cell>
          <cell r="BB859">
            <v>0</v>
          </cell>
          <cell r="CR859">
            <v>6262</v>
          </cell>
          <cell r="CS859" t="str">
            <v>ｻｲﾄｳ ﾁｻｺ</v>
          </cell>
          <cell r="CT859" t="str">
            <v>齊藤  千佐子</v>
          </cell>
          <cell r="CU859" t="str">
            <v>政策室</v>
          </cell>
          <cell r="CW859">
            <v>2211</v>
          </cell>
          <cell r="CX859" t="str">
            <v xml:space="preserve"> </v>
          </cell>
          <cell r="CY859" t="str">
            <v>政策室長</v>
          </cell>
        </row>
        <row r="860">
          <cell r="B860">
            <v>3508</v>
          </cell>
          <cell r="C860" t="str">
            <v>ナブコドア(株)</v>
          </cell>
          <cell r="D860" t="str">
            <v>06-6438-5646</v>
          </cell>
          <cell r="E860" t="str">
            <v>661-0033</v>
          </cell>
          <cell r="F860" t="str">
            <v>兵庫県尼崎市南武庫之荘5丁目2番18号</v>
          </cell>
          <cell r="G860" t="str">
            <v>大阪市</v>
          </cell>
          <cell r="H860" t="str">
            <v>尼崎営業所</v>
          </cell>
          <cell r="I860" t="str">
            <v>所長 黒﨑　洋星</v>
          </cell>
          <cell r="J860" t="str">
            <v>大阪府大阪市</v>
          </cell>
          <cell r="K860" t="str">
            <v>06-6437-2164</v>
          </cell>
          <cell r="L860" t="str">
            <v>nyusatsu@nabco-door.co.jp</v>
          </cell>
          <cell r="M860" t="str">
            <v>ﾅﾌﾞｺﾄﾞｱ</v>
          </cell>
          <cell r="N860" t="str">
            <v>有</v>
          </cell>
          <cell r="O860">
            <v>52</v>
          </cell>
          <cell r="P860">
            <v>392</v>
          </cell>
          <cell r="Q860">
            <v>2120001046094</v>
          </cell>
          <cell r="R860">
            <v>848000</v>
          </cell>
          <cell r="S860">
            <v>5058081</v>
          </cell>
          <cell r="T860">
            <v>13868822</v>
          </cell>
          <cell r="V860" t="str">
            <v>fn525839</v>
          </cell>
          <cell r="W860" t="str">
            <v>cp837740</v>
          </cell>
          <cell r="X860" t="str">
            <v>機具消(具)</v>
          </cell>
          <cell r="Y860" t="str">
            <v>機具消(具)</v>
          </cell>
          <cell r="Z860" t="str">
            <v/>
          </cell>
          <cell r="AA860" t="str">
            <v>建具</v>
          </cell>
          <cell r="AB860" t="str">
            <v/>
          </cell>
          <cell r="AC860" t="str">
            <v/>
          </cell>
          <cell r="AD860" t="str">
            <v/>
          </cell>
          <cell r="AE860">
            <v>43100</v>
          </cell>
          <cell r="AF860" t="str">
            <v/>
          </cell>
          <cell r="AG860" t="str">
            <v>建具</v>
          </cell>
          <cell r="AH860" t="str">
            <v>一般</v>
          </cell>
          <cell r="AI860">
            <v>1185</v>
          </cell>
          <cell r="AJ860">
            <v>6255905</v>
          </cell>
          <cell r="AK860" t="str">
            <v>1()/1/160</v>
          </cell>
          <cell r="AL860" t="str">
            <v/>
          </cell>
          <cell r="AM860" t="str">
            <v/>
          </cell>
          <cell r="AN860" t="str">
            <v/>
          </cell>
          <cell r="AO860" t="str">
            <v/>
          </cell>
          <cell r="AP860" t="str">
            <v/>
          </cell>
          <cell r="AQ860" t="str">
            <v/>
          </cell>
          <cell r="AR860" t="str">
            <v/>
          </cell>
          <cell r="AS860" t="str">
            <v/>
          </cell>
          <cell r="AT860" t="str">
            <v/>
          </cell>
          <cell r="AU860" t="str">
            <v/>
          </cell>
          <cell r="AV860" t="str">
            <v/>
          </cell>
          <cell r="AW860" t="str">
            <v/>
          </cell>
          <cell r="AX860" t="str">
            <v/>
          </cell>
          <cell r="AY860" t="str">
            <v/>
          </cell>
          <cell r="AZ860" t="str">
            <v/>
          </cell>
          <cell r="BA860" t="str">
            <v>大阪府</v>
          </cell>
          <cell r="BB860">
            <v>0</v>
          </cell>
          <cell r="CR860">
            <v>6263</v>
          </cell>
          <cell r="CS860" t="str">
            <v>ｵｵﾀ ﾕｷﾏｻ</v>
          </cell>
          <cell r="CT860" t="str">
            <v>大田  幸正</v>
          </cell>
          <cell r="CU860" t="str">
            <v>介護保険課</v>
          </cell>
          <cell r="CW860">
            <v>2706</v>
          </cell>
          <cell r="CX860" t="str">
            <v>主査</v>
          </cell>
          <cell r="CY860" t="str">
            <v>介護保険課長</v>
          </cell>
        </row>
        <row r="861">
          <cell r="B861">
            <v>3511</v>
          </cell>
          <cell r="C861" t="str">
            <v>南海辰村建設(株)</v>
          </cell>
          <cell r="D861" t="str">
            <v>06-6644-7834</v>
          </cell>
          <cell r="E861" t="str">
            <v>556-0011</v>
          </cell>
          <cell r="F861" t="str">
            <v>大阪府大阪市浪速区難波中3-5-19</v>
          </cell>
          <cell r="G861" t="str">
            <v>大阪市</v>
          </cell>
          <cell r="H861" t="str">
            <v/>
          </cell>
          <cell r="I861" t="str">
            <v>代表取締役 口野　繁</v>
          </cell>
          <cell r="J861" t="str">
            <v>本店</v>
          </cell>
          <cell r="K861" t="str">
            <v>06-6643-2557</v>
          </cell>
          <cell r="L861" t="str">
            <v>t-masuda@nantatsu.co.jp</v>
          </cell>
          <cell r="M861" t="str">
            <v>ﾅﾝｶｲﾀﾂﾑﾗｹﾝｾﾂ</v>
          </cell>
          <cell r="N861" t="str">
            <v>無</v>
          </cell>
          <cell r="O861">
            <v>68</v>
          </cell>
          <cell r="P861">
            <v>449</v>
          </cell>
          <cell r="Q861">
            <v>3120001039386</v>
          </cell>
          <cell r="R861">
            <v>2000000</v>
          </cell>
          <cell r="S861">
            <v>10694413</v>
          </cell>
          <cell r="T861">
            <v>38521218</v>
          </cell>
          <cell r="V861" t="str">
            <v>bx328647</v>
          </cell>
          <cell r="W861" t="str">
            <v>th828551</v>
          </cell>
          <cell r="X861" t="str">
            <v>土建大と石屋電管タ鋼舗浚板ガ塗防内機通園具水清解</v>
          </cell>
          <cell r="Y861" t="str">
            <v/>
          </cell>
          <cell r="Z861" t="str">
            <v>土建大と石屋電管タ鋼舗浚板ガ塗防内機通園具水清解</v>
          </cell>
          <cell r="AA861" t="str">
            <v>建築一式</v>
          </cell>
          <cell r="AB861" t="str">
            <v>土木一式</v>
          </cell>
          <cell r="AC861" t="str">
            <v>水道施設</v>
          </cell>
          <cell r="AD861" t="str">
            <v>電気</v>
          </cell>
          <cell r="AE861">
            <v>43190</v>
          </cell>
          <cell r="AF861" t="str">
            <v/>
          </cell>
          <cell r="AG861" t="str">
            <v>建築一式</v>
          </cell>
          <cell r="AH861" t="str">
            <v>特定</v>
          </cell>
          <cell r="AI861">
            <v>1529</v>
          </cell>
          <cell r="AJ861">
            <v>29250813</v>
          </cell>
          <cell r="AK861" t="str">
            <v>137(110)/25/16</v>
          </cell>
          <cell r="AL861" t="str">
            <v>土木一式</v>
          </cell>
          <cell r="AM861" t="str">
            <v>特定</v>
          </cell>
          <cell r="AN861">
            <v>1394</v>
          </cell>
          <cell r="AO861">
            <v>9118195</v>
          </cell>
          <cell r="AP861" t="str">
            <v>95(73)/6/14</v>
          </cell>
          <cell r="AQ861" t="str">
            <v>水道施設</v>
          </cell>
          <cell r="AR861" t="str">
            <v>特定</v>
          </cell>
          <cell r="AS861">
            <v>1042</v>
          </cell>
          <cell r="AT861" t="str">
            <v/>
          </cell>
          <cell r="AU861" t="str">
            <v>77(58)/4/0</v>
          </cell>
          <cell r="AV861" t="str">
            <v>電気</v>
          </cell>
          <cell r="AW861" t="str">
            <v>特定</v>
          </cell>
          <cell r="AX861">
            <v>1151</v>
          </cell>
          <cell r="AY861">
            <v>1226021</v>
          </cell>
          <cell r="AZ861" t="str">
            <v>7(5)/6/0</v>
          </cell>
          <cell r="BA861" t="str">
            <v>大阪府</v>
          </cell>
          <cell r="BB861">
            <v>0</v>
          </cell>
          <cell r="CR861">
            <v>6264</v>
          </cell>
          <cell r="CS861" t="str">
            <v>ﾏｽﾀﾞ ｺﾞｳ</v>
          </cell>
          <cell r="CT861" t="str">
            <v>増田  郷</v>
          </cell>
          <cell r="CU861" t="str">
            <v>営業課</v>
          </cell>
          <cell r="CW861" t="str">
            <v xml:space="preserve"> </v>
          </cell>
          <cell r="CX861" t="str">
            <v>主任</v>
          </cell>
          <cell r="CY861" t="str">
            <v>営業課長</v>
          </cell>
        </row>
        <row r="862">
          <cell r="B862">
            <v>3513</v>
          </cell>
          <cell r="C862" t="str">
            <v>難波電話電気工業(株)</v>
          </cell>
          <cell r="D862" t="str">
            <v>078-341-2431</v>
          </cell>
          <cell r="E862" t="str">
            <v>650-0015</v>
          </cell>
          <cell r="F862" t="str">
            <v>兵庫県神戸市中央区多聞通3-2-16</v>
          </cell>
          <cell r="G862" t="str">
            <v>神戸市</v>
          </cell>
          <cell r="H862" t="str">
            <v/>
          </cell>
          <cell r="I862" t="str">
            <v>代表取締役 難波　祐一郎</v>
          </cell>
          <cell r="J862" t="str">
            <v>本店</v>
          </cell>
          <cell r="K862" t="str">
            <v>078-382-0007</v>
          </cell>
          <cell r="L862" t="str">
            <v>hello@nambadenwa.co.jp</v>
          </cell>
          <cell r="M862" t="str">
            <v>ﾅﾝﾊﾞﾃﾞﾝﾜﾃﾞﾝｷｺｳｷﾞｮｳ</v>
          </cell>
          <cell r="N862" t="str">
            <v>無</v>
          </cell>
          <cell r="O862">
            <v>66</v>
          </cell>
          <cell r="P862">
            <v>9</v>
          </cell>
          <cell r="Q862">
            <v>7140001017766</v>
          </cell>
          <cell r="R862">
            <v>10500</v>
          </cell>
          <cell r="S862">
            <v>148442</v>
          </cell>
          <cell r="T862">
            <v>148948</v>
          </cell>
          <cell r="V862" t="str">
            <v>sy488621</v>
          </cell>
          <cell r="W862" t="str">
            <v>hs790998</v>
          </cell>
          <cell r="X862" t="str">
            <v>電通</v>
          </cell>
          <cell r="Y862" t="str">
            <v>電通</v>
          </cell>
          <cell r="Z862" t="str">
            <v/>
          </cell>
          <cell r="AA862" t="str">
            <v>電気通信</v>
          </cell>
          <cell r="AB862" t="str">
            <v>電気</v>
          </cell>
          <cell r="AC862" t="str">
            <v/>
          </cell>
          <cell r="AD862" t="str">
            <v/>
          </cell>
          <cell r="AE862">
            <v>43251</v>
          </cell>
          <cell r="AF862" t="str">
            <v>希望しない</v>
          </cell>
          <cell r="AG862" t="str">
            <v>電気通信</v>
          </cell>
          <cell r="AH862" t="str">
            <v>一般</v>
          </cell>
          <cell r="AI862">
            <v>799</v>
          </cell>
          <cell r="AJ862">
            <v>106086</v>
          </cell>
          <cell r="AK862" t="str">
            <v>0(0)/0/7</v>
          </cell>
          <cell r="AL862" t="str">
            <v>電気</v>
          </cell>
          <cell r="AM862" t="str">
            <v>一般</v>
          </cell>
          <cell r="AN862">
            <v>758</v>
          </cell>
          <cell r="AO862">
            <v>31088</v>
          </cell>
          <cell r="AP862" t="str">
            <v>0(0)/1/2</v>
          </cell>
          <cell r="AQ862" t="str">
            <v/>
          </cell>
          <cell r="AR862" t="str">
            <v/>
          </cell>
          <cell r="AS862" t="str">
            <v/>
          </cell>
          <cell r="AT862" t="str">
            <v/>
          </cell>
          <cell r="AU862" t="str">
            <v/>
          </cell>
          <cell r="AV862" t="str">
            <v/>
          </cell>
          <cell r="AW862" t="str">
            <v/>
          </cell>
          <cell r="AX862" t="str">
            <v/>
          </cell>
          <cell r="AY862" t="str">
            <v/>
          </cell>
          <cell r="AZ862" t="str">
            <v/>
          </cell>
          <cell r="BA862" t="str">
            <v>兵庫県</v>
          </cell>
          <cell r="BB862">
            <v>0</v>
          </cell>
          <cell r="CR862">
            <v>6265</v>
          </cell>
          <cell r="CS862" t="str">
            <v>ﾔﾏｷﾞｼ ﾃﾂﾔ</v>
          </cell>
          <cell r="CT862" t="str">
            <v>山岸  徹哉</v>
          </cell>
          <cell r="CU862" t="str">
            <v>施設課</v>
          </cell>
          <cell r="CW862">
            <v>4297</v>
          </cell>
          <cell r="CX862" t="str">
            <v xml:space="preserve"> </v>
          </cell>
          <cell r="CY862" t="str">
            <v>営繕課長</v>
          </cell>
        </row>
        <row r="863">
          <cell r="B863">
            <v>3518</v>
          </cell>
          <cell r="C863" t="str">
            <v>(株)中井保組</v>
          </cell>
          <cell r="D863" t="str">
            <v>072-879-1235</v>
          </cell>
          <cell r="E863" t="str">
            <v>574-0011</v>
          </cell>
          <cell r="F863" t="str">
            <v>大阪府大東市北条3-10-21</v>
          </cell>
          <cell r="G863" t="str">
            <v>大東市</v>
          </cell>
          <cell r="H863" t="str">
            <v/>
          </cell>
          <cell r="I863" t="str">
            <v>代表取締役 清水　重雄</v>
          </cell>
          <cell r="J863" t="str">
            <v>本店</v>
          </cell>
          <cell r="K863" t="str">
            <v>072-877-0928</v>
          </cell>
          <cell r="L863" t="str">
            <v>nakaiyasugumi@poppy.ocn.ne.jp</v>
          </cell>
          <cell r="M863" t="str">
            <v>ﾅｶｲﾔｽｸﾞﾐ</v>
          </cell>
          <cell r="N863" t="str">
            <v>無</v>
          </cell>
          <cell r="O863">
            <v>43</v>
          </cell>
          <cell r="P863">
            <v>17</v>
          </cell>
          <cell r="Q863">
            <v>6122001015686</v>
          </cell>
          <cell r="R863">
            <v>50000</v>
          </cell>
          <cell r="S863">
            <v>-58565</v>
          </cell>
          <cell r="T863">
            <v>294509</v>
          </cell>
          <cell r="V863" t="str">
            <v>de949079</v>
          </cell>
          <cell r="W863" t="str">
            <v>tn800169</v>
          </cell>
          <cell r="X863" t="str">
            <v>土建と管舗浚園水解</v>
          </cell>
          <cell r="Y863" t="str">
            <v>土建と管舗浚園水解</v>
          </cell>
          <cell r="Z863" t="str">
            <v/>
          </cell>
          <cell r="AA863" t="str">
            <v>土木一式</v>
          </cell>
          <cell r="AB863" t="str">
            <v>管</v>
          </cell>
          <cell r="AC863" t="str">
            <v>とび土工</v>
          </cell>
          <cell r="AD863" t="str">
            <v>建築一式</v>
          </cell>
          <cell r="AE863">
            <v>43190</v>
          </cell>
          <cell r="AF863" t="str">
            <v>希望する</v>
          </cell>
          <cell r="AG863" t="str">
            <v>土木一式</v>
          </cell>
          <cell r="AH863" t="str">
            <v>一般</v>
          </cell>
          <cell r="AI863">
            <v>757</v>
          </cell>
          <cell r="AJ863">
            <v>246461</v>
          </cell>
          <cell r="AK863" t="str">
            <v>5(5)/0/1</v>
          </cell>
          <cell r="AL863" t="str">
            <v>管</v>
          </cell>
          <cell r="AM863" t="str">
            <v>一般</v>
          </cell>
          <cell r="AN863">
            <v>570</v>
          </cell>
          <cell r="AO863" t="str">
            <v/>
          </cell>
          <cell r="AP863" t="str">
            <v>1(1)/0/0</v>
          </cell>
          <cell r="AQ863" t="str">
            <v>とび土工</v>
          </cell>
          <cell r="AR863" t="str">
            <v>一般</v>
          </cell>
          <cell r="AS863">
            <v>560</v>
          </cell>
          <cell r="AT863">
            <v>925</v>
          </cell>
          <cell r="AU863" t="str">
            <v>0(0)/0/0</v>
          </cell>
          <cell r="AV863" t="str">
            <v>建築一式</v>
          </cell>
          <cell r="AW863" t="str">
            <v>一般</v>
          </cell>
          <cell r="AX863">
            <v>560</v>
          </cell>
          <cell r="AY863" t="str">
            <v/>
          </cell>
          <cell r="AZ863" t="str">
            <v>0(0)/0/0</v>
          </cell>
          <cell r="BA863" t="str">
            <v>大阪府</v>
          </cell>
          <cell r="BB863">
            <v>0</v>
          </cell>
          <cell r="CR863">
            <v>6266</v>
          </cell>
          <cell r="CS863" t="str">
            <v>ﾔﾏｶﾞﾀ ｲﾂﾍﾟｲ</v>
          </cell>
          <cell r="CT863" t="str">
            <v>山縣  一平</v>
          </cell>
          <cell r="CU863" t="str">
            <v>公園課</v>
          </cell>
          <cell r="CW863">
            <v>2857</v>
          </cell>
          <cell r="CX863" t="str">
            <v>主任</v>
          </cell>
          <cell r="CY863" t="str">
            <v>公園課長</v>
          </cell>
        </row>
        <row r="864">
          <cell r="B864">
            <v>3519</v>
          </cell>
          <cell r="C864" t="str">
            <v>(株)長尾</v>
          </cell>
          <cell r="D864" t="str">
            <v>072-740-1020</v>
          </cell>
          <cell r="E864" t="str">
            <v>666-0004</v>
          </cell>
          <cell r="F864" t="str">
            <v>兵庫県川西市萩原1-17-1-103</v>
          </cell>
          <cell r="G864" t="str">
            <v>川西市</v>
          </cell>
          <cell r="H864" t="str">
            <v/>
          </cell>
          <cell r="I864" t="str">
            <v>代表取締役 上原　三穂</v>
          </cell>
          <cell r="J864" t="str">
            <v>本店</v>
          </cell>
          <cell r="K864" t="str">
            <v>072-740-1021</v>
          </cell>
          <cell r="L864" t="str">
            <v>naagao1020-kawanishi@memoad.jp</v>
          </cell>
          <cell r="M864" t="str">
            <v>ﾅｶﾞｵ</v>
          </cell>
          <cell r="N864" t="str">
            <v>無</v>
          </cell>
          <cell r="O864">
            <v>14</v>
          </cell>
          <cell r="P864">
            <v>3</v>
          </cell>
          <cell r="Q864">
            <v>9140001080696</v>
          </cell>
          <cell r="R864">
            <v>5000</v>
          </cell>
          <cell r="S864">
            <v>8676</v>
          </cell>
          <cell r="T864">
            <v>131144</v>
          </cell>
          <cell r="V864" t="str">
            <v>fv170828</v>
          </cell>
          <cell r="W864" t="str">
            <v>hk457223</v>
          </cell>
          <cell r="X864" t="str">
            <v>園土と鋼舗塗水</v>
          </cell>
          <cell r="Y864" t="str">
            <v>園</v>
          </cell>
          <cell r="Z864" t="str">
            <v>土と鋼舗塗水</v>
          </cell>
          <cell r="AA864" t="str">
            <v>土木一式</v>
          </cell>
          <cell r="AB864" t="str">
            <v>とび土工</v>
          </cell>
          <cell r="AC864" t="str">
            <v>舗装</v>
          </cell>
          <cell r="AD864" t="str">
            <v/>
          </cell>
          <cell r="AE864">
            <v>42947</v>
          </cell>
          <cell r="AF864" t="str">
            <v>希望する</v>
          </cell>
          <cell r="AG864" t="str">
            <v>土木一式</v>
          </cell>
          <cell r="AH864" t="str">
            <v>一般</v>
          </cell>
          <cell r="AI864">
            <v>747</v>
          </cell>
          <cell r="AJ864">
            <v>101535</v>
          </cell>
          <cell r="AK864" t="str">
            <v>1(1)/1/1</v>
          </cell>
          <cell r="AL864" t="str">
            <v>とび土工</v>
          </cell>
          <cell r="AM864" t="str">
            <v>一般</v>
          </cell>
          <cell r="AN864">
            <v>654</v>
          </cell>
          <cell r="AO864">
            <v>8670</v>
          </cell>
          <cell r="AP864" t="str">
            <v>0(0)/0/0</v>
          </cell>
          <cell r="AQ864" t="str">
            <v>舗装</v>
          </cell>
          <cell r="AR864" t="str">
            <v>一般</v>
          </cell>
          <cell r="AS864">
            <v>700</v>
          </cell>
          <cell r="AT864">
            <v>26531</v>
          </cell>
          <cell r="AU864" t="str">
            <v>1(1)/1/0</v>
          </cell>
          <cell r="AV864" t="str">
            <v/>
          </cell>
          <cell r="AW864" t="str">
            <v/>
          </cell>
          <cell r="AX864" t="str">
            <v/>
          </cell>
          <cell r="AY864" t="str">
            <v/>
          </cell>
          <cell r="AZ864" t="str">
            <v/>
          </cell>
          <cell r="BA864" t="str">
            <v>兵庫県</v>
          </cell>
          <cell r="BB864">
            <v>0</v>
          </cell>
          <cell r="CR864">
            <v>6267</v>
          </cell>
          <cell r="CS864" t="str">
            <v>ﾂﾊｷﾞ ｺｳｼﾞ</v>
          </cell>
          <cell r="CT864" t="str">
            <v>津萩  浩司</v>
          </cell>
          <cell r="CU864" t="str">
            <v>予防課</v>
          </cell>
          <cell r="CW864">
            <v>6680233</v>
          </cell>
          <cell r="CX864" t="str">
            <v>主任</v>
          </cell>
          <cell r="CY864" t="str">
            <v>予防課長</v>
          </cell>
        </row>
        <row r="865">
          <cell r="B865">
            <v>3522</v>
          </cell>
          <cell r="C865" t="str">
            <v>(株)中道組</v>
          </cell>
          <cell r="D865" t="str">
            <v>06-6352-4771</v>
          </cell>
          <cell r="E865" t="str">
            <v>534-0025</v>
          </cell>
          <cell r="F865" t="str">
            <v>大阪府大阪市都島区片町1-3-4</v>
          </cell>
          <cell r="G865" t="str">
            <v>大阪市</v>
          </cell>
          <cell r="H865" t="str">
            <v/>
          </cell>
          <cell r="I865" t="str">
            <v>代表取締役 中道　正伸</v>
          </cell>
          <cell r="J865" t="str">
            <v>本店</v>
          </cell>
          <cell r="K865" t="str">
            <v>06-6353-2427</v>
          </cell>
          <cell r="L865" t="str">
            <v>eigyou@nakamichi-gumi.com</v>
          </cell>
          <cell r="M865" t="str">
            <v>ﾅｶﾐﾁｸﾞﾐ</v>
          </cell>
          <cell r="N865" t="str">
            <v>無</v>
          </cell>
          <cell r="O865">
            <v>68</v>
          </cell>
          <cell r="P865">
            <v>97</v>
          </cell>
          <cell r="Q865">
            <v>8120001008262</v>
          </cell>
          <cell r="R865">
            <v>99981</v>
          </cell>
          <cell r="S865">
            <v>1556197</v>
          </cell>
          <cell r="T865">
            <v>7097822</v>
          </cell>
          <cell r="V865" t="str">
            <v>sf523036</v>
          </cell>
          <cell r="W865" t="str">
            <v>qb763005</v>
          </cell>
          <cell r="X865" t="str">
            <v>土建大と屋舗塗防内具水</v>
          </cell>
          <cell r="Y865" t="str">
            <v/>
          </cell>
          <cell r="Z865" t="str">
            <v>土建大と屋舗塗防内具水</v>
          </cell>
          <cell r="AA865" t="str">
            <v>建築一式</v>
          </cell>
          <cell r="AB865" t="str">
            <v>土木一式</v>
          </cell>
          <cell r="AC865" t="str">
            <v/>
          </cell>
          <cell r="AD865" t="str">
            <v/>
          </cell>
          <cell r="AE865">
            <v>43069</v>
          </cell>
          <cell r="AF865" t="str">
            <v>希望する</v>
          </cell>
          <cell r="AG865" t="str">
            <v>建築一式</v>
          </cell>
          <cell r="AH865" t="str">
            <v>特定</v>
          </cell>
          <cell r="AI865">
            <v>1154</v>
          </cell>
          <cell r="AJ865">
            <v>6394307</v>
          </cell>
          <cell r="AK865" t="str">
            <v>38(28)/11/6</v>
          </cell>
          <cell r="AL865" t="str">
            <v>土木一式</v>
          </cell>
          <cell r="AM865" t="str">
            <v>特定</v>
          </cell>
          <cell r="AN865">
            <v>915</v>
          </cell>
          <cell r="AO865">
            <v>352895</v>
          </cell>
          <cell r="AP865" t="str">
            <v>9(9)/1/0</v>
          </cell>
          <cell r="AQ865" t="str">
            <v/>
          </cell>
          <cell r="AR865" t="str">
            <v/>
          </cell>
          <cell r="AS865" t="str">
            <v/>
          </cell>
          <cell r="AT865" t="str">
            <v/>
          </cell>
          <cell r="AU865" t="str">
            <v/>
          </cell>
          <cell r="AV865" t="str">
            <v/>
          </cell>
          <cell r="AW865" t="str">
            <v/>
          </cell>
          <cell r="AX865" t="str">
            <v/>
          </cell>
          <cell r="AY865" t="str">
            <v/>
          </cell>
          <cell r="AZ865" t="str">
            <v/>
          </cell>
          <cell r="BA865" t="str">
            <v>大阪府</v>
          </cell>
          <cell r="BB865">
            <v>0</v>
          </cell>
          <cell r="CR865">
            <v>6268</v>
          </cell>
          <cell r="CS865" t="str">
            <v>ﾓﾘ ﾘﾖｳﾀ</v>
          </cell>
          <cell r="CT865" t="str">
            <v>森  亮太</v>
          </cell>
          <cell r="CU865" t="str">
            <v>西消防署</v>
          </cell>
          <cell r="CW865">
            <v>6680251</v>
          </cell>
          <cell r="CX865" t="str">
            <v>主任</v>
          </cell>
          <cell r="CY865" t="str">
            <v>西消防署長</v>
          </cell>
        </row>
        <row r="866">
          <cell r="B866">
            <v>3523</v>
          </cell>
          <cell r="C866" t="str">
            <v>(株)中島工務店</v>
          </cell>
          <cell r="D866" t="str">
            <v>078-595-1838</v>
          </cell>
          <cell r="E866" t="str">
            <v>651-1101</v>
          </cell>
          <cell r="F866" t="str">
            <v>兵庫県神戸市北区山田町小部字惣六畑山2-1</v>
          </cell>
          <cell r="G866" t="str">
            <v>中津川市</v>
          </cell>
          <cell r="H866" t="str">
            <v>神戸支店</v>
          </cell>
          <cell r="I866" t="str">
            <v>支店長 前田　哲也</v>
          </cell>
          <cell r="J866" t="str">
            <v>岐阜県中津川市</v>
          </cell>
          <cell r="K866" t="str">
            <v>078-595-1892</v>
          </cell>
          <cell r="L866" t="str">
            <v>kazuhisa@nakashima-net.com</v>
          </cell>
          <cell r="M866" t="str">
            <v>ﾅｶｼﾏｺｳﾑﾃﾝ</v>
          </cell>
          <cell r="N866" t="str">
            <v>有</v>
          </cell>
          <cell r="O866">
            <v>56</v>
          </cell>
          <cell r="P866">
            <v>239</v>
          </cell>
          <cell r="Q866">
            <v>7200001023873</v>
          </cell>
          <cell r="R866">
            <v>50000</v>
          </cell>
          <cell r="S866">
            <v>3440286</v>
          </cell>
          <cell r="T866">
            <v>7667319</v>
          </cell>
          <cell r="V866" t="str">
            <v>wn725763</v>
          </cell>
          <cell r="W866" t="str">
            <v>sj788894</v>
          </cell>
          <cell r="X866" t="str">
            <v>(清)(建)(と)(鋼)(舗)(浚)(板)(塗)(防)(内)(具)(水)土建大と屋管鋼鉄舗浚板塗防内園具水解</v>
          </cell>
          <cell r="Y866" t="str">
            <v>(清)(建)(と)(鋼)(舗)(浚)(板)(塗)(防)(内)(具)(水)</v>
          </cell>
          <cell r="Z866" t="str">
            <v>土建大と屋管鋼鉄舗浚板塗防内園具水解</v>
          </cell>
          <cell r="AA866" t="str">
            <v>建築一式</v>
          </cell>
          <cell r="AB866" t="str">
            <v>土木一式</v>
          </cell>
          <cell r="AC866" t="str">
            <v>防水</v>
          </cell>
          <cell r="AD866" t="str">
            <v>塗装</v>
          </cell>
          <cell r="AE866">
            <v>43271</v>
          </cell>
          <cell r="AF866" t="str">
            <v>希望しない</v>
          </cell>
          <cell r="AG866" t="str">
            <v>建築一式</v>
          </cell>
          <cell r="AH866" t="str">
            <v>特定</v>
          </cell>
          <cell r="AI866">
            <v>1178</v>
          </cell>
          <cell r="AJ866">
            <v>3550404</v>
          </cell>
          <cell r="AK866" t="str">
            <v>45(45)/22/1</v>
          </cell>
          <cell r="AL866" t="str">
            <v>土木一式</v>
          </cell>
          <cell r="AM866" t="str">
            <v>特定</v>
          </cell>
          <cell r="AN866">
            <v>1136</v>
          </cell>
          <cell r="AO866">
            <v>2209467</v>
          </cell>
          <cell r="AP866" t="str">
            <v>38(38)/13/0</v>
          </cell>
          <cell r="AQ866" t="str">
            <v>防水</v>
          </cell>
          <cell r="AR866" t="str">
            <v>特定</v>
          </cell>
          <cell r="AS866">
            <v>776</v>
          </cell>
          <cell r="AT866">
            <v>4333</v>
          </cell>
          <cell r="AU866" t="str">
            <v>2(2)/0/0</v>
          </cell>
          <cell r="AV866" t="str">
            <v>塗装</v>
          </cell>
          <cell r="AW866" t="str">
            <v>特定</v>
          </cell>
          <cell r="AX866">
            <v>809</v>
          </cell>
          <cell r="AY866">
            <v>12449</v>
          </cell>
          <cell r="AZ866" t="str">
            <v>2(2)/0/0</v>
          </cell>
          <cell r="BA866" t="str">
            <v>岐阜県</v>
          </cell>
          <cell r="BB866">
            <v>0</v>
          </cell>
          <cell r="CR866">
            <v>6270</v>
          </cell>
          <cell r="CS866" t="str">
            <v>ｱﾘﾄｷ ﾅｵﾔ</v>
          </cell>
          <cell r="CT866" t="str">
            <v>有時  直哉</v>
          </cell>
          <cell r="CU866" t="str">
            <v>予防課</v>
          </cell>
          <cell r="CW866">
            <v>6680232</v>
          </cell>
          <cell r="CX866" t="str">
            <v>主任</v>
          </cell>
          <cell r="CY866" t="str">
            <v>予防課長</v>
          </cell>
        </row>
        <row r="867">
          <cell r="B867">
            <v>3525</v>
          </cell>
          <cell r="C867" t="str">
            <v>中島工業(株)</v>
          </cell>
          <cell r="D867" t="str">
            <v>06-6392-8008</v>
          </cell>
          <cell r="E867" t="str">
            <v>532-0003</v>
          </cell>
          <cell r="F867" t="str">
            <v>大阪府大阪市淀川区宮原2-14-14</v>
          </cell>
          <cell r="G867" t="str">
            <v>大阪市</v>
          </cell>
          <cell r="H867" t="str">
            <v/>
          </cell>
          <cell r="I867" t="str">
            <v>代表取締役 山脇　秀敬</v>
          </cell>
          <cell r="J867" t="str">
            <v>本店</v>
          </cell>
          <cell r="K867" t="str">
            <v>06-6392-8009</v>
          </cell>
          <cell r="L867" t="str">
            <v>t-tamae@nakajima-industrial.co.jp</v>
          </cell>
          <cell r="M867" t="str">
            <v>ﾅｶｼﾞﾏｺｳｷﾞｮｳ</v>
          </cell>
          <cell r="N867" t="str">
            <v>無</v>
          </cell>
          <cell r="O867">
            <v>67</v>
          </cell>
          <cell r="P867">
            <v>100</v>
          </cell>
          <cell r="Q867">
            <v>2120001057364</v>
          </cell>
          <cell r="R867">
            <v>97500</v>
          </cell>
          <cell r="S867">
            <v>1506404</v>
          </cell>
          <cell r="T867">
            <v>4863759</v>
          </cell>
          <cell r="V867" t="str">
            <v>xx431847</v>
          </cell>
          <cell r="W867" t="str">
            <v>yz585088</v>
          </cell>
          <cell r="X867" t="str">
            <v>電消土建と管舗塗機井</v>
          </cell>
          <cell r="Y867" t="str">
            <v>電消</v>
          </cell>
          <cell r="Z867" t="str">
            <v>土建と管舗塗機井</v>
          </cell>
          <cell r="AA867" t="str">
            <v>さく井</v>
          </cell>
          <cell r="AB867" t="str">
            <v>機械器具</v>
          </cell>
          <cell r="AC867" t="str">
            <v>管</v>
          </cell>
          <cell r="AD867" t="str">
            <v/>
          </cell>
          <cell r="AE867">
            <v>43028</v>
          </cell>
          <cell r="AF867" t="str">
            <v/>
          </cell>
          <cell r="AG867" t="str">
            <v>さく井</v>
          </cell>
          <cell r="AH867" t="str">
            <v>特定</v>
          </cell>
          <cell r="AI867">
            <v>945</v>
          </cell>
          <cell r="AJ867">
            <v>477205</v>
          </cell>
          <cell r="AK867" t="str">
            <v>0(0)/10/22</v>
          </cell>
          <cell r="AL867" t="str">
            <v>機械器具</v>
          </cell>
          <cell r="AM867" t="str">
            <v>一般</v>
          </cell>
          <cell r="AN867">
            <v>893</v>
          </cell>
          <cell r="AO867">
            <v>357334</v>
          </cell>
          <cell r="AP867" t="str">
            <v>0(0)/0/16</v>
          </cell>
          <cell r="AQ867" t="str">
            <v>管</v>
          </cell>
          <cell r="AR867" t="str">
            <v>特定</v>
          </cell>
          <cell r="AS867">
            <v>1130</v>
          </cell>
          <cell r="AT867">
            <v>4696730</v>
          </cell>
          <cell r="AU867" t="str">
            <v>29(18)/13/11</v>
          </cell>
          <cell r="AV867" t="str">
            <v/>
          </cell>
          <cell r="AW867" t="str">
            <v/>
          </cell>
          <cell r="AX867" t="str">
            <v/>
          </cell>
          <cell r="AY867" t="str">
            <v/>
          </cell>
          <cell r="AZ867" t="str">
            <v/>
          </cell>
          <cell r="BA867" t="str">
            <v>大阪府</v>
          </cell>
          <cell r="BB867">
            <v>0</v>
          </cell>
          <cell r="CR867">
            <v>6271</v>
          </cell>
          <cell r="CS867" t="str">
            <v>ﾍﾞﾂｼﾖ ﾀﾞｲｽｹ</v>
          </cell>
          <cell r="CT867" t="str">
            <v>別所  大輔</v>
          </cell>
          <cell r="CU867" t="str">
            <v>警防課</v>
          </cell>
          <cell r="CW867">
            <v>6680317</v>
          </cell>
          <cell r="CX867" t="str">
            <v>主任</v>
          </cell>
          <cell r="CY867" t="str">
            <v>警防課長</v>
          </cell>
        </row>
        <row r="868">
          <cell r="B868">
            <v>3526</v>
          </cell>
          <cell r="C868" t="str">
            <v>(株)ナカシマテクノス</v>
          </cell>
          <cell r="D868" t="str">
            <v>06-6531-2580</v>
          </cell>
          <cell r="E868" t="str">
            <v>550-0015</v>
          </cell>
          <cell r="F868" t="str">
            <v>大阪府大阪市西区南堀江1-1-14</v>
          </cell>
          <cell r="G868" t="str">
            <v>姫路市</v>
          </cell>
          <cell r="H868" t="str">
            <v>大阪支店</v>
          </cell>
          <cell r="I868" t="str">
            <v>支店長 伊藤　康浩</v>
          </cell>
          <cell r="J868" t="str">
            <v>兵庫県姫路市</v>
          </cell>
          <cell r="K868" t="str">
            <v>06-6531-2582</v>
          </cell>
          <cell r="L868" t="str">
            <v>hashimoto@nakashima-corp.co.jp</v>
          </cell>
          <cell r="M868" t="str">
            <v>ﾅｶｼﾏﾃｸﾉｽ</v>
          </cell>
          <cell r="N868" t="str">
            <v>有</v>
          </cell>
          <cell r="O868">
            <v>11</v>
          </cell>
          <cell r="P868">
            <v>102</v>
          </cell>
          <cell r="Q868">
            <v>9140001060343</v>
          </cell>
          <cell r="R868">
            <v>100000</v>
          </cell>
          <cell r="S868">
            <v>1157162</v>
          </cell>
          <cell r="T868">
            <v>5201304</v>
          </cell>
          <cell r="V868" t="str">
            <v>qm880730</v>
          </cell>
          <cell r="W868" t="str">
            <v>sa878219</v>
          </cell>
          <cell r="X868" t="str">
            <v>機(清)(と)(機)(水)土と電管鋼舗水</v>
          </cell>
          <cell r="Y868" t="str">
            <v>機(清)(と)(機)(水)</v>
          </cell>
          <cell r="Z868" t="str">
            <v>土と電管鋼舗水</v>
          </cell>
          <cell r="AA868" t="str">
            <v>水道施設</v>
          </cell>
          <cell r="AB868" t="str">
            <v>機械器具</v>
          </cell>
          <cell r="AC868" t="str">
            <v>土木一式</v>
          </cell>
          <cell r="AD868" t="str">
            <v>とび土工</v>
          </cell>
          <cell r="AE868">
            <v>43120</v>
          </cell>
          <cell r="AF868" t="str">
            <v>希望しない</v>
          </cell>
          <cell r="AG868" t="str">
            <v>水道施設</v>
          </cell>
          <cell r="AH868" t="str">
            <v>特定</v>
          </cell>
          <cell r="AI868">
            <v>585</v>
          </cell>
          <cell r="AJ868" t="str">
            <v/>
          </cell>
          <cell r="AK868" t="str">
            <v>1(0)/0/3</v>
          </cell>
          <cell r="AL868" t="str">
            <v>機械器具</v>
          </cell>
          <cell r="AM868" t="str">
            <v>一般</v>
          </cell>
          <cell r="AN868">
            <v>658</v>
          </cell>
          <cell r="AO868">
            <v>126296</v>
          </cell>
          <cell r="AP868" t="str">
            <v>0(0)/0/2</v>
          </cell>
          <cell r="AQ868" t="str">
            <v>土木一式</v>
          </cell>
          <cell r="AR868" t="str">
            <v>特定</v>
          </cell>
          <cell r="AS868">
            <v>687</v>
          </cell>
          <cell r="AT868">
            <v>227158</v>
          </cell>
          <cell r="AU868" t="str">
            <v>1(0)/0/3</v>
          </cell>
          <cell r="AV868" t="str">
            <v>とび土工</v>
          </cell>
          <cell r="AW868" t="str">
            <v>特定</v>
          </cell>
          <cell r="AX868" t="str">
            <v/>
          </cell>
          <cell r="AY868" t="str">
            <v/>
          </cell>
          <cell r="AZ868" t="str">
            <v>0(0)/0/0</v>
          </cell>
          <cell r="BA868" t="str">
            <v>兵庫県</v>
          </cell>
          <cell r="BB868">
            <v>0</v>
          </cell>
          <cell r="CR868">
            <v>6271</v>
          </cell>
          <cell r="CS868" t="str">
            <v>ﾍﾞﾂｼﾖ ﾀﾞｲｽｹ</v>
          </cell>
          <cell r="CT868" t="str">
            <v>別所  大輔</v>
          </cell>
          <cell r="CU868" t="str">
            <v>情報管理課</v>
          </cell>
          <cell r="CW868">
            <v>6680317</v>
          </cell>
          <cell r="CX868" t="str">
            <v>主任</v>
          </cell>
          <cell r="CY868" t="str">
            <v>情報管理課長</v>
          </cell>
        </row>
        <row r="869">
          <cell r="B869">
            <v>3527</v>
          </cell>
          <cell r="C869" t="str">
            <v>(株)中田工務店</v>
          </cell>
          <cell r="D869" t="str">
            <v>078-705-3030</v>
          </cell>
          <cell r="E869" t="str">
            <v>655-0852</v>
          </cell>
          <cell r="F869" t="str">
            <v>兵庫県神戸市垂水区名谷町230-6</v>
          </cell>
          <cell r="G869" t="str">
            <v>神戸市</v>
          </cell>
          <cell r="H869" t="str">
            <v/>
          </cell>
          <cell r="I869" t="str">
            <v>代表取締役 中田　義成</v>
          </cell>
          <cell r="J869" t="str">
            <v>本店</v>
          </cell>
          <cell r="K869" t="str">
            <v>078-705-3031</v>
          </cell>
          <cell r="L869" t="str">
            <v>info@kk-nakata.co.jp</v>
          </cell>
          <cell r="M869" t="str">
            <v>ﾅｶﾀｺｳﾑﾃﾝ</v>
          </cell>
          <cell r="N869" t="str">
            <v>無</v>
          </cell>
          <cell r="O869">
            <v>53</v>
          </cell>
          <cell r="P869">
            <v>17</v>
          </cell>
          <cell r="Q869">
            <v>6140001005144</v>
          </cell>
          <cell r="R869">
            <v>65000</v>
          </cell>
          <cell r="S869">
            <v>671685</v>
          </cell>
          <cell r="T869">
            <v>2315914</v>
          </cell>
          <cell r="V869" t="str">
            <v>dw193043</v>
          </cell>
          <cell r="W869" t="str">
            <v>jm110293</v>
          </cell>
          <cell r="X869" t="str">
            <v>土建大と石屋電管タ鋼鉄舗浚板ガ塗防内熱園具水解</v>
          </cell>
          <cell r="Y869" t="str">
            <v/>
          </cell>
          <cell r="Z869" t="str">
            <v>土建大と石屋電管タ鋼鉄舗浚板ガ塗防内熱園具水解</v>
          </cell>
          <cell r="AA869" t="str">
            <v>建築一式</v>
          </cell>
          <cell r="AB869" t="str">
            <v>土木一式</v>
          </cell>
          <cell r="AC869" t="str">
            <v>解体</v>
          </cell>
          <cell r="AD869" t="str">
            <v>舗装</v>
          </cell>
          <cell r="AE869">
            <v>43312</v>
          </cell>
          <cell r="AF869" t="str">
            <v>希望する</v>
          </cell>
          <cell r="AG869" t="str">
            <v>建築一式</v>
          </cell>
          <cell r="AH869" t="str">
            <v>特定</v>
          </cell>
          <cell r="AI869">
            <v>1044</v>
          </cell>
          <cell r="AJ869">
            <v>1622376</v>
          </cell>
          <cell r="AK869" t="str">
            <v>9(9)/1/3</v>
          </cell>
          <cell r="AL869" t="str">
            <v>土木一式</v>
          </cell>
          <cell r="AM869" t="str">
            <v>特定</v>
          </cell>
          <cell r="AN869">
            <v>959</v>
          </cell>
          <cell r="AO869">
            <v>430065</v>
          </cell>
          <cell r="AP869" t="str">
            <v>6(6)/1/4</v>
          </cell>
          <cell r="AQ869" t="str">
            <v>解体</v>
          </cell>
          <cell r="AR869" t="str">
            <v>特定</v>
          </cell>
          <cell r="AS869">
            <v>758</v>
          </cell>
          <cell r="AT869">
            <v>1555</v>
          </cell>
          <cell r="AU869" t="str">
            <v>2(2)/0/0</v>
          </cell>
          <cell r="AV869" t="str">
            <v>舗装</v>
          </cell>
          <cell r="AW869" t="str">
            <v>特定</v>
          </cell>
          <cell r="AX869">
            <v>727</v>
          </cell>
          <cell r="AY869">
            <v>1395</v>
          </cell>
          <cell r="AZ869" t="str">
            <v>0(0)/0/0</v>
          </cell>
          <cell r="BA869" t="str">
            <v>兵庫県</v>
          </cell>
          <cell r="BB869">
            <v>0</v>
          </cell>
          <cell r="CR869">
            <v>6272</v>
          </cell>
          <cell r="CS869" t="str">
            <v>ﾊﾗ ﾋﾛﾔｽ</v>
          </cell>
          <cell r="CT869" t="str">
            <v>原  弘保</v>
          </cell>
          <cell r="CU869" t="str">
            <v>消防総務課</v>
          </cell>
          <cell r="CW869" t="str">
            <v xml:space="preserve"> </v>
          </cell>
          <cell r="CX869" t="str">
            <v>主任</v>
          </cell>
          <cell r="CY869" t="str">
            <v>消防総務課長</v>
          </cell>
        </row>
        <row r="870">
          <cell r="B870">
            <v>3528</v>
          </cell>
          <cell r="C870" t="str">
            <v>中川企画建設(株)</v>
          </cell>
          <cell r="D870" t="str">
            <v>072-784-2317</v>
          </cell>
          <cell r="E870" t="str">
            <v>664-0858</v>
          </cell>
          <cell r="F870" t="str">
            <v>兵庫県伊丹市西台3-7-24</v>
          </cell>
          <cell r="G870" t="str">
            <v>大阪市</v>
          </cell>
          <cell r="H870" t="str">
            <v>伊丹支店</v>
          </cell>
          <cell r="I870" t="str">
            <v>支店長 澤田　正博</v>
          </cell>
          <cell r="J870" t="str">
            <v>大阪府大阪市</v>
          </cell>
          <cell r="K870" t="str">
            <v>072-784-2318</v>
          </cell>
          <cell r="L870" t="str">
            <v>eigyou@nakagawa-kikaku.co.jp</v>
          </cell>
          <cell r="M870" t="str">
            <v>ﾅｶｶﾞﾜｷｶｸｹﾝｾﾂ</v>
          </cell>
          <cell r="N870" t="str">
            <v>有</v>
          </cell>
          <cell r="O870">
            <v>51</v>
          </cell>
          <cell r="P870">
            <v>149</v>
          </cell>
          <cell r="Q870">
            <v>7122001019505</v>
          </cell>
          <cell r="R870">
            <v>80000</v>
          </cell>
          <cell r="S870">
            <v>1181629</v>
          </cell>
          <cell r="T870">
            <v>17019200</v>
          </cell>
          <cell r="V870" t="str">
            <v>fz457401</v>
          </cell>
          <cell r="W870" t="str">
            <v>xx530992</v>
          </cell>
          <cell r="X870" t="str">
            <v>(清)(建)(大)(左)(と)(石)(屋)(タ)(鋼)(鉄)(舗)(浚)(板)(ガ)(塗)(防)(内)(熱)(具)(水)(解)土建大と石屋電タ鋼鉄舗浚板ガ塗防内熱具水解</v>
          </cell>
          <cell r="Y870" t="str">
            <v>(清)(建)(大)(左)(と)(石)(屋)(タ)(鋼)(鉄)(舗)(浚)(板)(ガ)(塗)(防)(内)(熱)(具)(水)(解)</v>
          </cell>
          <cell r="Z870" t="str">
            <v>土建大と石屋電タ鋼鉄舗浚板ガ塗防内熱具水解</v>
          </cell>
          <cell r="AA870" t="str">
            <v>建築一式</v>
          </cell>
          <cell r="AB870" t="str">
            <v>土木一式</v>
          </cell>
          <cell r="AC870" t="str">
            <v/>
          </cell>
          <cell r="AD870" t="str">
            <v/>
          </cell>
          <cell r="AE870">
            <v>43251</v>
          </cell>
          <cell r="AF870" t="str">
            <v>希望する</v>
          </cell>
          <cell r="AG870" t="str">
            <v>建築一式</v>
          </cell>
          <cell r="AH870" t="str">
            <v>特定</v>
          </cell>
          <cell r="AI870">
            <v>1230</v>
          </cell>
          <cell r="AJ870">
            <v>15442362</v>
          </cell>
          <cell r="AK870" t="str">
            <v>44(44)/9/40</v>
          </cell>
          <cell r="AL870" t="str">
            <v>土木一式</v>
          </cell>
          <cell r="AM870" t="str">
            <v>特定</v>
          </cell>
          <cell r="AN870">
            <v>1008</v>
          </cell>
          <cell r="AO870">
            <v>1459687</v>
          </cell>
          <cell r="AP870" t="str">
            <v>14(14)/2/44</v>
          </cell>
          <cell r="AQ870" t="str">
            <v/>
          </cell>
          <cell r="AR870" t="str">
            <v/>
          </cell>
          <cell r="AS870" t="str">
            <v/>
          </cell>
          <cell r="AT870" t="str">
            <v/>
          </cell>
          <cell r="AU870" t="str">
            <v/>
          </cell>
          <cell r="AV870" t="str">
            <v/>
          </cell>
          <cell r="AW870" t="str">
            <v/>
          </cell>
          <cell r="AX870" t="str">
            <v/>
          </cell>
          <cell r="AY870" t="str">
            <v/>
          </cell>
          <cell r="AZ870" t="str">
            <v/>
          </cell>
          <cell r="BA870" t="str">
            <v>大阪府</v>
          </cell>
          <cell r="BB870">
            <v>0</v>
          </cell>
          <cell r="CR870">
            <v>6327</v>
          </cell>
          <cell r="CS870" t="str">
            <v>ｲｸﾞﾁ ﾉﾘｺ</v>
          </cell>
          <cell r="CT870" t="str">
            <v>井口  典子</v>
          </cell>
          <cell r="CU870" t="str">
            <v>生活支援課</v>
          </cell>
          <cell r="CW870">
            <v>2598</v>
          </cell>
          <cell r="CX870" t="str">
            <v>主任</v>
          </cell>
          <cell r="CY870" t="str">
            <v>生活支援課長</v>
          </cell>
        </row>
        <row r="871">
          <cell r="B871">
            <v>3531</v>
          </cell>
          <cell r="C871" t="str">
            <v>(株)ナガワ</v>
          </cell>
          <cell r="D871" t="str">
            <v>06-6443-5670</v>
          </cell>
          <cell r="E871" t="str">
            <v>530-6124</v>
          </cell>
          <cell r="F871" t="str">
            <v>大阪府大阪市北区中之島3-3-23</v>
          </cell>
          <cell r="G871" t="str">
            <v/>
          </cell>
          <cell r="H871" t="str">
            <v>大阪支店</v>
          </cell>
          <cell r="I871" t="str">
            <v>支店長 森口　和茂</v>
          </cell>
          <cell r="J871" t="str">
            <v>東京都</v>
          </cell>
          <cell r="K871" t="str">
            <v>06-6443-5680</v>
          </cell>
          <cell r="L871" t="str">
            <v>yuudai.oomoto@nagawa.co.jp</v>
          </cell>
          <cell r="M871" t="str">
            <v>ｶﾌﾞｼｷｶﾞｲｼｬﾅｶﾞﾜ</v>
          </cell>
          <cell r="N871" t="str">
            <v>有</v>
          </cell>
          <cell r="O871">
            <v>54</v>
          </cell>
          <cell r="P871">
            <v>476</v>
          </cell>
          <cell r="Q871">
            <v>7430001056297</v>
          </cell>
          <cell r="R871">
            <v>2855581</v>
          </cell>
          <cell r="S871">
            <v>3946000</v>
          </cell>
          <cell r="T871">
            <v>27442000</v>
          </cell>
          <cell r="V871" t="str">
            <v>pn700053</v>
          </cell>
          <cell r="W871" t="str">
            <v>gu563067</v>
          </cell>
          <cell r="X871" t="str">
            <v>(建)(大)建大と石屋タ鋼鉄板ガ塗防内熱具</v>
          </cell>
          <cell r="Y871" t="str">
            <v>(建)(大)</v>
          </cell>
          <cell r="Z871" t="str">
            <v>建大と石屋タ鋼鉄板ガ塗防内熱具</v>
          </cell>
          <cell r="AA871" t="str">
            <v>建築一式</v>
          </cell>
          <cell r="AB871" t="str">
            <v>大工</v>
          </cell>
          <cell r="AC871" t="str">
            <v/>
          </cell>
          <cell r="AD871" t="str">
            <v/>
          </cell>
          <cell r="AE871">
            <v>43190</v>
          </cell>
          <cell r="AF871" t="str">
            <v>希望しない</v>
          </cell>
          <cell r="AG871" t="str">
            <v>建築一式</v>
          </cell>
          <cell r="AH871" t="str">
            <v/>
          </cell>
          <cell r="AI871">
            <v>1270</v>
          </cell>
          <cell r="AJ871">
            <v>2159246</v>
          </cell>
          <cell r="AK871" t="str">
            <v>20(7)/21/0</v>
          </cell>
          <cell r="AL871" t="str">
            <v>大工</v>
          </cell>
          <cell r="AM871" t="str">
            <v/>
          </cell>
          <cell r="AN871">
            <v>1113</v>
          </cell>
          <cell r="AO871">
            <v>30016</v>
          </cell>
          <cell r="AP871" t="str">
            <v>20(4)/12/0</v>
          </cell>
          <cell r="AQ871" t="str">
            <v/>
          </cell>
          <cell r="AR871" t="str">
            <v/>
          </cell>
          <cell r="AS871" t="str">
            <v/>
          </cell>
          <cell r="AT871" t="str">
            <v/>
          </cell>
          <cell r="AU871" t="str">
            <v/>
          </cell>
          <cell r="AV871" t="str">
            <v/>
          </cell>
          <cell r="AW871" t="str">
            <v/>
          </cell>
          <cell r="AX871" t="str">
            <v/>
          </cell>
          <cell r="AY871" t="str">
            <v/>
          </cell>
          <cell r="AZ871" t="str">
            <v/>
          </cell>
          <cell r="BA871" t="str">
            <v>東京都</v>
          </cell>
          <cell r="BB871" t="str">
            <v>丸の内永楽ビルディング２２Ｆ</v>
          </cell>
          <cell r="CR871">
            <v>6328</v>
          </cell>
          <cell r="CS871" t="str">
            <v>ｲﾂｷﾞ ﾄﾓﾔ</v>
          </cell>
          <cell r="CT871" t="str">
            <v>伊次  智哉</v>
          </cell>
          <cell r="CU871" t="str">
            <v>地域・高年福祉課</v>
          </cell>
          <cell r="CW871">
            <v>2730</v>
          </cell>
          <cell r="CX871" t="str">
            <v xml:space="preserve"> </v>
          </cell>
          <cell r="CY871" t="str">
            <v>地域・高年福祉課長</v>
          </cell>
        </row>
        <row r="872">
          <cell r="B872">
            <v>3532</v>
          </cell>
          <cell r="C872" t="str">
            <v>(株)生瀬電気工業</v>
          </cell>
          <cell r="D872" t="str">
            <v>0798-52-4508</v>
          </cell>
          <cell r="E872" t="str">
            <v>663-8003</v>
          </cell>
          <cell r="F872" t="str">
            <v>兵庫県西宮市上大市5-16-16</v>
          </cell>
          <cell r="G872" t="str">
            <v>西宮市</v>
          </cell>
          <cell r="H872" t="str">
            <v/>
          </cell>
          <cell r="I872" t="str">
            <v>代表取締役 生瀬　聡</v>
          </cell>
          <cell r="J872" t="str">
            <v>本店</v>
          </cell>
          <cell r="K872" t="str">
            <v>0798-52-3357</v>
          </cell>
          <cell r="L872" t="str">
            <v>namase@namasedenki.com</v>
          </cell>
          <cell r="M872" t="str">
            <v>ﾅﾏｾﾃﾞﾝｷｺｳｷﾞｮｳ</v>
          </cell>
          <cell r="N872" t="str">
            <v>無</v>
          </cell>
          <cell r="O872">
            <v>42</v>
          </cell>
          <cell r="P872">
            <v>7</v>
          </cell>
          <cell r="Q872">
            <v>7140001069691</v>
          </cell>
          <cell r="R872">
            <v>25000</v>
          </cell>
          <cell r="S872">
            <v>196609</v>
          </cell>
          <cell r="T872">
            <v>267822</v>
          </cell>
          <cell r="V872" t="str">
            <v>ge012425</v>
          </cell>
          <cell r="W872" t="str">
            <v>ku145786</v>
          </cell>
          <cell r="X872" t="str">
            <v>電</v>
          </cell>
          <cell r="Y872" t="str">
            <v/>
          </cell>
          <cell r="Z872" t="str">
            <v>電</v>
          </cell>
          <cell r="AA872" t="str">
            <v>電気</v>
          </cell>
          <cell r="AB872" t="str">
            <v/>
          </cell>
          <cell r="AC872" t="str">
            <v/>
          </cell>
          <cell r="AD872" t="str">
            <v/>
          </cell>
          <cell r="AE872">
            <v>43151</v>
          </cell>
          <cell r="AF872" t="str">
            <v>希望しない</v>
          </cell>
          <cell r="AG872" t="str">
            <v>電気</v>
          </cell>
          <cell r="AH872" t="str">
            <v>特定</v>
          </cell>
          <cell r="AI872">
            <v>874</v>
          </cell>
          <cell r="AJ872">
            <v>319391</v>
          </cell>
          <cell r="AK872" t="str">
            <v>2(2)/0/3</v>
          </cell>
          <cell r="AL872" t="str">
            <v/>
          </cell>
          <cell r="AM872" t="str">
            <v/>
          </cell>
          <cell r="AN872" t="str">
            <v/>
          </cell>
          <cell r="AO872" t="str">
            <v/>
          </cell>
          <cell r="AP872" t="str">
            <v/>
          </cell>
          <cell r="AQ872" t="str">
            <v/>
          </cell>
          <cell r="AR872" t="str">
            <v/>
          </cell>
          <cell r="AS872" t="str">
            <v/>
          </cell>
          <cell r="AT872" t="str">
            <v/>
          </cell>
          <cell r="AU872" t="str">
            <v/>
          </cell>
          <cell r="AV872" t="str">
            <v/>
          </cell>
          <cell r="AW872" t="str">
            <v/>
          </cell>
          <cell r="AX872" t="str">
            <v/>
          </cell>
          <cell r="AY872" t="str">
            <v/>
          </cell>
          <cell r="AZ872" t="str">
            <v/>
          </cell>
          <cell r="BA872" t="str">
            <v>兵庫県</v>
          </cell>
          <cell r="BB872">
            <v>0</v>
          </cell>
          <cell r="CR872">
            <v>6329</v>
          </cell>
          <cell r="CS872" t="str">
            <v>ｼﾏｻﾞｷ ﾀｶｱｷ</v>
          </cell>
          <cell r="CT872" t="str">
            <v>嶋﨑  隆晃</v>
          </cell>
          <cell r="CU872" t="str">
            <v>障害福祉課</v>
          </cell>
          <cell r="CW872">
            <v>4300</v>
          </cell>
          <cell r="CX872" t="str">
            <v xml:space="preserve"> </v>
          </cell>
          <cell r="CY872" t="str">
            <v>障害福祉課長</v>
          </cell>
        </row>
        <row r="873">
          <cell r="B873">
            <v>3533</v>
          </cell>
          <cell r="C873" t="str">
            <v>(株)中村製作所</v>
          </cell>
          <cell r="D873" t="str">
            <v>047-330-1111</v>
          </cell>
          <cell r="E873" t="str">
            <v>271-0093</v>
          </cell>
          <cell r="F873" t="str">
            <v>千葉県松戸市小山510</v>
          </cell>
          <cell r="G873" t="str">
            <v>松戸市</v>
          </cell>
          <cell r="H873" t="str">
            <v/>
          </cell>
          <cell r="I873" t="str">
            <v>代表取締役 櫻田　正明</v>
          </cell>
          <cell r="J873" t="str">
            <v>本店</v>
          </cell>
          <cell r="K873" t="str">
            <v>047-330-1119</v>
          </cell>
          <cell r="L873" t="str">
            <v>s-shizuoka@nakamura-mfg.com</v>
          </cell>
          <cell r="M873" t="str">
            <v>ﾅｶﾑﾗｾｲｻｸｼｮ</v>
          </cell>
          <cell r="N873" t="str">
            <v>無</v>
          </cell>
          <cell r="O873">
            <v>35</v>
          </cell>
          <cell r="P873">
            <v>93</v>
          </cell>
          <cell r="Q873">
            <v>6040001036406</v>
          </cell>
          <cell r="R873">
            <v>94500</v>
          </cell>
          <cell r="S873">
            <v>952703</v>
          </cell>
          <cell r="T873">
            <v>3045714</v>
          </cell>
          <cell r="V873" t="str">
            <v>dw104268</v>
          </cell>
          <cell r="W873" t="str">
            <v>ge475201</v>
          </cell>
          <cell r="X873" t="str">
            <v>土と園</v>
          </cell>
          <cell r="Y873" t="str">
            <v/>
          </cell>
          <cell r="Z873" t="str">
            <v>土と園</v>
          </cell>
          <cell r="AA873" t="str">
            <v>造園</v>
          </cell>
          <cell r="AB873" t="str">
            <v>とび土工</v>
          </cell>
          <cell r="AC873" t="str">
            <v/>
          </cell>
          <cell r="AD873" t="str">
            <v/>
          </cell>
          <cell r="AE873">
            <v>43008</v>
          </cell>
          <cell r="AF873" t="str">
            <v>希望しない</v>
          </cell>
          <cell r="AG873" t="str">
            <v>造園</v>
          </cell>
          <cell r="AH873" t="str">
            <v>特定</v>
          </cell>
          <cell r="AI873">
            <v>941</v>
          </cell>
          <cell r="AJ873">
            <v>894767</v>
          </cell>
          <cell r="AK873" t="str">
            <v>16(1)/1/0</v>
          </cell>
          <cell r="AL873" t="str">
            <v>とび土工</v>
          </cell>
          <cell r="AM873" t="str">
            <v>特定</v>
          </cell>
          <cell r="AN873">
            <v>887</v>
          </cell>
          <cell r="AO873">
            <v>448390</v>
          </cell>
          <cell r="AP873" t="str">
            <v>9(0)/0/2</v>
          </cell>
          <cell r="AQ873" t="str">
            <v/>
          </cell>
          <cell r="AR873" t="str">
            <v/>
          </cell>
          <cell r="AS873" t="str">
            <v/>
          </cell>
          <cell r="AT873" t="str">
            <v/>
          </cell>
          <cell r="AU873" t="str">
            <v/>
          </cell>
          <cell r="AV873" t="str">
            <v/>
          </cell>
          <cell r="AW873" t="str">
            <v/>
          </cell>
          <cell r="AX873" t="str">
            <v/>
          </cell>
          <cell r="AY873" t="str">
            <v/>
          </cell>
          <cell r="AZ873" t="str">
            <v/>
          </cell>
          <cell r="BA873" t="str">
            <v>千葉県</v>
          </cell>
          <cell r="BB873">
            <v>0</v>
          </cell>
          <cell r="CR873">
            <v>6330</v>
          </cell>
          <cell r="CS873" t="str">
            <v>ｼﾖｳﾀﾞ ﾀｸﾔ</v>
          </cell>
          <cell r="CT873" t="str">
            <v>庄田  拓也</v>
          </cell>
          <cell r="CU873" t="str">
            <v>財政企画課</v>
          </cell>
          <cell r="CW873">
            <v>2228</v>
          </cell>
          <cell r="CX873" t="str">
            <v xml:space="preserve"> </v>
          </cell>
          <cell r="CY873" t="str">
            <v>財政企画課長</v>
          </cell>
        </row>
        <row r="874">
          <cell r="B874">
            <v>3534</v>
          </cell>
          <cell r="C874" t="str">
            <v>(株)中山石渠</v>
          </cell>
          <cell r="D874" t="str">
            <v>06-6862-0074</v>
          </cell>
          <cell r="E874" t="str">
            <v>561-0845</v>
          </cell>
          <cell r="F874" t="str">
            <v>大阪府豊中市利倉1-9-1</v>
          </cell>
          <cell r="G874" t="str">
            <v>豊中市</v>
          </cell>
          <cell r="H874" t="str">
            <v/>
          </cell>
          <cell r="I874" t="str">
            <v>代表取締役 工藤　忠志</v>
          </cell>
          <cell r="J874" t="str">
            <v>本店</v>
          </cell>
          <cell r="K874" t="str">
            <v>06-6862-5551</v>
          </cell>
          <cell r="L874" t="str">
            <v>d-nishimura@nakayamasekiryo.co.jp</v>
          </cell>
          <cell r="M874" t="str">
            <v>ﾅｶﾔﾏｾｷﾘｮｳ</v>
          </cell>
          <cell r="N874" t="str">
            <v>無</v>
          </cell>
          <cell r="O874">
            <v>43</v>
          </cell>
          <cell r="P874">
            <v>73</v>
          </cell>
          <cell r="Q874">
            <v>2120901024967</v>
          </cell>
          <cell r="R874">
            <v>30300</v>
          </cell>
          <cell r="S874">
            <v>2362850</v>
          </cell>
          <cell r="T874">
            <v>1074196</v>
          </cell>
          <cell r="V874" t="str">
            <v>kz412578</v>
          </cell>
          <cell r="W874" t="str">
            <v>de751359</v>
          </cell>
          <cell r="X874" t="str">
            <v>土石</v>
          </cell>
          <cell r="Y874" t="str">
            <v/>
          </cell>
          <cell r="Z874" t="str">
            <v>土石</v>
          </cell>
          <cell r="AA874" t="str">
            <v>石</v>
          </cell>
          <cell r="AB874" t="str">
            <v>土木一式</v>
          </cell>
          <cell r="AC874" t="str">
            <v/>
          </cell>
          <cell r="AD874" t="str">
            <v/>
          </cell>
          <cell r="AE874">
            <v>43008</v>
          </cell>
          <cell r="AF874" t="str">
            <v>希望しない</v>
          </cell>
          <cell r="AG874" t="str">
            <v>石</v>
          </cell>
          <cell r="AH874" t="str">
            <v>特定</v>
          </cell>
          <cell r="AI874">
            <v>718</v>
          </cell>
          <cell r="AJ874">
            <v>948216</v>
          </cell>
          <cell r="AK874" t="str">
            <v>1(1)/1/4</v>
          </cell>
          <cell r="AL874" t="str">
            <v>土木一式</v>
          </cell>
          <cell r="AM874" t="str">
            <v>特定</v>
          </cell>
          <cell r="AN874">
            <v>572</v>
          </cell>
          <cell r="AO874">
            <v>14135</v>
          </cell>
          <cell r="AP874" t="str">
            <v>1(1)/1/3</v>
          </cell>
          <cell r="AQ874" t="str">
            <v/>
          </cell>
          <cell r="AR874" t="str">
            <v/>
          </cell>
          <cell r="AS874" t="str">
            <v/>
          </cell>
          <cell r="AT874" t="str">
            <v/>
          </cell>
          <cell r="AU874" t="str">
            <v/>
          </cell>
          <cell r="AV874" t="str">
            <v/>
          </cell>
          <cell r="AW874" t="str">
            <v/>
          </cell>
          <cell r="AX874" t="str">
            <v/>
          </cell>
          <cell r="AY874" t="str">
            <v/>
          </cell>
          <cell r="AZ874" t="str">
            <v/>
          </cell>
          <cell r="BA874" t="str">
            <v>大阪府</v>
          </cell>
          <cell r="BB874">
            <v>0</v>
          </cell>
          <cell r="CR874">
            <v>6331</v>
          </cell>
          <cell r="CS874" t="str">
            <v>ﾀﾑﾗ ﾖｼﾉ</v>
          </cell>
          <cell r="CT874" t="str">
            <v>田村  芳乃</v>
          </cell>
          <cell r="CU874" t="str">
            <v>国保年金課</v>
          </cell>
          <cell r="CW874">
            <v>2763</v>
          </cell>
          <cell r="CX874" t="str">
            <v xml:space="preserve"> </v>
          </cell>
          <cell r="CY874" t="str">
            <v>国保年金課長</v>
          </cell>
        </row>
        <row r="875">
          <cell r="B875">
            <v>3536</v>
          </cell>
          <cell r="C875" t="str">
            <v>奈良建設(株)</v>
          </cell>
          <cell r="D875" t="str">
            <v>078-597-6571</v>
          </cell>
          <cell r="E875" t="str">
            <v>651-1313</v>
          </cell>
          <cell r="F875" t="str">
            <v>兵庫県神戸市北区有野中町1-19-14 CASA VERDE 101</v>
          </cell>
          <cell r="G875" t="str">
            <v>横浜市</v>
          </cell>
          <cell r="H875" t="str">
            <v>神戸営業所</v>
          </cell>
          <cell r="I875" t="str">
            <v>所長　 前山　新一</v>
          </cell>
          <cell r="J875" t="str">
            <v>神奈川県横浜市</v>
          </cell>
          <cell r="K875" t="str">
            <v>078-597-6572</v>
          </cell>
          <cell r="L875" t="str">
            <v>h.nakata@nara-const.co.jp</v>
          </cell>
          <cell r="M875" t="str">
            <v>ﾅﾗｹﾝｾﾂ</v>
          </cell>
          <cell r="N875" t="str">
            <v>有</v>
          </cell>
          <cell r="O875">
            <v>23</v>
          </cell>
          <cell r="P875">
            <v>226</v>
          </cell>
          <cell r="Q875">
            <v>9020000000000</v>
          </cell>
          <cell r="R875">
            <v>200000</v>
          </cell>
          <cell r="S875">
            <v>1012048</v>
          </cell>
          <cell r="T875">
            <v>17055006</v>
          </cell>
          <cell r="V875" t="str">
            <v>qe148058</v>
          </cell>
          <cell r="W875" t="str">
            <v>nd158164</v>
          </cell>
          <cell r="X875" t="str">
            <v>土石</v>
          </cell>
          <cell r="Y875" t="str">
            <v/>
          </cell>
          <cell r="Z875" t="str">
            <v>土石</v>
          </cell>
          <cell r="AA875" t="str">
            <v>土木一式</v>
          </cell>
          <cell r="AB875" t="str">
            <v>鋼構造物</v>
          </cell>
          <cell r="AC875" t="str">
            <v>水道施設</v>
          </cell>
          <cell r="AD875" t="str">
            <v>舗装</v>
          </cell>
          <cell r="AE875">
            <v>43281</v>
          </cell>
          <cell r="AF875" t="str">
            <v>ＳＰＲ工法</v>
          </cell>
          <cell r="AG875" t="str">
            <v>土木一式</v>
          </cell>
          <cell r="AH875" t="str">
            <v>特定</v>
          </cell>
          <cell r="AI875">
            <v>1208</v>
          </cell>
          <cell r="AJ875">
            <v>7591005</v>
          </cell>
          <cell r="AK875" t="str">
            <v>98(94)/6/3</v>
          </cell>
          <cell r="AL875" t="str">
            <v>鋼構造物</v>
          </cell>
          <cell r="AM875" t="str">
            <v>特定</v>
          </cell>
          <cell r="AN875">
            <v>841</v>
          </cell>
          <cell r="AO875" t="str">
            <v/>
          </cell>
          <cell r="AP875" t="str">
            <v>43(39)/0/0</v>
          </cell>
          <cell r="AQ875" t="str">
            <v>水道施設</v>
          </cell>
          <cell r="AR875" t="str">
            <v>特定</v>
          </cell>
          <cell r="AS875">
            <v>1056</v>
          </cell>
          <cell r="AT875">
            <v>761898</v>
          </cell>
          <cell r="AU875" t="str">
            <v>75(74)/0/0</v>
          </cell>
          <cell r="AV875" t="str">
            <v>舗装</v>
          </cell>
          <cell r="AW875" t="str">
            <v>特定</v>
          </cell>
          <cell r="AX875">
            <v>798</v>
          </cell>
          <cell r="AY875">
            <v>2800</v>
          </cell>
          <cell r="AZ875" t="str">
            <v>1(1)/0/0</v>
          </cell>
          <cell r="BA875" t="str">
            <v>神奈川県</v>
          </cell>
          <cell r="BB875">
            <v>0</v>
          </cell>
          <cell r="CR875">
            <v>6332</v>
          </cell>
          <cell r="CS875" t="str">
            <v>ﾂｼﾞﾉ ﾘｻ</v>
          </cell>
          <cell r="CT875" t="str">
            <v>辻野  理沙</v>
          </cell>
          <cell r="CU875" t="str">
            <v>後期医療福祉課</v>
          </cell>
          <cell r="CW875">
            <v>2790</v>
          </cell>
          <cell r="CX875" t="str">
            <v xml:space="preserve"> </v>
          </cell>
          <cell r="CY875" t="str">
            <v>後期医療福祉課長</v>
          </cell>
        </row>
        <row r="876">
          <cell r="B876">
            <v>3538</v>
          </cell>
          <cell r="C876" t="str">
            <v>日化メンテナンス(株)</v>
          </cell>
          <cell r="D876" t="str">
            <v>06-6201-4525</v>
          </cell>
          <cell r="E876" t="str">
            <v>541-0046</v>
          </cell>
          <cell r="F876" t="str">
            <v>大阪府大阪市中央区平野町1-8-7</v>
          </cell>
          <cell r="G876" t="str">
            <v/>
          </cell>
          <cell r="H876" t="str">
            <v>西日本支店</v>
          </cell>
          <cell r="I876" t="str">
            <v>支店長 植田　栄一</v>
          </cell>
          <cell r="J876" t="str">
            <v>東京都</v>
          </cell>
          <cell r="K876" t="str">
            <v>06-6201-4530</v>
          </cell>
          <cell r="L876" t="str">
            <v/>
          </cell>
          <cell r="M876" t="str">
            <v>ﾆｯｶﾒﾝﾃﾅﾝｽ</v>
          </cell>
          <cell r="N876" t="str">
            <v>有</v>
          </cell>
          <cell r="O876">
            <v>39</v>
          </cell>
          <cell r="P876">
            <v>280</v>
          </cell>
          <cell r="Q876">
            <v>4010001027005</v>
          </cell>
          <cell r="R876">
            <v>100000</v>
          </cell>
          <cell r="S876">
            <v>1678710</v>
          </cell>
          <cell r="T876">
            <v>5511064</v>
          </cell>
          <cell r="V876" t="str">
            <v>vs131604</v>
          </cell>
          <cell r="W876" t="str">
            <v>qt168595</v>
          </cell>
          <cell r="X876" t="str">
            <v>建機園土と電管舗塗防水</v>
          </cell>
          <cell r="Y876" t="str">
            <v>建機園</v>
          </cell>
          <cell r="Z876" t="str">
            <v>土と電管舗塗防水</v>
          </cell>
          <cell r="AA876" t="str">
            <v>水道施設</v>
          </cell>
          <cell r="AB876" t="str">
            <v>機械器具</v>
          </cell>
          <cell r="AC876" t="str">
            <v>管</v>
          </cell>
          <cell r="AD876" t="str">
            <v>電気</v>
          </cell>
          <cell r="AE876">
            <v>43159</v>
          </cell>
          <cell r="AF876" t="str">
            <v>希望しない</v>
          </cell>
          <cell r="AG876" t="str">
            <v>水道施設</v>
          </cell>
          <cell r="AH876" t="str">
            <v>特定</v>
          </cell>
          <cell r="AI876">
            <v>950</v>
          </cell>
          <cell r="AJ876">
            <v>147875</v>
          </cell>
          <cell r="AK876" t="str">
            <v>19(9)/4/0</v>
          </cell>
          <cell r="AL876" t="str">
            <v>機械器具</v>
          </cell>
          <cell r="AM876" t="str">
            <v>一般</v>
          </cell>
          <cell r="AN876">
            <v>812</v>
          </cell>
          <cell r="AO876">
            <v>84020</v>
          </cell>
          <cell r="AP876" t="str">
            <v>0(0)/0/1</v>
          </cell>
          <cell r="AQ876" t="str">
            <v>管</v>
          </cell>
          <cell r="AR876" t="str">
            <v>特定</v>
          </cell>
          <cell r="AS876">
            <v>1046</v>
          </cell>
          <cell r="AT876">
            <v>608979</v>
          </cell>
          <cell r="AU876" t="str">
            <v>28(16)/27/0</v>
          </cell>
          <cell r="AV876" t="str">
            <v>電気</v>
          </cell>
          <cell r="AW876" t="str">
            <v>特定</v>
          </cell>
          <cell r="AX876">
            <v>827</v>
          </cell>
          <cell r="AY876">
            <v>65733</v>
          </cell>
          <cell r="AZ876" t="str">
            <v>0(0)/4/0</v>
          </cell>
          <cell r="BA876" t="str">
            <v>東京都</v>
          </cell>
          <cell r="BB876">
            <v>0</v>
          </cell>
          <cell r="CR876">
            <v>6333</v>
          </cell>
          <cell r="CS876" t="str">
            <v>ﾖｼﾏ ﾐﾎ</v>
          </cell>
          <cell r="CT876" t="str">
            <v>吉間  美歩</v>
          </cell>
          <cell r="CU876" t="str">
            <v>市民課</v>
          </cell>
          <cell r="CW876">
            <v>2611</v>
          </cell>
          <cell r="CX876" t="str">
            <v xml:space="preserve"> </v>
          </cell>
          <cell r="CY876" t="str">
            <v>市民課長</v>
          </cell>
        </row>
        <row r="877">
          <cell r="B877">
            <v>3539</v>
          </cell>
          <cell r="C877" t="str">
            <v>(株)西三設備</v>
          </cell>
          <cell r="D877" t="str">
            <v>06-6437-0370</v>
          </cell>
          <cell r="E877" t="str">
            <v>661-0033</v>
          </cell>
          <cell r="F877" t="str">
            <v>兵庫県尼崎市南武庫之荘1-29-15</v>
          </cell>
          <cell r="G877" t="str">
            <v>尼崎市</v>
          </cell>
          <cell r="H877" t="str">
            <v/>
          </cell>
          <cell r="I877" t="str">
            <v>代表取締役 西村　一浩</v>
          </cell>
          <cell r="J877" t="str">
            <v>本店</v>
          </cell>
          <cell r="K877" t="str">
            <v>06-6437-7635</v>
          </cell>
          <cell r="L877" t="str">
            <v>nakajima-nouen@nnweb.co.jp</v>
          </cell>
          <cell r="M877" t="str">
            <v>ﾆｼｻﾝｾﾂﾋﾞ</v>
          </cell>
          <cell r="N877" t="str">
            <v>無</v>
          </cell>
          <cell r="O877">
            <v>39</v>
          </cell>
          <cell r="P877">
            <v>6</v>
          </cell>
          <cell r="Q877">
            <v>9140001050492</v>
          </cell>
          <cell r="R877">
            <v>60000</v>
          </cell>
          <cell r="S877">
            <v>236675</v>
          </cell>
          <cell r="T877">
            <v>247448</v>
          </cell>
          <cell r="V877" t="str">
            <v>tw115616</v>
          </cell>
          <cell r="W877" t="str">
            <v>rc184259</v>
          </cell>
          <cell r="X877" t="str">
            <v>土建管</v>
          </cell>
          <cell r="Y877" t="str">
            <v/>
          </cell>
          <cell r="Z877" t="str">
            <v>土建管</v>
          </cell>
          <cell r="AA877" t="str">
            <v>管</v>
          </cell>
          <cell r="AB877" t="str">
            <v>土木一式</v>
          </cell>
          <cell r="AC877" t="str">
            <v>建築一式</v>
          </cell>
          <cell r="AD877" t="str">
            <v/>
          </cell>
          <cell r="AE877">
            <v>43251</v>
          </cell>
          <cell r="AF877" t="str">
            <v/>
          </cell>
          <cell r="AG877" t="str">
            <v>管</v>
          </cell>
          <cell r="AH877" t="str">
            <v>特定</v>
          </cell>
          <cell r="AI877">
            <v>807</v>
          </cell>
          <cell r="AJ877">
            <v>200758</v>
          </cell>
          <cell r="AK877" t="str">
            <v>2(2)/2/2</v>
          </cell>
          <cell r="AL877" t="str">
            <v>土木一式</v>
          </cell>
          <cell r="AM877" t="str">
            <v>特定</v>
          </cell>
          <cell r="AN877">
            <v>646</v>
          </cell>
          <cell r="AO877" t="str">
            <v/>
          </cell>
          <cell r="AP877" t="str">
            <v>1(1)/0/0</v>
          </cell>
          <cell r="AQ877" t="str">
            <v>建築一式</v>
          </cell>
          <cell r="AR877" t="str">
            <v>特定</v>
          </cell>
          <cell r="AS877">
            <v>631</v>
          </cell>
          <cell r="AT877" t="str">
            <v/>
          </cell>
          <cell r="AU877" t="str">
            <v>0(0)/0/0</v>
          </cell>
          <cell r="AV877" t="str">
            <v/>
          </cell>
          <cell r="AW877" t="str">
            <v/>
          </cell>
          <cell r="AX877" t="str">
            <v/>
          </cell>
          <cell r="AY877" t="str">
            <v/>
          </cell>
          <cell r="AZ877" t="str">
            <v/>
          </cell>
          <cell r="BA877" t="str">
            <v>兵庫県</v>
          </cell>
          <cell r="BB877">
            <v>0</v>
          </cell>
          <cell r="CR877">
            <v>6334</v>
          </cell>
          <cell r="CS877" t="str">
            <v>ﾊﾔｼ ｱｷﾉﾘ</v>
          </cell>
          <cell r="CT877" t="str">
            <v>林  哲徳</v>
          </cell>
          <cell r="CU877" t="str">
            <v>給与制度課</v>
          </cell>
          <cell r="CW877">
            <v>2419</v>
          </cell>
          <cell r="CX877" t="str">
            <v xml:space="preserve"> </v>
          </cell>
          <cell r="CY877" t="str">
            <v>給与制度課長</v>
          </cell>
        </row>
        <row r="878">
          <cell r="B878">
            <v>3540</v>
          </cell>
          <cell r="C878" t="str">
            <v>日冷工業(株)</v>
          </cell>
          <cell r="D878" t="str">
            <v>0798-43-0481</v>
          </cell>
          <cell r="E878" t="str">
            <v>663-8184</v>
          </cell>
          <cell r="F878" t="str">
            <v>兵庫県西宮市鳴尾町1-18-12</v>
          </cell>
          <cell r="G878" t="str">
            <v>西宮市</v>
          </cell>
          <cell r="H878" t="str">
            <v/>
          </cell>
          <cell r="I878" t="str">
            <v>代表取締役 笠井　秀人</v>
          </cell>
          <cell r="J878" t="str">
            <v>本店</v>
          </cell>
          <cell r="K878" t="str">
            <v>0798-43-0488</v>
          </cell>
          <cell r="L878" t="str">
            <v>nichirei@helen.ocn.ne.jp</v>
          </cell>
          <cell r="M878" t="str">
            <v>ﾆﾁﾚｲｺｳｷﾞｮｳ</v>
          </cell>
          <cell r="N878" t="str">
            <v>無</v>
          </cell>
          <cell r="O878">
            <v>41</v>
          </cell>
          <cell r="P878">
            <v>7</v>
          </cell>
          <cell r="Q878">
            <v>4140001069785</v>
          </cell>
          <cell r="R878">
            <v>10000</v>
          </cell>
          <cell r="S878">
            <v>80747</v>
          </cell>
          <cell r="T878">
            <v>355645</v>
          </cell>
          <cell r="V878" t="str">
            <v>il132485</v>
          </cell>
          <cell r="W878" t="str">
            <v>ry108396</v>
          </cell>
          <cell r="X878" t="str">
            <v>電管</v>
          </cell>
          <cell r="Y878" t="str">
            <v>電管</v>
          </cell>
          <cell r="Z878" t="str">
            <v/>
          </cell>
          <cell r="AA878" t="str">
            <v>管</v>
          </cell>
          <cell r="AB878" t="str">
            <v/>
          </cell>
          <cell r="AC878" t="str">
            <v/>
          </cell>
          <cell r="AD878" t="str">
            <v/>
          </cell>
          <cell r="AE878">
            <v>43190</v>
          </cell>
          <cell r="AF878" t="str">
            <v/>
          </cell>
          <cell r="AG878" t="str">
            <v>管</v>
          </cell>
          <cell r="AH878" t="str">
            <v>一般</v>
          </cell>
          <cell r="AI878">
            <v>851</v>
          </cell>
          <cell r="AJ878">
            <v>354745</v>
          </cell>
          <cell r="AK878" t="str">
            <v>1(1)/3/0</v>
          </cell>
          <cell r="AL878" t="str">
            <v/>
          </cell>
          <cell r="AM878" t="str">
            <v/>
          </cell>
          <cell r="AN878" t="str">
            <v/>
          </cell>
          <cell r="AO878" t="str">
            <v/>
          </cell>
          <cell r="AP878" t="str">
            <v/>
          </cell>
          <cell r="AQ878" t="str">
            <v/>
          </cell>
          <cell r="AR878" t="str">
            <v/>
          </cell>
          <cell r="AS878" t="str">
            <v/>
          </cell>
          <cell r="AT878" t="str">
            <v/>
          </cell>
          <cell r="AU878" t="str">
            <v/>
          </cell>
          <cell r="AV878" t="str">
            <v/>
          </cell>
          <cell r="AW878" t="str">
            <v/>
          </cell>
          <cell r="AX878" t="str">
            <v/>
          </cell>
          <cell r="AY878" t="str">
            <v/>
          </cell>
          <cell r="AZ878" t="str">
            <v/>
          </cell>
          <cell r="BA878" t="str">
            <v>兵庫県</v>
          </cell>
          <cell r="BB878">
            <v>0</v>
          </cell>
          <cell r="CR878">
            <v>6335</v>
          </cell>
          <cell r="CS878" t="str">
            <v>ﾀﾅﾍﾞ ｻﾀﾞｺ</v>
          </cell>
          <cell r="CT878" t="str">
            <v>田邊  禎子</v>
          </cell>
          <cell r="CU878" t="str">
            <v>障害福祉課</v>
          </cell>
          <cell r="CW878">
            <v>2581</v>
          </cell>
          <cell r="CX878" t="str">
            <v xml:space="preserve"> </v>
          </cell>
          <cell r="CY878" t="str">
            <v>障害福祉課長</v>
          </cell>
        </row>
        <row r="879">
          <cell r="B879">
            <v>3543</v>
          </cell>
          <cell r="C879" t="str">
            <v>西川計測(株)</v>
          </cell>
          <cell r="D879" t="str">
            <v>078-333-0290</v>
          </cell>
          <cell r="E879" t="str">
            <v>650-0034</v>
          </cell>
          <cell r="F879" t="str">
            <v>兵庫県神戸市中央区京町80</v>
          </cell>
          <cell r="G879" t="str">
            <v/>
          </cell>
          <cell r="H879" t="str">
            <v>関西支社</v>
          </cell>
          <cell r="I879" t="str">
            <v>支社長 森田　信</v>
          </cell>
          <cell r="J879" t="str">
            <v>東京都</v>
          </cell>
          <cell r="K879" t="str">
            <v>078-333-0295</v>
          </cell>
          <cell r="L879" t="str">
            <v>nskwk13@nskw.co.jp</v>
          </cell>
          <cell r="M879" t="str">
            <v>ﾆｼｶﾜｹｲｿｸ</v>
          </cell>
          <cell r="N879" t="str">
            <v>有</v>
          </cell>
          <cell r="O879">
            <v>67</v>
          </cell>
          <cell r="P879">
            <v>382</v>
          </cell>
          <cell r="Q879">
            <v>1010401021428</v>
          </cell>
          <cell r="R879">
            <v>569375</v>
          </cell>
          <cell r="S879">
            <v>9385698</v>
          </cell>
          <cell r="T879">
            <v>27263718</v>
          </cell>
          <cell r="V879" t="str">
            <v>fa795993</v>
          </cell>
          <cell r="W879" t="str">
            <v>vy951529</v>
          </cell>
          <cell r="X879" t="str">
            <v>電機通</v>
          </cell>
          <cell r="Y879" t="str">
            <v/>
          </cell>
          <cell r="Z879" t="str">
            <v>電機通</v>
          </cell>
          <cell r="AA879" t="str">
            <v>電気</v>
          </cell>
          <cell r="AB879" t="str">
            <v>電気通信</v>
          </cell>
          <cell r="AC879" t="str">
            <v>機械器具</v>
          </cell>
          <cell r="AD879" t="str">
            <v/>
          </cell>
          <cell r="AE879">
            <v>43281</v>
          </cell>
          <cell r="AF879" t="str">
            <v>希望しない</v>
          </cell>
          <cell r="AG879" t="str">
            <v>電気</v>
          </cell>
          <cell r="AH879" t="str">
            <v>特定</v>
          </cell>
          <cell r="AI879">
            <v>1275</v>
          </cell>
          <cell r="AJ879">
            <v>1372190</v>
          </cell>
          <cell r="AK879" t="str">
            <v>92(88)/6/47</v>
          </cell>
          <cell r="AL879" t="str">
            <v>電気通信</v>
          </cell>
          <cell r="AM879" t="str">
            <v>特定</v>
          </cell>
          <cell r="AN879">
            <v>1243</v>
          </cell>
          <cell r="AO879">
            <v>2869948</v>
          </cell>
          <cell r="AP879" t="str">
            <v>0(0)/0/127</v>
          </cell>
          <cell r="AQ879" t="str">
            <v>機械器具</v>
          </cell>
          <cell r="AR879" t="str">
            <v>特定</v>
          </cell>
          <cell r="AS879">
            <v>1078</v>
          </cell>
          <cell r="AT879">
            <v>242597</v>
          </cell>
          <cell r="AU879" t="str">
            <v>0(0)/0/52</v>
          </cell>
          <cell r="AV879" t="str">
            <v/>
          </cell>
          <cell r="AW879" t="str">
            <v/>
          </cell>
          <cell r="AX879" t="str">
            <v/>
          </cell>
          <cell r="AY879" t="str">
            <v/>
          </cell>
          <cell r="AZ879" t="str">
            <v/>
          </cell>
          <cell r="BA879" t="str">
            <v>東京都</v>
          </cell>
          <cell r="BB879" t="str">
            <v>新宿文化クイントビル</v>
          </cell>
          <cell r="CR879">
            <v>6336</v>
          </cell>
          <cell r="CS879" t="str">
            <v>ﾌｸﾁ ｺｳｲﾁ</v>
          </cell>
          <cell r="CT879" t="str">
            <v>福地  弘一</v>
          </cell>
          <cell r="CU879" t="str">
            <v>子育て支援課</v>
          </cell>
          <cell r="CW879">
            <v>2309</v>
          </cell>
          <cell r="CX879" t="str">
            <v xml:space="preserve"> </v>
          </cell>
          <cell r="CY879" t="str">
            <v>市民税課長</v>
          </cell>
        </row>
        <row r="880">
          <cell r="B880">
            <v>3546</v>
          </cell>
          <cell r="C880" t="str">
            <v>西田工業(株)</v>
          </cell>
          <cell r="D880" t="str">
            <v>078-951-2404</v>
          </cell>
          <cell r="E880" t="str">
            <v>651-1501</v>
          </cell>
          <cell r="F880" t="str">
            <v>兵庫県神戸市北区道場町道場61</v>
          </cell>
          <cell r="G880" t="str">
            <v>福知山市</v>
          </cell>
          <cell r="H880" t="str">
            <v>神戸支店</v>
          </cell>
          <cell r="I880" t="str">
            <v>執行役員支店長 東仲　芳巳</v>
          </cell>
          <cell r="J880" t="str">
            <v>京都府福知山市</v>
          </cell>
          <cell r="K880" t="str">
            <v>078-951-2304</v>
          </cell>
          <cell r="L880" t="str">
            <v xml:space="preserve">eigyou@nishidakougyou.co.jp </v>
          </cell>
          <cell r="M880" t="str">
            <v>ﾆｼﾀﾞｺｳｷﾞｮｳ</v>
          </cell>
          <cell r="N880" t="str">
            <v>有</v>
          </cell>
          <cell r="O880">
            <v>68</v>
          </cell>
          <cell r="P880">
            <v>100</v>
          </cell>
          <cell r="Q880">
            <v>9130001041204</v>
          </cell>
          <cell r="R880">
            <v>360000</v>
          </cell>
          <cell r="S880">
            <v>1526950</v>
          </cell>
          <cell r="T880">
            <v>4313740</v>
          </cell>
          <cell r="V880" t="str">
            <v>ve657248</v>
          </cell>
          <cell r="W880" t="str">
            <v>hv203586</v>
          </cell>
          <cell r="X880" t="str">
            <v>(清)(建)(と)(屋)(管)(鋼)(舗)(塗)(内)(水)土建と屋管鋼舗塗防内水解</v>
          </cell>
          <cell r="Y880" t="str">
            <v>(清)(建)(と)(屋)(管)(鋼)(舗)(塗)(内)(水)</v>
          </cell>
          <cell r="Z880" t="str">
            <v>土建と屋管鋼舗塗防内水解</v>
          </cell>
          <cell r="AA880" t="str">
            <v>建築一式</v>
          </cell>
          <cell r="AB880" t="str">
            <v>土木一式</v>
          </cell>
          <cell r="AC880" t="str">
            <v>舗装</v>
          </cell>
          <cell r="AD880" t="str">
            <v>水道施設</v>
          </cell>
          <cell r="AE880">
            <v>43069</v>
          </cell>
          <cell r="AF880" t="str">
            <v>希望しない</v>
          </cell>
          <cell r="AG880" t="str">
            <v>建築一式</v>
          </cell>
          <cell r="AH880" t="str">
            <v/>
          </cell>
          <cell r="AI880">
            <v>1111</v>
          </cell>
          <cell r="AJ880">
            <v>2761344</v>
          </cell>
          <cell r="AK880" t="str">
            <v>23(21)/9/0</v>
          </cell>
          <cell r="AL880" t="str">
            <v>土木一式</v>
          </cell>
          <cell r="AM880" t="str">
            <v/>
          </cell>
          <cell r="AN880">
            <v>1068</v>
          </cell>
          <cell r="AO880">
            <v>1252696</v>
          </cell>
          <cell r="AP880" t="str">
            <v>25(25)/4/0</v>
          </cell>
          <cell r="AQ880" t="str">
            <v>舗装</v>
          </cell>
          <cell r="AR880" t="str">
            <v/>
          </cell>
          <cell r="AS880">
            <v>975</v>
          </cell>
          <cell r="AT880">
            <v>238011</v>
          </cell>
          <cell r="AU880" t="str">
            <v>18(18)/1/0</v>
          </cell>
          <cell r="AV880" t="str">
            <v>水道施設</v>
          </cell>
          <cell r="AW880" t="str">
            <v/>
          </cell>
          <cell r="AX880">
            <v>797</v>
          </cell>
          <cell r="AY880">
            <v>22766</v>
          </cell>
          <cell r="AZ880" t="str">
            <v>1(1)/1/0</v>
          </cell>
          <cell r="BA880" t="str">
            <v>京都府</v>
          </cell>
          <cell r="BB880">
            <v>0</v>
          </cell>
          <cell r="CR880">
            <v>6337</v>
          </cell>
          <cell r="CS880" t="str">
            <v>ｵﾉﾃﾞﾗ ｱﾔﾉ</v>
          </cell>
          <cell r="CT880" t="str">
            <v>小野寺  彩乃</v>
          </cell>
          <cell r="CU880" t="str">
            <v>介護保険課</v>
          </cell>
          <cell r="CW880" t="str">
            <v xml:space="preserve"> </v>
          </cell>
          <cell r="CX880" t="str">
            <v xml:space="preserve"> </v>
          </cell>
          <cell r="CY880" t="str">
            <v>介護保険課長</v>
          </cell>
        </row>
        <row r="881">
          <cell r="B881">
            <v>3548</v>
          </cell>
          <cell r="C881" t="str">
            <v>(株)西田電気</v>
          </cell>
          <cell r="D881" t="str">
            <v>06-6855-1513</v>
          </cell>
          <cell r="E881" t="str">
            <v>560-0031</v>
          </cell>
          <cell r="F881" t="str">
            <v>大阪府豊中市蛍池北町1丁目4番28号</v>
          </cell>
          <cell r="G881" t="str">
            <v>豊中市</v>
          </cell>
          <cell r="H881" t="str">
            <v/>
          </cell>
          <cell r="I881" t="str">
            <v>代表取締役　 西田　正一</v>
          </cell>
          <cell r="J881" t="str">
            <v>本店</v>
          </cell>
          <cell r="K881" t="str">
            <v>06-6841-5437</v>
          </cell>
          <cell r="L881" t="str">
            <v>nisidaec@mail.infomart.or.jp</v>
          </cell>
          <cell r="M881" t="str">
            <v>ﾆｼﾀﾞﾃﾞﾝｷ</v>
          </cell>
          <cell r="N881" t="str">
            <v>無</v>
          </cell>
          <cell r="O881">
            <v>51</v>
          </cell>
          <cell r="P881">
            <v>14</v>
          </cell>
          <cell r="Q881">
            <v>2120900000000</v>
          </cell>
          <cell r="R881">
            <v>20000</v>
          </cell>
          <cell r="S881">
            <v>86669</v>
          </cell>
          <cell r="T881">
            <v>400663</v>
          </cell>
          <cell r="V881" t="str">
            <v>rw552500</v>
          </cell>
          <cell r="W881" t="str">
            <v>un431484</v>
          </cell>
          <cell r="X881" t="str">
            <v>(清)(建)(と)(屋)(管)(鋼)(舗)(塗)(内)(水)土建と屋管鋼舗塗防内水解</v>
          </cell>
          <cell r="Y881" t="str">
            <v>(清)(建)(と)(屋)(管)(鋼)(舗)(塗)(内)(水)</v>
          </cell>
          <cell r="Z881" t="str">
            <v>土建と屋管鋼舗塗防内水解</v>
          </cell>
          <cell r="AA881" t="str">
            <v>電気</v>
          </cell>
          <cell r="AB881" t="str">
            <v>電気通信</v>
          </cell>
          <cell r="AC881" t="str">
            <v>消防施設</v>
          </cell>
          <cell r="AD881" t="str">
            <v/>
          </cell>
          <cell r="AE881">
            <v>43159</v>
          </cell>
          <cell r="AF881" t="str">
            <v>希望しない</v>
          </cell>
          <cell r="AG881" t="str">
            <v>電気</v>
          </cell>
          <cell r="AH881" t="str">
            <v>特定</v>
          </cell>
          <cell r="AI881">
            <v>900</v>
          </cell>
          <cell r="AJ881">
            <v>387967</v>
          </cell>
          <cell r="AK881" t="str">
            <v>6(6)/1/2</v>
          </cell>
          <cell r="AL881" t="str">
            <v>電気通信</v>
          </cell>
          <cell r="AM881" t="str">
            <v>一般</v>
          </cell>
          <cell r="AN881">
            <v>720</v>
          </cell>
          <cell r="AO881">
            <v>9888</v>
          </cell>
          <cell r="AP881" t="str">
            <v>0(0)/0/3</v>
          </cell>
          <cell r="AQ881" t="str">
            <v>消防施設</v>
          </cell>
          <cell r="AR881" t="str">
            <v>一般</v>
          </cell>
          <cell r="AS881">
            <v>700</v>
          </cell>
          <cell r="AT881">
            <v>2809</v>
          </cell>
          <cell r="AU881" t="str">
            <v>0(0)/3/0</v>
          </cell>
          <cell r="AV881" t="str">
            <v/>
          </cell>
          <cell r="AW881" t="str">
            <v/>
          </cell>
          <cell r="AX881" t="str">
            <v/>
          </cell>
          <cell r="AY881" t="str">
            <v/>
          </cell>
          <cell r="AZ881" t="str">
            <v/>
          </cell>
          <cell r="BA881" t="str">
            <v>大阪府</v>
          </cell>
          <cell r="BB881">
            <v>0</v>
          </cell>
          <cell r="CR881">
            <v>6338</v>
          </cell>
          <cell r="CS881" t="str">
            <v>ﾔｽﾌｸ ﾅﾂｺ</v>
          </cell>
          <cell r="CT881" t="str">
            <v>安福  奈津子</v>
          </cell>
          <cell r="CU881" t="str">
            <v>小学校給食センター</v>
          </cell>
          <cell r="CW881" t="str">
            <v>782-0400</v>
          </cell>
          <cell r="CX881" t="str">
            <v xml:space="preserve"> </v>
          </cell>
          <cell r="CY881" t="str">
            <v>小学校給食センター所長</v>
          </cell>
        </row>
        <row r="882">
          <cell r="B882">
            <v>3549</v>
          </cell>
          <cell r="C882" t="str">
            <v>(株)西田塗装店</v>
          </cell>
          <cell r="D882" t="str">
            <v>06-6309-6371</v>
          </cell>
          <cell r="E882" t="str">
            <v>532-0036</v>
          </cell>
          <cell r="F882" t="str">
            <v>大阪府大阪市淀川区三津屋中2-15-3</v>
          </cell>
          <cell r="G882" t="str">
            <v>大阪市</v>
          </cell>
          <cell r="H882" t="str">
            <v/>
          </cell>
          <cell r="I882" t="str">
            <v>代表取締役　 西田　克行</v>
          </cell>
          <cell r="J882" t="str">
            <v>本店</v>
          </cell>
          <cell r="K882" t="str">
            <v>06-6306-5420</v>
          </cell>
          <cell r="L882" t="str">
            <v>np@nishida-t.co.jp</v>
          </cell>
          <cell r="M882" t="str">
            <v>ﾆｼﾀﾞﾄｿｳﾃﾝ</v>
          </cell>
          <cell r="N882" t="str">
            <v>無</v>
          </cell>
          <cell r="O882">
            <v>52</v>
          </cell>
          <cell r="P882">
            <v>7</v>
          </cell>
          <cell r="Q882">
            <v>8120000000000</v>
          </cell>
          <cell r="R882">
            <v>20000</v>
          </cell>
          <cell r="S882">
            <v>61195</v>
          </cell>
          <cell r="T882">
            <v>155918</v>
          </cell>
          <cell r="V882" t="str">
            <v>rt550730</v>
          </cell>
          <cell r="W882" t="str">
            <v>wt597580</v>
          </cell>
          <cell r="X882" t="str">
            <v>(清)(建)(と)(屋)(管)(鋼)(舗)(塗)(内)(水)土建と屋管鋼舗塗防内水解</v>
          </cell>
          <cell r="Y882" t="str">
            <v>(清)(建)(と)(屋)(管)(鋼)(舗)(塗)(内)(水)</v>
          </cell>
          <cell r="Z882" t="str">
            <v>土建と屋管鋼舗塗防内水解</v>
          </cell>
          <cell r="AA882" t="str">
            <v>塗装</v>
          </cell>
          <cell r="AB882" t="str">
            <v>防水</v>
          </cell>
          <cell r="AC882" t="str">
            <v/>
          </cell>
          <cell r="AD882" t="str">
            <v/>
          </cell>
          <cell r="AE882">
            <v>43220</v>
          </cell>
          <cell r="AF882" t="str">
            <v>希望しない</v>
          </cell>
          <cell r="AG882" t="str">
            <v>塗装</v>
          </cell>
          <cell r="AH882" t="str">
            <v>特定</v>
          </cell>
          <cell r="AI882">
            <v>820</v>
          </cell>
          <cell r="AJ882">
            <v>142523</v>
          </cell>
          <cell r="AK882" t="str">
            <v>3(3)/1/1</v>
          </cell>
          <cell r="AL882" t="str">
            <v>防水</v>
          </cell>
          <cell r="AM882" t="str">
            <v>特定</v>
          </cell>
          <cell r="AN882">
            <v>751</v>
          </cell>
          <cell r="AO882">
            <v>12762</v>
          </cell>
          <cell r="AP882" t="str">
            <v>3(3)/0/0</v>
          </cell>
          <cell r="AQ882" t="str">
            <v/>
          </cell>
          <cell r="AR882" t="str">
            <v/>
          </cell>
          <cell r="AS882" t="str">
            <v/>
          </cell>
          <cell r="AT882" t="str">
            <v/>
          </cell>
          <cell r="AU882" t="str">
            <v/>
          </cell>
          <cell r="AV882" t="str">
            <v/>
          </cell>
          <cell r="AW882" t="str">
            <v/>
          </cell>
          <cell r="AX882" t="str">
            <v/>
          </cell>
          <cell r="AY882" t="str">
            <v/>
          </cell>
          <cell r="AZ882" t="str">
            <v/>
          </cell>
          <cell r="BA882" t="str">
            <v>大阪府</v>
          </cell>
          <cell r="BB882">
            <v>0</v>
          </cell>
          <cell r="CR882">
            <v>6339</v>
          </cell>
          <cell r="CS882" t="str">
            <v>ｵｹｶﾞﾜ ﾐﾁｺ</v>
          </cell>
          <cell r="CT882" t="str">
            <v>桶川  美智子</v>
          </cell>
          <cell r="CU882" t="str">
            <v>こども福祉課</v>
          </cell>
          <cell r="CW882">
            <v>2664</v>
          </cell>
          <cell r="CX882" t="str">
            <v xml:space="preserve"> </v>
          </cell>
          <cell r="CY882" t="str">
            <v>こども福祉課長</v>
          </cell>
        </row>
        <row r="883">
          <cell r="B883">
            <v>3550</v>
          </cell>
          <cell r="C883" t="str">
            <v>西日本電信電話(株)</v>
          </cell>
          <cell r="D883" t="str">
            <v>078-326-3853</v>
          </cell>
          <cell r="E883" t="str">
            <v>650-0024</v>
          </cell>
          <cell r="F883" t="str">
            <v>兵庫県神戸市中央区海岸通11</v>
          </cell>
          <cell r="G883" t="str">
            <v>大阪市</v>
          </cell>
          <cell r="H883" t="str">
            <v>兵庫支店</v>
          </cell>
          <cell r="I883" t="str">
            <v>支店長 川副　和宏</v>
          </cell>
          <cell r="J883" t="str">
            <v>大阪府大阪市</v>
          </cell>
          <cell r="K883" t="str">
            <v>078-325-5053</v>
          </cell>
          <cell r="L883" t="str">
            <v>yoshikazu.hara.mv@west.ntt.co.jp</v>
          </cell>
          <cell r="M883" t="str">
            <v>ﾆｼﾆｯﾎﾟﾝﾃﾞﾝｼﾝﾃﾞﾝﾜ</v>
          </cell>
          <cell r="N883" t="str">
            <v>有</v>
          </cell>
          <cell r="O883">
            <v>33</v>
          </cell>
          <cell r="P883">
            <v>4400</v>
          </cell>
          <cell r="Q883">
            <v>7120001077523</v>
          </cell>
          <cell r="R883">
            <v>3120000</v>
          </cell>
          <cell r="S883">
            <v>1620198000</v>
          </cell>
          <cell r="T883">
            <v>1280355000</v>
          </cell>
          <cell r="V883" t="str">
            <v>xj118935</v>
          </cell>
          <cell r="W883" t="str">
            <v>re451702</v>
          </cell>
          <cell r="X883" t="str">
            <v>(通)通</v>
          </cell>
          <cell r="Y883" t="str">
            <v>(通)</v>
          </cell>
          <cell r="Z883" t="str">
            <v>通</v>
          </cell>
          <cell r="AA883" t="str">
            <v>電気通信</v>
          </cell>
          <cell r="AB883" t="str">
            <v/>
          </cell>
          <cell r="AC883" t="str">
            <v/>
          </cell>
          <cell r="AD883" t="str">
            <v/>
          </cell>
          <cell r="AE883">
            <v>43190</v>
          </cell>
          <cell r="AF883" t="str">
            <v/>
          </cell>
          <cell r="AG883" t="str">
            <v>電気通信</v>
          </cell>
          <cell r="AH883" t="str">
            <v>特定</v>
          </cell>
          <cell r="AI883">
            <v>1540</v>
          </cell>
          <cell r="AJ883">
            <v>20171094</v>
          </cell>
          <cell r="AK883" t="str">
            <v>2()//298</v>
          </cell>
          <cell r="AL883" t="str">
            <v/>
          </cell>
          <cell r="AM883" t="str">
            <v/>
          </cell>
          <cell r="AN883" t="str">
            <v/>
          </cell>
          <cell r="AO883" t="str">
            <v/>
          </cell>
          <cell r="AP883" t="str">
            <v/>
          </cell>
          <cell r="AQ883" t="str">
            <v/>
          </cell>
          <cell r="AR883" t="str">
            <v/>
          </cell>
          <cell r="AS883" t="str">
            <v/>
          </cell>
          <cell r="AT883" t="str">
            <v/>
          </cell>
          <cell r="AU883" t="str">
            <v/>
          </cell>
          <cell r="AV883" t="str">
            <v/>
          </cell>
          <cell r="AW883" t="str">
            <v/>
          </cell>
          <cell r="AX883" t="str">
            <v/>
          </cell>
          <cell r="AY883" t="str">
            <v/>
          </cell>
          <cell r="AZ883" t="str">
            <v/>
          </cell>
          <cell r="BA883" t="str">
            <v>大阪府</v>
          </cell>
          <cell r="BB883">
            <v>0</v>
          </cell>
          <cell r="CR883">
            <v>6340</v>
          </cell>
          <cell r="CS883" t="str">
            <v>ﾔﾏﾅ ｻｵﾘ</v>
          </cell>
          <cell r="CT883" t="str">
            <v>山名  紗央里</v>
          </cell>
          <cell r="CU883" t="str">
            <v>監査委員事務局</v>
          </cell>
          <cell r="CW883">
            <v>3515</v>
          </cell>
          <cell r="CX883" t="str">
            <v xml:space="preserve"> </v>
          </cell>
          <cell r="CY883" t="str">
            <v>監査委員事務局長</v>
          </cell>
        </row>
        <row r="884">
          <cell r="B884">
            <v>3552</v>
          </cell>
          <cell r="C884" t="str">
            <v>(株)西日本体器製作所</v>
          </cell>
          <cell r="D884" t="str">
            <v>06-6413-1427</v>
          </cell>
          <cell r="E884" t="str">
            <v>660-0878</v>
          </cell>
          <cell r="F884" t="str">
            <v>兵庫県尼崎市北竹谷町1-1</v>
          </cell>
          <cell r="G884" t="str">
            <v>尼崎市</v>
          </cell>
          <cell r="H884" t="str">
            <v/>
          </cell>
          <cell r="I884" t="str">
            <v>代表取締役社長 竹田　隆蔵</v>
          </cell>
          <cell r="J884" t="str">
            <v>本店</v>
          </cell>
          <cell r="K884" t="str">
            <v>06-6411-0427</v>
          </cell>
          <cell r="L884" t="str">
            <v>nishinihon_taiki@yahoo.co.jp</v>
          </cell>
          <cell r="M884" t="str">
            <v>ﾆｼﾆﾎﾝﾀｲｷｾｲｻｸｼｮ</v>
          </cell>
          <cell r="N884" t="str">
            <v>無</v>
          </cell>
          <cell r="O884">
            <v>50</v>
          </cell>
          <cell r="P884">
            <v>4</v>
          </cell>
          <cell r="Q884">
            <v>7140001050503</v>
          </cell>
          <cell r="R884">
            <v>10000</v>
          </cell>
          <cell r="S884">
            <v>-5519</v>
          </cell>
          <cell r="T884">
            <v>66148</v>
          </cell>
          <cell r="V884" t="str">
            <v>fd137037</v>
          </cell>
          <cell r="W884" t="str">
            <v>mz710074</v>
          </cell>
          <cell r="X884" t="str">
            <v>と</v>
          </cell>
          <cell r="Y884" t="str">
            <v>と</v>
          </cell>
          <cell r="Z884" t="str">
            <v/>
          </cell>
          <cell r="AA884" t="str">
            <v>とび土工</v>
          </cell>
          <cell r="AB884" t="str">
            <v/>
          </cell>
          <cell r="AC884" t="str">
            <v/>
          </cell>
          <cell r="AD884" t="str">
            <v/>
          </cell>
          <cell r="AE884">
            <v>43190</v>
          </cell>
          <cell r="AF884" t="str">
            <v>希望しない</v>
          </cell>
          <cell r="AG884" t="str">
            <v>とび土工</v>
          </cell>
          <cell r="AH884" t="str">
            <v>一般</v>
          </cell>
          <cell r="AI884">
            <v>601</v>
          </cell>
          <cell r="AJ884">
            <v>62504</v>
          </cell>
          <cell r="AK884" t="str">
            <v>()//1</v>
          </cell>
          <cell r="AL884" t="str">
            <v/>
          </cell>
          <cell r="AM884" t="str">
            <v/>
          </cell>
          <cell r="AN884" t="str">
            <v/>
          </cell>
          <cell r="AO884" t="str">
            <v/>
          </cell>
          <cell r="AP884" t="str">
            <v/>
          </cell>
          <cell r="AQ884" t="str">
            <v/>
          </cell>
          <cell r="AR884" t="str">
            <v/>
          </cell>
          <cell r="AS884" t="str">
            <v/>
          </cell>
          <cell r="AT884" t="str">
            <v/>
          </cell>
          <cell r="AU884" t="str">
            <v/>
          </cell>
          <cell r="AV884" t="str">
            <v/>
          </cell>
          <cell r="AW884" t="str">
            <v/>
          </cell>
          <cell r="AX884" t="str">
            <v/>
          </cell>
          <cell r="AY884" t="str">
            <v/>
          </cell>
          <cell r="AZ884" t="str">
            <v/>
          </cell>
          <cell r="BA884" t="str">
            <v>兵庫県</v>
          </cell>
          <cell r="BB884">
            <v>0</v>
          </cell>
          <cell r="CR884">
            <v>6341</v>
          </cell>
          <cell r="CS884" t="str">
            <v>ﾉｸﾞﾁ ﾋｶﾘ</v>
          </cell>
          <cell r="CT884" t="str">
            <v>野口  日加里</v>
          </cell>
          <cell r="CU884" t="str">
            <v>社会教育課</v>
          </cell>
          <cell r="CW884">
            <v>3734</v>
          </cell>
          <cell r="CX884" t="str">
            <v xml:space="preserve"> </v>
          </cell>
          <cell r="CY884" t="str">
            <v>社会教育課長</v>
          </cell>
        </row>
        <row r="885">
          <cell r="B885">
            <v>3553</v>
          </cell>
          <cell r="C885" t="str">
            <v>西日本電気システム(株)</v>
          </cell>
          <cell r="D885" t="str">
            <v>079-796-0745</v>
          </cell>
          <cell r="E885" t="str">
            <v>659-0093</v>
          </cell>
          <cell r="F885" t="str">
            <v>兵庫県芦屋市船戸町1-31</v>
          </cell>
          <cell r="G885" t="str">
            <v>大阪市</v>
          </cell>
          <cell r="H885" t="str">
            <v>電機設備部　神戸工事所</v>
          </cell>
          <cell r="I885" t="str">
            <v>所長 岡元　瑞浩</v>
          </cell>
          <cell r="J885" t="str">
            <v>大阪府大阪市</v>
          </cell>
          <cell r="K885" t="str">
            <v>079-796-0756</v>
          </cell>
          <cell r="L885" t="str">
            <v>takara-yokotani_2@j-nesco.com</v>
          </cell>
          <cell r="M885" t="str">
            <v>ﾆｼﾆﾎﾝﾃﾞﾝｷｼｽﾃﾑ</v>
          </cell>
          <cell r="N885" t="str">
            <v>有</v>
          </cell>
          <cell r="O885">
            <v>36</v>
          </cell>
          <cell r="P885">
            <v>1073</v>
          </cell>
          <cell r="Q885">
            <v>7120001057491</v>
          </cell>
          <cell r="R885">
            <v>81650</v>
          </cell>
          <cell r="S885">
            <v>14913954</v>
          </cell>
          <cell r="T885">
            <v>43589600</v>
          </cell>
          <cell r="V885" t="str">
            <v>jc745324</v>
          </cell>
          <cell r="W885" t="str">
            <v>zs920067</v>
          </cell>
          <cell r="X885" t="str">
            <v>管鋼塗消(電)電通</v>
          </cell>
          <cell r="Y885" t="str">
            <v>管鋼塗消(電)</v>
          </cell>
          <cell r="Z885" t="str">
            <v>電通</v>
          </cell>
          <cell r="AA885" t="str">
            <v>電気</v>
          </cell>
          <cell r="AB885" t="str">
            <v/>
          </cell>
          <cell r="AC885" t="str">
            <v/>
          </cell>
          <cell r="AD885" t="str">
            <v/>
          </cell>
          <cell r="AE885">
            <v>43190</v>
          </cell>
          <cell r="AF885" t="str">
            <v/>
          </cell>
          <cell r="AG885" t="str">
            <v>電気</v>
          </cell>
          <cell r="AH885" t="str">
            <v>特定</v>
          </cell>
          <cell r="AI885">
            <v>1594</v>
          </cell>
          <cell r="AJ885">
            <v>35796019</v>
          </cell>
          <cell r="AK885" t="str">
            <v>400(352)/87/37</v>
          </cell>
          <cell r="AL885" t="str">
            <v/>
          </cell>
          <cell r="AM885" t="str">
            <v/>
          </cell>
          <cell r="AN885" t="str">
            <v/>
          </cell>
          <cell r="AO885" t="str">
            <v/>
          </cell>
          <cell r="AP885" t="str">
            <v/>
          </cell>
          <cell r="AQ885" t="str">
            <v/>
          </cell>
          <cell r="AR885" t="str">
            <v/>
          </cell>
          <cell r="AS885" t="str">
            <v/>
          </cell>
          <cell r="AT885" t="str">
            <v/>
          </cell>
          <cell r="AU885" t="str">
            <v/>
          </cell>
          <cell r="AV885" t="str">
            <v/>
          </cell>
          <cell r="AW885" t="str">
            <v/>
          </cell>
          <cell r="AX885" t="str">
            <v/>
          </cell>
          <cell r="AY885" t="str">
            <v/>
          </cell>
          <cell r="AZ885" t="str">
            <v/>
          </cell>
          <cell r="BA885" t="str">
            <v>大阪府</v>
          </cell>
          <cell r="BB885">
            <v>0</v>
          </cell>
          <cell r="CR885">
            <v>6342</v>
          </cell>
          <cell r="CS885" t="str">
            <v>ﾖﾃﾞﾝ ﾄﾓｺ</v>
          </cell>
          <cell r="CT885" t="str">
            <v>余田  智子</v>
          </cell>
          <cell r="CU885" t="str">
            <v>介護保険課</v>
          </cell>
          <cell r="CW885">
            <v>2714</v>
          </cell>
          <cell r="CX885" t="str">
            <v xml:space="preserve"> </v>
          </cell>
          <cell r="CY885" t="str">
            <v>介護保険課長</v>
          </cell>
        </row>
        <row r="886">
          <cell r="B886">
            <v>3554</v>
          </cell>
          <cell r="C886" t="str">
            <v>(株)ウォーターテック</v>
          </cell>
          <cell r="D886" t="str">
            <v>06-7653-8941</v>
          </cell>
          <cell r="E886" t="str">
            <v>550-013</v>
          </cell>
          <cell r="F886" t="str">
            <v>大阪府大阪市西区新町2-20-6</v>
          </cell>
          <cell r="G886" t="str">
            <v/>
          </cell>
          <cell r="H886" t="str">
            <v>関西支店</v>
          </cell>
          <cell r="I886" t="str">
            <v>支店長 比江嶋　祐一</v>
          </cell>
          <cell r="J886" t="str">
            <v>東京都</v>
          </cell>
          <cell r="K886" t="str">
            <v>06-7653-7354</v>
          </cell>
          <cell r="L886" t="str">
            <v>iwakuni@nwatertec.co.jp</v>
          </cell>
          <cell r="M886" t="str">
            <v>ｳｫｰﾀｰﾃｯｸ</v>
          </cell>
          <cell r="N886" t="str">
            <v>有</v>
          </cell>
          <cell r="O886" t="str">
            <v>43(55)</v>
          </cell>
          <cell r="P886">
            <v>89</v>
          </cell>
          <cell r="Q886">
            <v>6010401021472</v>
          </cell>
          <cell r="R886">
            <v>85000</v>
          </cell>
          <cell r="S886">
            <v>845811</v>
          </cell>
          <cell r="T886">
            <v>3653407</v>
          </cell>
          <cell r="V886" t="str">
            <v>mz257129</v>
          </cell>
          <cell r="W886" t="str">
            <v>dk847141</v>
          </cell>
          <cell r="X886" t="str">
            <v>(清)(と)(石)(鋼)(舗)(塗)(機)(水)土と石電管鋼舗塗機井水</v>
          </cell>
          <cell r="Y886" t="str">
            <v>(清)(と)(石)(鋼)(舗)(塗)(機)(水)</v>
          </cell>
          <cell r="Z886" t="str">
            <v>土と石電管鋼舗塗機井水</v>
          </cell>
          <cell r="AA886" t="str">
            <v>水道施設</v>
          </cell>
          <cell r="AB886" t="str">
            <v>機械器具</v>
          </cell>
          <cell r="AC886" t="str">
            <v/>
          </cell>
          <cell r="AD886" t="str">
            <v/>
          </cell>
          <cell r="AE886">
            <v>43190</v>
          </cell>
          <cell r="AF886" t="str">
            <v>希望しない</v>
          </cell>
          <cell r="AG886" t="str">
            <v>水道施設</v>
          </cell>
          <cell r="AH886" t="str">
            <v>特定</v>
          </cell>
          <cell r="AI886">
            <v>1101</v>
          </cell>
          <cell r="AJ886">
            <v>1874384</v>
          </cell>
          <cell r="AK886" t="str">
            <v>29(27)/7/11</v>
          </cell>
          <cell r="AL886" t="str">
            <v>機械器具</v>
          </cell>
          <cell r="AM886" t="str">
            <v>特定</v>
          </cell>
          <cell r="AN886">
            <v>1003</v>
          </cell>
          <cell r="AO886">
            <v>1042950</v>
          </cell>
          <cell r="AP886" t="str">
            <v>0(0)/0/50</v>
          </cell>
          <cell r="AQ886" t="str">
            <v/>
          </cell>
          <cell r="AR886" t="str">
            <v/>
          </cell>
          <cell r="AS886" t="str">
            <v/>
          </cell>
          <cell r="AT886" t="str">
            <v/>
          </cell>
          <cell r="AU886" t="str">
            <v/>
          </cell>
          <cell r="AV886" t="str">
            <v/>
          </cell>
          <cell r="AW886" t="str">
            <v/>
          </cell>
          <cell r="AX886" t="str">
            <v/>
          </cell>
          <cell r="AY886" t="str">
            <v/>
          </cell>
          <cell r="AZ886" t="str">
            <v/>
          </cell>
          <cell r="BA886" t="str">
            <v>東京都</v>
          </cell>
          <cell r="BB886">
            <v>0</v>
          </cell>
          <cell r="CR886">
            <v>6345</v>
          </cell>
          <cell r="CS886" t="str">
            <v>ｳｴﾉ ｶﾅｴ</v>
          </cell>
          <cell r="CT886" t="str">
            <v>上野  奏栄</v>
          </cell>
          <cell r="CU886" t="str">
            <v>健康政策課</v>
          </cell>
          <cell r="CW886">
            <v>2567</v>
          </cell>
          <cell r="CX886" t="str">
            <v xml:space="preserve"> </v>
          </cell>
          <cell r="CY886" t="str">
            <v>健康政策課長</v>
          </cell>
        </row>
        <row r="887">
          <cell r="B887">
            <v>3555</v>
          </cell>
          <cell r="C887" t="str">
            <v>(株)西原衛生工業所</v>
          </cell>
          <cell r="D887" t="str">
            <v>06-6975-6380</v>
          </cell>
          <cell r="E887" t="str">
            <v>537-0024</v>
          </cell>
          <cell r="F887" t="str">
            <v>大阪府大阪市東成区東小橋1-13-13</v>
          </cell>
          <cell r="G887" t="str">
            <v/>
          </cell>
          <cell r="H887" t="str">
            <v>大阪本店</v>
          </cell>
          <cell r="I887" t="str">
            <v>取締役常務執行役員本店長 高島　良一</v>
          </cell>
          <cell r="J887" t="str">
            <v>東京都</v>
          </cell>
          <cell r="K887" t="str">
            <v>06-6975-6384</v>
          </cell>
          <cell r="L887" t="str">
            <v>hiroshi_ueda@nishihara-eng.co.jp</v>
          </cell>
          <cell r="M887" t="str">
            <v>ｶﾌﾞｼｷｶﾞｲｼｬ ﾆｼﾊﾗｴｲｾｲｺｳｷﾞｮｳｼｮ</v>
          </cell>
          <cell r="N887" t="str">
            <v>有</v>
          </cell>
          <cell r="O887">
            <v>68</v>
          </cell>
          <cell r="P887">
            <v>516</v>
          </cell>
          <cell r="Q887">
            <v>8010401021470</v>
          </cell>
          <cell r="R887">
            <v>1367000</v>
          </cell>
          <cell r="S887">
            <v>8428091</v>
          </cell>
          <cell r="T887">
            <v>26906841</v>
          </cell>
          <cell r="V887" t="str">
            <v>xy987345</v>
          </cell>
          <cell r="W887" t="str">
            <v>qb366429</v>
          </cell>
          <cell r="X887" t="str">
            <v>(管)(消)管消</v>
          </cell>
          <cell r="Y887" t="str">
            <v>(管)(消)</v>
          </cell>
          <cell r="Z887" t="str">
            <v>管消</v>
          </cell>
          <cell r="AA887" t="str">
            <v>管</v>
          </cell>
          <cell r="AB887" t="str">
            <v>消防施設</v>
          </cell>
          <cell r="AC887" t="str">
            <v/>
          </cell>
          <cell r="AD887" t="str">
            <v/>
          </cell>
          <cell r="AE887">
            <v>43190</v>
          </cell>
          <cell r="AF887" t="str">
            <v/>
          </cell>
          <cell r="AG887" t="str">
            <v>管</v>
          </cell>
          <cell r="AH887" t="str">
            <v>特定</v>
          </cell>
          <cell r="AI887">
            <v>1527</v>
          </cell>
          <cell r="AJ887">
            <v>25675969</v>
          </cell>
          <cell r="AK887" t="str">
            <v>223(155)/43/40</v>
          </cell>
          <cell r="AL887" t="str">
            <v>消防施設</v>
          </cell>
          <cell r="AM887" t="str">
            <v>特定</v>
          </cell>
          <cell r="AN887">
            <v>1260</v>
          </cell>
          <cell r="AO887">
            <v>1230872</v>
          </cell>
          <cell r="AP887" t="str">
            <v>()/187/81</v>
          </cell>
          <cell r="AQ887" t="str">
            <v/>
          </cell>
          <cell r="AR887" t="str">
            <v/>
          </cell>
          <cell r="AS887" t="str">
            <v/>
          </cell>
          <cell r="AT887" t="str">
            <v/>
          </cell>
          <cell r="AU887" t="str">
            <v/>
          </cell>
          <cell r="AV887" t="str">
            <v/>
          </cell>
          <cell r="AW887" t="str">
            <v/>
          </cell>
          <cell r="AX887" t="str">
            <v/>
          </cell>
          <cell r="AY887" t="str">
            <v/>
          </cell>
          <cell r="AZ887" t="str">
            <v/>
          </cell>
          <cell r="BA887" t="str">
            <v>東京都</v>
          </cell>
          <cell r="BB887">
            <v>0</v>
          </cell>
          <cell r="CR887">
            <v>6346</v>
          </cell>
          <cell r="CS887" t="str">
            <v>ﾉﾅｶ ｻﾄｼ</v>
          </cell>
          <cell r="CT887" t="str">
            <v>野中  聡</v>
          </cell>
          <cell r="CU887" t="str">
            <v>施設課</v>
          </cell>
          <cell r="CW887">
            <v>4312</v>
          </cell>
          <cell r="CX887" t="str">
            <v>主査</v>
          </cell>
          <cell r="CY887" t="str">
            <v>管財課長</v>
          </cell>
        </row>
        <row r="888">
          <cell r="B888">
            <v>3556</v>
          </cell>
          <cell r="C888" t="str">
            <v>西松建設(株)</v>
          </cell>
          <cell r="D888" t="str">
            <v>06-6942-2206</v>
          </cell>
          <cell r="E888" t="str">
            <v>540-8515</v>
          </cell>
          <cell r="F888" t="str">
            <v>大阪府大阪市中央区釣鐘町2-4-7</v>
          </cell>
          <cell r="G888" t="str">
            <v/>
          </cell>
          <cell r="H888" t="str">
            <v>西日本支社</v>
          </cell>
          <cell r="I888" t="str">
            <v>常務執行役員支社長 酒井　祥三</v>
          </cell>
          <cell r="J888" t="str">
            <v>東京都</v>
          </cell>
          <cell r="K888" t="str">
            <v>06-6942-4411</v>
          </cell>
          <cell r="L888" t="str">
            <v>shinzi_murakami@nishimatsu.co.jp</v>
          </cell>
          <cell r="M888" t="str">
            <v>ﾆｼﾏﾂｹﾝｾﾂ</v>
          </cell>
          <cell r="N888" t="str">
            <v>有</v>
          </cell>
          <cell r="O888">
            <v>68</v>
          </cell>
          <cell r="P888">
            <v>2453</v>
          </cell>
          <cell r="Q888">
            <v>8010401021454</v>
          </cell>
          <cell r="R888">
            <v>23513000</v>
          </cell>
          <cell r="S888">
            <v>182180797</v>
          </cell>
          <cell r="T888">
            <v>284412000</v>
          </cell>
          <cell r="V888" t="str">
            <v>az617826</v>
          </cell>
          <cell r="W888" t="str">
            <v>hf860050</v>
          </cell>
          <cell r="X888" t="str">
            <v>(清)(建)(大)(左)(と)(石)(屋)(電)(管)(タ)(鋼)(舗)(浚)(塗)(防)(内)(園)(水)(解)土建大と石屋電管タ鋼舗浚塗防内機園水解</v>
          </cell>
          <cell r="Y888" t="str">
            <v>(清)(建)(大)(左)(と)(石)(屋)(電)(管)(タ)(鋼)(舗)(浚)(塗)(防)(内)(園)(水)(解)</v>
          </cell>
          <cell r="Z888" t="str">
            <v>土建大と石屋電管タ鋼舗浚塗防内機園水解</v>
          </cell>
          <cell r="AA888" t="str">
            <v>建築一式</v>
          </cell>
          <cell r="AB888" t="str">
            <v>土木一式</v>
          </cell>
          <cell r="AC888" t="str">
            <v/>
          </cell>
          <cell r="AD888" t="str">
            <v/>
          </cell>
          <cell r="AE888">
            <v>43190</v>
          </cell>
          <cell r="AF888" t="str">
            <v>希望しない</v>
          </cell>
          <cell r="AG888" t="str">
            <v>建築一式</v>
          </cell>
          <cell r="AH888" t="str">
            <v>特定</v>
          </cell>
          <cell r="AI888">
            <v>1953</v>
          </cell>
          <cell r="AJ888">
            <v>172240345</v>
          </cell>
          <cell r="AK888" t="str">
            <v>841(920)/6/59</v>
          </cell>
          <cell r="AL888" t="str">
            <v>土木一式</v>
          </cell>
          <cell r="AM888" t="str">
            <v>特定</v>
          </cell>
          <cell r="AN888">
            <v>1945</v>
          </cell>
          <cell r="AO888">
            <v>101191987</v>
          </cell>
          <cell r="AP888" t="str">
            <v>716(510)/7/43</v>
          </cell>
          <cell r="AQ888" t="str">
            <v/>
          </cell>
          <cell r="AR888" t="str">
            <v/>
          </cell>
          <cell r="AS888" t="str">
            <v/>
          </cell>
          <cell r="AT888" t="str">
            <v/>
          </cell>
          <cell r="AU888" t="str">
            <v/>
          </cell>
          <cell r="AV888" t="str">
            <v/>
          </cell>
          <cell r="AW888" t="str">
            <v/>
          </cell>
          <cell r="AX888" t="str">
            <v/>
          </cell>
          <cell r="AY888" t="str">
            <v/>
          </cell>
          <cell r="AZ888" t="str">
            <v/>
          </cell>
          <cell r="BA888" t="str">
            <v>東京都</v>
          </cell>
          <cell r="BB888">
            <v>0</v>
          </cell>
          <cell r="CR888">
            <v>6349</v>
          </cell>
          <cell r="CS888" t="str">
            <v>ｲｺﾏ ﾕｳｺ</v>
          </cell>
          <cell r="CT888" t="str">
            <v>生駒　裕子</v>
          </cell>
          <cell r="CU888" t="str">
            <v>消防総務課</v>
          </cell>
          <cell r="CW888">
            <v>6680209</v>
          </cell>
          <cell r="CY888" t="str">
            <v>消防総務課長</v>
          </cell>
        </row>
        <row r="889">
          <cell r="B889">
            <v>3557</v>
          </cell>
          <cell r="C889" t="str">
            <v>(株)西村風晃園</v>
          </cell>
          <cell r="D889" t="str">
            <v>078-361-2606</v>
          </cell>
          <cell r="E889" t="str">
            <v>650-0012</v>
          </cell>
          <cell r="F889" t="str">
            <v>兵庫県神戸市中央区北長狭通5-5-18兵庫県林業会館503</v>
          </cell>
          <cell r="G889" t="str">
            <v>神戸市</v>
          </cell>
          <cell r="H889" t="str">
            <v>神戸営業所</v>
          </cell>
          <cell r="I889" t="str">
            <v>取締役神戸営業所長　 西村　周子</v>
          </cell>
          <cell r="J889" t="str">
            <v>兵庫県豊岡市</v>
          </cell>
          <cell r="K889" t="str">
            <v>078-361-2607</v>
          </cell>
          <cell r="L889" t="str">
            <v>seifuu@skyblue.ocn.ne.jp</v>
          </cell>
          <cell r="M889" t="str">
            <v>ﾆｼﾑﾗﾌｳｺｳｴﾝ</v>
          </cell>
          <cell r="N889" t="str">
            <v>有</v>
          </cell>
          <cell r="O889">
            <v>45</v>
          </cell>
          <cell r="P889">
            <v>26</v>
          </cell>
          <cell r="Q889">
            <v>2140000000000</v>
          </cell>
          <cell r="R889">
            <v>50000</v>
          </cell>
          <cell r="S889">
            <v>249060</v>
          </cell>
          <cell r="T889">
            <v>587753</v>
          </cell>
          <cell r="V889" t="str">
            <v>bb119760</v>
          </cell>
          <cell r="W889" t="str">
            <v>fb274770</v>
          </cell>
          <cell r="X889" t="str">
            <v>(清)(建)(大)(左)(と)(石)(屋)(電)(管)(タ)(鋼)(舗)(浚)(塗)(防)(内)(園)(水)(解)土建大と石屋電管タ鋼舗浚塗防内機園水解</v>
          </cell>
          <cell r="Y889" t="str">
            <v>(清)(建)(大)(左)(と)(石)(屋)(電)(管)(タ)(鋼)(舗)(浚)(塗)(防)(内)(園)(水)(解)</v>
          </cell>
          <cell r="Z889" t="str">
            <v>土建大と石屋電管タ鋼舗浚塗防内機園水解</v>
          </cell>
          <cell r="AA889" t="str">
            <v>とび土工</v>
          </cell>
          <cell r="AB889" t="str">
            <v>造園</v>
          </cell>
          <cell r="AC889" t="str">
            <v>土木一式</v>
          </cell>
          <cell r="AD889" t="str">
            <v>舗装</v>
          </cell>
          <cell r="AE889">
            <v>43008</v>
          </cell>
          <cell r="AF889" t="str">
            <v>希望しない</v>
          </cell>
          <cell r="AG889" t="str">
            <v>とび土工</v>
          </cell>
          <cell r="AH889" t="str">
            <v>特定</v>
          </cell>
          <cell r="AI889">
            <v>784</v>
          </cell>
          <cell r="AJ889">
            <v>82088</v>
          </cell>
          <cell r="AK889" t="str">
            <v>3(1)/0/0</v>
          </cell>
          <cell r="AL889" t="str">
            <v>造園</v>
          </cell>
          <cell r="AM889" t="str">
            <v>特定</v>
          </cell>
          <cell r="AN889">
            <v>872</v>
          </cell>
          <cell r="AO889">
            <v>283397</v>
          </cell>
          <cell r="AP889" t="str">
            <v>8(6)/1/0</v>
          </cell>
          <cell r="AQ889" t="str">
            <v>土木一式</v>
          </cell>
          <cell r="AR889" t="str">
            <v>特定</v>
          </cell>
          <cell r="AS889">
            <v>854</v>
          </cell>
          <cell r="AT889">
            <v>230910</v>
          </cell>
          <cell r="AU889" t="str">
            <v>7(6)/1/0</v>
          </cell>
          <cell r="AV889" t="str">
            <v>舗装</v>
          </cell>
          <cell r="AW889" t="str">
            <v>特定</v>
          </cell>
          <cell r="AX889">
            <v>716</v>
          </cell>
          <cell r="AY889">
            <v>4750</v>
          </cell>
          <cell r="AZ889" t="str">
            <v>3(2)/1/0</v>
          </cell>
          <cell r="BA889" t="str">
            <v>兵庫県</v>
          </cell>
          <cell r="BB889">
            <v>0</v>
          </cell>
          <cell r="CR889">
            <v>6350</v>
          </cell>
          <cell r="CS889" t="str">
            <v>ｴｸﾞﾁ ﾏｺﾄ</v>
          </cell>
          <cell r="CT889" t="str">
            <v>榮口  慎</v>
          </cell>
          <cell r="CU889" t="str">
            <v>警防課</v>
          </cell>
          <cell r="CW889">
            <v>6680222</v>
          </cell>
          <cell r="CX889" t="str">
            <v>主査</v>
          </cell>
          <cell r="CY889" t="str">
            <v>警防課長</v>
          </cell>
        </row>
        <row r="890">
          <cell r="B890">
            <v>3558</v>
          </cell>
          <cell r="C890" t="str">
            <v>西本建設(株)</v>
          </cell>
          <cell r="D890" t="str">
            <v>0797-32-7700</v>
          </cell>
          <cell r="E890" t="str">
            <v>659-0092</v>
          </cell>
          <cell r="F890" t="str">
            <v>兵庫県芦屋市大原町7-3</v>
          </cell>
          <cell r="G890" t="str">
            <v>芦屋市</v>
          </cell>
          <cell r="H890" t="str">
            <v/>
          </cell>
          <cell r="I890" t="str">
            <v>代表取締役 西本　一昭</v>
          </cell>
          <cell r="J890" t="str">
            <v>本店</v>
          </cell>
          <cell r="K890" t="str">
            <v>0797-22-1234</v>
          </cell>
          <cell r="L890" t="str">
            <v>info@nishimoto.co.jp</v>
          </cell>
          <cell r="M890" t="str">
            <v>ﾆｼﾓﾄｹﾝｾﾂ</v>
          </cell>
          <cell r="N890" t="str">
            <v>無</v>
          </cell>
          <cell r="O890">
            <v>68</v>
          </cell>
          <cell r="P890">
            <v>13</v>
          </cell>
          <cell r="Q890">
            <v>4140001000618</v>
          </cell>
          <cell r="R890">
            <v>45000</v>
          </cell>
          <cell r="S890">
            <v>136365</v>
          </cell>
          <cell r="T890">
            <v>532617</v>
          </cell>
          <cell r="V890" t="str">
            <v>zn588969</v>
          </cell>
          <cell r="W890" t="str">
            <v>qm899700</v>
          </cell>
          <cell r="X890" t="str">
            <v>土建と舗塗防内園解</v>
          </cell>
          <cell r="Y890" t="str">
            <v/>
          </cell>
          <cell r="Z890" t="str">
            <v>土建と舗塗防内園解</v>
          </cell>
          <cell r="AA890" t="str">
            <v>建築一式</v>
          </cell>
          <cell r="AB890" t="str">
            <v>土木一式</v>
          </cell>
          <cell r="AC890" t="str">
            <v>解体</v>
          </cell>
          <cell r="AD890" t="str">
            <v>舗装</v>
          </cell>
          <cell r="AE890">
            <v>43343</v>
          </cell>
          <cell r="AF890" t="str">
            <v>希望しない</v>
          </cell>
          <cell r="AG890" t="str">
            <v>建築一式</v>
          </cell>
          <cell r="AH890" t="str">
            <v>特定</v>
          </cell>
          <cell r="AI890">
            <v>954</v>
          </cell>
          <cell r="AJ890">
            <v>479948</v>
          </cell>
          <cell r="AK890" t="str">
            <v>9(9)/0/0</v>
          </cell>
          <cell r="AL890" t="str">
            <v>土木一式</v>
          </cell>
          <cell r="AM890" t="str">
            <v>特定</v>
          </cell>
          <cell r="AN890">
            <v>844</v>
          </cell>
          <cell r="AO890">
            <v>48669</v>
          </cell>
          <cell r="AP890" t="str">
            <v>5(5)/1/0</v>
          </cell>
          <cell r="AQ890" t="str">
            <v>解体</v>
          </cell>
          <cell r="AR890" t="str">
            <v>特定</v>
          </cell>
          <cell r="AS890">
            <v>700</v>
          </cell>
          <cell r="AT890">
            <v>1379</v>
          </cell>
          <cell r="AU890" t="str">
            <v>0(0)/0/0</v>
          </cell>
          <cell r="AV890" t="str">
            <v>舗装</v>
          </cell>
          <cell r="AW890" t="str">
            <v>特定</v>
          </cell>
          <cell r="AX890">
            <v>703</v>
          </cell>
          <cell r="AY890">
            <v>2052</v>
          </cell>
          <cell r="AZ890" t="str">
            <v>0(0)/0/0</v>
          </cell>
          <cell r="BA890" t="str">
            <v>兵庫県</v>
          </cell>
          <cell r="BB890">
            <v>0</v>
          </cell>
          <cell r="CR890">
            <v>6406</v>
          </cell>
          <cell r="CS890" t="str">
            <v>ﾓﾘﾓﾄ ｱｷｺ</v>
          </cell>
          <cell r="CT890" t="str">
            <v>森本  章子</v>
          </cell>
          <cell r="CU890" t="str">
            <v>保育課</v>
          </cell>
          <cell r="CW890" t="str">
            <v xml:space="preserve"> </v>
          </cell>
          <cell r="CX890" t="str">
            <v xml:space="preserve"> </v>
          </cell>
          <cell r="CY890" t="str">
            <v>保育課長</v>
          </cell>
        </row>
        <row r="891">
          <cell r="B891">
            <v>3561</v>
          </cell>
          <cell r="C891" t="str">
            <v>(株)ニチワ</v>
          </cell>
          <cell r="D891" t="str">
            <v>078-231-1551</v>
          </cell>
          <cell r="E891" t="str">
            <v>651-0084</v>
          </cell>
          <cell r="F891" t="str">
            <v>兵庫県神戸市中央区磯辺通2-1-13</v>
          </cell>
          <cell r="G891" t="str">
            <v>神戸市</v>
          </cell>
          <cell r="H891" t="str">
            <v/>
          </cell>
          <cell r="I891" t="str">
            <v>代表取締役 浅井　一成</v>
          </cell>
          <cell r="J891" t="str">
            <v>本店</v>
          </cell>
          <cell r="K891" t="str">
            <v>078-231-1567</v>
          </cell>
          <cell r="L891" t="str">
            <v>sanka@nichiwa.co.jp</v>
          </cell>
          <cell r="M891" t="str">
            <v>ﾆﾁﾜ</v>
          </cell>
          <cell r="N891" t="str">
            <v>無</v>
          </cell>
          <cell r="O891">
            <v>54</v>
          </cell>
          <cell r="P891">
            <v>122</v>
          </cell>
          <cell r="Q891">
            <v>2140001010032</v>
          </cell>
          <cell r="R891">
            <v>50000</v>
          </cell>
          <cell r="S891">
            <v>1181595</v>
          </cell>
          <cell r="T891">
            <v>5387618</v>
          </cell>
          <cell r="V891" t="str">
            <v>ga500800</v>
          </cell>
          <cell r="W891" t="str">
            <v>ed740383</v>
          </cell>
          <cell r="X891" t="str">
            <v>電通</v>
          </cell>
          <cell r="Y891" t="str">
            <v>電</v>
          </cell>
          <cell r="Z891" t="str">
            <v>通</v>
          </cell>
          <cell r="AA891" t="str">
            <v>電気通信</v>
          </cell>
          <cell r="AB891" t="str">
            <v>電気</v>
          </cell>
          <cell r="AC891" t="str">
            <v/>
          </cell>
          <cell r="AD891" t="str">
            <v/>
          </cell>
          <cell r="AE891">
            <v>43190</v>
          </cell>
          <cell r="AF891" t="str">
            <v/>
          </cell>
          <cell r="AG891" t="str">
            <v>電気通信</v>
          </cell>
          <cell r="AH891" t="str">
            <v>特定</v>
          </cell>
          <cell r="AI891">
            <v>983</v>
          </cell>
          <cell r="AJ891">
            <v>2322711</v>
          </cell>
          <cell r="AK891" t="str">
            <v>0(0)/0/38</v>
          </cell>
          <cell r="AL891" t="str">
            <v>電気</v>
          </cell>
          <cell r="AM891" t="str">
            <v>一般</v>
          </cell>
          <cell r="AN891">
            <v>798</v>
          </cell>
          <cell r="AO891">
            <v>60156</v>
          </cell>
          <cell r="AP891" t="str">
            <v>1(0)/4/5</v>
          </cell>
          <cell r="AQ891" t="str">
            <v/>
          </cell>
          <cell r="AR891" t="str">
            <v/>
          </cell>
          <cell r="AS891" t="str">
            <v/>
          </cell>
          <cell r="AT891" t="str">
            <v/>
          </cell>
          <cell r="AU891" t="str">
            <v/>
          </cell>
          <cell r="AV891" t="str">
            <v/>
          </cell>
          <cell r="AW891" t="str">
            <v/>
          </cell>
          <cell r="AX891" t="str">
            <v/>
          </cell>
          <cell r="AY891" t="str">
            <v/>
          </cell>
          <cell r="AZ891" t="str">
            <v/>
          </cell>
          <cell r="BA891" t="str">
            <v>兵庫県</v>
          </cell>
          <cell r="BB891">
            <v>0</v>
          </cell>
          <cell r="CR891">
            <v>6407</v>
          </cell>
          <cell r="CS891" t="str">
            <v>ｵｸﾀﾞ ﾐﾜ</v>
          </cell>
          <cell r="CT891" t="str">
            <v>奥田  美和</v>
          </cell>
          <cell r="CU891" t="str">
            <v>保育課</v>
          </cell>
          <cell r="CW891" t="str">
            <v xml:space="preserve"> </v>
          </cell>
          <cell r="CX891" t="str">
            <v xml:space="preserve"> </v>
          </cell>
          <cell r="CY891" t="str">
            <v>保育課長</v>
          </cell>
        </row>
        <row r="892">
          <cell r="B892">
            <v>3563</v>
          </cell>
          <cell r="C892" t="str">
            <v>日管(株)</v>
          </cell>
          <cell r="D892" t="str">
            <v>050-9012-2072</v>
          </cell>
          <cell r="E892" t="str">
            <v>530-0047</v>
          </cell>
          <cell r="F892" t="str">
            <v>大阪府大阪市北区西天満5-10-17</v>
          </cell>
          <cell r="G892" t="str">
            <v>浜松市</v>
          </cell>
          <cell r="H892" t="str">
            <v>大阪支店</v>
          </cell>
          <cell r="I892" t="str">
            <v>支店長 上野　真樹</v>
          </cell>
          <cell r="J892" t="str">
            <v>静岡県浜松市</v>
          </cell>
          <cell r="K892" t="str">
            <v>06-6364-9279</v>
          </cell>
          <cell r="L892" t="str">
            <v>osaka@fukurou.co.jp</v>
          </cell>
          <cell r="M892" t="str">
            <v>ﾆｯｶﾝ</v>
          </cell>
          <cell r="N892" t="str">
            <v>有</v>
          </cell>
          <cell r="O892">
            <v>62</v>
          </cell>
          <cell r="P892">
            <v>448</v>
          </cell>
          <cell r="Q892">
            <v>5080401003861</v>
          </cell>
          <cell r="R892">
            <v>1200000</v>
          </cell>
          <cell r="S892">
            <v>16759212</v>
          </cell>
          <cell r="T892">
            <v>23085367</v>
          </cell>
          <cell r="V892" t="str">
            <v>nm861334</v>
          </cell>
          <cell r="W892" t="str">
            <v>bg135060</v>
          </cell>
          <cell r="X892" t="str">
            <v>通井消清(管)(消)土建電管鋼舗塗防機水</v>
          </cell>
          <cell r="Y892" t="str">
            <v>通井消清(管)(消)</v>
          </cell>
          <cell r="Z892" t="str">
            <v>土建電管鋼舗塗防機水</v>
          </cell>
          <cell r="AA892" t="str">
            <v>管</v>
          </cell>
          <cell r="AB892" t="str">
            <v/>
          </cell>
          <cell r="AC892" t="str">
            <v/>
          </cell>
          <cell r="AD892" t="str">
            <v/>
          </cell>
          <cell r="AE892">
            <v>43100</v>
          </cell>
          <cell r="AF892" t="str">
            <v>希望しない</v>
          </cell>
          <cell r="AG892" t="str">
            <v>管</v>
          </cell>
          <cell r="AH892" t="str">
            <v>特定</v>
          </cell>
          <cell r="AI892">
            <v>1554</v>
          </cell>
          <cell r="AJ892">
            <v>20310274</v>
          </cell>
          <cell r="AK892" t="str">
            <v>206(177)/49/16</v>
          </cell>
          <cell r="AL892" t="str">
            <v/>
          </cell>
          <cell r="AM892" t="str">
            <v/>
          </cell>
          <cell r="AN892" t="str">
            <v/>
          </cell>
          <cell r="AO892" t="str">
            <v/>
          </cell>
          <cell r="AP892" t="str">
            <v/>
          </cell>
          <cell r="AQ892" t="str">
            <v/>
          </cell>
          <cell r="AR892" t="str">
            <v/>
          </cell>
          <cell r="AS892" t="str">
            <v/>
          </cell>
          <cell r="AT892" t="str">
            <v/>
          </cell>
          <cell r="AU892" t="str">
            <v/>
          </cell>
          <cell r="AV892" t="str">
            <v/>
          </cell>
          <cell r="AW892" t="str">
            <v/>
          </cell>
          <cell r="AX892" t="str">
            <v/>
          </cell>
          <cell r="AY892" t="str">
            <v/>
          </cell>
          <cell r="AZ892" t="str">
            <v/>
          </cell>
          <cell r="BA892" t="str">
            <v>静岡県</v>
          </cell>
          <cell r="BB892">
            <v>0</v>
          </cell>
          <cell r="CR892">
            <v>6408</v>
          </cell>
          <cell r="CS892" t="str">
            <v>ｶﾄｳ ﾁｴｺ</v>
          </cell>
          <cell r="CT892" t="str">
            <v>加藤　千恵子</v>
          </cell>
          <cell r="CU892" t="str">
            <v>こども福祉課</v>
          </cell>
          <cell r="CW892" t="str">
            <v xml:space="preserve"> </v>
          </cell>
          <cell r="CX892" t="str">
            <v xml:space="preserve"> </v>
          </cell>
          <cell r="CY892" t="str">
            <v>こども福祉課長</v>
          </cell>
        </row>
        <row r="893">
          <cell r="B893">
            <v>3565</v>
          </cell>
          <cell r="C893" t="str">
            <v>日機装(株)</v>
          </cell>
          <cell r="D893" t="str">
            <v>06-6155-2588</v>
          </cell>
          <cell r="E893" t="str">
            <v>560-0083</v>
          </cell>
          <cell r="F893" t="str">
            <v>大阪府豊中市新千里西町1-2-2</v>
          </cell>
          <cell r="G893" t="str">
            <v/>
          </cell>
          <cell r="H893" t="str">
            <v>西日本支社</v>
          </cell>
          <cell r="I893" t="str">
            <v>支社長 戸村　健二</v>
          </cell>
          <cell r="J893" t="str">
            <v>東京都</v>
          </cell>
          <cell r="K893" t="str">
            <v>06-6155-2388</v>
          </cell>
          <cell r="L893" t="str">
            <v>k.saito@nikkiso.co.jp</v>
          </cell>
          <cell r="M893" t="str">
            <v>ﾆｯｷｿｳ</v>
          </cell>
          <cell r="N893" t="str">
            <v>有</v>
          </cell>
          <cell r="O893">
            <v>48</v>
          </cell>
          <cell r="P893">
            <v>1877</v>
          </cell>
          <cell r="Q893">
            <v>7011001017109</v>
          </cell>
          <cell r="R893">
            <v>6544339</v>
          </cell>
          <cell r="S893">
            <v>64538000</v>
          </cell>
          <cell r="T893">
            <v>140912000</v>
          </cell>
          <cell r="V893" t="str">
            <v>jq306329</v>
          </cell>
          <cell r="W893" t="str">
            <v>td406034</v>
          </cell>
          <cell r="X893" t="str">
            <v>機(機)管</v>
          </cell>
          <cell r="Y893" t="str">
            <v>機(機)</v>
          </cell>
          <cell r="Z893" t="str">
            <v>管</v>
          </cell>
          <cell r="AA893" t="str">
            <v>機械器具</v>
          </cell>
          <cell r="AB893" t="str">
            <v/>
          </cell>
          <cell r="AC893" t="str">
            <v/>
          </cell>
          <cell r="AD893" t="str">
            <v/>
          </cell>
          <cell r="AE893">
            <v>43100</v>
          </cell>
          <cell r="AF893" t="str">
            <v>希望しない</v>
          </cell>
          <cell r="AG893" t="str">
            <v>機械器具</v>
          </cell>
          <cell r="AH893" t="str">
            <v>一般</v>
          </cell>
          <cell r="AI893">
            <v>1148</v>
          </cell>
          <cell r="AJ893">
            <v>1284808</v>
          </cell>
          <cell r="AK893" t="str">
            <v>0(0)/0/48</v>
          </cell>
          <cell r="AL893" t="str">
            <v/>
          </cell>
          <cell r="AM893" t="str">
            <v/>
          </cell>
          <cell r="AN893" t="str">
            <v/>
          </cell>
          <cell r="AO893" t="str">
            <v/>
          </cell>
          <cell r="AP893" t="str">
            <v/>
          </cell>
          <cell r="AQ893" t="str">
            <v/>
          </cell>
          <cell r="AR893" t="str">
            <v/>
          </cell>
          <cell r="AS893" t="str">
            <v/>
          </cell>
          <cell r="AT893" t="str">
            <v/>
          </cell>
          <cell r="AU893" t="str">
            <v/>
          </cell>
          <cell r="AV893" t="str">
            <v/>
          </cell>
          <cell r="AW893" t="str">
            <v/>
          </cell>
          <cell r="AX893" t="str">
            <v/>
          </cell>
          <cell r="AY893" t="str">
            <v/>
          </cell>
          <cell r="AZ893" t="str">
            <v/>
          </cell>
          <cell r="BA893" t="str">
            <v>東京都</v>
          </cell>
          <cell r="BB893">
            <v>0</v>
          </cell>
          <cell r="CR893">
            <v>6411</v>
          </cell>
          <cell r="CS893" t="str">
            <v>ﾋｶﾞｼ ﾐｷ</v>
          </cell>
          <cell r="CT893" t="str">
            <v>東  美紀</v>
          </cell>
          <cell r="CU893" t="str">
            <v>保育課</v>
          </cell>
          <cell r="CW893" t="str">
            <v xml:space="preserve"> </v>
          </cell>
          <cell r="CX893" t="str">
            <v xml:space="preserve"> </v>
          </cell>
          <cell r="CY893" t="str">
            <v>保育課長</v>
          </cell>
        </row>
        <row r="894">
          <cell r="B894">
            <v>3566</v>
          </cell>
          <cell r="C894" t="str">
            <v>日研電工(株)</v>
          </cell>
          <cell r="D894" t="str">
            <v>078-822-1200</v>
          </cell>
          <cell r="E894" t="str">
            <v>658-0046</v>
          </cell>
          <cell r="F894" t="str">
            <v>兵庫県神戸市東灘区御影本町6-2-5</v>
          </cell>
          <cell r="G894" t="str">
            <v>神戸市</v>
          </cell>
          <cell r="H894" t="str">
            <v/>
          </cell>
          <cell r="I894" t="str">
            <v>代表取締役社長 大塚　仁志</v>
          </cell>
          <cell r="J894" t="str">
            <v>本店</v>
          </cell>
          <cell r="K894" t="str">
            <v>078-822-1206</v>
          </cell>
          <cell r="L894" t="str">
            <v>h-ohtsuka@nikken-ee.co.jp</v>
          </cell>
          <cell r="M894" t="str">
            <v>ﾆｯｹﾝﾃﾞﾝｺｳ</v>
          </cell>
          <cell r="N894" t="str">
            <v>無</v>
          </cell>
          <cell r="O894">
            <v>28</v>
          </cell>
          <cell r="P894">
            <v>14</v>
          </cell>
          <cell r="Q894">
            <v>8140001019043</v>
          </cell>
          <cell r="R894">
            <v>10000</v>
          </cell>
          <cell r="S894">
            <v>30966</v>
          </cell>
          <cell r="T894">
            <v>601418</v>
          </cell>
          <cell r="V894" t="str">
            <v>zt952607</v>
          </cell>
          <cell r="W894" t="str">
            <v>nu189332</v>
          </cell>
          <cell r="X894" t="str">
            <v>電管機消</v>
          </cell>
          <cell r="Y894" t="str">
            <v>電管機消</v>
          </cell>
          <cell r="Z894" t="str">
            <v/>
          </cell>
          <cell r="AA894" t="str">
            <v>電気</v>
          </cell>
          <cell r="AB894" t="str">
            <v>管</v>
          </cell>
          <cell r="AC894" t="str">
            <v>消防施設</v>
          </cell>
          <cell r="AD894" t="str">
            <v>機械器具</v>
          </cell>
          <cell r="AE894">
            <v>43008</v>
          </cell>
          <cell r="AF894" t="str">
            <v>希望しない</v>
          </cell>
          <cell r="AG894" t="str">
            <v>電気</v>
          </cell>
          <cell r="AH894" t="str">
            <v>一般</v>
          </cell>
          <cell r="AI894">
            <v>686</v>
          </cell>
          <cell r="AJ894">
            <v>399862</v>
          </cell>
          <cell r="AK894" t="str">
            <v>2(1)/1/1</v>
          </cell>
          <cell r="AL894" t="str">
            <v>管</v>
          </cell>
          <cell r="AM894" t="str">
            <v>一般</v>
          </cell>
          <cell r="AN894">
            <v>579</v>
          </cell>
          <cell r="AO894">
            <v>11725</v>
          </cell>
          <cell r="AP894" t="str">
            <v>0(0)/1/0</v>
          </cell>
          <cell r="AQ894" t="str">
            <v>消防施設</v>
          </cell>
          <cell r="AR894" t="str">
            <v>一般</v>
          </cell>
          <cell r="AS894">
            <v>561</v>
          </cell>
          <cell r="AT894">
            <v>5693</v>
          </cell>
          <cell r="AU894" t="str">
            <v>0(0)/3/0</v>
          </cell>
          <cell r="AV894" t="str">
            <v>機械器具</v>
          </cell>
          <cell r="AW894" t="str">
            <v>一般</v>
          </cell>
          <cell r="AX894">
            <v>564</v>
          </cell>
          <cell r="AY894">
            <v>12823</v>
          </cell>
          <cell r="AZ894" t="str">
            <v>0(0)/0/0</v>
          </cell>
          <cell r="BA894" t="str">
            <v>兵庫県</v>
          </cell>
          <cell r="BB894">
            <v>0</v>
          </cell>
          <cell r="CR894">
            <v>6419</v>
          </cell>
          <cell r="CS894" t="str">
            <v>ﾅｶﾀ ｾｲｿﾞｳ</v>
          </cell>
          <cell r="CT894" t="str">
            <v>中田  精三</v>
          </cell>
          <cell r="CU894" t="str">
            <v xml:space="preserve"> </v>
          </cell>
          <cell r="CW894" t="str">
            <v xml:space="preserve"> </v>
          </cell>
          <cell r="CX894" t="str">
            <v>病院事業管理者</v>
          </cell>
          <cell r="CY894" t="str">
            <v>　</v>
          </cell>
        </row>
        <row r="895">
          <cell r="B895">
            <v>3568</v>
          </cell>
          <cell r="C895" t="str">
            <v>日光建設工業(株)</v>
          </cell>
          <cell r="D895" t="str">
            <v>0798-49-3880</v>
          </cell>
          <cell r="E895" t="str">
            <v>663-8184</v>
          </cell>
          <cell r="F895" t="str">
            <v>兵庫県西宮市鳴尾町1-7-8</v>
          </cell>
          <cell r="G895" t="str">
            <v>西宮市</v>
          </cell>
          <cell r="H895" t="str">
            <v/>
          </cell>
          <cell r="I895" t="str">
            <v>取締役社長 加島　賢一</v>
          </cell>
          <cell r="J895" t="str">
            <v>本店</v>
          </cell>
          <cell r="K895" t="str">
            <v>0798-43-0880</v>
          </cell>
          <cell r="L895" t="str">
            <v>nikkoken@skyblue.ocn.ne.jp</v>
          </cell>
          <cell r="M895" t="str">
            <v>ﾆｯｺｳｹﾝｾﾂｺｳｷﾞｮｳ</v>
          </cell>
          <cell r="N895" t="str">
            <v>無</v>
          </cell>
          <cell r="O895">
            <v>59</v>
          </cell>
          <cell r="P895">
            <v>10</v>
          </cell>
          <cell r="Q895">
            <v>2140001069746</v>
          </cell>
          <cell r="R895">
            <v>4500</v>
          </cell>
          <cell r="S895">
            <v>207825</v>
          </cell>
          <cell r="T895">
            <v>269608</v>
          </cell>
          <cell r="V895" t="str">
            <v>jp995205</v>
          </cell>
          <cell r="W895" t="str">
            <v>sj262005</v>
          </cell>
          <cell r="X895" t="str">
            <v>管園土建とタ鋼舗浚塗防内水解</v>
          </cell>
          <cell r="Y895" t="str">
            <v>管園</v>
          </cell>
          <cell r="Z895" t="str">
            <v>土建とタ鋼舗浚塗防内水解</v>
          </cell>
          <cell r="AA895" t="str">
            <v>土木一式</v>
          </cell>
          <cell r="AB895" t="str">
            <v>水道施設</v>
          </cell>
          <cell r="AC895" t="str">
            <v>舗装</v>
          </cell>
          <cell r="AD895" t="str">
            <v>建築一式</v>
          </cell>
          <cell r="AE895">
            <v>43100</v>
          </cell>
          <cell r="AF895" t="str">
            <v>希望する</v>
          </cell>
          <cell r="AG895" t="str">
            <v>土木一式</v>
          </cell>
          <cell r="AH895" t="str">
            <v>特定</v>
          </cell>
          <cell r="AI895">
            <v>901</v>
          </cell>
          <cell r="AJ895">
            <v>312232</v>
          </cell>
          <cell r="AK895" t="str">
            <v>5(5)/1/2</v>
          </cell>
          <cell r="AL895" t="str">
            <v>水道施設</v>
          </cell>
          <cell r="AM895" t="str">
            <v>特定</v>
          </cell>
          <cell r="AN895">
            <v>702</v>
          </cell>
          <cell r="AO895">
            <v>520</v>
          </cell>
          <cell r="AP895" t="str">
            <v>1(1)/0/0</v>
          </cell>
          <cell r="AQ895" t="str">
            <v>舗装</v>
          </cell>
          <cell r="AR895" t="str">
            <v>特定</v>
          </cell>
          <cell r="AS895">
            <v>760</v>
          </cell>
          <cell r="AT895">
            <v>8286</v>
          </cell>
          <cell r="AU895" t="str">
            <v>2(2)/1/0</v>
          </cell>
          <cell r="AV895" t="str">
            <v>建築一式</v>
          </cell>
          <cell r="AW895" t="str">
            <v>特定</v>
          </cell>
          <cell r="AX895">
            <v>742</v>
          </cell>
          <cell r="AY895">
            <v>16387</v>
          </cell>
          <cell r="AZ895" t="str">
            <v>1(1)/0/0</v>
          </cell>
          <cell r="BA895" t="str">
            <v>兵庫県</v>
          </cell>
          <cell r="BB895">
            <v>0</v>
          </cell>
          <cell r="CR895">
            <v>6429</v>
          </cell>
          <cell r="CS895" t="str">
            <v>ｳﾁﾀﾞ ｼﾝﾀﾛｳ</v>
          </cell>
          <cell r="CT895" t="str">
            <v>内田  真太郎</v>
          </cell>
          <cell r="CU895" t="str">
            <v>秘書課</v>
          </cell>
          <cell r="CW895">
            <v>4313</v>
          </cell>
          <cell r="CX895" t="str">
            <v xml:space="preserve"> </v>
          </cell>
          <cell r="CY895" t="str">
            <v>秘書課長</v>
          </cell>
        </row>
        <row r="896">
          <cell r="B896">
            <v>3570</v>
          </cell>
          <cell r="C896" t="str">
            <v>日光電気工事(株)</v>
          </cell>
          <cell r="D896" t="str">
            <v>078-811-2301</v>
          </cell>
          <cell r="E896" t="str">
            <v>530-8565</v>
          </cell>
          <cell r="F896" t="str">
            <v>兵庫県神戸市東灘区魚崎西町3-5-31</v>
          </cell>
          <cell r="G896" t="str">
            <v>神戸市</v>
          </cell>
          <cell r="H896" t="str">
            <v/>
          </cell>
          <cell r="I896" t="str">
            <v>代表取締役　 末岡　靖彦</v>
          </cell>
          <cell r="J896" t="str">
            <v>本店</v>
          </cell>
          <cell r="K896" t="str">
            <v>078-843-0069</v>
          </cell>
          <cell r="L896" t="str">
            <v>nikkou_d@117.ne.jp</v>
          </cell>
          <cell r="M896" t="str">
            <v/>
          </cell>
          <cell r="N896" t="str">
            <v>無</v>
          </cell>
          <cell r="O896">
            <v>54</v>
          </cell>
          <cell r="P896">
            <v>28</v>
          </cell>
          <cell r="Q896">
            <v>2140001002194</v>
          </cell>
          <cell r="R896">
            <v>96000</v>
          </cell>
          <cell r="S896">
            <v>1254256</v>
          </cell>
          <cell r="T896">
            <v>537688</v>
          </cell>
          <cell r="V896" t="str">
            <v>xx925577</v>
          </cell>
          <cell r="W896" t="str">
            <v>sf940918</v>
          </cell>
          <cell r="X896" t="str">
            <v>管園土建とタ鋼舗浚塗防内水解</v>
          </cell>
          <cell r="Y896" t="str">
            <v>管園</v>
          </cell>
          <cell r="Z896" t="str">
            <v>土建とタ鋼舗浚塗防内水解</v>
          </cell>
          <cell r="AA896" t="str">
            <v>電気</v>
          </cell>
          <cell r="AB896" t="str">
            <v/>
          </cell>
          <cell r="AC896" t="str">
            <v/>
          </cell>
          <cell r="AD896" t="str">
            <v/>
          </cell>
          <cell r="AE896" t="str">
            <v/>
          </cell>
          <cell r="AF896" t="str">
            <v/>
          </cell>
          <cell r="AG896" t="str">
            <v>電気</v>
          </cell>
          <cell r="AH896" t="str">
            <v>特定</v>
          </cell>
          <cell r="AI896">
            <v>936</v>
          </cell>
          <cell r="AJ896">
            <v>509948</v>
          </cell>
          <cell r="AK896" t="str">
            <v>8(0)/2/5</v>
          </cell>
          <cell r="AL896" t="str">
            <v/>
          </cell>
          <cell r="AM896" t="str">
            <v/>
          </cell>
          <cell r="AN896" t="str">
            <v/>
          </cell>
          <cell r="AO896" t="str">
            <v/>
          </cell>
          <cell r="AP896" t="str">
            <v/>
          </cell>
          <cell r="AQ896" t="str">
            <v/>
          </cell>
          <cell r="AR896" t="str">
            <v/>
          </cell>
          <cell r="AS896" t="str">
            <v/>
          </cell>
          <cell r="AT896" t="str">
            <v/>
          </cell>
          <cell r="AU896" t="str">
            <v/>
          </cell>
          <cell r="AV896" t="str">
            <v/>
          </cell>
          <cell r="AW896" t="str">
            <v/>
          </cell>
          <cell r="AX896" t="str">
            <v/>
          </cell>
          <cell r="AY896" t="str">
            <v/>
          </cell>
          <cell r="AZ896" t="str">
            <v/>
          </cell>
          <cell r="BA896" t="str">
            <v>兵庫県</v>
          </cell>
          <cell r="BB896">
            <v>0</v>
          </cell>
          <cell r="CR896">
            <v>6430</v>
          </cell>
          <cell r="CS896" t="str">
            <v>ｵｵｼﾏ ﾋﾛｷ</v>
          </cell>
          <cell r="CT896" t="str">
            <v>大島  洋喜</v>
          </cell>
          <cell r="CU896" t="str">
            <v>こども若者企画課</v>
          </cell>
          <cell r="CW896" t="str">
            <v xml:space="preserve"> </v>
          </cell>
          <cell r="CX896" t="str">
            <v xml:space="preserve"> </v>
          </cell>
          <cell r="CY896" t="str">
            <v>こども若者企画課長</v>
          </cell>
        </row>
        <row r="897">
          <cell r="B897">
            <v>3571</v>
          </cell>
          <cell r="C897" t="str">
            <v>日工マシナリー(株)</v>
          </cell>
          <cell r="D897" t="str">
            <v>078-947-3399</v>
          </cell>
          <cell r="E897" t="str">
            <v>674-8585</v>
          </cell>
          <cell r="F897" t="str">
            <v>兵庫県明石市大久保町江井島1013-1</v>
          </cell>
          <cell r="G897" t="str">
            <v>野田市</v>
          </cell>
          <cell r="H897" t="str">
            <v>関西支店</v>
          </cell>
          <cell r="I897" t="str">
            <v>支店長 前田　雅彦</v>
          </cell>
          <cell r="J897" t="str">
            <v>千葉県野田市</v>
          </cell>
          <cell r="K897" t="str">
            <v>078-947-3416</v>
          </cell>
          <cell r="L897" t="str">
            <v>nikko-m.kansai@kna.biglobe.ne.jp</v>
          </cell>
          <cell r="M897" t="str">
            <v>ﾆｯｺｳﾏｼﾅﾘｰ</v>
          </cell>
          <cell r="N897" t="str">
            <v>有</v>
          </cell>
          <cell r="O897">
            <v>42</v>
          </cell>
          <cell r="P897">
            <v>54</v>
          </cell>
          <cell r="Q897">
            <v>5040001071800</v>
          </cell>
          <cell r="R897">
            <v>95000</v>
          </cell>
          <cell r="S897">
            <v>962789</v>
          </cell>
          <cell r="T897">
            <v>1765354</v>
          </cell>
          <cell r="V897" t="str">
            <v>sv431815</v>
          </cell>
          <cell r="W897" t="str">
            <v>jc999737</v>
          </cell>
          <cell r="X897" t="str">
            <v>機(鋼)(機)鋼</v>
          </cell>
          <cell r="Y897" t="str">
            <v>機(鋼)(機)</v>
          </cell>
          <cell r="Z897" t="str">
            <v>鋼</v>
          </cell>
          <cell r="AA897" t="str">
            <v>機械器具</v>
          </cell>
          <cell r="AB897" t="str">
            <v>鋼構造物</v>
          </cell>
          <cell r="AC897" t="str">
            <v/>
          </cell>
          <cell r="AD897" t="str">
            <v/>
          </cell>
          <cell r="AE897">
            <v>43190</v>
          </cell>
          <cell r="AF897" t="str">
            <v>希望しない</v>
          </cell>
          <cell r="AG897" t="str">
            <v>機械器具</v>
          </cell>
          <cell r="AH897" t="str">
            <v>一般</v>
          </cell>
          <cell r="AI897">
            <v>846</v>
          </cell>
          <cell r="AJ897">
            <v>187730</v>
          </cell>
          <cell r="AK897" t="str">
            <v>0(0)/0/12</v>
          </cell>
          <cell r="AL897" t="str">
            <v>鋼構造物</v>
          </cell>
          <cell r="AM897" t="str">
            <v>特定</v>
          </cell>
          <cell r="AN897">
            <v>984</v>
          </cell>
          <cell r="AO897">
            <v>668796</v>
          </cell>
          <cell r="AP897" t="str">
            <v>14(13)/4/0</v>
          </cell>
          <cell r="AQ897" t="str">
            <v/>
          </cell>
          <cell r="AR897" t="str">
            <v/>
          </cell>
          <cell r="AS897" t="str">
            <v/>
          </cell>
          <cell r="AT897" t="str">
            <v/>
          </cell>
          <cell r="AU897" t="str">
            <v/>
          </cell>
          <cell r="AV897" t="str">
            <v/>
          </cell>
          <cell r="AW897" t="str">
            <v/>
          </cell>
          <cell r="AX897" t="str">
            <v/>
          </cell>
          <cell r="AY897" t="str">
            <v/>
          </cell>
          <cell r="AZ897" t="str">
            <v/>
          </cell>
          <cell r="BA897" t="str">
            <v>千葉県</v>
          </cell>
          <cell r="BB897">
            <v>0</v>
          </cell>
          <cell r="CR897">
            <v>6431</v>
          </cell>
          <cell r="CS897" t="str">
            <v>ｵﾔﾄﾞ ｼﾞﾕﾝ</v>
          </cell>
          <cell r="CT897" t="str">
            <v>御宿  潤</v>
          </cell>
          <cell r="CU897" t="str">
            <v>人事研修課</v>
          </cell>
          <cell r="CW897">
            <v>2416</v>
          </cell>
          <cell r="CX897" t="str">
            <v xml:space="preserve"> </v>
          </cell>
          <cell r="CY897" t="str">
            <v>人事研修課長</v>
          </cell>
        </row>
        <row r="898">
          <cell r="B898">
            <v>3572</v>
          </cell>
          <cell r="C898" t="str">
            <v>(株)日さく</v>
          </cell>
          <cell r="D898" t="str">
            <v>06-6318-0360</v>
          </cell>
          <cell r="E898" t="str">
            <v>564-0037</v>
          </cell>
          <cell r="F898" t="str">
            <v>大阪府吹田市川岸町11-1</v>
          </cell>
          <cell r="G898" t="str">
            <v>吹田市</v>
          </cell>
          <cell r="H898" t="str">
            <v>大阪支店</v>
          </cell>
          <cell r="I898" t="str">
            <v>執行役員　支店長 高橋　克也</v>
          </cell>
          <cell r="J898" t="str">
            <v>埼玉県さいたま市</v>
          </cell>
          <cell r="K898" t="str">
            <v>06-6318-0380</v>
          </cell>
          <cell r="L898" t="str">
            <v>ec-osaka@nissaku.co.jp</v>
          </cell>
          <cell r="M898" t="str">
            <v>ﾆｯｻｸ</v>
          </cell>
          <cell r="N898" t="str">
            <v>有</v>
          </cell>
          <cell r="O898">
            <v>107</v>
          </cell>
          <cell r="P898">
            <v>223</v>
          </cell>
          <cell r="Q898">
            <v>6030001009800</v>
          </cell>
          <cell r="R898">
            <v>100000</v>
          </cell>
          <cell r="S898">
            <v>872677</v>
          </cell>
          <cell r="T898">
            <v>4905921</v>
          </cell>
          <cell r="V898" t="str">
            <v>rx105189</v>
          </cell>
          <cell r="W898" t="str">
            <v>de837520</v>
          </cell>
          <cell r="X898" t="str">
            <v>(清)(と)(管)(園)(井)(水)土と管園井水</v>
          </cell>
          <cell r="Y898" t="str">
            <v>(清)(と)(管)(園)(井)(水)</v>
          </cell>
          <cell r="Z898" t="str">
            <v>土と管園井水</v>
          </cell>
          <cell r="AA898" t="str">
            <v>さく井</v>
          </cell>
          <cell r="AB898" t="str">
            <v>土木一式</v>
          </cell>
          <cell r="AC898" t="str">
            <v>とび土工</v>
          </cell>
          <cell r="AD898" t="str">
            <v>管</v>
          </cell>
          <cell r="AE898">
            <v>43190</v>
          </cell>
          <cell r="AF898" t="str">
            <v>希望しない</v>
          </cell>
          <cell r="AG898" t="str">
            <v>さく井</v>
          </cell>
          <cell r="AH898" t="str">
            <v>特定</v>
          </cell>
          <cell r="AI898">
            <v>1079</v>
          </cell>
          <cell r="AJ898">
            <v>2671158</v>
          </cell>
          <cell r="AK898" t="str">
            <v>0(0)/63/1</v>
          </cell>
          <cell r="AL898" t="str">
            <v>土木一式</v>
          </cell>
          <cell r="AM898" t="str">
            <v>特定</v>
          </cell>
          <cell r="AN898">
            <v>985</v>
          </cell>
          <cell r="AO898">
            <v>227416</v>
          </cell>
          <cell r="AP898" t="str">
            <v>31(31)/6/0</v>
          </cell>
          <cell r="AQ898" t="str">
            <v>とび土工</v>
          </cell>
          <cell r="AR898" t="str">
            <v>特定</v>
          </cell>
          <cell r="AS898">
            <v>941</v>
          </cell>
          <cell r="AT898">
            <v>457688</v>
          </cell>
          <cell r="AU898" t="str">
            <v>14(12)/7/0</v>
          </cell>
          <cell r="AV898" t="str">
            <v>管</v>
          </cell>
          <cell r="AW898" t="str">
            <v>特定</v>
          </cell>
          <cell r="AX898">
            <v>871</v>
          </cell>
          <cell r="AY898">
            <v>138173</v>
          </cell>
          <cell r="AZ898" t="str">
            <v>4(4)/7/0</v>
          </cell>
          <cell r="BA898" t="str">
            <v>埼玉県</v>
          </cell>
          <cell r="BB898">
            <v>0</v>
          </cell>
          <cell r="CR898">
            <v>6432</v>
          </cell>
          <cell r="CS898" t="str">
            <v>ｸｽﾀﾞ ﾋﾛｼ</v>
          </cell>
          <cell r="CT898" t="str">
            <v>楠田  紘士</v>
          </cell>
          <cell r="CU898" t="str">
            <v>文化振興課</v>
          </cell>
          <cell r="CW898">
            <v>2933</v>
          </cell>
          <cell r="CX898" t="str">
            <v xml:space="preserve"> </v>
          </cell>
          <cell r="CY898" t="str">
            <v>文化振興課長</v>
          </cell>
        </row>
        <row r="899">
          <cell r="B899">
            <v>3574</v>
          </cell>
          <cell r="C899" t="str">
            <v>日進化成(株)</v>
          </cell>
          <cell r="D899" t="str">
            <v>0798-22-6321</v>
          </cell>
          <cell r="E899" t="str">
            <v>662-0934</v>
          </cell>
          <cell r="F899" t="str">
            <v>兵庫県西宮市西宮浜1-1-5</v>
          </cell>
          <cell r="G899" t="str">
            <v/>
          </cell>
          <cell r="H899" t="str">
            <v>神戸営業所</v>
          </cell>
          <cell r="I899" t="str">
            <v>所長 藤岡　圭一</v>
          </cell>
          <cell r="J899" t="str">
            <v>東京都</v>
          </cell>
          <cell r="K899" t="str">
            <v>0798-22-6525</v>
          </cell>
          <cell r="L899" t="str">
            <v>kouno@nissin-kasei.co.jp</v>
          </cell>
          <cell r="M899" t="str">
            <v>ﾆｯｼﾝｶｾｲ</v>
          </cell>
          <cell r="N899" t="str">
            <v>有</v>
          </cell>
          <cell r="O899">
            <v>45</v>
          </cell>
          <cell r="P899">
            <v>153</v>
          </cell>
          <cell r="Q899">
            <v>9011101015836</v>
          </cell>
          <cell r="R899">
            <v>48000</v>
          </cell>
          <cell r="S899">
            <v>3391155</v>
          </cell>
          <cell r="T899">
            <v>10433633</v>
          </cell>
          <cell r="V899" t="str">
            <v>cm497217</v>
          </cell>
          <cell r="W899" t="str">
            <v>td299798</v>
          </cell>
          <cell r="X899" t="str">
            <v>と石防水(清)(と)(石)(舗)(塗)(水)土舗塗</v>
          </cell>
          <cell r="Y899" t="str">
            <v>と石防水(清)(と)(石)(舗)(塗)(水)</v>
          </cell>
          <cell r="Z899" t="str">
            <v>土舗塗</v>
          </cell>
          <cell r="AA899" t="str">
            <v>舗装</v>
          </cell>
          <cell r="AB899" t="str">
            <v>とび土工</v>
          </cell>
          <cell r="AC899" t="str">
            <v>塗装</v>
          </cell>
          <cell r="AD899" t="str">
            <v/>
          </cell>
          <cell r="AE899">
            <v>43190</v>
          </cell>
          <cell r="AF899" t="str">
            <v>希望しない</v>
          </cell>
          <cell r="AG899" t="str">
            <v>舗装</v>
          </cell>
          <cell r="AH899" t="str">
            <v>特定</v>
          </cell>
          <cell r="AI899">
            <v>1023</v>
          </cell>
          <cell r="AJ899">
            <v>3231512</v>
          </cell>
          <cell r="AK899" t="str">
            <v>12(12)/0/0</v>
          </cell>
          <cell r="AL899" t="str">
            <v>とび土工</v>
          </cell>
          <cell r="AM899" t="str">
            <v>一般</v>
          </cell>
          <cell r="AN899">
            <v>937</v>
          </cell>
          <cell r="AO899">
            <v>315684</v>
          </cell>
          <cell r="AP899" t="str">
            <v>0(0)/65/0</v>
          </cell>
          <cell r="AQ899" t="str">
            <v>塗装</v>
          </cell>
          <cell r="AR899" t="str">
            <v>特定</v>
          </cell>
          <cell r="AS899">
            <v>915</v>
          </cell>
          <cell r="AT899">
            <v>390221</v>
          </cell>
          <cell r="AU899" t="str">
            <v>12(0)/0/0</v>
          </cell>
          <cell r="AV899" t="str">
            <v/>
          </cell>
          <cell r="AW899" t="str">
            <v/>
          </cell>
          <cell r="AX899" t="str">
            <v/>
          </cell>
          <cell r="AY899" t="str">
            <v/>
          </cell>
          <cell r="AZ899" t="str">
            <v/>
          </cell>
          <cell r="BA899" t="str">
            <v>東京都</v>
          </cell>
          <cell r="BB899" t="str">
            <v>神楽坂１丁目ビル</v>
          </cell>
          <cell r="CR899">
            <v>6433</v>
          </cell>
          <cell r="CS899" t="str">
            <v>ｼﾏｻﾞｷ ｱｷｺ</v>
          </cell>
          <cell r="CT899" t="str">
            <v>島﨑  暁子</v>
          </cell>
          <cell r="CU899" t="str">
            <v>都市計画課</v>
          </cell>
          <cell r="CW899">
            <v>3215</v>
          </cell>
          <cell r="CX899" t="str">
            <v xml:space="preserve"> </v>
          </cell>
          <cell r="CY899" t="str">
            <v>都市計画課長</v>
          </cell>
        </row>
        <row r="900">
          <cell r="B900">
            <v>3575</v>
          </cell>
          <cell r="C900" t="str">
            <v>日新建工(株)</v>
          </cell>
          <cell r="D900" t="str">
            <v>075-495-0072</v>
          </cell>
          <cell r="E900" t="str">
            <v>603-8416</v>
          </cell>
          <cell r="F900" t="str">
            <v>京都府京都市北区紫竹北大門町72-1</v>
          </cell>
          <cell r="G900" t="str">
            <v>京都市</v>
          </cell>
          <cell r="H900" t="str">
            <v/>
          </cell>
          <cell r="I900" t="str">
            <v>代表取締役 田村　弘</v>
          </cell>
          <cell r="J900" t="str">
            <v>本店</v>
          </cell>
          <cell r="K900" t="str">
            <v>075-495-0062</v>
          </cell>
          <cell r="L900" t="str">
            <v>nisshin@dokakong.co.jp</v>
          </cell>
          <cell r="M900" t="str">
            <v>ﾆｯｼﾝｹﾝｺｳ</v>
          </cell>
          <cell r="N900" t="str">
            <v>無</v>
          </cell>
          <cell r="O900">
            <v>68</v>
          </cell>
          <cell r="P900">
            <v>15</v>
          </cell>
          <cell r="Q900">
            <v>2130001007013</v>
          </cell>
          <cell r="R900">
            <v>100000</v>
          </cell>
          <cell r="S900">
            <v>216431</v>
          </cell>
          <cell r="T900">
            <v>749961</v>
          </cell>
          <cell r="V900" t="str">
            <v>xf136124</v>
          </cell>
          <cell r="W900" t="str">
            <v>gt632204</v>
          </cell>
          <cell r="X900" t="str">
            <v>建土と石鋼舗浚塗水</v>
          </cell>
          <cell r="Y900" t="str">
            <v>建</v>
          </cell>
          <cell r="Z900" t="str">
            <v>土と石鋼舗浚塗水</v>
          </cell>
          <cell r="AA900" t="str">
            <v>土木一式</v>
          </cell>
          <cell r="AB900" t="str">
            <v>舗装</v>
          </cell>
          <cell r="AC900" t="str">
            <v/>
          </cell>
          <cell r="AD900" t="str">
            <v/>
          </cell>
          <cell r="AE900">
            <v>43281</v>
          </cell>
          <cell r="AF900" t="str">
            <v>希望する</v>
          </cell>
          <cell r="AG900" t="str">
            <v>土木一式</v>
          </cell>
          <cell r="AH900" t="str">
            <v>特定</v>
          </cell>
          <cell r="AI900">
            <v>952</v>
          </cell>
          <cell r="AJ900">
            <v>546860</v>
          </cell>
          <cell r="AK900" t="str">
            <v>13(13)/0/1</v>
          </cell>
          <cell r="AL900" t="str">
            <v>舗装</v>
          </cell>
          <cell r="AM900" t="str">
            <v>特定</v>
          </cell>
          <cell r="AN900">
            <v>910</v>
          </cell>
          <cell r="AO900">
            <v>212646</v>
          </cell>
          <cell r="AP900" t="str">
            <v>13(13)/0/1</v>
          </cell>
          <cell r="AQ900" t="str">
            <v/>
          </cell>
          <cell r="AR900" t="str">
            <v/>
          </cell>
          <cell r="AS900" t="str">
            <v/>
          </cell>
          <cell r="AT900" t="str">
            <v/>
          </cell>
          <cell r="AU900" t="str">
            <v/>
          </cell>
          <cell r="AV900" t="str">
            <v/>
          </cell>
          <cell r="AW900" t="str">
            <v/>
          </cell>
          <cell r="AX900" t="str">
            <v/>
          </cell>
          <cell r="AY900" t="str">
            <v/>
          </cell>
          <cell r="AZ900" t="str">
            <v/>
          </cell>
          <cell r="BA900" t="str">
            <v>京都府</v>
          </cell>
          <cell r="BB900">
            <v>0</v>
          </cell>
          <cell r="CR900">
            <v>6435</v>
          </cell>
          <cell r="CS900" t="str">
            <v>ｺﾞﾄｳ ﾁﾂﾞ</v>
          </cell>
          <cell r="CT900" t="str">
            <v>後藤  千鶴</v>
          </cell>
          <cell r="CU900" t="str">
            <v>資産税課</v>
          </cell>
          <cell r="CW900">
            <v>2330</v>
          </cell>
          <cell r="CX900" t="str">
            <v xml:space="preserve"> </v>
          </cell>
          <cell r="CY900" t="str">
            <v>資産税課長</v>
          </cell>
        </row>
        <row r="901">
          <cell r="B901">
            <v>3576</v>
          </cell>
          <cell r="C901" t="str">
            <v>日新電機(株)</v>
          </cell>
          <cell r="D901" t="str">
            <v>06-6444-7541</v>
          </cell>
          <cell r="E901" t="str">
            <v>530-6129</v>
          </cell>
          <cell r="F901" t="str">
            <v>大阪府大阪市北区中之島3-3-23</v>
          </cell>
          <cell r="G901" t="str">
            <v>京都市</v>
          </cell>
          <cell r="H901" t="str">
            <v>関西支社</v>
          </cell>
          <cell r="I901" t="str">
            <v>支社長 西川　徳裕</v>
          </cell>
          <cell r="J901" t="str">
            <v>京都府京都市</v>
          </cell>
          <cell r="K901" t="str">
            <v>06-6444-6082</v>
          </cell>
          <cell r="L901" t="str">
            <v>nyusatu-hyogo@ml.nissin.co.jp</v>
          </cell>
          <cell r="M901" t="str">
            <v>ﾆｯｼﾝﾃﾞﾝｷ</v>
          </cell>
          <cell r="N901" t="str">
            <v>有</v>
          </cell>
          <cell r="O901">
            <v>64</v>
          </cell>
          <cell r="P901">
            <v>1890</v>
          </cell>
          <cell r="Q901">
            <v>8130001001588</v>
          </cell>
          <cell r="R901">
            <v>10252845</v>
          </cell>
          <cell r="S901">
            <v>71408571</v>
          </cell>
          <cell r="T901">
            <v>127003000</v>
          </cell>
          <cell r="V901" t="str">
            <v>hc808241</v>
          </cell>
          <cell r="W901" t="str">
            <v>cx319104</v>
          </cell>
          <cell r="X901" t="str">
            <v>(電)(通)電管機通</v>
          </cell>
          <cell r="Y901" t="str">
            <v>(電)(通)</v>
          </cell>
          <cell r="Z901" t="str">
            <v>電管機通</v>
          </cell>
          <cell r="AA901" t="str">
            <v>電気</v>
          </cell>
          <cell r="AB901" t="str">
            <v>電気通信</v>
          </cell>
          <cell r="AC901" t="str">
            <v/>
          </cell>
          <cell r="AD901" t="str">
            <v/>
          </cell>
          <cell r="AE901">
            <v>43190</v>
          </cell>
          <cell r="AF901" t="str">
            <v>希望しない</v>
          </cell>
          <cell r="AG901" t="str">
            <v>電気</v>
          </cell>
          <cell r="AH901" t="str">
            <v>特定</v>
          </cell>
          <cell r="AI901">
            <v>1691</v>
          </cell>
          <cell r="AJ901">
            <v>38505116</v>
          </cell>
          <cell r="AK901" t="str">
            <v>525(354)/57/113</v>
          </cell>
          <cell r="AL901" t="str">
            <v>電気通信</v>
          </cell>
          <cell r="AM901" t="str">
            <v>特定</v>
          </cell>
          <cell r="AN901">
            <v>1320</v>
          </cell>
          <cell r="AO901">
            <v>2667616</v>
          </cell>
          <cell r="AP901" t="str">
            <v>2(1)/0/130</v>
          </cell>
          <cell r="AQ901" t="str">
            <v/>
          </cell>
          <cell r="AR901" t="str">
            <v/>
          </cell>
          <cell r="AS901" t="str">
            <v/>
          </cell>
          <cell r="AT901" t="str">
            <v/>
          </cell>
          <cell r="AU901" t="str">
            <v/>
          </cell>
          <cell r="AV901" t="str">
            <v/>
          </cell>
          <cell r="AW901" t="str">
            <v/>
          </cell>
          <cell r="AX901" t="str">
            <v/>
          </cell>
          <cell r="AY901" t="str">
            <v/>
          </cell>
          <cell r="AZ901" t="str">
            <v/>
          </cell>
          <cell r="BA901" t="str">
            <v>京都府</v>
          </cell>
          <cell r="BB901">
            <v>0</v>
          </cell>
          <cell r="CR901">
            <v>6436</v>
          </cell>
          <cell r="CS901" t="str">
            <v>ｻﾄｳ ﾀｶﾔ</v>
          </cell>
          <cell r="CT901" t="str">
            <v>佐藤  隆哉</v>
          </cell>
          <cell r="CU901" t="str">
            <v>まちづくり推進課</v>
          </cell>
          <cell r="CW901">
            <v>2125</v>
          </cell>
          <cell r="CX901" t="str">
            <v xml:space="preserve"> </v>
          </cell>
          <cell r="CY901" t="str">
            <v>まちづくり推進課長</v>
          </cell>
        </row>
        <row r="902">
          <cell r="B902">
            <v>3580</v>
          </cell>
          <cell r="C902" t="str">
            <v>日世産業(株)</v>
          </cell>
          <cell r="D902" t="str">
            <v>0798-66-6921</v>
          </cell>
          <cell r="E902" t="str">
            <v>663-8013</v>
          </cell>
          <cell r="F902" t="str">
            <v>兵庫県西宮市門前町11-4</v>
          </cell>
          <cell r="G902" t="str">
            <v>西宮市</v>
          </cell>
          <cell r="H902" t="str">
            <v/>
          </cell>
          <cell r="I902" t="str">
            <v>代表取締役 増永　喜亮</v>
          </cell>
          <cell r="J902" t="str">
            <v>本店</v>
          </cell>
          <cell r="K902" t="str">
            <v>0798-66-6923</v>
          </cell>
          <cell r="L902" t="str">
            <v>y-masunaga@nisseisan.co.jp</v>
          </cell>
          <cell r="M902" t="str">
            <v>ﾆｯｾｲｻﾝｷﾞｮｳ</v>
          </cell>
          <cell r="N902" t="str">
            <v>無</v>
          </cell>
          <cell r="O902">
            <v>38</v>
          </cell>
          <cell r="P902">
            <v>20</v>
          </cell>
          <cell r="Q902">
            <v>4140001069760</v>
          </cell>
          <cell r="R902">
            <v>20008</v>
          </cell>
          <cell r="S902">
            <v>325596</v>
          </cell>
          <cell r="T902">
            <v>1774538</v>
          </cell>
          <cell r="V902" t="str">
            <v>ka500791</v>
          </cell>
          <cell r="W902" t="str">
            <v>yp817716</v>
          </cell>
          <cell r="X902" t="str">
            <v>電機管</v>
          </cell>
          <cell r="Y902" t="str">
            <v>電機</v>
          </cell>
          <cell r="Z902" t="str">
            <v>管</v>
          </cell>
          <cell r="AA902" t="str">
            <v>管</v>
          </cell>
          <cell r="AB902" t="str">
            <v/>
          </cell>
          <cell r="AC902" t="str">
            <v/>
          </cell>
          <cell r="AD902" t="str">
            <v/>
          </cell>
          <cell r="AE902">
            <v>43281</v>
          </cell>
          <cell r="AF902" t="str">
            <v>希望しない</v>
          </cell>
          <cell r="AG902" t="str">
            <v>管</v>
          </cell>
          <cell r="AH902" t="str">
            <v>特定</v>
          </cell>
          <cell r="AI902">
            <v>876</v>
          </cell>
          <cell r="AJ902">
            <v>744247</v>
          </cell>
          <cell r="AK902" t="str">
            <v>9(9)/0/0</v>
          </cell>
          <cell r="AL902" t="str">
            <v/>
          </cell>
          <cell r="AM902" t="str">
            <v/>
          </cell>
          <cell r="AN902" t="str">
            <v/>
          </cell>
          <cell r="AO902" t="str">
            <v/>
          </cell>
          <cell r="AP902" t="str">
            <v/>
          </cell>
          <cell r="AQ902" t="str">
            <v/>
          </cell>
          <cell r="AR902" t="str">
            <v/>
          </cell>
          <cell r="AS902" t="str">
            <v/>
          </cell>
          <cell r="AT902" t="str">
            <v/>
          </cell>
          <cell r="AU902" t="str">
            <v/>
          </cell>
          <cell r="AV902" t="str">
            <v/>
          </cell>
          <cell r="AW902" t="str">
            <v/>
          </cell>
          <cell r="AX902" t="str">
            <v/>
          </cell>
          <cell r="AY902" t="str">
            <v/>
          </cell>
          <cell r="AZ902" t="str">
            <v/>
          </cell>
          <cell r="BA902" t="str">
            <v>兵庫県</v>
          </cell>
          <cell r="BB902">
            <v>0</v>
          </cell>
          <cell r="CR902">
            <v>6437</v>
          </cell>
          <cell r="CS902" t="str">
            <v>ｼﾏｻﾞｷ ﾏｻﾙ</v>
          </cell>
          <cell r="CT902" t="str">
            <v>島﨑  勝</v>
          </cell>
          <cell r="CU902" t="str">
            <v>徴収対策課</v>
          </cell>
          <cell r="CW902">
            <v>2366</v>
          </cell>
          <cell r="CX902" t="str">
            <v xml:space="preserve"> </v>
          </cell>
          <cell r="CY902" t="str">
            <v>徴収対策課長</v>
          </cell>
        </row>
        <row r="903">
          <cell r="B903">
            <v>3581</v>
          </cell>
          <cell r="C903" t="str">
            <v>日成ビルド工業(株)</v>
          </cell>
          <cell r="D903" t="str">
            <v>078-251-4560</v>
          </cell>
          <cell r="E903" t="str">
            <v>651-0087</v>
          </cell>
          <cell r="F903" t="str">
            <v>兵庫県神戸市中央区御幸通4ｰ1ｰ1</v>
          </cell>
          <cell r="G903" t="str">
            <v>金沢市</v>
          </cell>
          <cell r="H903" t="str">
            <v>兵庫支店</v>
          </cell>
          <cell r="I903" t="str">
            <v>支店長 荒井　孝行</v>
          </cell>
          <cell r="J903" t="str">
            <v>石川県金沢市</v>
          </cell>
          <cell r="K903" t="str">
            <v>078-251-4561</v>
          </cell>
          <cell r="L903" t="str">
            <v>j.kanbara@nisseibuild.co.jp</v>
          </cell>
          <cell r="M903" t="str">
            <v>ﾆｯｾｲﾋﾞﾙﾄﾞｺｳｷﾞｮｳ</v>
          </cell>
          <cell r="N903" t="str">
            <v>有</v>
          </cell>
          <cell r="O903">
            <v>56</v>
          </cell>
          <cell r="P903">
            <v>541</v>
          </cell>
          <cell r="Q903">
            <v>2220001004983</v>
          </cell>
          <cell r="R903">
            <v>7002078</v>
          </cell>
          <cell r="S903">
            <v>29308000</v>
          </cell>
          <cell r="T903">
            <v>76563000</v>
          </cell>
          <cell r="V903" t="str">
            <v>ru204193</v>
          </cell>
          <cell r="W903" t="str">
            <v>yz486318</v>
          </cell>
          <cell r="X903" t="str">
            <v>機(建)建</v>
          </cell>
          <cell r="Y903" t="str">
            <v>機(建)</v>
          </cell>
          <cell r="Z903" t="str">
            <v>建</v>
          </cell>
          <cell r="AA903" t="str">
            <v>建築一式</v>
          </cell>
          <cell r="AB903" t="str">
            <v/>
          </cell>
          <cell r="AC903" t="str">
            <v/>
          </cell>
          <cell r="AD903" t="str">
            <v/>
          </cell>
          <cell r="AE903">
            <v>43190</v>
          </cell>
          <cell r="AF903" t="str">
            <v>希望しない</v>
          </cell>
          <cell r="AG903" t="str">
            <v>建築一式</v>
          </cell>
          <cell r="AH903" t="str">
            <v>特定</v>
          </cell>
          <cell r="AI903">
            <v>1531</v>
          </cell>
          <cell r="AJ903">
            <v>25462651</v>
          </cell>
          <cell r="AK903" t="str">
            <v>111(79)/62/36</v>
          </cell>
          <cell r="AL903" t="str">
            <v/>
          </cell>
          <cell r="AM903" t="str">
            <v/>
          </cell>
          <cell r="AN903" t="str">
            <v/>
          </cell>
          <cell r="AO903" t="str">
            <v/>
          </cell>
          <cell r="AP903" t="str">
            <v/>
          </cell>
          <cell r="AQ903" t="str">
            <v/>
          </cell>
          <cell r="AR903" t="str">
            <v/>
          </cell>
          <cell r="AS903" t="str">
            <v/>
          </cell>
          <cell r="AT903" t="str">
            <v/>
          </cell>
          <cell r="AU903" t="str">
            <v/>
          </cell>
          <cell r="AV903" t="str">
            <v/>
          </cell>
          <cell r="AW903" t="str">
            <v/>
          </cell>
          <cell r="AX903" t="str">
            <v/>
          </cell>
          <cell r="AY903" t="str">
            <v/>
          </cell>
          <cell r="AZ903" t="str">
            <v/>
          </cell>
          <cell r="BA903" t="str">
            <v>石川県</v>
          </cell>
          <cell r="BB903">
            <v>0</v>
          </cell>
          <cell r="CR903">
            <v>6438</v>
          </cell>
          <cell r="CS903" t="str">
            <v>ｽｽﾞｷ ﾔｽﾉﾘ</v>
          </cell>
          <cell r="CT903" t="str">
            <v>鈴木  靖範</v>
          </cell>
          <cell r="CU903" t="str">
            <v>住宅管理課</v>
          </cell>
          <cell r="CW903">
            <v>3316</v>
          </cell>
          <cell r="CX903" t="str">
            <v xml:space="preserve"> </v>
          </cell>
          <cell r="CY903" t="str">
            <v>住宅管理課長</v>
          </cell>
        </row>
        <row r="904">
          <cell r="B904">
            <v>3582</v>
          </cell>
          <cell r="C904" t="str">
            <v>日世冷暖サービス(株)</v>
          </cell>
          <cell r="D904" t="str">
            <v>0798-66-6931</v>
          </cell>
          <cell r="E904" t="str">
            <v>663-8013</v>
          </cell>
          <cell r="F904" t="str">
            <v>兵庫県西宮市門前町11-4</v>
          </cell>
          <cell r="G904" t="str">
            <v>西宮市</v>
          </cell>
          <cell r="H904" t="str">
            <v/>
          </cell>
          <cell r="I904" t="str">
            <v>代表取締役 増永　和則</v>
          </cell>
          <cell r="J904" t="str">
            <v>本店</v>
          </cell>
          <cell r="K904" t="str">
            <v>0798-66-6933</v>
          </cell>
          <cell r="L904" t="str">
            <v>k-masunaga@nisseisan.co.jp</v>
          </cell>
          <cell r="M904" t="str">
            <v>ﾆｯｾｲﾚｲﾀﾞﾝｻｰﾋﾞｽ</v>
          </cell>
          <cell r="N904" t="str">
            <v>無</v>
          </cell>
          <cell r="O904">
            <v>15</v>
          </cell>
          <cell r="P904">
            <v>14</v>
          </cell>
          <cell r="Q904">
            <v>3140001069761</v>
          </cell>
          <cell r="R904">
            <v>10000</v>
          </cell>
          <cell r="S904">
            <v>122022</v>
          </cell>
          <cell r="T904">
            <v>300024</v>
          </cell>
          <cell r="V904" t="str">
            <v>yz260110</v>
          </cell>
          <cell r="W904" t="str">
            <v>xr446251</v>
          </cell>
          <cell r="X904" t="str">
            <v>管</v>
          </cell>
          <cell r="Y904" t="str">
            <v>管</v>
          </cell>
          <cell r="Z904" t="str">
            <v/>
          </cell>
          <cell r="AA904" t="str">
            <v>管</v>
          </cell>
          <cell r="AB904" t="str">
            <v/>
          </cell>
          <cell r="AC904" t="str">
            <v/>
          </cell>
          <cell r="AD904" t="str">
            <v/>
          </cell>
          <cell r="AE904">
            <v>43069</v>
          </cell>
          <cell r="AF904" t="str">
            <v>希望しない</v>
          </cell>
          <cell r="AG904" t="str">
            <v>管</v>
          </cell>
          <cell r="AH904" t="str">
            <v>一般</v>
          </cell>
          <cell r="AI904">
            <v>766</v>
          </cell>
          <cell r="AJ904">
            <v>117195</v>
          </cell>
          <cell r="AK904" t="str">
            <v>3(1)/5/0</v>
          </cell>
          <cell r="AL904" t="str">
            <v/>
          </cell>
          <cell r="AM904" t="str">
            <v/>
          </cell>
          <cell r="AN904" t="str">
            <v/>
          </cell>
          <cell r="AO904" t="str">
            <v/>
          </cell>
          <cell r="AP904" t="str">
            <v/>
          </cell>
          <cell r="AQ904" t="str">
            <v/>
          </cell>
          <cell r="AR904" t="str">
            <v/>
          </cell>
          <cell r="AS904" t="str">
            <v/>
          </cell>
          <cell r="AT904" t="str">
            <v/>
          </cell>
          <cell r="AU904" t="str">
            <v/>
          </cell>
          <cell r="AV904" t="str">
            <v/>
          </cell>
          <cell r="AW904" t="str">
            <v/>
          </cell>
          <cell r="AX904" t="str">
            <v/>
          </cell>
          <cell r="AY904" t="str">
            <v/>
          </cell>
          <cell r="AZ904" t="str">
            <v/>
          </cell>
          <cell r="BA904" t="str">
            <v>兵庫県</v>
          </cell>
          <cell r="BB904">
            <v>0</v>
          </cell>
          <cell r="CR904">
            <v>6439</v>
          </cell>
          <cell r="CS904" t="str">
            <v>ﾀｹﾅｶ ﾌﾐｱｷ</v>
          </cell>
          <cell r="CT904" t="str">
            <v>竹中  史明</v>
          </cell>
          <cell r="CU904" t="str">
            <v>情報管理課</v>
          </cell>
          <cell r="CW904">
            <v>4320</v>
          </cell>
          <cell r="CX904" t="str">
            <v>主査</v>
          </cell>
          <cell r="CY904" t="str">
            <v>情報管理課長</v>
          </cell>
        </row>
        <row r="905">
          <cell r="B905">
            <v>3584</v>
          </cell>
          <cell r="C905" t="str">
            <v>ニッタン(株)</v>
          </cell>
          <cell r="D905" t="str">
            <v>06-4256-4580</v>
          </cell>
          <cell r="E905" t="str">
            <v>541-0053</v>
          </cell>
          <cell r="F905" t="str">
            <v>大阪府大阪市中央区本町2-1-6</v>
          </cell>
          <cell r="G905" t="str">
            <v/>
          </cell>
          <cell r="H905" t="str">
            <v>関西支社</v>
          </cell>
          <cell r="I905" t="str">
            <v>支社長 柳川　浩</v>
          </cell>
          <cell r="J905" t="str">
            <v>東京都</v>
          </cell>
          <cell r="K905" t="str">
            <v>06-4256-4596</v>
          </cell>
          <cell r="L905" t="str">
            <v>soumu@nittan.com</v>
          </cell>
          <cell r="M905" t="str">
            <v>ﾆｯﾀﾝ</v>
          </cell>
          <cell r="N905" t="str">
            <v>有</v>
          </cell>
          <cell r="O905">
            <v>62</v>
          </cell>
          <cell r="P905">
            <v>821</v>
          </cell>
          <cell r="Q905">
            <v>3011001017236</v>
          </cell>
          <cell r="R905">
            <v>2302500</v>
          </cell>
          <cell r="S905">
            <v>15792742</v>
          </cell>
          <cell r="T905">
            <v>34171942</v>
          </cell>
          <cell r="V905" t="str">
            <v>ye156565</v>
          </cell>
          <cell r="W905" t="str">
            <v>dk584524</v>
          </cell>
          <cell r="X905" t="str">
            <v>電管機通(通)(消)消</v>
          </cell>
          <cell r="Y905" t="str">
            <v>電管機通(通)(消)</v>
          </cell>
          <cell r="Z905" t="str">
            <v>消</v>
          </cell>
          <cell r="AA905" t="str">
            <v>消防施設</v>
          </cell>
          <cell r="AB905" t="str">
            <v>電気通信</v>
          </cell>
          <cell r="AC905" t="str">
            <v/>
          </cell>
          <cell r="AD905" t="str">
            <v/>
          </cell>
          <cell r="AE905">
            <v>43190</v>
          </cell>
          <cell r="AF905" t="str">
            <v/>
          </cell>
          <cell r="AG905" t="str">
            <v>消防施設</v>
          </cell>
          <cell r="AH905" t="str">
            <v>特定</v>
          </cell>
          <cell r="AI905">
            <v>1497</v>
          </cell>
          <cell r="AJ905">
            <v>18948397</v>
          </cell>
          <cell r="AK905" t="str">
            <v>0(0)/339/1</v>
          </cell>
          <cell r="AL905" t="str">
            <v>電気通信</v>
          </cell>
          <cell r="AM905" t="str">
            <v>一般</v>
          </cell>
          <cell r="AN905">
            <v>1069</v>
          </cell>
          <cell r="AO905">
            <v>802139</v>
          </cell>
          <cell r="AP905" t="str">
            <v>0(0)/0/0</v>
          </cell>
          <cell r="AQ905" t="str">
            <v/>
          </cell>
          <cell r="AR905" t="str">
            <v/>
          </cell>
          <cell r="AS905" t="str">
            <v/>
          </cell>
          <cell r="AT905" t="str">
            <v/>
          </cell>
          <cell r="AU905" t="str">
            <v/>
          </cell>
          <cell r="AV905" t="str">
            <v/>
          </cell>
          <cell r="AW905" t="str">
            <v/>
          </cell>
          <cell r="AX905" t="str">
            <v/>
          </cell>
          <cell r="AY905" t="str">
            <v/>
          </cell>
          <cell r="AZ905" t="str">
            <v/>
          </cell>
          <cell r="BA905" t="str">
            <v>東京都</v>
          </cell>
          <cell r="BB905">
            <v>0</v>
          </cell>
          <cell r="CR905">
            <v>6440</v>
          </cell>
          <cell r="CS905" t="str">
            <v>ﾏﾂｵ ﾜﾀﾙ</v>
          </cell>
          <cell r="CT905" t="str">
            <v>松尾  亘</v>
          </cell>
          <cell r="CU905" t="str">
            <v>給与制度課</v>
          </cell>
          <cell r="CW905">
            <v>2426</v>
          </cell>
          <cell r="CX905" t="str">
            <v xml:space="preserve"> </v>
          </cell>
          <cell r="CY905" t="str">
            <v>給与制度課長</v>
          </cell>
        </row>
        <row r="906">
          <cell r="B906">
            <v>3586</v>
          </cell>
          <cell r="C906" t="str">
            <v>(株)日展</v>
          </cell>
          <cell r="D906" t="str">
            <v>06-6362-2210</v>
          </cell>
          <cell r="E906" t="str">
            <v>530-0028</v>
          </cell>
          <cell r="F906" t="str">
            <v>大阪府大阪市北区万歳町3-7</v>
          </cell>
          <cell r="G906" t="str">
            <v>大阪市</v>
          </cell>
          <cell r="H906" t="str">
            <v/>
          </cell>
          <cell r="I906" t="str">
            <v>代表取締役 田加井　徹</v>
          </cell>
          <cell r="J906" t="str">
            <v>本店</v>
          </cell>
          <cell r="K906" t="str">
            <v>06-6362-6030</v>
          </cell>
          <cell r="L906" t="str">
            <v>osaka@nitten.com</v>
          </cell>
          <cell r="M906" t="str">
            <v>ﾆｯﾃﾝ</v>
          </cell>
          <cell r="N906" t="str">
            <v>無</v>
          </cell>
          <cell r="O906">
            <v>51</v>
          </cell>
          <cell r="P906">
            <v>140</v>
          </cell>
          <cell r="Q906">
            <v>6120001068606</v>
          </cell>
          <cell r="R906">
            <v>495000</v>
          </cell>
          <cell r="S906">
            <v>2114854</v>
          </cell>
          <cell r="T906">
            <v>6480185</v>
          </cell>
          <cell r="V906" t="str">
            <v>yg466469</v>
          </cell>
          <cell r="W906" t="str">
            <v>ts110853</v>
          </cell>
          <cell r="X906" t="str">
            <v>建内</v>
          </cell>
          <cell r="Y906" t="str">
            <v/>
          </cell>
          <cell r="Z906" t="str">
            <v>建内</v>
          </cell>
          <cell r="AA906" t="str">
            <v>内装仕上</v>
          </cell>
          <cell r="AB906" t="str">
            <v>建築一式</v>
          </cell>
          <cell r="AC906" t="str">
            <v/>
          </cell>
          <cell r="AD906" t="str">
            <v/>
          </cell>
          <cell r="AE906">
            <v>43008</v>
          </cell>
          <cell r="AF906" t="str">
            <v>希望しない</v>
          </cell>
          <cell r="AG906" t="str">
            <v>内装仕上</v>
          </cell>
          <cell r="AH906" t="str">
            <v>特定</v>
          </cell>
          <cell r="AI906">
            <v>1089</v>
          </cell>
          <cell r="AJ906">
            <v>5858511</v>
          </cell>
          <cell r="AK906" t="str">
            <v>6(4)/20/46</v>
          </cell>
          <cell r="AL906" t="str">
            <v>建築一式</v>
          </cell>
          <cell r="AM906" t="str">
            <v>特定</v>
          </cell>
          <cell r="AN906">
            <v>893</v>
          </cell>
          <cell r="AO906">
            <v>142331</v>
          </cell>
          <cell r="AP906" t="str">
            <v>6(4)/10/36</v>
          </cell>
          <cell r="AQ906" t="str">
            <v/>
          </cell>
          <cell r="AR906" t="str">
            <v/>
          </cell>
          <cell r="AS906" t="str">
            <v/>
          </cell>
          <cell r="AT906" t="str">
            <v/>
          </cell>
          <cell r="AU906" t="str">
            <v/>
          </cell>
          <cell r="AV906" t="str">
            <v/>
          </cell>
          <cell r="AW906" t="str">
            <v/>
          </cell>
          <cell r="AX906" t="str">
            <v/>
          </cell>
          <cell r="AY906" t="str">
            <v/>
          </cell>
          <cell r="AZ906" t="str">
            <v/>
          </cell>
          <cell r="BA906" t="str">
            <v>大阪府</v>
          </cell>
          <cell r="BB906">
            <v>0</v>
          </cell>
          <cell r="CR906">
            <v>6442</v>
          </cell>
          <cell r="CS906" t="str">
            <v>ﾐﾖｼ ﾀｶｺ</v>
          </cell>
          <cell r="CT906" t="str">
            <v>三好  貴子</v>
          </cell>
          <cell r="CU906" t="str">
            <v>障害福祉課</v>
          </cell>
          <cell r="CW906">
            <v>2545</v>
          </cell>
          <cell r="CX906" t="str">
            <v xml:space="preserve"> </v>
          </cell>
          <cell r="CY906" t="str">
            <v>障害福祉課長</v>
          </cell>
        </row>
        <row r="907">
          <cell r="B907">
            <v>3590</v>
          </cell>
          <cell r="C907" t="str">
            <v>日東電機産業(株)</v>
          </cell>
          <cell r="D907" t="str">
            <v>06-6631-5525</v>
          </cell>
          <cell r="E907" t="str">
            <v>556-0005</v>
          </cell>
          <cell r="F907" t="str">
            <v>大阪府大阪市浪速区日本橋5-1-3</v>
          </cell>
          <cell r="G907" t="str">
            <v>大阪市</v>
          </cell>
          <cell r="H907" t="str">
            <v/>
          </cell>
          <cell r="I907" t="str">
            <v>代表取締役 吉田　稔</v>
          </cell>
          <cell r="J907" t="str">
            <v>本店</v>
          </cell>
          <cell r="K907" t="str">
            <v>06-6631-3397</v>
          </cell>
          <cell r="L907" t="str">
            <v>nitto_avc@nitto-dnk.co.jp</v>
          </cell>
          <cell r="M907" t="str">
            <v>ﾆｯﾄｳﾃﾞﾝｷｻﾝｷﾞｮｳ</v>
          </cell>
          <cell r="N907" t="str">
            <v>無</v>
          </cell>
          <cell r="O907">
            <v>68</v>
          </cell>
          <cell r="P907">
            <v>29</v>
          </cell>
          <cell r="Q907">
            <v>3120001039477</v>
          </cell>
          <cell r="R907">
            <v>50000</v>
          </cell>
          <cell r="S907">
            <v>55949</v>
          </cell>
          <cell r="T907">
            <v>807422</v>
          </cell>
          <cell r="V907" t="str">
            <v>wt274044</v>
          </cell>
          <cell r="W907" t="str">
            <v>zb910813</v>
          </cell>
          <cell r="X907" t="str">
            <v>通消</v>
          </cell>
          <cell r="Y907" t="str">
            <v>通消</v>
          </cell>
          <cell r="Z907" t="str">
            <v/>
          </cell>
          <cell r="AA907" t="str">
            <v>電気通信</v>
          </cell>
          <cell r="AB907" t="str">
            <v>消防施設</v>
          </cell>
          <cell r="AC907" t="str">
            <v/>
          </cell>
          <cell r="AD907" t="str">
            <v/>
          </cell>
          <cell r="AE907">
            <v>43251</v>
          </cell>
          <cell r="AF907" t="str">
            <v>希望しない</v>
          </cell>
          <cell r="AG907" t="str">
            <v>電気通信</v>
          </cell>
          <cell r="AH907" t="str">
            <v>一般</v>
          </cell>
          <cell r="AI907">
            <v>722</v>
          </cell>
          <cell r="AJ907">
            <v>111844</v>
          </cell>
          <cell r="AK907" t="str">
            <v>0(0)/0/8</v>
          </cell>
          <cell r="AL907" t="str">
            <v>消防施設</v>
          </cell>
          <cell r="AM907" t="str">
            <v>一般</v>
          </cell>
          <cell r="AN907">
            <v>575</v>
          </cell>
          <cell r="AO907">
            <v>20703</v>
          </cell>
          <cell r="AP907" t="str">
            <v>0(0)/8/0</v>
          </cell>
          <cell r="AQ907" t="str">
            <v/>
          </cell>
          <cell r="AR907" t="str">
            <v/>
          </cell>
          <cell r="AS907" t="str">
            <v/>
          </cell>
          <cell r="AT907" t="str">
            <v/>
          </cell>
          <cell r="AU907" t="str">
            <v/>
          </cell>
          <cell r="AV907" t="str">
            <v/>
          </cell>
          <cell r="AW907" t="str">
            <v/>
          </cell>
          <cell r="AX907" t="str">
            <v/>
          </cell>
          <cell r="AY907" t="str">
            <v/>
          </cell>
          <cell r="AZ907" t="str">
            <v/>
          </cell>
          <cell r="BA907" t="str">
            <v>大阪府</v>
          </cell>
          <cell r="BB907">
            <v>0</v>
          </cell>
          <cell r="CR907">
            <v>6443</v>
          </cell>
          <cell r="CS907" t="str">
            <v>ﾓﾘｶﾜ ｱｲ</v>
          </cell>
          <cell r="CT907" t="str">
            <v>森川  愛</v>
          </cell>
          <cell r="CU907" t="str">
            <v>国保年金課</v>
          </cell>
          <cell r="CW907">
            <v>2760</v>
          </cell>
          <cell r="CX907" t="str">
            <v xml:space="preserve"> </v>
          </cell>
          <cell r="CY907" t="str">
            <v>国保年金課長</v>
          </cell>
        </row>
        <row r="908">
          <cell r="B908">
            <v>3592</v>
          </cell>
          <cell r="C908" t="str">
            <v>日特建設(株)</v>
          </cell>
          <cell r="D908" t="str">
            <v>078-577-2570</v>
          </cell>
          <cell r="E908" t="str">
            <v>652-0803</v>
          </cell>
          <cell r="F908" t="str">
            <v>兵庫県神戸市兵庫区大開通1-1-1</v>
          </cell>
          <cell r="G908" t="str">
            <v/>
          </cell>
          <cell r="H908" t="str">
            <v>神戸営業所</v>
          </cell>
          <cell r="I908" t="str">
            <v>所長 藤崎　博彦</v>
          </cell>
          <cell r="J908" t="str">
            <v>東京都</v>
          </cell>
          <cell r="K908" t="str">
            <v>078-577-2620</v>
          </cell>
          <cell r="L908" t="str">
            <v>yasuko.kimura@nittoc.co.jp</v>
          </cell>
          <cell r="M908" t="str">
            <v>ﾆｯﾄｸｹﾝｾﾂ</v>
          </cell>
          <cell r="N908" t="str">
            <v>有</v>
          </cell>
          <cell r="O908">
            <v>64</v>
          </cell>
          <cell r="P908">
            <v>1140</v>
          </cell>
          <cell r="Q908">
            <v>7010001053304</v>
          </cell>
          <cell r="R908">
            <v>6052471</v>
          </cell>
          <cell r="S908">
            <v>23384517</v>
          </cell>
          <cell r="T908">
            <v>62943000</v>
          </cell>
          <cell r="V908" t="str">
            <v>qv247727</v>
          </cell>
          <cell r="W908" t="str">
            <v>sd423629</v>
          </cell>
          <cell r="X908" t="str">
            <v>井(清)(と)(石)(鋼)(舗)(浚)(塗)(水)土建大と石屋電管タ鋼舗浚塗防内園水</v>
          </cell>
          <cell r="Y908" t="str">
            <v>井(清)(と)(石)(鋼)(舗)(浚)(塗)(水)</v>
          </cell>
          <cell r="Z908" t="str">
            <v>土建大と石屋電管タ鋼舗浚塗防内園水</v>
          </cell>
          <cell r="AA908" t="str">
            <v>とび土工</v>
          </cell>
          <cell r="AB908" t="str">
            <v>土木一式</v>
          </cell>
          <cell r="AC908" t="str">
            <v/>
          </cell>
          <cell r="AD908" t="str">
            <v/>
          </cell>
          <cell r="AE908">
            <v>43190</v>
          </cell>
          <cell r="AF908" t="str">
            <v>希望しない</v>
          </cell>
          <cell r="AG908" t="str">
            <v>とび土工</v>
          </cell>
          <cell r="AH908" t="str">
            <v>特定</v>
          </cell>
          <cell r="AI908">
            <v>1692</v>
          </cell>
          <cell r="AJ908">
            <v>53471894</v>
          </cell>
          <cell r="AK908" t="str">
            <v>577(514)/89/0</v>
          </cell>
          <cell r="AL908" t="str">
            <v>土木一式</v>
          </cell>
          <cell r="AM908" t="str">
            <v>特定</v>
          </cell>
          <cell r="AN908">
            <v>1494</v>
          </cell>
          <cell r="AO908">
            <v>4011858</v>
          </cell>
          <cell r="AP908" t="str">
            <v>567(504)/87/0</v>
          </cell>
          <cell r="AQ908" t="str">
            <v/>
          </cell>
          <cell r="AR908" t="str">
            <v/>
          </cell>
          <cell r="AS908" t="str">
            <v/>
          </cell>
          <cell r="AT908" t="str">
            <v/>
          </cell>
          <cell r="AU908" t="str">
            <v/>
          </cell>
          <cell r="AV908" t="str">
            <v/>
          </cell>
          <cell r="AW908" t="str">
            <v/>
          </cell>
          <cell r="AX908" t="str">
            <v/>
          </cell>
          <cell r="AY908" t="str">
            <v/>
          </cell>
          <cell r="AZ908" t="str">
            <v/>
          </cell>
          <cell r="BA908" t="str">
            <v>東京都</v>
          </cell>
          <cell r="BB908">
            <v>0</v>
          </cell>
          <cell r="CR908">
            <v>6444</v>
          </cell>
          <cell r="CS908" t="str">
            <v>ﾔﾏｼﾀ ﾀｶｼ</v>
          </cell>
          <cell r="CT908" t="str">
            <v>山下  敬士</v>
          </cell>
          <cell r="CU908" t="str">
            <v>用地課</v>
          </cell>
          <cell r="CW908">
            <v>3071</v>
          </cell>
          <cell r="CX908" t="str">
            <v xml:space="preserve"> </v>
          </cell>
          <cell r="CY908" t="str">
            <v>用地課長</v>
          </cell>
        </row>
        <row r="909">
          <cell r="B909">
            <v>3593</v>
          </cell>
          <cell r="C909" t="str">
            <v>日都産業(株)</v>
          </cell>
          <cell r="D909" t="str">
            <v>06-6305-6921</v>
          </cell>
          <cell r="E909" t="str">
            <v>530-8565</v>
          </cell>
          <cell r="F909" t="str">
            <v>大阪府大阪市淀川区西中島4-12-22</v>
          </cell>
          <cell r="G909" t="str">
            <v/>
          </cell>
          <cell r="H909" t="str">
            <v>関西営業所</v>
          </cell>
          <cell r="I909" t="str">
            <v>所長 髙江　誠</v>
          </cell>
          <cell r="J909" t="str">
            <v>東京都</v>
          </cell>
          <cell r="K909" t="str">
            <v>06-6301-6443</v>
          </cell>
          <cell r="L909" t="str">
            <v>kansai@nitto-sg.co.jp</v>
          </cell>
          <cell r="M909" t="str">
            <v>ﾆﾂﾄｻﾝｷﾞﾖｳ</v>
          </cell>
          <cell r="N909" t="str">
            <v>有</v>
          </cell>
          <cell r="O909">
            <v>65</v>
          </cell>
          <cell r="P909">
            <v>78</v>
          </cell>
          <cell r="Q909">
            <v>9011300000000</v>
          </cell>
          <cell r="R909">
            <v>26000</v>
          </cell>
          <cell r="S909">
            <v>1001735</v>
          </cell>
          <cell r="T909">
            <v>1417699</v>
          </cell>
          <cell r="V909" t="str">
            <v>td439711</v>
          </cell>
          <cell r="W909" t="str">
            <v>cs884188</v>
          </cell>
          <cell r="X909" t="str">
            <v>井(清)(と)(石)(鋼)(舗)(浚)(塗)(水)土建大と石屋電管タ鋼舗浚塗防内園水</v>
          </cell>
          <cell r="Y909" t="str">
            <v>井(清)(と)(石)(鋼)(舗)(浚)(塗)(水)</v>
          </cell>
          <cell r="Z909" t="str">
            <v>土建大と石屋電管タ鋼舗浚塗防内園水</v>
          </cell>
          <cell r="AA909" t="str">
            <v>とび土工</v>
          </cell>
          <cell r="AB909" t="str">
            <v>造園</v>
          </cell>
          <cell r="AC909" t="str">
            <v/>
          </cell>
          <cell r="AD909" t="str">
            <v/>
          </cell>
          <cell r="AE909">
            <v>43008</v>
          </cell>
          <cell r="AF909" t="str">
            <v>希望しない</v>
          </cell>
          <cell r="AG909" t="str">
            <v>とび土工</v>
          </cell>
          <cell r="AH909" t="str">
            <v>一般</v>
          </cell>
          <cell r="AI909">
            <v>945</v>
          </cell>
          <cell r="AJ909">
            <v>893354</v>
          </cell>
          <cell r="AK909" t="str">
            <v>7(0)/7/6</v>
          </cell>
          <cell r="AL909" t="str">
            <v>造園</v>
          </cell>
          <cell r="AM909" t="str">
            <v>一般</v>
          </cell>
          <cell r="AN909">
            <v>937</v>
          </cell>
          <cell r="AO909">
            <v>346374</v>
          </cell>
          <cell r="AP909" t="str">
            <v>12(0)/16/2</v>
          </cell>
          <cell r="AQ909" t="str">
            <v/>
          </cell>
          <cell r="AR909" t="str">
            <v/>
          </cell>
          <cell r="AS909" t="str">
            <v/>
          </cell>
          <cell r="AT909" t="str">
            <v/>
          </cell>
          <cell r="AU909" t="str">
            <v/>
          </cell>
          <cell r="AV909" t="str">
            <v/>
          </cell>
          <cell r="AW909" t="str">
            <v/>
          </cell>
          <cell r="AX909" t="str">
            <v/>
          </cell>
          <cell r="AY909" t="str">
            <v/>
          </cell>
          <cell r="AZ909" t="str">
            <v/>
          </cell>
          <cell r="BA909" t="str">
            <v>東京都</v>
          </cell>
          <cell r="BB909">
            <v>0</v>
          </cell>
          <cell r="CR909">
            <v>6445</v>
          </cell>
          <cell r="CS909" t="str">
            <v>ｼﾏﾓﾄ ｶﾂﾗ</v>
          </cell>
          <cell r="CT909" t="str">
            <v>島本  桂</v>
          </cell>
          <cell r="CU909" t="str">
            <v>管理課</v>
          </cell>
          <cell r="CW909" t="str">
            <v xml:space="preserve"> </v>
          </cell>
          <cell r="CX909" t="str">
            <v xml:space="preserve"> </v>
          </cell>
          <cell r="CY909" t="str">
            <v>管理課長</v>
          </cell>
        </row>
        <row r="910">
          <cell r="B910">
            <v>3595</v>
          </cell>
          <cell r="C910" t="str">
            <v>日本オーチス・エレベータ(株)</v>
          </cell>
          <cell r="D910" t="str">
            <v>078-391-4502</v>
          </cell>
          <cell r="E910" t="str">
            <v>654-0034</v>
          </cell>
          <cell r="F910" t="str">
            <v>兵庫県神戸市中央区京町78</v>
          </cell>
          <cell r="G910" t="str">
            <v/>
          </cell>
          <cell r="H910" t="str">
            <v>神戸支店</v>
          </cell>
          <cell r="I910" t="str">
            <v>支店長 川井　浩嗣</v>
          </cell>
          <cell r="J910" t="str">
            <v>東京都</v>
          </cell>
          <cell r="K910" t="str">
            <v>078-392-3733</v>
          </cell>
          <cell r="L910" t="str">
            <v/>
          </cell>
          <cell r="M910" t="str">
            <v>ﾆｯﾎﾟﾝｵｰﾁｽ･ｴﾚﾍﾞｰﾀ</v>
          </cell>
          <cell r="N910" t="str">
            <v>有</v>
          </cell>
          <cell r="O910">
            <v>69</v>
          </cell>
          <cell r="P910">
            <v>2378</v>
          </cell>
          <cell r="Q910">
            <v>9010001075825</v>
          </cell>
          <cell r="R910">
            <v>4364000</v>
          </cell>
          <cell r="S910">
            <v>35832000</v>
          </cell>
          <cell r="T910">
            <v>14688173</v>
          </cell>
          <cell r="V910" t="str">
            <v>wr884908</v>
          </cell>
          <cell r="W910" t="str">
            <v>ka150015</v>
          </cell>
          <cell r="X910" t="str">
            <v>(機)建電機</v>
          </cell>
          <cell r="Y910" t="str">
            <v>(機)</v>
          </cell>
          <cell r="Z910" t="str">
            <v>建電機</v>
          </cell>
          <cell r="AA910" t="str">
            <v>機械器具</v>
          </cell>
          <cell r="AB910" t="str">
            <v/>
          </cell>
          <cell r="AC910" t="str">
            <v/>
          </cell>
          <cell r="AD910" t="str">
            <v/>
          </cell>
          <cell r="AE910">
            <v>43069</v>
          </cell>
          <cell r="AF910" t="str">
            <v/>
          </cell>
          <cell r="AG910" t="str">
            <v>機械器具</v>
          </cell>
          <cell r="AH910" t="str">
            <v>特定</v>
          </cell>
          <cell r="AI910">
            <v>1509</v>
          </cell>
          <cell r="AJ910">
            <v>14668173</v>
          </cell>
          <cell r="AK910" t="str">
            <v>0(0)/0/217</v>
          </cell>
          <cell r="AL910" t="str">
            <v/>
          </cell>
          <cell r="AM910" t="str">
            <v/>
          </cell>
          <cell r="AN910" t="str">
            <v/>
          </cell>
          <cell r="AO910" t="str">
            <v/>
          </cell>
          <cell r="AP910" t="str">
            <v/>
          </cell>
          <cell r="AQ910" t="str">
            <v/>
          </cell>
          <cell r="AR910" t="str">
            <v/>
          </cell>
          <cell r="AS910" t="str">
            <v/>
          </cell>
          <cell r="AT910" t="str">
            <v/>
          </cell>
          <cell r="AU910" t="str">
            <v/>
          </cell>
          <cell r="AV910" t="str">
            <v/>
          </cell>
          <cell r="AW910" t="str">
            <v/>
          </cell>
          <cell r="AX910" t="str">
            <v/>
          </cell>
          <cell r="AY910" t="str">
            <v/>
          </cell>
          <cell r="AZ910" t="str">
            <v/>
          </cell>
          <cell r="BA910" t="str">
            <v>東京都</v>
          </cell>
          <cell r="BB910">
            <v>0</v>
          </cell>
          <cell r="CR910">
            <v>6446</v>
          </cell>
          <cell r="CS910" t="str">
            <v>ｼﾖｳﾀﾞ ﾐｻﾄ</v>
          </cell>
          <cell r="CT910" t="str">
            <v>庄田  みさと</v>
          </cell>
          <cell r="CU910" t="str">
            <v>会計室</v>
          </cell>
          <cell r="CW910" t="str">
            <v xml:space="preserve"> </v>
          </cell>
          <cell r="CX910" t="str">
            <v xml:space="preserve"> </v>
          </cell>
          <cell r="CY910" t="str">
            <v>会計室長</v>
          </cell>
        </row>
        <row r="911">
          <cell r="B911">
            <v>3598</v>
          </cell>
          <cell r="C911" t="str">
            <v>日本ジッコウ(株)</v>
          </cell>
          <cell r="D911" t="str">
            <v>078-974-1388</v>
          </cell>
          <cell r="E911" t="str">
            <v>651-2116</v>
          </cell>
          <cell r="F911" t="str">
            <v>兵庫県神戸市西区南別府1‐14‐6</v>
          </cell>
          <cell r="G911" t="str">
            <v>神戸市</v>
          </cell>
          <cell r="H911" t="str">
            <v/>
          </cell>
          <cell r="I911" t="str">
            <v>代表取締役 佐藤　武司</v>
          </cell>
          <cell r="J911" t="str">
            <v>本店</v>
          </cell>
          <cell r="K911" t="str">
            <v>078-974-1392</v>
          </cell>
          <cell r="L911" t="str">
            <v>n-boushoku@jikkou.co.jp</v>
          </cell>
          <cell r="M911" t="str">
            <v>ﾆｯﾎﾟﾝｼﾞｯｺｳ</v>
          </cell>
          <cell r="N911" t="str">
            <v>無</v>
          </cell>
          <cell r="O911">
            <v>41</v>
          </cell>
          <cell r="P911">
            <v>84</v>
          </cell>
          <cell r="Q911">
            <v>4140001005609</v>
          </cell>
          <cell r="R911">
            <v>9800</v>
          </cell>
          <cell r="S911">
            <v>351806</v>
          </cell>
          <cell r="T911">
            <v>3014234</v>
          </cell>
          <cell r="V911" t="str">
            <v>zz409948</v>
          </cell>
          <cell r="W911" t="str">
            <v>ga765333</v>
          </cell>
          <cell r="X911" t="str">
            <v>土建大左と石屋タ鋼鉄舗浚板ガ塗防内熱具水消解</v>
          </cell>
          <cell r="Y911" t="str">
            <v>土建大左と石屋タ鋼鉄舗浚板ガ塗防内熱具水消解</v>
          </cell>
          <cell r="Z911" t="str">
            <v/>
          </cell>
          <cell r="AA911" t="str">
            <v>防水</v>
          </cell>
          <cell r="AB911" t="str">
            <v>土木一式</v>
          </cell>
          <cell r="AC911" t="str">
            <v>塗装</v>
          </cell>
          <cell r="AD911" t="str">
            <v>水道施設</v>
          </cell>
          <cell r="AE911">
            <v>42978</v>
          </cell>
          <cell r="AF911" t="str">
            <v/>
          </cell>
          <cell r="AG911" t="str">
            <v>防水</v>
          </cell>
          <cell r="AH911" t="str">
            <v>特定</v>
          </cell>
          <cell r="AI911">
            <v>927</v>
          </cell>
          <cell r="AJ911">
            <v>567741</v>
          </cell>
          <cell r="AK911" t="str">
            <v>3(2)/0/9</v>
          </cell>
          <cell r="AL911" t="str">
            <v>土木一式</v>
          </cell>
          <cell r="AM911" t="str">
            <v>特定</v>
          </cell>
          <cell r="AN911">
            <v>971</v>
          </cell>
          <cell r="AO911">
            <v>358033</v>
          </cell>
          <cell r="AP911" t="str">
            <v>16(15)/3/1</v>
          </cell>
          <cell r="AQ911" t="str">
            <v>塗装</v>
          </cell>
          <cell r="AR911" t="str">
            <v>特定</v>
          </cell>
          <cell r="AS911">
            <v>855</v>
          </cell>
          <cell r="AT911">
            <v>260510</v>
          </cell>
          <cell r="AU911" t="str">
            <v>1(1)/0/0</v>
          </cell>
          <cell r="AV911" t="str">
            <v>水道施設</v>
          </cell>
          <cell r="AW911" t="str">
            <v>特定</v>
          </cell>
          <cell r="AX911">
            <v>896</v>
          </cell>
          <cell r="AY911">
            <v>45523</v>
          </cell>
          <cell r="AZ911" t="str">
            <v>10(10)/1/0</v>
          </cell>
          <cell r="BA911" t="str">
            <v>兵庫県</v>
          </cell>
          <cell r="BB911">
            <v>0</v>
          </cell>
          <cell r="CR911">
            <v>6447</v>
          </cell>
          <cell r="CS911" t="str">
            <v>ﾔﾏﾓﾄ ｺｳﾍｲ</v>
          </cell>
          <cell r="CT911" t="str">
            <v>山本  皓平</v>
          </cell>
          <cell r="CU911" t="str">
            <v>下水道課</v>
          </cell>
          <cell r="CW911">
            <v>3131</v>
          </cell>
          <cell r="CX911" t="str">
            <v xml:space="preserve"> </v>
          </cell>
          <cell r="CY911" t="str">
            <v>下水道課長</v>
          </cell>
        </row>
        <row r="912">
          <cell r="B912">
            <v>3600</v>
          </cell>
          <cell r="C912" t="str">
            <v>(株)日本シューター</v>
          </cell>
          <cell r="D912" t="str">
            <v>06-6532-4680</v>
          </cell>
          <cell r="E912" t="str">
            <v>550-0011</v>
          </cell>
          <cell r="F912" t="str">
            <v>大阪府大阪市西区阿波座2-2-18</v>
          </cell>
          <cell r="G912" t="str">
            <v/>
          </cell>
          <cell r="H912" t="str">
            <v>大阪支店</v>
          </cell>
          <cell r="I912" t="str">
            <v>支店長 伊藤　雅章</v>
          </cell>
          <cell r="J912" t="str">
            <v>東京都</v>
          </cell>
          <cell r="K912" t="str">
            <v>06-6532-4688</v>
          </cell>
          <cell r="L912" t="str">
            <v>eigyo@nippon-shooter.co.jp</v>
          </cell>
          <cell r="M912" t="str">
            <v>ﾆｯﾎﾟﾝｼｭｰﾀｰ</v>
          </cell>
          <cell r="N912" t="str">
            <v>有</v>
          </cell>
          <cell r="O912">
            <v>15</v>
          </cell>
          <cell r="P912">
            <v>187</v>
          </cell>
          <cell r="Q912">
            <v>5130001024831</v>
          </cell>
          <cell r="R912">
            <v>90000</v>
          </cell>
          <cell r="S912">
            <v>957970</v>
          </cell>
          <cell r="T912">
            <v>7068105</v>
          </cell>
          <cell r="V912" t="str">
            <v>ym834719</v>
          </cell>
          <cell r="W912" t="str">
            <v>sm721558</v>
          </cell>
          <cell r="X912" t="str">
            <v>内(内)(機)電管機</v>
          </cell>
          <cell r="Y912" t="str">
            <v>内(内)(機)</v>
          </cell>
          <cell r="Z912" t="str">
            <v>電管機</v>
          </cell>
          <cell r="AA912" t="str">
            <v>機械器具</v>
          </cell>
          <cell r="AB912" t="str">
            <v/>
          </cell>
          <cell r="AC912" t="str">
            <v/>
          </cell>
          <cell r="AD912" t="str">
            <v/>
          </cell>
          <cell r="AE912">
            <v>43190</v>
          </cell>
          <cell r="AF912" t="str">
            <v/>
          </cell>
          <cell r="AG912" t="str">
            <v>機械器具</v>
          </cell>
          <cell r="AH912" t="str">
            <v>特定</v>
          </cell>
          <cell r="AI912">
            <v>1032</v>
          </cell>
          <cell r="AJ912">
            <v>2433392</v>
          </cell>
          <cell r="AK912" t="str">
            <v>1(0)/0/64</v>
          </cell>
          <cell r="AL912" t="str">
            <v/>
          </cell>
          <cell r="AM912" t="str">
            <v/>
          </cell>
          <cell r="AN912" t="str">
            <v/>
          </cell>
          <cell r="AO912" t="str">
            <v/>
          </cell>
          <cell r="AP912" t="str">
            <v/>
          </cell>
          <cell r="AQ912" t="str">
            <v/>
          </cell>
          <cell r="AR912" t="str">
            <v/>
          </cell>
          <cell r="AS912" t="str">
            <v/>
          </cell>
          <cell r="AT912" t="str">
            <v/>
          </cell>
          <cell r="AU912" t="str">
            <v/>
          </cell>
          <cell r="AV912" t="str">
            <v/>
          </cell>
          <cell r="AW912" t="str">
            <v/>
          </cell>
          <cell r="AX912" t="str">
            <v/>
          </cell>
          <cell r="AY912" t="str">
            <v/>
          </cell>
          <cell r="AZ912" t="str">
            <v/>
          </cell>
          <cell r="BA912" t="str">
            <v>東京都</v>
          </cell>
          <cell r="BB912">
            <v>0</v>
          </cell>
          <cell r="CR912">
            <v>6448</v>
          </cell>
          <cell r="CS912" t="str">
            <v>ﾑﾗｶﾐ ｽｽﾑ</v>
          </cell>
          <cell r="CT912" t="str">
            <v>村上  進</v>
          </cell>
          <cell r="CU912" t="str">
            <v>営繕課</v>
          </cell>
          <cell r="CW912">
            <v>4326</v>
          </cell>
          <cell r="CX912" t="str">
            <v>主査</v>
          </cell>
          <cell r="CY912" t="str">
            <v>営繕課長</v>
          </cell>
        </row>
        <row r="913">
          <cell r="B913">
            <v>3602</v>
          </cell>
          <cell r="C913" t="str">
            <v>日本電気(株)</v>
          </cell>
          <cell r="D913" t="str">
            <v>078-333-3851</v>
          </cell>
          <cell r="E913" t="str">
            <v>650-0031</v>
          </cell>
          <cell r="F913" t="str">
            <v>兵庫県神戸市中央区東町126</v>
          </cell>
          <cell r="G913" t="str">
            <v/>
          </cell>
          <cell r="H913" t="str">
            <v>神戸支社</v>
          </cell>
          <cell r="I913" t="str">
            <v>神戸支社長 中田　洋介</v>
          </cell>
          <cell r="J913" t="str">
            <v>東京都</v>
          </cell>
          <cell r="K913" t="str">
            <v>078-333-3866</v>
          </cell>
          <cell r="L913" t="str">
            <v/>
          </cell>
          <cell r="M913" t="str">
            <v>ﾆｯﾎﾟﾝﾃﾞﾝｷ</v>
          </cell>
          <cell r="N913" t="str">
            <v>有</v>
          </cell>
          <cell r="O913">
            <v>66</v>
          </cell>
          <cell r="P913">
            <v>21010</v>
          </cell>
          <cell r="Q913">
            <v>7010401022916</v>
          </cell>
          <cell r="R913">
            <v>397199212</v>
          </cell>
          <cell r="S913">
            <v>718911000</v>
          </cell>
          <cell r="T913">
            <v>2844447000</v>
          </cell>
          <cell r="V913" t="str">
            <v>je544815</v>
          </cell>
          <cell r="W913" t="str">
            <v>bw339743</v>
          </cell>
          <cell r="X913" t="str">
            <v>建電内通</v>
          </cell>
          <cell r="Y913" t="str">
            <v/>
          </cell>
          <cell r="Z913" t="str">
            <v>建電内通</v>
          </cell>
          <cell r="AA913" t="str">
            <v>電気通信</v>
          </cell>
          <cell r="AB913" t="str">
            <v/>
          </cell>
          <cell r="AC913" t="str">
            <v/>
          </cell>
          <cell r="AD913" t="str">
            <v/>
          </cell>
          <cell r="AE913">
            <v>43190</v>
          </cell>
          <cell r="AF913" t="str">
            <v>希望しない</v>
          </cell>
          <cell r="AG913" t="str">
            <v>電気通信</v>
          </cell>
          <cell r="AH913" t="str">
            <v>特定</v>
          </cell>
          <cell r="AI913">
            <v>1718</v>
          </cell>
          <cell r="AJ913">
            <v>36650534</v>
          </cell>
          <cell r="AK913" t="str">
            <v>6(4)/0/610</v>
          </cell>
          <cell r="AL913" t="str">
            <v/>
          </cell>
          <cell r="AM913" t="str">
            <v/>
          </cell>
          <cell r="AN913" t="str">
            <v/>
          </cell>
          <cell r="AO913" t="str">
            <v/>
          </cell>
          <cell r="AP913" t="str">
            <v/>
          </cell>
          <cell r="AQ913" t="str">
            <v/>
          </cell>
          <cell r="AR913" t="str">
            <v/>
          </cell>
          <cell r="AS913" t="str">
            <v/>
          </cell>
          <cell r="AT913" t="str">
            <v/>
          </cell>
          <cell r="AU913" t="str">
            <v/>
          </cell>
          <cell r="AV913" t="str">
            <v/>
          </cell>
          <cell r="AW913" t="str">
            <v/>
          </cell>
          <cell r="AX913" t="str">
            <v/>
          </cell>
          <cell r="AY913" t="str">
            <v/>
          </cell>
          <cell r="AZ913" t="str">
            <v/>
          </cell>
          <cell r="BA913" t="str">
            <v>東京都</v>
          </cell>
          <cell r="BB913">
            <v>0</v>
          </cell>
          <cell r="CR913">
            <v>6449</v>
          </cell>
          <cell r="CS913" t="str">
            <v>ﾔﾏﾀﾞ ﾐﾉﾙ</v>
          </cell>
          <cell r="CT913" t="str">
            <v>山田  実</v>
          </cell>
          <cell r="CU913" t="str">
            <v>施設課</v>
          </cell>
          <cell r="CW913">
            <v>4327</v>
          </cell>
          <cell r="CX913" t="str">
            <v>主査</v>
          </cell>
          <cell r="CY913" t="str">
            <v>営繕課長</v>
          </cell>
        </row>
        <row r="914">
          <cell r="B914">
            <v>3604</v>
          </cell>
          <cell r="C914" t="str">
            <v>日本電設工業(株)</v>
          </cell>
          <cell r="D914" t="str">
            <v>078-391-5981</v>
          </cell>
          <cell r="E914" t="str">
            <v>650-0021</v>
          </cell>
          <cell r="F914" t="str">
            <v>兵庫県神戸市中央区三宮町2-11-1</v>
          </cell>
          <cell r="G914" t="str">
            <v/>
          </cell>
          <cell r="H914" t="str">
            <v>大阪支店　神戸営業所</v>
          </cell>
          <cell r="I914" t="str">
            <v>所長 山﨑　英彦</v>
          </cell>
          <cell r="J914" t="str">
            <v>東京都</v>
          </cell>
          <cell r="K914" t="str">
            <v>078-332-1429</v>
          </cell>
          <cell r="L914" t="str">
            <v>k-tateyama@densetsuko.co.jp</v>
          </cell>
          <cell r="M914" t="str">
            <v>ﾆｯﾎﾟﾝﾃﾞﾝｾﾂｺｳｷﾞｮｳ</v>
          </cell>
          <cell r="N914" t="str">
            <v>有</v>
          </cell>
          <cell r="O914">
            <v>68</v>
          </cell>
          <cell r="P914">
            <v>2351</v>
          </cell>
          <cell r="Q914">
            <v>6010501016240</v>
          </cell>
          <cell r="R914">
            <v>8494000</v>
          </cell>
          <cell r="S914">
            <v>121283000</v>
          </cell>
          <cell r="T914">
            <v>178938000</v>
          </cell>
          <cell r="V914" t="str">
            <v>ms882054</v>
          </cell>
          <cell r="W914" t="str">
            <v>dc912784</v>
          </cell>
          <cell r="X914" t="str">
            <v>(電)(通)土と電管鋼塗通消</v>
          </cell>
          <cell r="Y914" t="str">
            <v>(電)(通)</v>
          </cell>
          <cell r="Z914" t="str">
            <v>土と電管鋼塗通消</v>
          </cell>
          <cell r="AA914" t="str">
            <v>電気</v>
          </cell>
          <cell r="AB914" t="str">
            <v>電気通信</v>
          </cell>
          <cell r="AC914" t="str">
            <v/>
          </cell>
          <cell r="AD914" t="str">
            <v/>
          </cell>
          <cell r="AE914">
            <v>43190</v>
          </cell>
          <cell r="AF914" t="str">
            <v>希望しない</v>
          </cell>
          <cell r="AG914" t="str">
            <v>電気</v>
          </cell>
          <cell r="AH914" t="str">
            <v>特定</v>
          </cell>
          <cell r="AI914">
            <v>1922</v>
          </cell>
          <cell r="AJ914">
            <v>115637259</v>
          </cell>
          <cell r="AK914" t="str">
            <v>1381(1228)/81/273</v>
          </cell>
          <cell r="AL914" t="str">
            <v>電気通信</v>
          </cell>
          <cell r="AM914" t="str">
            <v>特定</v>
          </cell>
          <cell r="AN914">
            <v>1571</v>
          </cell>
          <cell r="AO914">
            <v>20203618</v>
          </cell>
          <cell r="AP914" t="str">
            <v>19(8)/0/199</v>
          </cell>
          <cell r="AQ914" t="str">
            <v/>
          </cell>
          <cell r="AR914" t="str">
            <v/>
          </cell>
          <cell r="AS914" t="str">
            <v/>
          </cell>
          <cell r="AT914" t="str">
            <v/>
          </cell>
          <cell r="AU914" t="str">
            <v/>
          </cell>
          <cell r="AV914" t="str">
            <v/>
          </cell>
          <cell r="AW914" t="str">
            <v/>
          </cell>
          <cell r="AX914" t="str">
            <v/>
          </cell>
          <cell r="AY914" t="str">
            <v/>
          </cell>
          <cell r="AZ914" t="str">
            <v/>
          </cell>
          <cell r="BA914" t="str">
            <v>東京都</v>
          </cell>
          <cell r="BB914">
            <v>0</v>
          </cell>
          <cell r="CR914">
            <v>6450</v>
          </cell>
          <cell r="CS914" t="str">
            <v>ｲﾂｼｷ ﾕｲ</v>
          </cell>
          <cell r="CT914" t="str">
            <v>一色  由依</v>
          </cell>
          <cell r="CU914" t="str">
            <v>地域・高年福祉課</v>
          </cell>
          <cell r="CW914">
            <v>2745</v>
          </cell>
          <cell r="CX914" t="str">
            <v xml:space="preserve"> </v>
          </cell>
          <cell r="CY914" t="str">
            <v>地域・高年福祉課長</v>
          </cell>
        </row>
        <row r="915">
          <cell r="B915">
            <v>3608</v>
          </cell>
          <cell r="C915" t="str">
            <v>(株)日本ピーエス</v>
          </cell>
          <cell r="D915" t="str">
            <v>078-222-2075</v>
          </cell>
          <cell r="E915" t="str">
            <v>651-0087</v>
          </cell>
          <cell r="F915" t="str">
            <v>兵庫県神戸市神戸市中央区御幸通6-1-15</v>
          </cell>
          <cell r="G915" t="str">
            <v>敦賀市</v>
          </cell>
          <cell r="H915" t="str">
            <v>神戸営業所</v>
          </cell>
          <cell r="I915" t="str">
            <v>所長 野波　秋成</v>
          </cell>
          <cell r="J915" t="str">
            <v>福井県敦賀市</v>
          </cell>
          <cell r="K915" t="str">
            <v>078-222-2092</v>
          </cell>
          <cell r="L915" t="str">
            <v>oo-nyusatsu@nipponps.co.jp</v>
          </cell>
          <cell r="M915" t="str">
            <v>ﾆｯﾎﾟﾝﾋﾟｰｴｽ</v>
          </cell>
          <cell r="N915" t="str">
            <v>有</v>
          </cell>
          <cell r="O915">
            <v>65</v>
          </cell>
          <cell r="P915">
            <v>358</v>
          </cell>
          <cell r="Q915">
            <v>9210001010695</v>
          </cell>
          <cell r="R915">
            <v>150000</v>
          </cell>
          <cell r="S915">
            <v>10049333</v>
          </cell>
          <cell r="T915">
            <v>15212457</v>
          </cell>
          <cell r="V915" t="str">
            <v>hw449110</v>
          </cell>
          <cell r="W915" t="str">
            <v>yz407945</v>
          </cell>
          <cell r="X915" t="str">
            <v>(清)(と)(鋼)(舗)(水)(解)土建と鋼舗園水解</v>
          </cell>
          <cell r="Y915" t="str">
            <v>(清)(と)(鋼)(舗)(水)(解)</v>
          </cell>
          <cell r="Z915" t="str">
            <v>土建と鋼舗園水解</v>
          </cell>
          <cell r="AA915" t="str">
            <v>土木一式</v>
          </cell>
          <cell r="AB915" t="str">
            <v>水道施設</v>
          </cell>
          <cell r="AC915" t="str">
            <v>鋼構造物</v>
          </cell>
          <cell r="AD915" t="str">
            <v>とび土工</v>
          </cell>
          <cell r="AE915">
            <v>43190</v>
          </cell>
          <cell r="AF915" t="str">
            <v>希望しない</v>
          </cell>
          <cell r="AG915" t="str">
            <v>土木一式</v>
          </cell>
          <cell r="AH915" t="str">
            <v>特定</v>
          </cell>
          <cell r="AI915">
            <v>1459</v>
          </cell>
          <cell r="AJ915">
            <v>14969111</v>
          </cell>
          <cell r="AK915" t="str">
            <v>186(184)/23/17</v>
          </cell>
          <cell r="AL915" t="str">
            <v>水道施設</v>
          </cell>
          <cell r="AM915" t="str">
            <v>特定</v>
          </cell>
          <cell r="AN915">
            <v>1167</v>
          </cell>
          <cell r="AO915">
            <v>134396</v>
          </cell>
          <cell r="AP915" t="str">
            <v>120(120)/14/0</v>
          </cell>
          <cell r="AQ915" t="str">
            <v>鋼構造物</v>
          </cell>
          <cell r="AR915" t="str">
            <v>特定</v>
          </cell>
          <cell r="AS915">
            <v>996</v>
          </cell>
          <cell r="AT915" t="str">
            <v/>
          </cell>
          <cell r="AU915" t="str">
            <v>37(36)/9/0</v>
          </cell>
          <cell r="AV915" t="str">
            <v>とび土工</v>
          </cell>
          <cell r="AW915" t="str">
            <v>特定</v>
          </cell>
          <cell r="AX915">
            <v>1063</v>
          </cell>
          <cell r="AY915">
            <v>108950</v>
          </cell>
          <cell r="AZ915" t="str">
            <v>23(22)/0/0</v>
          </cell>
          <cell r="BA915" t="str">
            <v>福井県</v>
          </cell>
          <cell r="BB915">
            <v>0</v>
          </cell>
          <cell r="CR915">
            <v>6451</v>
          </cell>
          <cell r="CS915" t="str">
            <v>ﾔﾏﾓﾄ ﾊﾙｶ</v>
          </cell>
          <cell r="CT915" t="str">
            <v>山本  春佳</v>
          </cell>
          <cell r="CU915" t="str">
            <v>健康政策課</v>
          </cell>
          <cell r="CW915">
            <v>4328</v>
          </cell>
          <cell r="CX915" t="str">
            <v xml:space="preserve"> </v>
          </cell>
          <cell r="CY915" t="str">
            <v>健康政策課長</v>
          </cell>
        </row>
        <row r="916">
          <cell r="B916">
            <v>3615</v>
          </cell>
          <cell r="C916" t="str">
            <v>日本エレベーター製造(株)</v>
          </cell>
          <cell r="D916" t="str">
            <v>06-6441-8021</v>
          </cell>
          <cell r="E916" t="str">
            <v>550-0001</v>
          </cell>
          <cell r="F916" t="str">
            <v>大阪府大阪市西区土佐堀2-4-9</v>
          </cell>
          <cell r="G916" t="str">
            <v/>
          </cell>
          <cell r="H916" t="str">
            <v>大阪営業所</v>
          </cell>
          <cell r="I916" t="str">
            <v>所長 成瀬　友章</v>
          </cell>
          <cell r="J916" t="str">
            <v>東京都</v>
          </cell>
          <cell r="K916" t="str">
            <v>06-6443-4484</v>
          </cell>
          <cell r="L916" t="str">
            <v>a-maruyama@nichiele.co.jp</v>
          </cell>
          <cell r="M916" t="str">
            <v>ﾆﾎﾝｴﾚﾍﾞｰﾀｰｾｲｿﾞｳ</v>
          </cell>
          <cell r="N916" t="str">
            <v>有</v>
          </cell>
          <cell r="O916">
            <v>68</v>
          </cell>
          <cell r="P916">
            <v>621</v>
          </cell>
          <cell r="Q916">
            <v>8010001032926</v>
          </cell>
          <cell r="R916">
            <v>20800</v>
          </cell>
          <cell r="S916">
            <v>10382754</v>
          </cell>
          <cell r="T916">
            <v>8208918</v>
          </cell>
          <cell r="V916" t="str">
            <v>aw553519</v>
          </cell>
          <cell r="W916" t="str">
            <v>ss575947</v>
          </cell>
          <cell r="X916" t="str">
            <v>(機)機</v>
          </cell>
          <cell r="Y916" t="str">
            <v>(機)</v>
          </cell>
          <cell r="Z916" t="str">
            <v>機</v>
          </cell>
          <cell r="AA916" t="str">
            <v>機械器具</v>
          </cell>
          <cell r="AB916" t="str">
            <v/>
          </cell>
          <cell r="AC916" t="str">
            <v/>
          </cell>
          <cell r="AD916" t="str">
            <v/>
          </cell>
          <cell r="AE916">
            <v>43281</v>
          </cell>
          <cell r="AF916" t="str">
            <v/>
          </cell>
          <cell r="AG916" t="str">
            <v>機械器具</v>
          </cell>
          <cell r="AH916" t="str">
            <v>特定</v>
          </cell>
          <cell r="AI916">
            <v>1177</v>
          </cell>
          <cell r="AJ916">
            <v>2960069</v>
          </cell>
          <cell r="AK916" t="str">
            <v>1(0)/0/158</v>
          </cell>
          <cell r="AL916" t="str">
            <v/>
          </cell>
          <cell r="AM916" t="str">
            <v/>
          </cell>
          <cell r="AN916" t="str">
            <v/>
          </cell>
          <cell r="AO916" t="str">
            <v/>
          </cell>
          <cell r="AP916" t="str">
            <v/>
          </cell>
          <cell r="AQ916" t="str">
            <v/>
          </cell>
          <cell r="AR916" t="str">
            <v/>
          </cell>
          <cell r="AS916" t="str">
            <v/>
          </cell>
          <cell r="AT916" t="str">
            <v/>
          </cell>
          <cell r="AU916" t="str">
            <v/>
          </cell>
          <cell r="AV916" t="str">
            <v/>
          </cell>
          <cell r="AW916" t="str">
            <v/>
          </cell>
          <cell r="AX916" t="str">
            <v/>
          </cell>
          <cell r="AY916" t="str">
            <v/>
          </cell>
          <cell r="AZ916" t="str">
            <v/>
          </cell>
          <cell r="BA916" t="str">
            <v>東京都</v>
          </cell>
          <cell r="BB916">
            <v>0</v>
          </cell>
          <cell r="CR916">
            <v>6452</v>
          </cell>
          <cell r="CS916" t="str">
            <v>ｵｸﾀﾆ ｹﾝｼﾞﾛｳ</v>
          </cell>
          <cell r="CT916" t="str">
            <v>奥谷  憲二郎</v>
          </cell>
          <cell r="CU916" t="str">
            <v>こども福祉課</v>
          </cell>
          <cell r="CW916" t="str">
            <v xml:space="preserve"> </v>
          </cell>
          <cell r="CX916" t="str">
            <v xml:space="preserve"> </v>
          </cell>
          <cell r="CY916" t="str">
            <v>こども福祉課長</v>
          </cell>
        </row>
        <row r="917">
          <cell r="B917">
            <v>3617</v>
          </cell>
          <cell r="C917" t="str">
            <v>日本海工(株)</v>
          </cell>
          <cell r="D917" t="str">
            <v>078-391-1791</v>
          </cell>
          <cell r="E917" t="str">
            <v>650-0032</v>
          </cell>
          <cell r="F917" t="str">
            <v>兵庫県神戸市中央区伊藤町119</v>
          </cell>
          <cell r="G917" t="str">
            <v>神戸市</v>
          </cell>
          <cell r="H917" t="str">
            <v/>
          </cell>
          <cell r="I917" t="str">
            <v>代表取締役社長 山下　聖一郎</v>
          </cell>
          <cell r="J917" t="str">
            <v>本店</v>
          </cell>
          <cell r="K917" t="str">
            <v>078-332-1432</v>
          </cell>
          <cell r="L917" t="str">
            <v>e_nyusatsu@nipponkaiko.co.jp</v>
          </cell>
          <cell r="M917" t="str">
            <v>ﾆﾎﾝｶｲｺｳ</v>
          </cell>
          <cell r="N917" t="str">
            <v>無</v>
          </cell>
          <cell r="O917">
            <v>58</v>
          </cell>
          <cell r="P917">
            <v>108</v>
          </cell>
          <cell r="Q917">
            <v>9140001012187</v>
          </cell>
          <cell r="R917">
            <v>100000</v>
          </cell>
          <cell r="S917">
            <v>1616136</v>
          </cell>
          <cell r="T917">
            <v>2773944</v>
          </cell>
          <cell r="V917" t="str">
            <v>ku864240</v>
          </cell>
          <cell r="W917" t="str">
            <v>xq470592</v>
          </cell>
          <cell r="X917" t="str">
            <v>土と鋼舗浚水</v>
          </cell>
          <cell r="Y917" t="str">
            <v/>
          </cell>
          <cell r="Z917" t="str">
            <v>土と鋼舗浚水</v>
          </cell>
          <cell r="AA917" t="str">
            <v>土木一式</v>
          </cell>
          <cell r="AB917" t="str">
            <v>浚渫</v>
          </cell>
          <cell r="AC917" t="str">
            <v>舗装</v>
          </cell>
          <cell r="AD917" t="str">
            <v>鋼構造物</v>
          </cell>
          <cell r="AE917">
            <v>43190</v>
          </cell>
          <cell r="AF917" t="str">
            <v>希望しない</v>
          </cell>
          <cell r="AG917" t="str">
            <v>土木一式</v>
          </cell>
          <cell r="AH917" t="str">
            <v>特定</v>
          </cell>
          <cell r="AI917">
            <v>1088</v>
          </cell>
          <cell r="AJ917">
            <v>2787992</v>
          </cell>
          <cell r="AK917" t="str">
            <v>40(27)/6/7</v>
          </cell>
          <cell r="AL917" t="str">
            <v>浚渫</v>
          </cell>
          <cell r="AM917" t="str">
            <v>特定</v>
          </cell>
          <cell r="AN917">
            <v>957</v>
          </cell>
          <cell r="AO917">
            <v>127122</v>
          </cell>
          <cell r="AP917" t="str">
            <v>38(26)/4/2</v>
          </cell>
          <cell r="AQ917" t="str">
            <v>舗装</v>
          </cell>
          <cell r="AR917" t="str">
            <v>特定</v>
          </cell>
          <cell r="AS917">
            <v>809</v>
          </cell>
          <cell r="AT917">
            <v>51700</v>
          </cell>
          <cell r="AU917" t="str">
            <v>2(1)/3/0</v>
          </cell>
          <cell r="AV917" t="str">
            <v>鋼構造物</v>
          </cell>
          <cell r="AW917" t="str">
            <v>特定</v>
          </cell>
          <cell r="AX917">
            <v>679</v>
          </cell>
          <cell r="AY917" t="str">
            <v/>
          </cell>
          <cell r="AZ917" t="str">
            <v>0(0)/0/0</v>
          </cell>
          <cell r="BA917" t="str">
            <v>兵庫県</v>
          </cell>
          <cell r="BB917" t="str">
            <v>三井生命神戸三宮ビル</v>
          </cell>
          <cell r="CR917">
            <v>6453</v>
          </cell>
          <cell r="CS917" t="str">
            <v>ﾐﾊﾗ ｻﾜ</v>
          </cell>
          <cell r="CT917" t="str">
            <v>三原  紗和</v>
          </cell>
          <cell r="CU917" t="str">
            <v>保育課</v>
          </cell>
          <cell r="CW917" t="str">
            <v xml:space="preserve"> </v>
          </cell>
          <cell r="CX917" t="str">
            <v xml:space="preserve"> </v>
          </cell>
          <cell r="CY917" t="str">
            <v>保育課長</v>
          </cell>
        </row>
        <row r="918">
          <cell r="B918">
            <v>3623</v>
          </cell>
          <cell r="C918" t="str">
            <v>日本管財(株)</v>
          </cell>
          <cell r="D918" t="str">
            <v>0798-35-2200</v>
          </cell>
          <cell r="E918" t="str">
            <v>662‐8588</v>
          </cell>
          <cell r="F918" t="str">
            <v>兵庫県西宮市六湛寺町9‐16</v>
          </cell>
          <cell r="G918" t="str">
            <v>西宮市</v>
          </cell>
          <cell r="H918" t="str">
            <v/>
          </cell>
          <cell r="I918" t="str">
            <v>代表取締役社長 福田　慎太郎</v>
          </cell>
          <cell r="J918" t="str">
            <v>本店</v>
          </cell>
          <cell r="K918" t="str">
            <v>0798-35-2250</v>
          </cell>
          <cell r="L918" t="str">
            <v>web_info@nkanzai.co.jp</v>
          </cell>
          <cell r="M918" t="str">
            <v>ﾆﾎﾝｶﾝｻﾞｲ</v>
          </cell>
          <cell r="N918" t="str">
            <v>無</v>
          </cell>
          <cell r="O918">
            <v>40</v>
          </cell>
          <cell r="P918">
            <v>4147</v>
          </cell>
          <cell r="Q918">
            <v>9140001069797</v>
          </cell>
          <cell r="R918">
            <v>3000000</v>
          </cell>
          <cell r="S918">
            <v>32456894</v>
          </cell>
          <cell r="T918">
            <v>58471408</v>
          </cell>
          <cell r="V918" t="str">
            <v>qw509075</v>
          </cell>
          <cell r="W918" t="str">
            <v>em215655</v>
          </cell>
          <cell r="X918" t="str">
            <v>舗機通井消土建電管塗防内具</v>
          </cell>
          <cell r="Y918" t="str">
            <v>舗機通井消</v>
          </cell>
          <cell r="Z918" t="str">
            <v>土建電管塗防内具</v>
          </cell>
          <cell r="AA918" t="str">
            <v>管</v>
          </cell>
          <cell r="AB918" t="str">
            <v>電気</v>
          </cell>
          <cell r="AC918" t="str">
            <v>防水</v>
          </cell>
          <cell r="AD918" t="str">
            <v>塗装</v>
          </cell>
          <cell r="AE918">
            <v>43190</v>
          </cell>
          <cell r="AF918" t="str">
            <v>希望しない</v>
          </cell>
          <cell r="AG918" t="str">
            <v>管</v>
          </cell>
          <cell r="AH918" t="str">
            <v>特定</v>
          </cell>
          <cell r="AI918">
            <v>1271</v>
          </cell>
          <cell r="AJ918">
            <v>2210484</v>
          </cell>
          <cell r="AK918" t="str">
            <v>13(12)/0/1</v>
          </cell>
          <cell r="AL918" t="str">
            <v>電気</v>
          </cell>
          <cell r="AM918" t="str">
            <v>特定</v>
          </cell>
          <cell r="AN918">
            <v>1217</v>
          </cell>
          <cell r="AO918">
            <v>1382524</v>
          </cell>
          <cell r="AP918" t="str">
            <v>5(4)/2/9</v>
          </cell>
          <cell r="AQ918" t="str">
            <v>防水</v>
          </cell>
          <cell r="AR918" t="str">
            <v>特定</v>
          </cell>
          <cell r="AS918">
            <v>1087</v>
          </cell>
          <cell r="AT918">
            <v>112937</v>
          </cell>
          <cell r="AU918" t="str">
            <v>4(4)/0/0</v>
          </cell>
          <cell r="AV918" t="str">
            <v>塗装</v>
          </cell>
          <cell r="AW918" t="str">
            <v>特定</v>
          </cell>
          <cell r="AX918">
            <v>1101</v>
          </cell>
          <cell r="AY918">
            <v>108963</v>
          </cell>
          <cell r="AZ918" t="str">
            <v>6(6)/0/0</v>
          </cell>
          <cell r="BA918" t="str">
            <v>兵庫県</v>
          </cell>
          <cell r="BB918">
            <v>0</v>
          </cell>
          <cell r="CR918">
            <v>6454</v>
          </cell>
          <cell r="CS918" t="str">
            <v>ｷｸﾁ ﾕｳｺ</v>
          </cell>
          <cell r="CT918" t="str">
            <v>菊池  佑子</v>
          </cell>
          <cell r="CU918" t="str">
            <v>保育課</v>
          </cell>
          <cell r="CW918" t="str">
            <v xml:space="preserve"> </v>
          </cell>
          <cell r="CX918" t="str">
            <v xml:space="preserve"> </v>
          </cell>
          <cell r="CY918" t="str">
            <v>保育課長</v>
          </cell>
        </row>
        <row r="919">
          <cell r="B919">
            <v>3628</v>
          </cell>
          <cell r="C919" t="str">
            <v>日本空調サービス(株)</v>
          </cell>
          <cell r="D919" t="str">
            <v>072-726-1400</v>
          </cell>
          <cell r="E919" t="str">
            <v>562-0035</v>
          </cell>
          <cell r="F919" t="str">
            <v>大阪府箕面市船場東2-4-56</v>
          </cell>
          <cell r="G919" t="str">
            <v>名古屋市</v>
          </cell>
          <cell r="H919" t="str">
            <v>大阪支店</v>
          </cell>
          <cell r="I919" t="str">
            <v>執行役員支店長 松井　正</v>
          </cell>
          <cell r="J919" t="str">
            <v>愛知県名古屋市</v>
          </cell>
          <cell r="K919" t="str">
            <v>072-726-6626</v>
          </cell>
          <cell r="L919" t="str">
            <v>t70101@nikku.co.jp</v>
          </cell>
          <cell r="M919" t="str">
            <v>ﾆﾎﾝｸｳﾁｮｳｻｰﾋﾞｽ</v>
          </cell>
          <cell r="N919" t="str">
            <v>有</v>
          </cell>
          <cell r="O919">
            <v>53</v>
          </cell>
          <cell r="P919">
            <v>1758</v>
          </cell>
          <cell r="Q919">
            <v>6180001002699</v>
          </cell>
          <cell r="R919">
            <v>1139575</v>
          </cell>
          <cell r="S919">
            <v>13340000</v>
          </cell>
          <cell r="T919">
            <v>45467000</v>
          </cell>
          <cell r="V919" t="str">
            <v>cn521594</v>
          </cell>
          <cell r="W919" t="str">
            <v>sc297725</v>
          </cell>
          <cell r="X919" t="str">
            <v>電消(電)(管)(消)管</v>
          </cell>
          <cell r="Y919" t="str">
            <v>電消(電)(管)(消)</v>
          </cell>
          <cell r="Z919" t="str">
            <v>管</v>
          </cell>
          <cell r="AA919" t="str">
            <v>管</v>
          </cell>
          <cell r="AB919" t="str">
            <v>消防施設</v>
          </cell>
          <cell r="AC919" t="str">
            <v/>
          </cell>
          <cell r="AD919" t="str">
            <v/>
          </cell>
          <cell r="AE919">
            <v>43191</v>
          </cell>
          <cell r="AF919" t="str">
            <v>希望しない</v>
          </cell>
          <cell r="AG919" t="str">
            <v>管</v>
          </cell>
          <cell r="AH919" t="str">
            <v>特定</v>
          </cell>
          <cell r="AI919">
            <v>1441</v>
          </cell>
          <cell r="AJ919">
            <v>7427923</v>
          </cell>
          <cell r="AK919" t="str">
            <v>139(42)/200/0</v>
          </cell>
          <cell r="AL919" t="str">
            <v>消防施設</v>
          </cell>
          <cell r="AM919" t="str">
            <v>一般</v>
          </cell>
          <cell r="AN919">
            <v>1098</v>
          </cell>
          <cell r="AO919">
            <v>4912</v>
          </cell>
          <cell r="AP919" t="str">
            <v>0(0)/230/0</v>
          </cell>
          <cell r="AQ919" t="str">
            <v/>
          </cell>
          <cell r="AR919" t="str">
            <v/>
          </cell>
          <cell r="AS919" t="str">
            <v/>
          </cell>
          <cell r="AT919" t="str">
            <v/>
          </cell>
          <cell r="AU919" t="str">
            <v/>
          </cell>
          <cell r="AV919" t="str">
            <v/>
          </cell>
          <cell r="AW919" t="str">
            <v/>
          </cell>
          <cell r="AX919" t="str">
            <v/>
          </cell>
          <cell r="AY919" t="str">
            <v/>
          </cell>
          <cell r="AZ919" t="str">
            <v/>
          </cell>
          <cell r="BA919" t="str">
            <v>愛知県</v>
          </cell>
          <cell r="BB919">
            <v>0</v>
          </cell>
          <cell r="CR919">
            <v>6456</v>
          </cell>
          <cell r="CS919" t="str">
            <v>ﾀﾅｶ ｱｷﾅ</v>
          </cell>
          <cell r="CT919" t="str">
            <v>田中  明菜</v>
          </cell>
          <cell r="CU919" t="str">
            <v>保育課</v>
          </cell>
          <cell r="CW919" t="str">
            <v xml:space="preserve"> </v>
          </cell>
          <cell r="CX919" t="str">
            <v xml:space="preserve"> </v>
          </cell>
          <cell r="CY919" t="str">
            <v>保育課長</v>
          </cell>
        </row>
        <row r="920">
          <cell r="B920">
            <v>3630</v>
          </cell>
          <cell r="C920" t="str">
            <v>日本原料(株)</v>
          </cell>
          <cell r="D920" t="str">
            <v>06-6941-5555</v>
          </cell>
          <cell r="E920" t="str">
            <v>540-0026</v>
          </cell>
          <cell r="F920" t="str">
            <v>大阪府大阪市中央区内本町1-3-5</v>
          </cell>
          <cell r="G920" t="str">
            <v>川崎市</v>
          </cell>
          <cell r="H920" t="str">
            <v>関西支店</v>
          </cell>
          <cell r="I920" t="str">
            <v>支店長 瀬田　和俊</v>
          </cell>
          <cell r="J920" t="str">
            <v>神奈川県川崎市</v>
          </cell>
          <cell r="K920" t="str">
            <v>06-6941-5559</v>
          </cell>
          <cell r="L920" t="str">
            <v>kaneie@genryo.co.jp</v>
          </cell>
          <cell r="M920" t="str">
            <v>ﾆﾎﾝｹﾞﾝﾘｮｳ</v>
          </cell>
          <cell r="N920" t="str">
            <v>有</v>
          </cell>
          <cell r="O920">
            <v>79</v>
          </cell>
          <cell r="P920">
            <v>69</v>
          </cell>
          <cell r="Q920">
            <v>8020001074991</v>
          </cell>
          <cell r="R920">
            <v>98000</v>
          </cell>
          <cell r="S920">
            <v>160220</v>
          </cell>
          <cell r="T920">
            <v>4943114</v>
          </cell>
          <cell r="V920" t="str">
            <v>tc683135</v>
          </cell>
          <cell r="W920" t="str">
            <v>jr587075</v>
          </cell>
          <cell r="X920" t="str">
            <v>機(機)(水)土防水</v>
          </cell>
          <cell r="Y920" t="str">
            <v>機(機)(水)</v>
          </cell>
          <cell r="Z920" t="str">
            <v>土防水</v>
          </cell>
          <cell r="AA920" t="str">
            <v>水道施設</v>
          </cell>
          <cell r="AB920" t="str">
            <v>機械器具</v>
          </cell>
          <cell r="AC920" t="str">
            <v/>
          </cell>
          <cell r="AD920" t="str">
            <v/>
          </cell>
          <cell r="AE920">
            <v>43190</v>
          </cell>
          <cell r="AF920" t="str">
            <v>希望しない</v>
          </cell>
          <cell r="AG920" t="str">
            <v>水道施設</v>
          </cell>
          <cell r="AH920" t="str">
            <v>特定</v>
          </cell>
          <cell r="AI920">
            <v>1132</v>
          </cell>
          <cell r="AJ920">
            <v>2338156</v>
          </cell>
          <cell r="AK920" t="str">
            <v>9(7)/9/36</v>
          </cell>
          <cell r="AL920" t="str">
            <v>機械器具</v>
          </cell>
          <cell r="AM920" t="str">
            <v>一般</v>
          </cell>
          <cell r="AN920">
            <v>824</v>
          </cell>
          <cell r="AO920">
            <v>102913</v>
          </cell>
          <cell r="AP920" t="str">
            <v>0(0)/0/38</v>
          </cell>
          <cell r="AQ920" t="str">
            <v/>
          </cell>
          <cell r="AR920" t="str">
            <v/>
          </cell>
          <cell r="AS920" t="str">
            <v/>
          </cell>
          <cell r="AT920" t="str">
            <v/>
          </cell>
          <cell r="AU920" t="str">
            <v/>
          </cell>
          <cell r="AV920" t="str">
            <v/>
          </cell>
          <cell r="AW920" t="str">
            <v/>
          </cell>
          <cell r="AX920" t="str">
            <v/>
          </cell>
          <cell r="AY920" t="str">
            <v/>
          </cell>
          <cell r="AZ920" t="str">
            <v/>
          </cell>
          <cell r="BA920" t="str">
            <v>神奈川県</v>
          </cell>
          <cell r="BB920">
            <v>0</v>
          </cell>
          <cell r="CR920">
            <v>6457</v>
          </cell>
          <cell r="CS920" t="str">
            <v>ﾁｻﾞｸﾗ ﾘﾖｳｺ</v>
          </cell>
          <cell r="CT920" t="str">
            <v>千櫻  涼子</v>
          </cell>
          <cell r="CU920" t="str">
            <v>保育課</v>
          </cell>
          <cell r="CW920" t="str">
            <v xml:space="preserve"> </v>
          </cell>
          <cell r="CX920" t="str">
            <v xml:space="preserve"> </v>
          </cell>
          <cell r="CY920" t="str">
            <v>保育課長</v>
          </cell>
        </row>
        <row r="921">
          <cell r="B921">
            <v>3634</v>
          </cell>
          <cell r="C921" t="str">
            <v>日本国土開発(株)</v>
          </cell>
          <cell r="D921" t="str">
            <v>06-6306-6742</v>
          </cell>
          <cell r="E921" t="str">
            <v>532-0011</v>
          </cell>
          <cell r="F921" t="str">
            <v>大阪府大阪市淀川区西中島5-5-15</v>
          </cell>
          <cell r="G921" t="str">
            <v/>
          </cell>
          <cell r="H921" t="str">
            <v>大阪支店</v>
          </cell>
          <cell r="I921" t="str">
            <v>常務執行役員支店長 松島　浩一</v>
          </cell>
          <cell r="J921" t="str">
            <v>東京都</v>
          </cell>
          <cell r="K921" t="str">
            <v>06-6306-6892</v>
          </cell>
          <cell r="L921" t="str">
            <v>takeo.tsuboi@n-kokudo.co.jp</v>
          </cell>
          <cell r="M921" t="str">
            <v>ﾆﾎﾝｺｸﾄﾞｶｲﾊﾂ</v>
          </cell>
          <cell r="N921" t="str">
            <v>有</v>
          </cell>
          <cell r="O921">
            <v>66</v>
          </cell>
          <cell r="P921">
            <v>1087</v>
          </cell>
          <cell r="Q921">
            <v>3010401022812</v>
          </cell>
          <cell r="R921">
            <v>5012000</v>
          </cell>
          <cell r="S921">
            <v>47108000</v>
          </cell>
          <cell r="T921">
            <v>103567000</v>
          </cell>
          <cell r="V921" t="str">
            <v>zb628458</v>
          </cell>
          <cell r="W921" t="str">
            <v>yz548953</v>
          </cell>
          <cell r="X921" t="str">
            <v>(清)(建)(大)(左)(と)(石)(屋)(タ)(鋼)(鉄)(舗)(浚)(板)(ガ)(塗)(防)(内)(熱)(具)(水)(解)土建大と石屋電管タ鋼鉄舗浚板ガ塗防内熱園井具水解</v>
          </cell>
          <cell r="Y921" t="str">
            <v>(清)(建)(大)(左)(と)(石)(屋)(タ)(鋼)(鉄)(舗)(浚)(板)(ガ)(塗)(防)(内)(熱)(具)(水)(解)</v>
          </cell>
          <cell r="Z921" t="str">
            <v>土建大と石屋電管タ鋼鉄舗浚板ガ塗防内熱園井具水解</v>
          </cell>
          <cell r="AA921" t="str">
            <v>土木一式</v>
          </cell>
          <cell r="AB921" t="str">
            <v>建築一式</v>
          </cell>
          <cell r="AC921" t="str">
            <v>水道施設</v>
          </cell>
          <cell r="AD921" t="str">
            <v>鋼構造物</v>
          </cell>
          <cell r="AE921">
            <v>43251</v>
          </cell>
          <cell r="AF921" t="str">
            <v>希望しない</v>
          </cell>
          <cell r="AG921" t="str">
            <v>土木一式</v>
          </cell>
          <cell r="AH921" t="str">
            <v>特定</v>
          </cell>
          <cell r="AI921">
            <v>1678</v>
          </cell>
          <cell r="AJ921">
            <v>25732704</v>
          </cell>
          <cell r="AK921" t="str">
            <v>393(295)/6/6</v>
          </cell>
          <cell r="AL921" t="str">
            <v>建築一式</v>
          </cell>
          <cell r="AM921" t="str">
            <v>特定</v>
          </cell>
          <cell r="AN921">
            <v>1743</v>
          </cell>
          <cell r="AO921">
            <v>44727809</v>
          </cell>
          <cell r="AP921" t="str">
            <v>418(312)/7/30</v>
          </cell>
          <cell r="AQ921" t="str">
            <v>水道施設</v>
          </cell>
          <cell r="AR921" t="str">
            <v>特定</v>
          </cell>
          <cell r="AS921">
            <v>1345</v>
          </cell>
          <cell r="AT921">
            <v>287463</v>
          </cell>
          <cell r="AU921" t="str">
            <v>174(127)/5/0</v>
          </cell>
          <cell r="AV921" t="str">
            <v>鋼構造物</v>
          </cell>
          <cell r="AW921" t="str">
            <v>特定</v>
          </cell>
          <cell r="AX921">
            <v>1110</v>
          </cell>
          <cell r="AY921" t="str">
            <v/>
          </cell>
          <cell r="AZ921" t="str">
            <v>31(5)/0/0</v>
          </cell>
          <cell r="BA921" t="str">
            <v>東京都</v>
          </cell>
          <cell r="BB921">
            <v>0</v>
          </cell>
          <cell r="CR921">
            <v>6458</v>
          </cell>
          <cell r="CS921" t="str">
            <v>ﾂｼﾞﾓﾄ ﾏｷ</v>
          </cell>
          <cell r="CT921" t="str">
            <v>辻本  麻希</v>
          </cell>
          <cell r="CU921" t="str">
            <v>保育課</v>
          </cell>
          <cell r="CW921" t="str">
            <v xml:space="preserve"> </v>
          </cell>
          <cell r="CX921" t="str">
            <v xml:space="preserve"> </v>
          </cell>
          <cell r="CY921" t="str">
            <v>保育課長</v>
          </cell>
        </row>
        <row r="922">
          <cell r="B922">
            <v>3639</v>
          </cell>
          <cell r="C922" t="str">
            <v>日本信号(株)</v>
          </cell>
          <cell r="D922" t="str">
            <v>06-6312-3851</v>
          </cell>
          <cell r="E922" t="str">
            <v>530-0018</v>
          </cell>
          <cell r="F922" t="str">
            <v>大阪府大阪市北区小松原町2-4</v>
          </cell>
          <cell r="G922" t="str">
            <v/>
          </cell>
          <cell r="H922" t="str">
            <v>大阪支社</v>
          </cell>
          <cell r="I922" t="str">
            <v>執行役員支社長 流郷　一宏</v>
          </cell>
          <cell r="J922" t="str">
            <v>東京都</v>
          </cell>
          <cell r="K922" t="str">
            <v>06-6312-8597</v>
          </cell>
          <cell r="L922" t="str">
            <v>ns-auth0603@signal.co.jp</v>
          </cell>
          <cell r="M922" t="str">
            <v>ﾆﾎﾝｼﾝｺﾞｳ</v>
          </cell>
          <cell r="N922" t="str">
            <v>有</v>
          </cell>
          <cell r="O922">
            <v>90</v>
          </cell>
          <cell r="P922">
            <v>1327</v>
          </cell>
          <cell r="Q922">
            <v>9010001110631</v>
          </cell>
          <cell r="R922">
            <v>10000000</v>
          </cell>
          <cell r="S922">
            <v>62772000</v>
          </cell>
          <cell r="T922">
            <v>65922145</v>
          </cell>
          <cell r="V922" t="str">
            <v>mr701143</v>
          </cell>
          <cell r="W922" t="str">
            <v>mv458181</v>
          </cell>
          <cell r="X922" t="str">
            <v>と(と)(電)(機)(通)電機通</v>
          </cell>
          <cell r="Y922" t="str">
            <v>と(と)(電)(機)(通)</v>
          </cell>
          <cell r="Z922" t="str">
            <v>電機通</v>
          </cell>
          <cell r="AA922" t="str">
            <v>電気</v>
          </cell>
          <cell r="AB922" t="str">
            <v>電気通信</v>
          </cell>
          <cell r="AC922" t="str">
            <v>機械器具</v>
          </cell>
          <cell r="AD922" t="str">
            <v/>
          </cell>
          <cell r="AE922">
            <v>43190</v>
          </cell>
          <cell r="AF922" t="str">
            <v>希望しない</v>
          </cell>
          <cell r="AG922" t="str">
            <v>電気</v>
          </cell>
          <cell r="AH922" t="str">
            <v>特定</v>
          </cell>
          <cell r="AI922">
            <v>1412</v>
          </cell>
          <cell r="AJ922">
            <v>6196346</v>
          </cell>
          <cell r="AK922" t="str">
            <v>304(121)/14/60</v>
          </cell>
          <cell r="AL922" t="str">
            <v>電気通信</v>
          </cell>
          <cell r="AM922" t="str">
            <v>特定</v>
          </cell>
          <cell r="AN922">
            <v>1113</v>
          </cell>
          <cell r="AO922">
            <v>931376</v>
          </cell>
          <cell r="AP922" t="str">
            <v>1(1)/0/35</v>
          </cell>
          <cell r="AQ922" t="str">
            <v>機械器具</v>
          </cell>
          <cell r="AR922" t="str">
            <v>特定</v>
          </cell>
          <cell r="AS922">
            <v>1107</v>
          </cell>
          <cell r="AT922">
            <v>619058</v>
          </cell>
          <cell r="AU922" t="str">
            <v>2(0)/0/42</v>
          </cell>
          <cell r="AV922" t="str">
            <v/>
          </cell>
          <cell r="AW922" t="str">
            <v/>
          </cell>
          <cell r="AX922" t="str">
            <v/>
          </cell>
          <cell r="AY922" t="str">
            <v/>
          </cell>
          <cell r="AZ922" t="str">
            <v/>
          </cell>
          <cell r="BA922" t="str">
            <v>東京都</v>
          </cell>
          <cell r="BB922">
            <v>0</v>
          </cell>
          <cell r="CR922">
            <v>6459</v>
          </cell>
          <cell r="CS922" t="str">
            <v>ﾅｶﾑﾗ ｹﾝｲﾁ</v>
          </cell>
          <cell r="CT922" t="str">
            <v>中村  健一</v>
          </cell>
          <cell r="CU922" t="str">
            <v>保育課</v>
          </cell>
          <cell r="CW922" t="str">
            <v xml:space="preserve"> </v>
          </cell>
          <cell r="CX922" t="str">
            <v xml:space="preserve"> </v>
          </cell>
          <cell r="CY922" t="str">
            <v>保育課長</v>
          </cell>
        </row>
        <row r="923">
          <cell r="B923">
            <v>3644</v>
          </cell>
          <cell r="C923" t="str">
            <v>日本テクトス(株)</v>
          </cell>
          <cell r="D923" t="str">
            <v>078-578-2200</v>
          </cell>
          <cell r="E923" t="str">
            <v>652-0047</v>
          </cell>
          <cell r="F923" t="str">
            <v>兵庫県神戸市兵庫区下沢通6ｰ1ｰ32</v>
          </cell>
          <cell r="G923" t="str">
            <v>神戸市</v>
          </cell>
          <cell r="H923" t="str">
            <v/>
          </cell>
          <cell r="I923" t="str">
            <v>代表取締役 勝矢　善弘</v>
          </cell>
          <cell r="J923" t="str">
            <v>本店</v>
          </cell>
          <cell r="K923" t="str">
            <v>078-578-2210</v>
          </cell>
          <cell r="L923" t="str">
            <v>yokoyam@star.kyotec.co.jp</v>
          </cell>
          <cell r="M923" t="str">
            <v>ﾆﾎﾝﾃｸﾄｽ</v>
          </cell>
          <cell r="N923" t="str">
            <v>無</v>
          </cell>
          <cell r="O923">
            <v>68</v>
          </cell>
          <cell r="P923">
            <v>25</v>
          </cell>
          <cell r="Q923">
            <v>3140001014684</v>
          </cell>
          <cell r="R923">
            <v>15000</v>
          </cell>
          <cell r="S923">
            <v>75354</v>
          </cell>
          <cell r="T923">
            <v>226305</v>
          </cell>
          <cell r="V923" t="str">
            <v>jz975932</v>
          </cell>
          <cell r="W923" t="str">
            <v>xr295956</v>
          </cell>
          <cell r="X923" t="str">
            <v>電通</v>
          </cell>
          <cell r="Y923" t="str">
            <v>電通</v>
          </cell>
          <cell r="Z923" t="str">
            <v/>
          </cell>
          <cell r="AA923" t="str">
            <v>電気通信</v>
          </cell>
          <cell r="AB923" t="str">
            <v>電気</v>
          </cell>
          <cell r="AC923" t="str">
            <v/>
          </cell>
          <cell r="AD923" t="str">
            <v/>
          </cell>
          <cell r="AE923">
            <v>43039</v>
          </cell>
          <cell r="AF923" t="str">
            <v>希望しない</v>
          </cell>
          <cell r="AG923" t="str">
            <v>電気通信</v>
          </cell>
          <cell r="AH923" t="str">
            <v>一般</v>
          </cell>
          <cell r="AI923">
            <v>805</v>
          </cell>
          <cell r="AJ923">
            <v>212880</v>
          </cell>
          <cell r="AK923" t="str">
            <v>0(0)/0/13</v>
          </cell>
          <cell r="AL923" t="str">
            <v>電気</v>
          </cell>
          <cell r="AM923" t="str">
            <v>一般</v>
          </cell>
          <cell r="AN923">
            <v>706</v>
          </cell>
          <cell r="AO923">
            <v>13425</v>
          </cell>
          <cell r="AP923" t="str">
            <v>0(0)/2/0</v>
          </cell>
          <cell r="AQ923" t="str">
            <v/>
          </cell>
          <cell r="AR923" t="str">
            <v/>
          </cell>
          <cell r="AS923" t="str">
            <v/>
          </cell>
          <cell r="AT923" t="str">
            <v/>
          </cell>
          <cell r="AU923" t="str">
            <v/>
          </cell>
          <cell r="AV923" t="str">
            <v/>
          </cell>
          <cell r="AW923" t="str">
            <v/>
          </cell>
          <cell r="AX923" t="str">
            <v/>
          </cell>
          <cell r="AY923" t="str">
            <v/>
          </cell>
          <cell r="AZ923" t="str">
            <v/>
          </cell>
          <cell r="BA923" t="str">
            <v>兵庫県</v>
          </cell>
          <cell r="BB923">
            <v>0</v>
          </cell>
          <cell r="CR923">
            <v>6461</v>
          </cell>
          <cell r="CS923" t="str">
            <v>ﾓﾁﾂﾞｷ ﾘｴ</v>
          </cell>
          <cell r="CT923" t="str">
            <v>望月  梨英</v>
          </cell>
          <cell r="CU923" t="str">
            <v>保育課</v>
          </cell>
          <cell r="CW923" t="str">
            <v xml:space="preserve"> </v>
          </cell>
          <cell r="CX923" t="str">
            <v xml:space="preserve"> </v>
          </cell>
          <cell r="CY923" t="str">
            <v>保育課長</v>
          </cell>
        </row>
        <row r="924">
          <cell r="B924">
            <v>3645</v>
          </cell>
          <cell r="C924" t="str">
            <v>日本電技(株)</v>
          </cell>
          <cell r="D924" t="str">
            <v>06-6447-0721</v>
          </cell>
          <cell r="E924" t="str">
            <v>530-0005</v>
          </cell>
          <cell r="F924" t="str">
            <v>大阪府大阪市北区中之島6-2-40</v>
          </cell>
          <cell r="G924" t="str">
            <v>大阪市</v>
          </cell>
          <cell r="H924" t="str">
            <v>大阪支店</v>
          </cell>
          <cell r="I924" t="str">
            <v>支店長　 高見　裕一</v>
          </cell>
          <cell r="J924" t="str">
            <v>東京都</v>
          </cell>
          <cell r="K924" t="str">
            <v>06-6447-5400</v>
          </cell>
          <cell r="L924" t="str">
            <v>sol.osk@nihondengi.co.jp</v>
          </cell>
          <cell r="M924" t="str">
            <v>ﾆﾎﾝﾃﾞﾝｷﾞ</v>
          </cell>
          <cell r="N924" t="str">
            <v>有</v>
          </cell>
          <cell r="O924">
            <v>46</v>
          </cell>
          <cell r="P924">
            <v>784</v>
          </cell>
          <cell r="Q924">
            <v>1010600000000</v>
          </cell>
          <cell r="R924">
            <v>470494</v>
          </cell>
          <cell r="S924">
            <v>19927145</v>
          </cell>
          <cell r="T924">
            <v>27160615</v>
          </cell>
          <cell r="V924" t="str">
            <v>wd248889</v>
          </cell>
          <cell r="W924" t="str">
            <v>tx425503</v>
          </cell>
          <cell r="X924" t="str">
            <v>電通</v>
          </cell>
          <cell r="Y924" t="str">
            <v>電通</v>
          </cell>
          <cell r="Z924" t="str">
            <v/>
          </cell>
          <cell r="AA924" t="str">
            <v>電気</v>
          </cell>
          <cell r="AB924" t="str">
            <v>管</v>
          </cell>
          <cell r="AC924" t="str">
            <v>機械器具</v>
          </cell>
          <cell r="AD924" t="str">
            <v>電気通信</v>
          </cell>
          <cell r="AE924">
            <v>43190</v>
          </cell>
          <cell r="AF924" t="str">
            <v>希望しない</v>
          </cell>
          <cell r="AG924" t="str">
            <v>電気</v>
          </cell>
          <cell r="AH924" t="str">
            <v>特定</v>
          </cell>
          <cell r="AI924">
            <v>1546</v>
          </cell>
          <cell r="AJ924">
            <v>20107108</v>
          </cell>
          <cell r="AK924" t="str">
            <v>373(169)/87/6</v>
          </cell>
          <cell r="AL924" t="str">
            <v>管</v>
          </cell>
          <cell r="AM924" t="str">
            <v>特定</v>
          </cell>
          <cell r="AN924">
            <v>1284</v>
          </cell>
          <cell r="AO924">
            <v>338057</v>
          </cell>
          <cell r="AP924" t="str">
            <v>177(86)/10/39</v>
          </cell>
          <cell r="AQ924" t="str">
            <v>機械器具</v>
          </cell>
          <cell r="AR924" t="str">
            <v>一般</v>
          </cell>
          <cell r="AS924">
            <v>1112</v>
          </cell>
          <cell r="AT924">
            <v>364618</v>
          </cell>
          <cell r="AU924" t="str">
            <v>0(0)/0/31</v>
          </cell>
          <cell r="AV924" t="str">
            <v>電気通信</v>
          </cell>
          <cell r="AW924" t="str">
            <v>一般</v>
          </cell>
          <cell r="AX924">
            <v>1041</v>
          </cell>
          <cell r="AY924">
            <v>40100</v>
          </cell>
          <cell r="AZ924" t="str">
            <v>2(1)/0/20</v>
          </cell>
          <cell r="BA924" t="str">
            <v>東京都</v>
          </cell>
          <cell r="BB924">
            <v>0</v>
          </cell>
          <cell r="CR924">
            <v>6462</v>
          </cell>
          <cell r="CS924" t="str">
            <v>ﾔﾅｷﾞﾀﾞ ﾁﾎ</v>
          </cell>
          <cell r="CT924" t="str">
            <v>栁田  千穂</v>
          </cell>
          <cell r="CU924" t="str">
            <v>保育課</v>
          </cell>
          <cell r="CW924" t="str">
            <v xml:space="preserve"> </v>
          </cell>
          <cell r="CX924" t="str">
            <v xml:space="preserve"> </v>
          </cell>
          <cell r="CY924" t="str">
            <v>保育課長</v>
          </cell>
        </row>
        <row r="925">
          <cell r="B925">
            <v>3646</v>
          </cell>
          <cell r="C925" t="str">
            <v>日本電算設備(株)</v>
          </cell>
          <cell r="D925" t="str">
            <v>06-6300-5777</v>
          </cell>
          <cell r="E925" t="str">
            <v>532-0031</v>
          </cell>
          <cell r="F925" t="str">
            <v>大阪府大阪市淀川区加島1‐37‐3</v>
          </cell>
          <cell r="G925" t="str">
            <v/>
          </cell>
          <cell r="H925" t="str">
            <v>大阪支店</v>
          </cell>
          <cell r="I925" t="str">
            <v>取締役　大阪支店長 宮崎　美憲</v>
          </cell>
          <cell r="J925" t="str">
            <v>東京都</v>
          </cell>
          <cell r="K925" t="str">
            <v>06-6300-5780</v>
          </cell>
          <cell r="L925" t="str">
            <v>etaes@nissetsu.co.jp</v>
          </cell>
          <cell r="M925" t="str">
            <v>ﾆﾎﾝﾃﾞﾝｻﾝｾﾂﾋﾞ</v>
          </cell>
          <cell r="N925" t="str">
            <v>有</v>
          </cell>
          <cell r="O925">
            <v>46</v>
          </cell>
          <cell r="P925">
            <v>75</v>
          </cell>
          <cell r="Q925">
            <v>6010001062306</v>
          </cell>
          <cell r="R925">
            <v>178200</v>
          </cell>
          <cell r="S925">
            <v>1490465</v>
          </cell>
          <cell r="T925">
            <v>2572377</v>
          </cell>
          <cell r="V925" t="str">
            <v>nk132990</v>
          </cell>
          <cell r="W925" t="str">
            <v>xz974168</v>
          </cell>
          <cell r="X925" t="str">
            <v>建内通消(電)(内)(通)(消)電管</v>
          </cell>
          <cell r="Y925" t="str">
            <v>建内通消(電)(内)(通)(消)</v>
          </cell>
          <cell r="Z925" t="str">
            <v>電管</v>
          </cell>
          <cell r="AA925" t="str">
            <v>電気</v>
          </cell>
          <cell r="AB925" t="str">
            <v>電気通信</v>
          </cell>
          <cell r="AC925" t="str">
            <v>内装仕上</v>
          </cell>
          <cell r="AD925" t="str">
            <v>消防施設</v>
          </cell>
          <cell r="AE925">
            <v>43069</v>
          </cell>
          <cell r="AF925" t="str">
            <v>希望しない</v>
          </cell>
          <cell r="AG925" t="str">
            <v>電気</v>
          </cell>
          <cell r="AH925" t="str">
            <v>特定</v>
          </cell>
          <cell r="AI925">
            <v>1023</v>
          </cell>
          <cell r="AJ925">
            <v>1089201</v>
          </cell>
          <cell r="AK925" t="str">
            <v>14(14)/6/3</v>
          </cell>
          <cell r="AL925" t="str">
            <v>電気通信</v>
          </cell>
          <cell r="AM925" t="str">
            <v>一般</v>
          </cell>
          <cell r="AN925">
            <v>1015</v>
          </cell>
          <cell r="AO925">
            <v>1046434</v>
          </cell>
          <cell r="AP925" t="str">
            <v>0(0)/0/17</v>
          </cell>
          <cell r="AQ925" t="str">
            <v>内装仕上</v>
          </cell>
          <cell r="AR925" t="str">
            <v>一般</v>
          </cell>
          <cell r="AS925">
            <v>866</v>
          </cell>
          <cell r="AT925">
            <v>358880</v>
          </cell>
          <cell r="AU925" t="str">
            <v>0(0)/0/9</v>
          </cell>
          <cell r="AV925" t="str">
            <v>消防施設</v>
          </cell>
          <cell r="AW925" t="str">
            <v>一般</v>
          </cell>
          <cell r="AX925">
            <v>535</v>
          </cell>
          <cell r="AY925">
            <v>11443</v>
          </cell>
          <cell r="AZ925" t="str">
            <v>0(0)/1/0</v>
          </cell>
          <cell r="BA925" t="str">
            <v>東京都</v>
          </cell>
          <cell r="BB925" t="str">
            <v>永代ビル</v>
          </cell>
          <cell r="CR925">
            <v>6464</v>
          </cell>
          <cell r="CS925" t="str">
            <v>ｼﾝｸﾞｳ ﾀｹｼ</v>
          </cell>
          <cell r="CT925" t="str">
            <v>新宮  健</v>
          </cell>
          <cell r="CU925" t="str">
            <v>消防総務課</v>
          </cell>
          <cell r="CW925">
            <v>6680205</v>
          </cell>
          <cell r="CX925" t="str">
            <v>主任</v>
          </cell>
          <cell r="CY925" t="str">
            <v>消防総務課長</v>
          </cell>
        </row>
        <row r="926">
          <cell r="B926">
            <v>3650</v>
          </cell>
          <cell r="C926" t="str">
            <v>日本ハイウエイ・サービス(株)</v>
          </cell>
          <cell r="D926" t="str">
            <v>06-6766-5611</v>
          </cell>
          <cell r="E926" t="str">
            <v>540-0005</v>
          </cell>
          <cell r="F926" t="str">
            <v>大阪府大阪市中央区上町A-12</v>
          </cell>
          <cell r="G926" t="str">
            <v/>
          </cell>
          <cell r="H926" t="str">
            <v>大阪支店</v>
          </cell>
          <cell r="I926" t="str">
            <v>執行役員支店長 南野　篤史</v>
          </cell>
          <cell r="J926" t="str">
            <v>東京都</v>
          </cell>
          <cell r="K926" t="str">
            <v>06-6766-5614</v>
          </cell>
          <cell r="L926" t="str">
            <v>osaka@nhskk.co.jp</v>
          </cell>
          <cell r="M926" t="str">
            <v>ﾆﾎﾝﾊｲｳｴｲ･ｻｰﾋﾞｽ</v>
          </cell>
          <cell r="N926" t="str">
            <v>有</v>
          </cell>
          <cell r="O926">
            <v>54</v>
          </cell>
          <cell r="P926">
            <v>707</v>
          </cell>
          <cell r="Q926">
            <v>3011101049682</v>
          </cell>
          <cell r="R926">
            <v>50000</v>
          </cell>
          <cell r="S926">
            <v>16569614</v>
          </cell>
          <cell r="T926">
            <v>15599298</v>
          </cell>
          <cell r="V926" t="str">
            <v>sa744013</v>
          </cell>
          <cell r="W926" t="str">
            <v>br908358</v>
          </cell>
          <cell r="X926" t="str">
            <v>(清)(と)(石)(鋼)(舗)(浚)(塗)(水)土建と石鋼舗浚塗内園水</v>
          </cell>
          <cell r="Y926" t="str">
            <v>(清)(と)(石)(鋼)(舗)(浚)(塗)(水)</v>
          </cell>
          <cell r="Z926" t="str">
            <v>土建と石鋼舗浚塗内園水</v>
          </cell>
          <cell r="AA926" t="str">
            <v>土木一式</v>
          </cell>
          <cell r="AB926" t="str">
            <v>とび土工</v>
          </cell>
          <cell r="AC926" t="str">
            <v>塗装</v>
          </cell>
          <cell r="AD926" t="str">
            <v>舗装</v>
          </cell>
          <cell r="AE926">
            <v>43190</v>
          </cell>
          <cell r="AF926" t="str">
            <v>希望する</v>
          </cell>
          <cell r="AG926" t="str">
            <v>土木一式</v>
          </cell>
          <cell r="AH926" t="str">
            <v>特定</v>
          </cell>
          <cell r="AI926">
            <v>1215</v>
          </cell>
          <cell r="AJ926">
            <v>589106</v>
          </cell>
          <cell r="AK926" t="str">
            <v>52(46)/18/0</v>
          </cell>
          <cell r="AL926" t="str">
            <v>とび土工</v>
          </cell>
          <cell r="AM926" t="str">
            <v>特定</v>
          </cell>
          <cell r="AN926">
            <v>1307</v>
          </cell>
          <cell r="AO926">
            <v>4319706</v>
          </cell>
          <cell r="AP926" t="str">
            <v>39(35)/23/0</v>
          </cell>
          <cell r="AQ926" t="str">
            <v>塗装</v>
          </cell>
          <cell r="AR926" t="str">
            <v>特定</v>
          </cell>
          <cell r="AS926">
            <v>924</v>
          </cell>
          <cell r="AT926">
            <v>5361</v>
          </cell>
          <cell r="AU926" t="str">
            <v>3(3)/0/0</v>
          </cell>
          <cell r="AV926" t="str">
            <v>舗装</v>
          </cell>
          <cell r="AW926" t="str">
            <v>特定</v>
          </cell>
          <cell r="AX926">
            <v>1019</v>
          </cell>
          <cell r="AY926">
            <v>10029</v>
          </cell>
          <cell r="AZ926" t="str">
            <v>15(15)/4/0</v>
          </cell>
          <cell r="BA926" t="str">
            <v>東京都</v>
          </cell>
          <cell r="BB926">
            <v>0</v>
          </cell>
          <cell r="CR926">
            <v>6465</v>
          </cell>
          <cell r="CS926" t="str">
            <v>ｴｲﾄ ﾋﾛｼ</v>
          </cell>
          <cell r="CT926" t="str">
            <v>永登  大志</v>
          </cell>
          <cell r="CU926" t="str">
            <v>消防総務課</v>
          </cell>
          <cell r="CW926">
            <v>6680207</v>
          </cell>
          <cell r="CX926" t="str">
            <v>主任</v>
          </cell>
          <cell r="CY926" t="str">
            <v>消防総務課長</v>
          </cell>
        </row>
        <row r="927">
          <cell r="B927">
            <v>3652</v>
          </cell>
          <cell r="C927" t="str">
            <v>日本フィールドシステム(株)</v>
          </cell>
          <cell r="D927" t="str">
            <v>072-808-7600</v>
          </cell>
          <cell r="E927" t="str">
            <v>573-1197</v>
          </cell>
          <cell r="F927" t="str">
            <v>大阪府枚方市禁野本町1丁目8-16-201</v>
          </cell>
          <cell r="G927" t="str">
            <v>枚方市</v>
          </cell>
          <cell r="H927" t="str">
            <v>大阪営業所</v>
          </cell>
          <cell r="I927" t="str">
            <v>所長 小川　一樹</v>
          </cell>
          <cell r="J927" t="str">
            <v>岡山県津山市</v>
          </cell>
          <cell r="K927" t="str">
            <v>072-808-7615</v>
          </cell>
          <cell r="L927" t="str">
            <v>kanri@n-f-s.co.jp</v>
          </cell>
          <cell r="M927" t="str">
            <v>ﾆﾎﾝﾌｨｰﾙﾄﾞｼｽﾃﾑ</v>
          </cell>
          <cell r="N927" t="str">
            <v>有</v>
          </cell>
          <cell r="O927">
            <v>57</v>
          </cell>
          <cell r="P927">
            <v>41</v>
          </cell>
          <cell r="Q927">
            <v>1260001020409</v>
          </cell>
          <cell r="R927">
            <v>40000</v>
          </cell>
          <cell r="S927">
            <v>829294</v>
          </cell>
          <cell r="T927">
            <v>3217047</v>
          </cell>
          <cell r="V927" t="str">
            <v>ct208805</v>
          </cell>
          <cell r="W927" t="str">
            <v>xa884225</v>
          </cell>
          <cell r="X927" t="str">
            <v>(清)(と)(舗)(園)土と舗園</v>
          </cell>
          <cell r="Y927" t="str">
            <v>(清)(と)(舗)(園)</v>
          </cell>
          <cell r="Z927" t="str">
            <v>土と舗園</v>
          </cell>
          <cell r="AA927" t="str">
            <v>土木一式</v>
          </cell>
          <cell r="AB927" t="str">
            <v>舗装</v>
          </cell>
          <cell r="AC927" t="str">
            <v>とび土工</v>
          </cell>
          <cell r="AD927" t="str">
            <v>造園</v>
          </cell>
          <cell r="AE927">
            <v>43190</v>
          </cell>
          <cell r="AF927" t="str">
            <v>希望しない</v>
          </cell>
          <cell r="AG927" t="str">
            <v>土木一式</v>
          </cell>
          <cell r="AH927" t="str">
            <v>特定</v>
          </cell>
          <cell r="AI927">
            <v>1035</v>
          </cell>
          <cell r="AJ927">
            <v>626042</v>
          </cell>
          <cell r="AK927" t="str">
            <v>25(25)/7/0</v>
          </cell>
          <cell r="AL927" t="str">
            <v>舗装</v>
          </cell>
          <cell r="AM927" t="str">
            <v>特定</v>
          </cell>
          <cell r="AN927">
            <v>1034</v>
          </cell>
          <cell r="AO927">
            <v>1937289</v>
          </cell>
          <cell r="AP927" t="str">
            <v>15(15)/6/0</v>
          </cell>
          <cell r="AQ927" t="str">
            <v>とび土工</v>
          </cell>
          <cell r="AR927" t="str">
            <v>特定</v>
          </cell>
          <cell r="AS927">
            <v>821</v>
          </cell>
          <cell r="AT927">
            <v>189677</v>
          </cell>
          <cell r="AU927" t="str">
            <v>0(0)/0/0</v>
          </cell>
          <cell r="AV927" t="str">
            <v>造園</v>
          </cell>
          <cell r="AW927" t="str">
            <v>特定</v>
          </cell>
          <cell r="AX927">
            <v>919</v>
          </cell>
          <cell r="AY927">
            <v>148732</v>
          </cell>
          <cell r="AZ927" t="str">
            <v>13(13)/0/0</v>
          </cell>
          <cell r="BA927" t="str">
            <v>岡山県</v>
          </cell>
          <cell r="BB927">
            <v>0</v>
          </cell>
          <cell r="CR927">
            <v>6475</v>
          </cell>
          <cell r="CS927" t="str">
            <v>ｲｸﾔﾏ ｼﾞﾕﾝｺ</v>
          </cell>
          <cell r="CT927" t="str">
            <v>生山  順子</v>
          </cell>
          <cell r="CU927" t="str">
            <v>保育課</v>
          </cell>
          <cell r="CW927" t="str">
            <v xml:space="preserve"> </v>
          </cell>
          <cell r="CX927" t="str">
            <v xml:space="preserve"> </v>
          </cell>
          <cell r="CY927" t="str">
            <v>保育課長</v>
          </cell>
        </row>
        <row r="928">
          <cell r="B928">
            <v>3653</v>
          </cell>
          <cell r="C928" t="str">
            <v>(株)ウォーターエージェンシー</v>
          </cell>
          <cell r="D928" t="str">
            <v>06-6386-9701</v>
          </cell>
          <cell r="E928" t="str">
            <v>564-0052</v>
          </cell>
          <cell r="F928" t="str">
            <v>大阪府吹田市広芝町10-28</v>
          </cell>
          <cell r="G928" t="str">
            <v/>
          </cell>
          <cell r="H928" t="str">
            <v>大阪営業所</v>
          </cell>
          <cell r="I928" t="str">
            <v>営業所長 深水　正孝</v>
          </cell>
          <cell r="J928" t="str">
            <v>東京都</v>
          </cell>
          <cell r="K928" t="str">
            <v>06-6386-9703</v>
          </cell>
          <cell r="L928" t="str">
            <v>osaka@water-agency.com</v>
          </cell>
          <cell r="M928" t="str">
            <v>ｳｫｰﾀｰｴｰｼﾞｪﾝｼｰ</v>
          </cell>
          <cell r="N928" t="str">
            <v>有</v>
          </cell>
          <cell r="O928">
            <v>61</v>
          </cell>
          <cell r="P928">
            <v>2910</v>
          </cell>
          <cell r="Q928">
            <v>5011101016763</v>
          </cell>
          <cell r="R928">
            <v>200000</v>
          </cell>
          <cell r="S928">
            <v>1687116</v>
          </cell>
          <cell r="T928">
            <v>57727584</v>
          </cell>
          <cell r="V928" t="str">
            <v>ce446550</v>
          </cell>
          <cell r="W928" t="str">
            <v>ce401157</v>
          </cell>
          <cell r="X928" t="str">
            <v>土建大と石屋電管タ鋼舗浚内機通水清(清)(電)(管)(機)(水)</v>
          </cell>
          <cell r="Y928" t="str">
            <v>土建大と石屋電管タ鋼舗浚内機通水清(清)(電)(管)(機)(水)</v>
          </cell>
          <cell r="Z928" t="str">
            <v/>
          </cell>
          <cell r="AA928" t="str">
            <v>機械器具</v>
          </cell>
          <cell r="AB928" t="str">
            <v>水道施設</v>
          </cell>
          <cell r="AC928" t="str">
            <v>電気</v>
          </cell>
          <cell r="AD928" t="str">
            <v>管</v>
          </cell>
          <cell r="AE928">
            <v>43190</v>
          </cell>
          <cell r="AF928" t="str">
            <v>希望しない</v>
          </cell>
          <cell r="AG928" t="str">
            <v>機械器具</v>
          </cell>
          <cell r="AH928" t="str">
            <v>一般</v>
          </cell>
          <cell r="AI928">
            <v>939</v>
          </cell>
          <cell r="AJ928">
            <v>308419</v>
          </cell>
          <cell r="AK928" t="str">
            <v>0(0)/0/18</v>
          </cell>
          <cell r="AL928" t="str">
            <v>水道施設</v>
          </cell>
          <cell r="AM928" t="str">
            <v>一般</v>
          </cell>
          <cell r="AN928">
            <v>923</v>
          </cell>
          <cell r="AO928">
            <v>51827</v>
          </cell>
          <cell r="AP928" t="str">
            <v>9(2)/4/0</v>
          </cell>
          <cell r="AQ928" t="str">
            <v>電気</v>
          </cell>
          <cell r="AR928" t="str">
            <v>一般</v>
          </cell>
          <cell r="AS928">
            <v>898</v>
          </cell>
          <cell r="AT928">
            <v>21124</v>
          </cell>
          <cell r="AU928" t="str">
            <v>4(0)/16/0</v>
          </cell>
          <cell r="AV928" t="str">
            <v>管</v>
          </cell>
          <cell r="AW928" t="str">
            <v>一般</v>
          </cell>
          <cell r="AX928">
            <v>850</v>
          </cell>
          <cell r="AY928">
            <v>23830</v>
          </cell>
          <cell r="AZ928" t="str">
            <v>2(1)/2/0</v>
          </cell>
          <cell r="BA928" t="str">
            <v>東京都</v>
          </cell>
          <cell r="BB928">
            <v>0</v>
          </cell>
          <cell r="CR928">
            <v>6476</v>
          </cell>
          <cell r="CS928" t="str">
            <v>ｻｻｶﾞﾜ ﾕｶﾘ</v>
          </cell>
          <cell r="CT928" t="str">
            <v>笹川  ゆかり</v>
          </cell>
          <cell r="CU928" t="str">
            <v>保育課</v>
          </cell>
          <cell r="CW928" t="str">
            <v xml:space="preserve"> </v>
          </cell>
          <cell r="CX928" t="str">
            <v xml:space="preserve"> </v>
          </cell>
          <cell r="CY928" t="str">
            <v>保育課長</v>
          </cell>
        </row>
        <row r="929">
          <cell r="B929">
            <v>3654</v>
          </cell>
          <cell r="C929" t="str">
            <v>日本無線(株)</v>
          </cell>
          <cell r="D929" t="str">
            <v>078-321-2431</v>
          </cell>
          <cell r="E929" t="str">
            <v>650-0024</v>
          </cell>
          <cell r="F929" t="str">
            <v>兵庫県神戸市中央区海岸通5</v>
          </cell>
          <cell r="G929" t="str">
            <v/>
          </cell>
          <cell r="H929" t="str">
            <v>神戸支店</v>
          </cell>
          <cell r="I929" t="str">
            <v>支店長 倉田　康司</v>
          </cell>
          <cell r="J929" t="str">
            <v>東京都</v>
          </cell>
          <cell r="K929" t="str">
            <v>078-391-6760</v>
          </cell>
          <cell r="L929" t="str">
            <v>koube@bz01.plala.or.jp</v>
          </cell>
          <cell r="M929" t="str">
            <v>ﾆﾎﾝﾑｾﾝ</v>
          </cell>
          <cell r="N929" t="str">
            <v>有</v>
          </cell>
          <cell r="O929">
            <v>60</v>
          </cell>
          <cell r="P929">
            <v>2421</v>
          </cell>
          <cell r="Q929">
            <v>3012401012867</v>
          </cell>
          <cell r="R929">
            <v>14704352</v>
          </cell>
          <cell r="S929">
            <v>70716000</v>
          </cell>
          <cell r="T929">
            <v>91255000</v>
          </cell>
          <cell r="V929" t="str">
            <v>qq607992</v>
          </cell>
          <cell r="W929" t="str">
            <v>qd603814</v>
          </cell>
          <cell r="X929" t="str">
            <v>(通)電通</v>
          </cell>
          <cell r="Y929" t="str">
            <v>(通)</v>
          </cell>
          <cell r="Z929" t="str">
            <v>電通</v>
          </cell>
          <cell r="AA929" t="str">
            <v>電気通信</v>
          </cell>
          <cell r="AB929" t="str">
            <v/>
          </cell>
          <cell r="AC929" t="str">
            <v/>
          </cell>
          <cell r="AD929" t="str">
            <v/>
          </cell>
          <cell r="AE929">
            <v>43190</v>
          </cell>
          <cell r="AF929" t="str">
            <v/>
          </cell>
          <cell r="AG929" t="str">
            <v>電気通信</v>
          </cell>
          <cell r="AH929" t="str">
            <v>特定</v>
          </cell>
          <cell r="AI929">
            <v>1592</v>
          </cell>
          <cell r="AJ929">
            <v>23657919</v>
          </cell>
          <cell r="AK929" t="str">
            <v>16(4)/0/327</v>
          </cell>
          <cell r="AL929" t="str">
            <v/>
          </cell>
          <cell r="AM929" t="str">
            <v/>
          </cell>
          <cell r="AN929" t="str">
            <v/>
          </cell>
          <cell r="AO929" t="str">
            <v/>
          </cell>
          <cell r="AP929" t="str">
            <v/>
          </cell>
          <cell r="AQ929" t="str">
            <v/>
          </cell>
          <cell r="AR929" t="str">
            <v/>
          </cell>
          <cell r="AS929" t="str">
            <v/>
          </cell>
          <cell r="AT929" t="str">
            <v/>
          </cell>
          <cell r="AU929" t="str">
            <v/>
          </cell>
          <cell r="AV929" t="str">
            <v/>
          </cell>
          <cell r="AW929" t="str">
            <v/>
          </cell>
          <cell r="AX929" t="str">
            <v/>
          </cell>
          <cell r="AY929" t="str">
            <v/>
          </cell>
          <cell r="AZ929" t="str">
            <v/>
          </cell>
          <cell r="BA929" t="str">
            <v>東京都</v>
          </cell>
          <cell r="BB929" t="str">
            <v>中野セントラルパークイースト</v>
          </cell>
          <cell r="CR929">
            <v>6477</v>
          </cell>
          <cell r="CS929" t="str">
            <v>ﾊｾｶﾞﾜ ﾐｶｺ</v>
          </cell>
          <cell r="CT929" t="str">
            <v>長谷川  美香子</v>
          </cell>
          <cell r="CU929" t="str">
            <v>保育課</v>
          </cell>
          <cell r="CW929" t="str">
            <v xml:space="preserve"> </v>
          </cell>
          <cell r="CX929" t="str">
            <v xml:space="preserve"> </v>
          </cell>
          <cell r="CY929" t="str">
            <v>保育課長</v>
          </cell>
        </row>
        <row r="930">
          <cell r="B930">
            <v>3656</v>
          </cell>
          <cell r="C930" t="str">
            <v>日本ロード・メンテナンス(株)</v>
          </cell>
          <cell r="D930" t="str">
            <v>078-451-9110</v>
          </cell>
          <cell r="E930" t="str">
            <v>658-0027</v>
          </cell>
          <cell r="F930" t="str">
            <v>兵庫県神戸市東灘区青木5丁目1番8号</v>
          </cell>
          <cell r="G930" t="str">
            <v>神戸市</v>
          </cell>
          <cell r="H930" t="str">
            <v/>
          </cell>
          <cell r="I930" t="str">
            <v>代表取締役 亀田　慎司</v>
          </cell>
          <cell r="J930" t="str">
            <v>本店</v>
          </cell>
          <cell r="K930" t="str">
            <v>078-413-0161</v>
          </cell>
          <cell r="L930" t="str">
            <v>nrmkobe@chive.ocn.ne.jp</v>
          </cell>
          <cell r="M930" t="str">
            <v>ﾆﾎﾝﾛｰﾄﾞﾒﾝﾃﾅﾝｽ</v>
          </cell>
          <cell r="N930" t="str">
            <v>無</v>
          </cell>
          <cell r="O930">
            <v>51</v>
          </cell>
          <cell r="P930">
            <v>85</v>
          </cell>
          <cell r="Q930">
            <v>8140001002924</v>
          </cell>
          <cell r="R930">
            <v>2000</v>
          </cell>
          <cell r="S930">
            <v>529474</v>
          </cell>
          <cell r="T930" t="str">
            <v/>
          </cell>
          <cell r="V930" t="str">
            <v>wu274278</v>
          </cell>
          <cell r="W930" t="str">
            <v>wt790526</v>
          </cell>
          <cell r="X930" t="str">
            <v>建電園土と石鋼舗浚塗水</v>
          </cell>
          <cell r="Y930" t="str">
            <v>建電園</v>
          </cell>
          <cell r="Z930" t="str">
            <v>土と石鋼舗浚塗水</v>
          </cell>
          <cell r="AA930" t="str">
            <v>鋼構造物</v>
          </cell>
          <cell r="AB930" t="str">
            <v>土木一式</v>
          </cell>
          <cell r="AC930" t="str">
            <v>とび土工</v>
          </cell>
          <cell r="AD930" t="str">
            <v>塗装</v>
          </cell>
          <cell r="AE930">
            <v>43190</v>
          </cell>
          <cell r="AF930" t="str">
            <v>希望しない</v>
          </cell>
          <cell r="AG930" t="str">
            <v>鋼構造物</v>
          </cell>
          <cell r="AH930" t="str">
            <v>特定</v>
          </cell>
          <cell r="AI930">
            <v>933</v>
          </cell>
          <cell r="AJ930">
            <v>164169</v>
          </cell>
          <cell r="AK930" t="str">
            <v>11(10)/1/0</v>
          </cell>
          <cell r="AL930" t="str">
            <v>土木一式</v>
          </cell>
          <cell r="AM930" t="str">
            <v>特定</v>
          </cell>
          <cell r="AN930">
            <v>939</v>
          </cell>
          <cell r="AO930">
            <v>372821</v>
          </cell>
          <cell r="AP930" t="str">
            <v>4(4)/6/0</v>
          </cell>
          <cell r="AQ930" t="str">
            <v>とび土工</v>
          </cell>
          <cell r="AR930" t="str">
            <v>特定</v>
          </cell>
          <cell r="AS930">
            <v>945</v>
          </cell>
          <cell r="AT930">
            <v>560707</v>
          </cell>
          <cell r="AU930" t="str">
            <v>2(2)/10/0</v>
          </cell>
          <cell r="AV930" t="str">
            <v>塗装</v>
          </cell>
          <cell r="AW930" t="str">
            <v>特定</v>
          </cell>
          <cell r="AX930">
            <v>915</v>
          </cell>
          <cell r="AY930">
            <v>54312</v>
          </cell>
          <cell r="AZ930" t="str">
            <v>17(16)/0/0</v>
          </cell>
          <cell r="BA930" t="str">
            <v>兵庫県</v>
          </cell>
          <cell r="BB930">
            <v>0</v>
          </cell>
          <cell r="CR930">
            <v>6494</v>
          </cell>
          <cell r="CS930" t="str">
            <v>ｻｲﾄｳ ﾅﾂｷ</v>
          </cell>
          <cell r="CT930" t="str">
            <v>河本  菜津希</v>
          </cell>
          <cell r="CU930" t="str">
            <v>支援管理課</v>
          </cell>
          <cell r="CW930">
            <v>4353</v>
          </cell>
          <cell r="CX930" t="str">
            <v xml:space="preserve"> </v>
          </cell>
          <cell r="CY930" t="str">
            <v>支援管理課長</v>
          </cell>
        </row>
        <row r="931">
          <cell r="B931">
            <v>3660</v>
          </cell>
          <cell r="C931" t="str">
            <v>日鉄パイプライン＆エンジニアリング(株)</v>
          </cell>
          <cell r="D931" t="str">
            <v>06-6223-6366</v>
          </cell>
          <cell r="E931" t="str">
            <v>541-0041</v>
          </cell>
          <cell r="F931" t="str">
            <v>大阪府大阪市中央区北浜4-5-33</v>
          </cell>
          <cell r="G931" t="str">
            <v/>
          </cell>
          <cell r="H931" t="str">
            <v>西日本支社</v>
          </cell>
          <cell r="I931" t="str">
            <v>西日本支社長 松下　剛</v>
          </cell>
          <cell r="J931" t="str">
            <v>東京都</v>
          </cell>
          <cell r="K931" t="str">
            <v>06-6223-6486</v>
          </cell>
          <cell r="L931" t="str">
            <v>aqua.west@nspe.nipponsteel.com</v>
          </cell>
          <cell r="M931" t="str">
            <v>ﾆｯﾃﾂｽﾐｷﾝﾊﾟｲﾌﾟﾗｲﾝｱﾝﾄﾞｴﾝｼﾞﾆｱﾘﾝｸﾞ</v>
          </cell>
          <cell r="N931" t="str">
            <v>有</v>
          </cell>
          <cell r="O931">
            <v>55</v>
          </cell>
          <cell r="P931">
            <v>700</v>
          </cell>
          <cell r="Q931">
            <v>6120101003660</v>
          </cell>
          <cell r="R931">
            <v>2800000</v>
          </cell>
          <cell r="S931">
            <v>18524722</v>
          </cell>
          <cell r="T931">
            <v>34710244</v>
          </cell>
          <cell r="V931" t="str">
            <v>bd576877</v>
          </cell>
          <cell r="W931" t="str">
            <v>vf269145</v>
          </cell>
          <cell r="X931" t="str">
            <v>消(清)(建)(と)(電)(管)(鋼)(舗)(塗)(機)(水)(消)土建と電管鋼舗塗機水</v>
          </cell>
          <cell r="Y931" t="str">
            <v>消(清)(建)(と)(電)(管)(鋼)(舗)(塗)(機)(水)(消)</v>
          </cell>
          <cell r="Z931" t="str">
            <v>土建と電管鋼舗塗機水</v>
          </cell>
          <cell r="AA931" t="str">
            <v>水道施設</v>
          </cell>
          <cell r="AB931" t="str">
            <v>土木一式</v>
          </cell>
          <cell r="AC931" t="str">
            <v>鋼構造物</v>
          </cell>
          <cell r="AD931" t="str">
            <v>管</v>
          </cell>
          <cell r="AE931">
            <v>43190</v>
          </cell>
          <cell r="AF931" t="str">
            <v>希望する</v>
          </cell>
          <cell r="AG931" t="str">
            <v>水道施設</v>
          </cell>
          <cell r="AH931" t="str">
            <v>特定</v>
          </cell>
          <cell r="AI931">
            <v>1265</v>
          </cell>
          <cell r="AJ931">
            <v>745947</v>
          </cell>
          <cell r="AK931" t="str">
            <v>292(249)/19/0</v>
          </cell>
          <cell r="AL931" t="str">
            <v>土木一式</v>
          </cell>
          <cell r="AM931" t="str">
            <v>特定</v>
          </cell>
          <cell r="AN931">
            <v>1393</v>
          </cell>
          <cell r="AO931">
            <v>18694319</v>
          </cell>
          <cell r="AP931" t="str">
            <v>33(22)/27/4</v>
          </cell>
          <cell r="AQ931" t="str">
            <v>鋼構造物</v>
          </cell>
          <cell r="AR931" t="str">
            <v>特定</v>
          </cell>
          <cell r="AS931">
            <v>1352</v>
          </cell>
          <cell r="AT931">
            <v>4113477</v>
          </cell>
          <cell r="AU931" t="str">
            <v>232(188)/22/0</v>
          </cell>
          <cell r="AV931" t="str">
            <v>管</v>
          </cell>
          <cell r="AW931" t="str">
            <v>特定</v>
          </cell>
          <cell r="AX931">
            <v>1406</v>
          </cell>
          <cell r="AY931">
            <v>12361701</v>
          </cell>
          <cell r="AZ931" t="str">
            <v>114(89)/13/7</v>
          </cell>
          <cell r="BA931" t="str">
            <v>東京都</v>
          </cell>
          <cell r="BB931" t="str">
            <v>大崎センタービル</v>
          </cell>
          <cell r="CR931">
            <v>6495</v>
          </cell>
          <cell r="CS931" t="str">
            <v>ﾄﾐﾀ ﾕｳﾔ</v>
          </cell>
          <cell r="CT931" t="str">
            <v>冨田  雄也</v>
          </cell>
          <cell r="CU931" t="str">
            <v>後期医療福祉課</v>
          </cell>
          <cell r="CW931">
            <v>2793</v>
          </cell>
          <cell r="CX931" t="str">
            <v xml:space="preserve"> </v>
          </cell>
          <cell r="CY931" t="str">
            <v>後期医療福祉課長</v>
          </cell>
        </row>
        <row r="932">
          <cell r="B932">
            <v>3662</v>
          </cell>
          <cell r="C932" t="str">
            <v>日本トーター(株)</v>
          </cell>
          <cell r="D932" t="str">
            <v>06-6302-9261</v>
          </cell>
          <cell r="E932" t="str">
            <v>532-0011</v>
          </cell>
          <cell r="F932" t="str">
            <v>大阪府大阪市淀川区西中島六丁目1番3号
アストロ新大阪第2ビル8階</v>
          </cell>
          <cell r="G932" t="str">
            <v/>
          </cell>
          <cell r="H932" t="str">
            <v>大阪支社</v>
          </cell>
          <cell r="I932" t="str">
            <v>代表取締役社長 平田　和稔</v>
          </cell>
          <cell r="J932" t="str">
            <v>東京都</v>
          </cell>
          <cell r="K932" t="str">
            <v>06-6302-9268</v>
          </cell>
          <cell r="L932" t="str">
            <v>CS_Div@totor.co.jp</v>
          </cell>
          <cell r="M932" t="str">
            <v>ﾆｯﾎﾟﾝﾄｰﾀｰ</v>
          </cell>
          <cell r="N932" t="str">
            <v>無</v>
          </cell>
          <cell r="O932">
            <v>22</v>
          </cell>
          <cell r="P932">
            <v>1304</v>
          </cell>
          <cell r="Q932">
            <v>6010401039960</v>
          </cell>
          <cell r="R932">
            <v>1000000</v>
          </cell>
          <cell r="S932">
            <v>25267157</v>
          </cell>
          <cell r="T932">
            <v>32705821</v>
          </cell>
          <cell r="V932" t="str">
            <v>rd910689</v>
          </cell>
          <cell r="W932" t="str">
            <v>ch140470</v>
          </cell>
          <cell r="X932" t="str">
            <v>塗電内機通</v>
          </cell>
          <cell r="Y932" t="str">
            <v>塗</v>
          </cell>
          <cell r="Z932" t="str">
            <v>電内機通</v>
          </cell>
          <cell r="AA932" t="str">
            <v>電気</v>
          </cell>
          <cell r="AB932" t="str">
            <v>機械器具</v>
          </cell>
          <cell r="AC932" t="str">
            <v>電気通信</v>
          </cell>
          <cell r="AD932" t="str">
            <v>塗装</v>
          </cell>
          <cell r="AE932">
            <v>43190</v>
          </cell>
          <cell r="AF932" t="str">
            <v>希望しない</v>
          </cell>
          <cell r="AG932" t="str">
            <v>電気</v>
          </cell>
          <cell r="AH932" t="str">
            <v>特定</v>
          </cell>
          <cell r="AI932">
            <v>1142</v>
          </cell>
          <cell r="AJ932">
            <v>506812</v>
          </cell>
          <cell r="AK932" t="str">
            <v>20(18)/23/13</v>
          </cell>
          <cell r="AL932" t="str">
            <v>機械器具</v>
          </cell>
          <cell r="AM932" t="str">
            <v>特定</v>
          </cell>
          <cell r="AN932">
            <v>915</v>
          </cell>
          <cell r="AO932" t="str">
            <v/>
          </cell>
          <cell r="AP932" t="str">
            <v>0(0)/0/60</v>
          </cell>
          <cell r="AQ932" t="str">
            <v>電気通信</v>
          </cell>
          <cell r="AR932" t="str">
            <v>特定</v>
          </cell>
          <cell r="AS932">
            <v>1024</v>
          </cell>
          <cell r="AT932">
            <v>651219</v>
          </cell>
          <cell r="AU932" t="str">
            <v>0(0)/0/9</v>
          </cell>
          <cell r="AV932" t="str">
            <v>塗装</v>
          </cell>
          <cell r="AW932" t="str">
            <v>一般</v>
          </cell>
          <cell r="AX932">
            <v>849</v>
          </cell>
          <cell r="AY932" t="str">
            <v/>
          </cell>
          <cell r="AZ932" t="str">
            <v>2(2)/0/0</v>
          </cell>
          <cell r="BA932" t="str">
            <v>東京都</v>
          </cell>
          <cell r="BB932">
            <v>0</v>
          </cell>
          <cell r="CR932">
            <v>6496</v>
          </cell>
          <cell r="CS932" t="str">
            <v>ﾐﾔﾀ ﾕｳｺ</v>
          </cell>
          <cell r="CT932" t="str">
            <v>宮田  由布子</v>
          </cell>
          <cell r="CU932" t="str">
            <v>都市安全企画課</v>
          </cell>
          <cell r="CW932">
            <v>2150</v>
          </cell>
          <cell r="CX932" t="str">
            <v xml:space="preserve"> </v>
          </cell>
          <cell r="CY932" t="str">
            <v>都市安全企画課長</v>
          </cell>
        </row>
        <row r="933">
          <cell r="B933">
            <v>3663</v>
          </cell>
          <cell r="C933" t="str">
            <v>(株)日本システム</v>
          </cell>
          <cell r="D933" t="str">
            <v>06-6302-2462</v>
          </cell>
          <cell r="E933" t="str">
            <v>532-0011</v>
          </cell>
          <cell r="F933" t="str">
            <v>大阪府大阪市淀川区西中島4-2-21</v>
          </cell>
          <cell r="G933" t="str">
            <v>大阪市</v>
          </cell>
          <cell r="H933" t="str">
            <v/>
          </cell>
          <cell r="I933" t="str">
            <v>代表取締役 谷口　末廣</v>
          </cell>
          <cell r="J933" t="str">
            <v>本店</v>
          </cell>
          <cell r="K933" t="str">
            <v>06-6302-2472</v>
          </cell>
          <cell r="L933" t="str">
            <v>info@nihon-system.jp</v>
          </cell>
          <cell r="M933" t="str">
            <v>ﾆﾎﾝｼｽﾃﾑ</v>
          </cell>
          <cell r="N933" t="str">
            <v>無</v>
          </cell>
          <cell r="O933">
            <v>46</v>
          </cell>
          <cell r="P933">
            <v>11</v>
          </cell>
          <cell r="Q933">
            <v>2120001059385</v>
          </cell>
          <cell r="R933">
            <v>50000</v>
          </cell>
          <cell r="S933">
            <v>25561</v>
          </cell>
          <cell r="T933">
            <v>225577</v>
          </cell>
          <cell r="V933" t="str">
            <v>wt515535</v>
          </cell>
          <cell r="W933" t="str">
            <v>zs563123</v>
          </cell>
          <cell r="X933" t="str">
            <v>土と石鋼舗浚塗防水</v>
          </cell>
          <cell r="Y933" t="str">
            <v>土と石鋼舗浚塗防水</v>
          </cell>
          <cell r="Z933" t="str">
            <v/>
          </cell>
          <cell r="AA933" t="str">
            <v>防水</v>
          </cell>
          <cell r="AB933" t="str">
            <v>塗装</v>
          </cell>
          <cell r="AC933" t="str">
            <v/>
          </cell>
          <cell r="AD933" t="str">
            <v/>
          </cell>
          <cell r="AE933">
            <v>43343</v>
          </cell>
          <cell r="AF933" t="str">
            <v>希望しない</v>
          </cell>
          <cell r="AG933" t="str">
            <v>防水</v>
          </cell>
          <cell r="AH933" t="str">
            <v>一般</v>
          </cell>
          <cell r="AI933">
            <v>748</v>
          </cell>
          <cell r="AJ933">
            <v>162939</v>
          </cell>
          <cell r="AK933" t="str">
            <v>()/1/1</v>
          </cell>
          <cell r="AL933" t="str">
            <v>塗装</v>
          </cell>
          <cell r="AM933" t="str">
            <v>一般</v>
          </cell>
          <cell r="AN933">
            <v>684</v>
          </cell>
          <cell r="AO933">
            <v>37645</v>
          </cell>
          <cell r="AP933" t="str">
            <v/>
          </cell>
          <cell r="AQ933" t="str">
            <v/>
          </cell>
          <cell r="AR933" t="str">
            <v/>
          </cell>
          <cell r="AS933" t="str">
            <v/>
          </cell>
          <cell r="AT933" t="str">
            <v/>
          </cell>
          <cell r="AU933" t="str">
            <v/>
          </cell>
          <cell r="AV933" t="str">
            <v/>
          </cell>
          <cell r="AW933" t="str">
            <v/>
          </cell>
          <cell r="AX933" t="str">
            <v/>
          </cell>
          <cell r="AY933" t="str">
            <v/>
          </cell>
          <cell r="AZ933" t="str">
            <v/>
          </cell>
          <cell r="BA933" t="str">
            <v>大阪府</v>
          </cell>
          <cell r="BB933">
            <v>0</v>
          </cell>
          <cell r="CR933">
            <v>6497</v>
          </cell>
          <cell r="CS933" t="str">
            <v>ﾑﾗｶﾐ ﾔｽﾖｼ</v>
          </cell>
          <cell r="CT933" t="str">
            <v>村上  保善</v>
          </cell>
          <cell r="CU933" t="str">
            <v>給与制度課</v>
          </cell>
          <cell r="CW933">
            <v>2426</v>
          </cell>
          <cell r="CX933" t="str">
            <v xml:space="preserve"> </v>
          </cell>
          <cell r="CY933" t="str">
            <v>給与制度課長</v>
          </cell>
        </row>
        <row r="934">
          <cell r="B934">
            <v>3665</v>
          </cell>
          <cell r="C934" t="str">
            <v>(株)日本管財環境サービス</v>
          </cell>
          <cell r="D934" t="str">
            <v>0798-32-8360</v>
          </cell>
          <cell r="E934" t="str">
            <v>662-0911</v>
          </cell>
          <cell r="F934" t="str">
            <v>兵庫県西宮市池田町9-7</v>
          </cell>
          <cell r="G934" t="str">
            <v>西宮市</v>
          </cell>
          <cell r="H934" t="str">
            <v>大阪支店</v>
          </cell>
          <cell r="I934" t="str">
            <v>支店長 大屋　秀明</v>
          </cell>
          <cell r="J934" t="str">
            <v>本店</v>
          </cell>
          <cell r="K934" t="str">
            <v>0798-32-8435</v>
          </cell>
          <cell r="L934" t="str">
            <v>noriaki_umeki@nkks.co.jp</v>
          </cell>
          <cell r="M934" t="str">
            <v>ﾆﾎﾝｶﾝｻﾞｲｶﾝｷｮｳｻｰﾋﾞｽ</v>
          </cell>
          <cell r="N934" t="str">
            <v>無</v>
          </cell>
          <cell r="O934">
            <v>12</v>
          </cell>
          <cell r="P934">
            <v>1282</v>
          </cell>
          <cell r="Q934">
            <v>4140001072021</v>
          </cell>
          <cell r="R934">
            <v>300000</v>
          </cell>
          <cell r="S934">
            <v>2178575</v>
          </cell>
          <cell r="T934">
            <v>9757950</v>
          </cell>
          <cell r="V934" t="str">
            <v>ut961592</v>
          </cell>
          <cell r="W934" t="str">
            <v>kv163449</v>
          </cell>
          <cell r="X934" t="str">
            <v>電土建大と石屋管タ鋼鉄舗浚板ガ塗防内機熱具水清解</v>
          </cell>
          <cell r="Y934" t="str">
            <v>電</v>
          </cell>
          <cell r="Z934" t="str">
            <v>土建大と石屋管タ鋼鉄舗浚板ガ塗防内機熱具水清解</v>
          </cell>
          <cell r="AA934" t="str">
            <v>管</v>
          </cell>
          <cell r="AB934" t="str">
            <v>機械器具</v>
          </cell>
          <cell r="AC934" t="str">
            <v>水道施設</v>
          </cell>
          <cell r="AD934" t="str">
            <v>清掃施設</v>
          </cell>
          <cell r="AE934">
            <v>43190</v>
          </cell>
          <cell r="AF934" t="str">
            <v>希望しない</v>
          </cell>
          <cell r="AG934" t="str">
            <v>管</v>
          </cell>
          <cell r="AH934" t="str">
            <v>特定</v>
          </cell>
          <cell r="AI934">
            <v>721</v>
          </cell>
          <cell r="AJ934">
            <v>7129</v>
          </cell>
          <cell r="AK934" t="str">
            <v>2(1)/4/3</v>
          </cell>
          <cell r="AL934" t="str">
            <v>機械器具</v>
          </cell>
          <cell r="AM934" t="str">
            <v>特定</v>
          </cell>
          <cell r="AN934">
            <v>767</v>
          </cell>
          <cell r="AO934">
            <v>191457</v>
          </cell>
          <cell r="AP934" t="str">
            <v>0(0)/0/1</v>
          </cell>
          <cell r="AQ934" t="str">
            <v>水道施設</v>
          </cell>
          <cell r="AR934" t="str">
            <v>特定</v>
          </cell>
          <cell r="AS934">
            <v>714</v>
          </cell>
          <cell r="AT934" t="str">
            <v/>
          </cell>
          <cell r="AU934" t="str">
            <v>7(2)/4/0</v>
          </cell>
          <cell r="AV934" t="str">
            <v>清掃施設</v>
          </cell>
          <cell r="AW934" t="str">
            <v>特定</v>
          </cell>
          <cell r="AX934">
            <v>701</v>
          </cell>
          <cell r="AY934">
            <v>11940</v>
          </cell>
          <cell r="AZ934" t="str">
            <v>1(0)/0/1</v>
          </cell>
          <cell r="BA934" t="str">
            <v>兵庫県</v>
          </cell>
          <cell r="BB934">
            <v>0</v>
          </cell>
          <cell r="CR934">
            <v>6498</v>
          </cell>
          <cell r="CS934" t="str">
            <v>ﾓﾘﾀ ﾉﾌﾞｺ</v>
          </cell>
          <cell r="CT934" t="str">
            <v>森田  頌子</v>
          </cell>
          <cell r="CU934" t="str">
            <v>後期医療福祉課</v>
          </cell>
          <cell r="CW934">
            <v>2791</v>
          </cell>
          <cell r="CX934" t="str">
            <v xml:space="preserve"> </v>
          </cell>
          <cell r="CY934" t="str">
            <v>後期医療福祉課長</v>
          </cell>
        </row>
        <row r="935">
          <cell r="B935">
            <v>3666</v>
          </cell>
          <cell r="C935" t="str">
            <v>(株)日誠社</v>
          </cell>
          <cell r="D935" t="str">
            <v>078-923-3674</v>
          </cell>
          <cell r="E935" t="str">
            <v>673-0011</v>
          </cell>
          <cell r="F935" t="str">
            <v>兵庫県明石市西明石町2-1-13</v>
          </cell>
          <cell r="G935" t="str">
            <v>明石市</v>
          </cell>
          <cell r="H935" t="str">
            <v/>
          </cell>
          <cell r="I935" t="str">
            <v>代表取締役 三木　実</v>
          </cell>
          <cell r="J935" t="str">
            <v>本店</v>
          </cell>
          <cell r="K935" t="str">
            <v>078-923-3621</v>
          </cell>
          <cell r="L935" t="str">
            <v>nisseiworks@hotmail.com</v>
          </cell>
          <cell r="M935" t="str">
            <v>ﾆｯｾｲｼｬ</v>
          </cell>
          <cell r="N935" t="str">
            <v>無</v>
          </cell>
          <cell r="O935">
            <v>43</v>
          </cell>
          <cell r="P935">
            <v>8</v>
          </cell>
          <cell r="Q935">
            <v>3140001035292</v>
          </cell>
          <cell r="R935">
            <v>10000</v>
          </cell>
          <cell r="S935">
            <v>32049</v>
          </cell>
          <cell r="T935">
            <v>136522</v>
          </cell>
          <cell r="V935" t="str">
            <v>eb401839</v>
          </cell>
          <cell r="W935" t="str">
            <v>nh789027</v>
          </cell>
          <cell r="X935" t="str">
            <v>土建管塗防</v>
          </cell>
          <cell r="Y935" t="str">
            <v>土建管塗防</v>
          </cell>
          <cell r="Z935" t="str">
            <v/>
          </cell>
          <cell r="AA935" t="str">
            <v>建築一式</v>
          </cell>
          <cell r="AB935" t="str">
            <v>塗装</v>
          </cell>
          <cell r="AC935" t="str">
            <v>防水</v>
          </cell>
          <cell r="AD935" t="str">
            <v>管</v>
          </cell>
          <cell r="AE935">
            <v>43251</v>
          </cell>
          <cell r="AF935" t="str">
            <v/>
          </cell>
          <cell r="AG935" t="str">
            <v>建築一式</v>
          </cell>
          <cell r="AH935" t="str">
            <v>一般</v>
          </cell>
          <cell r="AI935">
            <v>725</v>
          </cell>
          <cell r="AJ935">
            <v>36335</v>
          </cell>
          <cell r="AK935" t="str">
            <v>1(1)//</v>
          </cell>
          <cell r="AL935" t="str">
            <v>塗装</v>
          </cell>
          <cell r="AM935" t="str">
            <v>一般</v>
          </cell>
          <cell r="AN935">
            <v>730</v>
          </cell>
          <cell r="AO935">
            <v>55085</v>
          </cell>
          <cell r="AP935" t="str">
            <v>()/1/</v>
          </cell>
          <cell r="AQ935" t="str">
            <v>防水</v>
          </cell>
          <cell r="AR935" t="str">
            <v>一般</v>
          </cell>
          <cell r="AS935">
            <v>656</v>
          </cell>
          <cell r="AT935">
            <v>3694</v>
          </cell>
          <cell r="AU935" t="str">
            <v>()/1/</v>
          </cell>
          <cell r="AV935" t="str">
            <v>管</v>
          </cell>
          <cell r="AW935" t="str">
            <v>一般</v>
          </cell>
          <cell r="AX935">
            <v>668</v>
          </cell>
          <cell r="AY935">
            <v>6520</v>
          </cell>
          <cell r="AZ935" t="str">
            <v>()//1</v>
          </cell>
          <cell r="BA935" t="str">
            <v>兵庫県</v>
          </cell>
          <cell r="BB935">
            <v>0</v>
          </cell>
          <cell r="CR935">
            <v>6512</v>
          </cell>
          <cell r="CS935" t="str">
            <v>ﾊｼﾓﾄ ﾅｵｷ</v>
          </cell>
          <cell r="CT935" t="str">
            <v>橋本  直樹</v>
          </cell>
          <cell r="CU935" t="str">
            <v>消防総務課</v>
          </cell>
          <cell r="CW935" t="str">
            <v xml:space="preserve"> </v>
          </cell>
          <cell r="CX935" t="str">
            <v xml:space="preserve"> </v>
          </cell>
          <cell r="CY935" t="str">
            <v>消防総務課長</v>
          </cell>
        </row>
        <row r="936">
          <cell r="B936">
            <v>3667</v>
          </cell>
          <cell r="C936" t="str">
            <v>西戸崎興産(株)</v>
          </cell>
          <cell r="D936" t="str">
            <v>072-897-1617</v>
          </cell>
          <cell r="E936" t="str">
            <v>573-0112</v>
          </cell>
          <cell r="F936" t="str">
            <v>大阪府枚方市尊延寺6丁目31番6-105号</v>
          </cell>
          <cell r="G936" t="str">
            <v>福岡市</v>
          </cell>
          <cell r="H936" t="str">
            <v>関西営業所</v>
          </cell>
          <cell r="I936" t="str">
            <v>所長 東村　憲和</v>
          </cell>
          <cell r="J936" t="str">
            <v>福岡県福岡市</v>
          </cell>
          <cell r="K936" t="str">
            <v>072-897-1618</v>
          </cell>
          <cell r="L936" t="str">
            <v>suna@saitozakikousan.co.jp</v>
          </cell>
          <cell r="M936" t="str">
            <v>ｻｲﾄｻﾞｷｺｳｻﾝ</v>
          </cell>
          <cell r="N936" t="str">
            <v>有</v>
          </cell>
          <cell r="O936">
            <v>58</v>
          </cell>
          <cell r="P936">
            <v>54</v>
          </cell>
          <cell r="Q936">
            <v>4290001003127</v>
          </cell>
          <cell r="R936">
            <v>100000</v>
          </cell>
          <cell r="S936">
            <v>1931342</v>
          </cell>
          <cell r="T936">
            <v>2075073</v>
          </cell>
          <cell r="V936" t="str">
            <v>fa251853</v>
          </cell>
          <cell r="W936" t="str">
            <v>an813411</v>
          </cell>
          <cell r="X936" t="str">
            <v>土と機(機)(水)水</v>
          </cell>
          <cell r="Y936" t="str">
            <v>土と機(機)(水)</v>
          </cell>
          <cell r="Z936" t="str">
            <v>水</v>
          </cell>
          <cell r="AA936" t="str">
            <v>水道施設</v>
          </cell>
          <cell r="AB936" t="str">
            <v/>
          </cell>
          <cell r="AC936" t="str">
            <v/>
          </cell>
          <cell r="AD936" t="str">
            <v/>
          </cell>
          <cell r="AE936">
            <v>43100</v>
          </cell>
          <cell r="AF936" t="str">
            <v/>
          </cell>
          <cell r="AG936" t="str">
            <v>水道施設</v>
          </cell>
          <cell r="AH936" t="str">
            <v>特定</v>
          </cell>
          <cell r="AI936">
            <v>1060</v>
          </cell>
          <cell r="AJ936">
            <v>695729</v>
          </cell>
          <cell r="AK936" t="str">
            <v>10(10)/9/1</v>
          </cell>
          <cell r="AL936" t="str">
            <v/>
          </cell>
          <cell r="AM936" t="str">
            <v/>
          </cell>
          <cell r="AN936" t="str">
            <v/>
          </cell>
          <cell r="AO936" t="str">
            <v/>
          </cell>
          <cell r="AP936" t="str">
            <v/>
          </cell>
          <cell r="AQ936" t="str">
            <v/>
          </cell>
          <cell r="AR936" t="str">
            <v/>
          </cell>
          <cell r="AS936" t="str">
            <v/>
          </cell>
          <cell r="AT936" t="str">
            <v/>
          </cell>
          <cell r="AU936" t="str">
            <v/>
          </cell>
          <cell r="AV936" t="str">
            <v/>
          </cell>
          <cell r="AW936" t="str">
            <v/>
          </cell>
          <cell r="AX936" t="str">
            <v/>
          </cell>
          <cell r="AY936" t="str">
            <v/>
          </cell>
          <cell r="AZ936" t="str">
            <v/>
          </cell>
          <cell r="BA936" t="str">
            <v>福岡県</v>
          </cell>
          <cell r="BB936">
            <v>0</v>
          </cell>
          <cell r="CR936">
            <v>6518</v>
          </cell>
          <cell r="CS936" t="str">
            <v>ﾊﾔｼ ﾁｶﾗ</v>
          </cell>
          <cell r="CT936" t="str">
            <v>早矢仕  力</v>
          </cell>
          <cell r="CU936" t="str">
            <v>警防課</v>
          </cell>
          <cell r="CW936">
            <v>6680317</v>
          </cell>
          <cell r="CX936" t="str">
            <v>主任</v>
          </cell>
          <cell r="CY936" t="str">
            <v>警防課長</v>
          </cell>
        </row>
        <row r="937">
          <cell r="B937">
            <v>3668</v>
          </cell>
          <cell r="C937" t="str">
            <v>日本テクニカル・サービス(株)</v>
          </cell>
          <cell r="D937" t="str">
            <v>03-3413-8500</v>
          </cell>
          <cell r="E937" t="str">
            <v>154-0001</v>
          </cell>
          <cell r="F937" t="str">
            <v>東京都世田谷区池尻3-10-3</v>
          </cell>
          <cell r="G937" t="str">
            <v/>
          </cell>
          <cell r="H937" t="str">
            <v/>
          </cell>
          <cell r="I937" t="str">
            <v>代表取締役 松本　雅徳</v>
          </cell>
          <cell r="J937" t="str">
            <v>本店</v>
          </cell>
          <cell r="K937" t="str">
            <v>03-3419-3425</v>
          </cell>
          <cell r="L937" t="str">
            <v>western_japan@nitteku.co.jp</v>
          </cell>
          <cell r="M937" t="str">
            <v>ﾆﾎﾝﾃｸﾆｶﾙｻｰﾋﾞｽ</v>
          </cell>
          <cell r="N937" t="str">
            <v>無</v>
          </cell>
          <cell r="O937">
            <v>52</v>
          </cell>
          <cell r="P937">
            <v>155</v>
          </cell>
          <cell r="Q937">
            <v>9010901009056</v>
          </cell>
          <cell r="R937">
            <v>50000</v>
          </cell>
          <cell r="S937">
            <v>1214307</v>
          </cell>
          <cell r="T937">
            <v>2557583</v>
          </cell>
          <cell r="V937" t="str">
            <v>hf655615</v>
          </cell>
          <cell r="W937" t="str">
            <v>mm891814</v>
          </cell>
          <cell r="X937" t="str">
            <v>通電</v>
          </cell>
          <cell r="Y937" t="str">
            <v>通</v>
          </cell>
          <cell r="Z937" t="str">
            <v>電</v>
          </cell>
          <cell r="AA937" t="str">
            <v>電気通信</v>
          </cell>
          <cell r="AB937" t="str">
            <v>電気</v>
          </cell>
          <cell r="AC937" t="str">
            <v/>
          </cell>
          <cell r="AD937" t="str">
            <v/>
          </cell>
          <cell r="AE937">
            <v>43190</v>
          </cell>
          <cell r="AF937" t="str">
            <v/>
          </cell>
          <cell r="AG937" t="str">
            <v>電気通信</v>
          </cell>
          <cell r="AH937" t="str">
            <v>一般</v>
          </cell>
          <cell r="AI937">
            <v>946</v>
          </cell>
          <cell r="AJ937">
            <v>478378</v>
          </cell>
          <cell r="AK937" t="str">
            <v>0(0)/0/62</v>
          </cell>
          <cell r="AL937" t="str">
            <v>電気</v>
          </cell>
          <cell r="AM937" t="str">
            <v>特定</v>
          </cell>
          <cell r="AN937">
            <v>763</v>
          </cell>
          <cell r="AO937" t="str">
            <v/>
          </cell>
          <cell r="AP937" t="str">
            <v>3(3)/12/11</v>
          </cell>
          <cell r="AQ937" t="str">
            <v/>
          </cell>
          <cell r="AR937" t="str">
            <v/>
          </cell>
          <cell r="AS937" t="str">
            <v/>
          </cell>
          <cell r="AT937" t="str">
            <v/>
          </cell>
          <cell r="AU937" t="str">
            <v/>
          </cell>
          <cell r="AV937" t="str">
            <v/>
          </cell>
          <cell r="AW937" t="str">
            <v/>
          </cell>
          <cell r="AX937" t="str">
            <v/>
          </cell>
          <cell r="AY937" t="str">
            <v/>
          </cell>
          <cell r="AZ937" t="str">
            <v/>
          </cell>
          <cell r="BA937" t="str">
            <v>東京都</v>
          </cell>
          <cell r="BB937">
            <v>0</v>
          </cell>
          <cell r="CR937">
            <v>6518</v>
          </cell>
          <cell r="CS937" t="str">
            <v>ﾊﾔｼ ﾁｶﾗ</v>
          </cell>
          <cell r="CT937" t="str">
            <v>早矢仕  力</v>
          </cell>
          <cell r="CU937" t="str">
            <v>情報管理課</v>
          </cell>
          <cell r="CW937">
            <v>6680317</v>
          </cell>
          <cell r="CX937" t="str">
            <v>主任</v>
          </cell>
          <cell r="CY937" t="str">
            <v>情報管理課長</v>
          </cell>
        </row>
        <row r="938">
          <cell r="B938">
            <v>3670</v>
          </cell>
          <cell r="C938" t="str">
            <v>日本電通(株)</v>
          </cell>
          <cell r="D938" t="str">
            <v>06-6577-4188</v>
          </cell>
          <cell r="E938" t="str">
            <v>552-0003</v>
          </cell>
          <cell r="F938" t="str">
            <v>大阪府大阪市港区磯路2-21-1</v>
          </cell>
          <cell r="G938" t="str">
            <v>大阪市</v>
          </cell>
          <cell r="H938" t="str">
            <v/>
          </cell>
          <cell r="I938" t="str">
            <v>代表取締役社長 上　敏郎</v>
          </cell>
          <cell r="J938" t="str">
            <v>本店</v>
          </cell>
          <cell r="K938" t="str">
            <v>06-6577-4713</v>
          </cell>
          <cell r="L938" t="str">
            <v>y_mizobuchi@ndknet.co.jp</v>
          </cell>
          <cell r="M938" t="str">
            <v>ﾆｯﾎﾟﾝﾃﾞﾝﾂｳ</v>
          </cell>
          <cell r="N938" t="str">
            <v>無</v>
          </cell>
          <cell r="O938">
            <v>69</v>
          </cell>
          <cell r="P938">
            <v>466</v>
          </cell>
          <cell r="Q938">
            <v>4120001030138</v>
          </cell>
          <cell r="R938">
            <v>1493931</v>
          </cell>
          <cell r="S938">
            <v>9422127</v>
          </cell>
          <cell r="T938">
            <v>20644512</v>
          </cell>
          <cell r="V938" t="str">
            <v>xw331134</v>
          </cell>
          <cell r="W938" t="str">
            <v>tx349212</v>
          </cell>
          <cell r="X938" t="str">
            <v>土建と電管鋼舗浚塗内通園水</v>
          </cell>
          <cell r="Y938" t="str">
            <v/>
          </cell>
          <cell r="Z938" t="str">
            <v>土建と電管鋼舗浚塗内通園水</v>
          </cell>
          <cell r="AA938" t="str">
            <v>電気通信</v>
          </cell>
          <cell r="AB938" t="str">
            <v>電気</v>
          </cell>
          <cell r="AC938" t="str">
            <v>土木一式</v>
          </cell>
          <cell r="AD938" t="str">
            <v/>
          </cell>
          <cell r="AE938">
            <v>43555</v>
          </cell>
          <cell r="AF938" t="str">
            <v>希望しない</v>
          </cell>
          <cell r="AG938" t="str">
            <v>電気通信</v>
          </cell>
          <cell r="AH938" t="str">
            <v>特定</v>
          </cell>
          <cell r="AI938">
            <v>1308</v>
          </cell>
          <cell r="AJ938">
            <v>10649693</v>
          </cell>
          <cell r="AK938" t="str">
            <v>0(0)/0/239</v>
          </cell>
          <cell r="AL938" t="str">
            <v>電気</v>
          </cell>
          <cell r="AM938" t="str">
            <v>特定</v>
          </cell>
          <cell r="AN938">
            <v>1074</v>
          </cell>
          <cell r="AO938">
            <v>351592</v>
          </cell>
          <cell r="AP938" t="str">
            <v>4(3)/11/74</v>
          </cell>
          <cell r="AQ938" t="str">
            <v>土木一式</v>
          </cell>
          <cell r="AR938" t="str">
            <v>特定</v>
          </cell>
          <cell r="AS938">
            <v>1113</v>
          </cell>
          <cell r="AT938">
            <v>1050681</v>
          </cell>
          <cell r="AU938" t="str">
            <v>13(10)/2/16</v>
          </cell>
          <cell r="AV938" t="str">
            <v/>
          </cell>
          <cell r="AW938" t="str">
            <v/>
          </cell>
          <cell r="AX938" t="str">
            <v/>
          </cell>
          <cell r="AY938" t="str">
            <v/>
          </cell>
          <cell r="AZ938" t="str">
            <v/>
          </cell>
          <cell r="BA938" t="str">
            <v>大阪府</v>
          </cell>
        </row>
        <row r="939">
          <cell r="B939">
            <v>3672</v>
          </cell>
          <cell r="C939" t="str">
            <v>日本推進建設(株)</v>
          </cell>
          <cell r="D939" t="str">
            <v>079-568-1058</v>
          </cell>
          <cell r="E939" t="str">
            <v>669-1342</v>
          </cell>
          <cell r="F939" t="str">
            <v>兵庫県三田市四つ辻624-1</v>
          </cell>
          <cell r="G939" t="str">
            <v>吹田市</v>
          </cell>
          <cell r="H939" t="str">
            <v>兵庫支店</v>
          </cell>
          <cell r="I939" t="str">
            <v>支店長 西原　義博</v>
          </cell>
          <cell r="J939" t="str">
            <v>大阪府吹田市</v>
          </cell>
          <cell r="K939" t="str">
            <v>079-568-1068</v>
          </cell>
          <cell r="L939" t="str">
            <v>mail@ni-sui.co.jp</v>
          </cell>
          <cell r="M939" t="str">
            <v>ﾆﾎﾝｽｲｼﾝｹﾝｾﾂ</v>
          </cell>
          <cell r="N939" t="str">
            <v>有</v>
          </cell>
          <cell r="O939">
            <v>52</v>
          </cell>
          <cell r="P939">
            <v>10</v>
          </cell>
          <cell r="Q939">
            <v>3120901007871</v>
          </cell>
          <cell r="R939">
            <v>100000</v>
          </cell>
          <cell r="S939">
            <v>316600</v>
          </cell>
          <cell r="T939">
            <v>705728</v>
          </cell>
          <cell r="V939" t="str">
            <v>pk445816</v>
          </cell>
          <cell r="W939" t="str">
            <v>zg516409</v>
          </cell>
          <cell r="X939" t="str">
            <v>(清)(と)(舗)(水)土建と舗水</v>
          </cell>
          <cell r="Y939" t="str">
            <v>(清)(と)(舗)(水)</v>
          </cell>
          <cell r="Z939" t="str">
            <v>土建と舗水</v>
          </cell>
          <cell r="AA939" t="str">
            <v>土木一式</v>
          </cell>
          <cell r="AB939" t="str">
            <v>とび土工</v>
          </cell>
          <cell r="AC939" t="str">
            <v>水道施設</v>
          </cell>
          <cell r="AD939" t="str">
            <v>舗装</v>
          </cell>
          <cell r="AE939">
            <v>43240</v>
          </cell>
          <cell r="AF939" t="str">
            <v>希望する</v>
          </cell>
          <cell r="AG939" t="str">
            <v>土木一式</v>
          </cell>
          <cell r="AH939" t="str">
            <v>特定</v>
          </cell>
          <cell r="AI939">
            <v>927</v>
          </cell>
          <cell r="AJ939">
            <v>556111</v>
          </cell>
          <cell r="AK939" t="str">
            <v>7(7)/1/0</v>
          </cell>
          <cell r="AL939" t="str">
            <v>とび土工</v>
          </cell>
          <cell r="AM939" t="str">
            <v>特定</v>
          </cell>
          <cell r="AN939">
            <v>680</v>
          </cell>
          <cell r="AO939" t="str">
            <v/>
          </cell>
          <cell r="AP939" t="str">
            <v>7(7)/1/0</v>
          </cell>
          <cell r="AQ939" t="str">
            <v>水道施設</v>
          </cell>
          <cell r="AR939" t="str">
            <v>特定</v>
          </cell>
          <cell r="AS939">
            <v>824</v>
          </cell>
          <cell r="AT939">
            <v>19817</v>
          </cell>
          <cell r="AU939" t="str">
            <v>7(7)/1/0</v>
          </cell>
          <cell r="AV939" t="str">
            <v>舗装</v>
          </cell>
          <cell r="AW939" t="str">
            <v>特定</v>
          </cell>
          <cell r="AX939">
            <v>680</v>
          </cell>
          <cell r="AY939" t="str">
            <v/>
          </cell>
          <cell r="AZ939" t="str">
            <v>7(7)/1/0</v>
          </cell>
          <cell r="BA939" t="str">
            <v>大阪府</v>
          </cell>
          <cell r="BB939">
            <v>0</v>
          </cell>
          <cell r="CR939">
            <v>6527</v>
          </cell>
          <cell r="CS939" t="str">
            <v>ｱｷﾔﾏ ﾘﾅ</v>
          </cell>
          <cell r="CT939" t="str">
            <v>秋山  璃奈</v>
          </cell>
          <cell r="CU939" t="str">
            <v>市民課</v>
          </cell>
          <cell r="CW939">
            <v>2615</v>
          </cell>
          <cell r="CX939" t="str">
            <v xml:space="preserve"> </v>
          </cell>
          <cell r="CY939" t="str">
            <v>市民課長</v>
          </cell>
        </row>
        <row r="940">
          <cell r="B940">
            <v>3673</v>
          </cell>
          <cell r="C940" t="str">
            <v>日本建設(株)</v>
          </cell>
          <cell r="D940" t="str">
            <v>06-6226-0631</v>
          </cell>
          <cell r="E940" t="str">
            <v>541-0047</v>
          </cell>
          <cell r="F940" t="str">
            <v>大阪府大阪市中央区淡路町1-7-3</v>
          </cell>
          <cell r="G940" t="str">
            <v>文京区</v>
          </cell>
          <cell r="H940" t="str">
            <v>大阪支店</v>
          </cell>
          <cell r="I940" t="str">
            <v>取締役執行役員支店長 畑　集司</v>
          </cell>
          <cell r="J940" t="str">
            <v>東京都文京区</v>
          </cell>
          <cell r="K940" t="str">
            <v>06-6222-1128</v>
          </cell>
          <cell r="L940" t="str">
            <v/>
          </cell>
          <cell r="M940" t="str">
            <v/>
          </cell>
          <cell r="N940" t="str">
            <v>有</v>
          </cell>
          <cell r="O940">
            <v>30</v>
          </cell>
          <cell r="P940">
            <v>390</v>
          </cell>
          <cell r="Q940">
            <v>6120001086665</v>
          </cell>
          <cell r="R940">
            <v>2000000</v>
          </cell>
          <cell r="S940">
            <v>15558282</v>
          </cell>
          <cell r="T940">
            <v>72127794</v>
          </cell>
          <cell r="V940" t="str">
            <v>ea695454</v>
          </cell>
          <cell r="W940" t="str">
            <v>vg139843</v>
          </cell>
          <cell r="X940" t="str">
            <v>(清)(と)(舗)(水)土建と舗水</v>
          </cell>
          <cell r="Y940" t="str">
            <v>(清)(と)(舗)(水)</v>
          </cell>
          <cell r="Z940" t="str">
            <v>土建と舗水</v>
          </cell>
          <cell r="AA940" t="str">
            <v>建築一式</v>
          </cell>
          <cell r="AB940" t="str">
            <v/>
          </cell>
          <cell r="AC940" t="str">
            <v/>
          </cell>
          <cell r="AD940" t="str">
            <v/>
          </cell>
          <cell r="AE940">
            <v>43524</v>
          </cell>
          <cell r="AF940" t="str">
            <v>希望しない</v>
          </cell>
          <cell r="AG940" t="str">
            <v>建築一式</v>
          </cell>
          <cell r="AH940" t="str">
            <v>特定</v>
          </cell>
          <cell r="AI940">
            <v>1711</v>
          </cell>
          <cell r="AJ940">
            <v>76681128</v>
          </cell>
          <cell r="AK940" t="str">
            <v>223（207）/6/29</v>
          </cell>
          <cell r="AL940" t="str">
            <v/>
          </cell>
          <cell r="AM940" t="str">
            <v/>
          </cell>
          <cell r="AN940" t="str">
            <v/>
          </cell>
          <cell r="AO940" t="str">
            <v/>
          </cell>
          <cell r="AP940" t="str">
            <v/>
          </cell>
          <cell r="AQ940" t="str">
            <v/>
          </cell>
          <cell r="AR940" t="str">
            <v/>
          </cell>
          <cell r="AS940" t="str">
            <v/>
          </cell>
          <cell r="AT940" t="str">
            <v/>
          </cell>
          <cell r="AU940" t="str">
            <v/>
          </cell>
          <cell r="AV940" t="str">
            <v/>
          </cell>
          <cell r="AW940" t="str">
            <v/>
          </cell>
          <cell r="AX940" t="str">
            <v/>
          </cell>
          <cell r="AY940" t="str">
            <v/>
          </cell>
          <cell r="AZ940" t="str">
            <v/>
          </cell>
          <cell r="BA940" t="str">
            <v>東京都</v>
          </cell>
        </row>
        <row r="941">
          <cell r="B941">
            <v>3675</v>
          </cell>
          <cell r="C941" t="str">
            <v>(株)ニチジョー</v>
          </cell>
          <cell r="D941" t="str">
            <v>078-303-6600</v>
          </cell>
          <cell r="E941" t="str">
            <v>650-0047</v>
          </cell>
          <cell r="F941" t="str">
            <v>兵庫県神戸市中央区港島南町4-7-8</v>
          </cell>
          <cell r="G941" t="str">
            <v>神戸市</v>
          </cell>
          <cell r="H941" t="str">
            <v/>
          </cell>
          <cell r="I941" t="str">
            <v>代表取締役社長 真野　和年</v>
          </cell>
          <cell r="J941" t="str">
            <v>本店</v>
          </cell>
          <cell r="K941" t="str">
            <v>078-303-6701</v>
          </cell>
          <cell r="L941" t="str">
            <v>nyusatsu@nichijo-inc.co.jp</v>
          </cell>
          <cell r="M941" t="str">
            <v>ﾆﾁｼﾞｮｰ</v>
          </cell>
          <cell r="N941" t="str">
            <v>無</v>
          </cell>
          <cell r="O941">
            <v>45</v>
          </cell>
          <cell r="P941">
            <v>158</v>
          </cell>
          <cell r="Q941">
            <v>5140001009996</v>
          </cell>
          <cell r="R941">
            <v>100000</v>
          </cell>
          <cell r="S941">
            <v>439629</v>
          </cell>
          <cell r="T941">
            <v>1215033</v>
          </cell>
          <cell r="V941" t="str">
            <v>kd447396</v>
          </cell>
          <cell r="W941" t="str">
            <v>ta362250</v>
          </cell>
          <cell r="X941" t="str">
            <v>土電管塗機水</v>
          </cell>
          <cell r="Y941" t="str">
            <v>土電管塗機水</v>
          </cell>
          <cell r="Z941" t="str">
            <v/>
          </cell>
          <cell r="AA941" t="str">
            <v>機械器具</v>
          </cell>
          <cell r="AB941" t="str">
            <v>水道施設</v>
          </cell>
          <cell r="AC941" t="str">
            <v>管</v>
          </cell>
          <cell r="AD941" t="str">
            <v>電気</v>
          </cell>
          <cell r="AE941">
            <v>43100</v>
          </cell>
          <cell r="AF941" t="str">
            <v>希望しない</v>
          </cell>
          <cell r="AG941" t="str">
            <v>機械器具</v>
          </cell>
          <cell r="AH941" t="str">
            <v>一般</v>
          </cell>
          <cell r="AI941">
            <v>744</v>
          </cell>
          <cell r="AJ941">
            <v>191276</v>
          </cell>
          <cell r="AK941" t="str">
            <v>0(0)/0/1</v>
          </cell>
          <cell r="AL941" t="str">
            <v>水道施設</v>
          </cell>
          <cell r="AM941" t="str">
            <v>一般</v>
          </cell>
          <cell r="AN941">
            <v>745</v>
          </cell>
          <cell r="AO941">
            <v>33235</v>
          </cell>
          <cell r="AP941" t="str">
            <v>4(2)/2/0</v>
          </cell>
          <cell r="AQ941" t="str">
            <v>管</v>
          </cell>
          <cell r="AR941" t="str">
            <v>一般</v>
          </cell>
          <cell r="AS941">
            <v>696</v>
          </cell>
          <cell r="AT941">
            <v>3027</v>
          </cell>
          <cell r="AU941" t="str">
            <v>3(0)/5/0</v>
          </cell>
          <cell r="AV941" t="str">
            <v>電気</v>
          </cell>
          <cell r="AW941" t="str">
            <v>一般</v>
          </cell>
          <cell r="AX941">
            <v>637</v>
          </cell>
          <cell r="AY941">
            <v>74</v>
          </cell>
          <cell r="AZ941" t="str">
            <v>0(0)/2/0</v>
          </cell>
          <cell r="BA941" t="str">
            <v>兵庫県</v>
          </cell>
          <cell r="BB941">
            <v>0</v>
          </cell>
          <cell r="CR941">
            <v>6528</v>
          </cell>
          <cell r="CS941" t="str">
            <v>ｲｼｲ ﾀﾂﾔ</v>
          </cell>
          <cell r="CT941" t="str">
            <v>石井  達也</v>
          </cell>
          <cell r="CU941" t="str">
            <v>国保年金課</v>
          </cell>
          <cell r="CW941">
            <v>4334</v>
          </cell>
          <cell r="CX941" t="str">
            <v xml:space="preserve"> </v>
          </cell>
          <cell r="CY941" t="str">
            <v>国保年金課長</v>
          </cell>
        </row>
        <row r="942">
          <cell r="B942">
            <v>3676</v>
          </cell>
          <cell r="C942" t="str">
            <v>(株)ニューテック</v>
          </cell>
          <cell r="D942" t="str">
            <v>06-6418-2415</v>
          </cell>
          <cell r="E942" t="str">
            <v>660-0083</v>
          </cell>
          <cell r="F942" t="str">
            <v>兵庫県尼崎市道意町4-46</v>
          </cell>
          <cell r="G942" t="str">
            <v>尼崎市</v>
          </cell>
          <cell r="H942" t="str">
            <v/>
          </cell>
          <cell r="I942" t="str">
            <v>代表取締役 山中　俊介</v>
          </cell>
          <cell r="J942" t="str">
            <v>本店</v>
          </cell>
          <cell r="K942" t="str">
            <v>06-6418-3487</v>
          </cell>
          <cell r="L942" t="str">
            <v>t.sasakura@new-tech.jp</v>
          </cell>
          <cell r="M942" t="str">
            <v>ﾆｭｰﾃｯｸ</v>
          </cell>
          <cell r="N942" t="str">
            <v>無</v>
          </cell>
          <cell r="O942">
            <v>26</v>
          </cell>
          <cell r="P942">
            <v>49</v>
          </cell>
          <cell r="Q942">
            <v>1140001050616</v>
          </cell>
          <cell r="R942">
            <v>20000</v>
          </cell>
          <cell r="S942">
            <v>565501</v>
          </cell>
          <cell r="T942">
            <v>3527563</v>
          </cell>
          <cell r="V942" t="str">
            <v>ky915950</v>
          </cell>
          <cell r="W942" t="str">
            <v>va169813</v>
          </cell>
          <cell r="X942" t="str">
            <v>管消電</v>
          </cell>
          <cell r="Y942" t="str">
            <v>管消</v>
          </cell>
          <cell r="Z942" t="str">
            <v>電</v>
          </cell>
          <cell r="AA942" t="str">
            <v>電気</v>
          </cell>
          <cell r="AB942" t="str">
            <v/>
          </cell>
          <cell r="AC942" t="str">
            <v/>
          </cell>
          <cell r="AD942" t="str">
            <v/>
          </cell>
          <cell r="AE942">
            <v>43220</v>
          </cell>
          <cell r="AF942" t="str">
            <v/>
          </cell>
          <cell r="AG942" t="str">
            <v>電気</v>
          </cell>
          <cell r="AH942" t="str">
            <v>特定</v>
          </cell>
          <cell r="AI942">
            <v>1024</v>
          </cell>
          <cell r="AJ942">
            <v>3295513</v>
          </cell>
          <cell r="AK942" t="str">
            <v>20(17)/3/5</v>
          </cell>
          <cell r="AL942" t="str">
            <v/>
          </cell>
          <cell r="AM942" t="str">
            <v/>
          </cell>
          <cell r="AN942" t="str">
            <v/>
          </cell>
          <cell r="AO942" t="str">
            <v/>
          </cell>
          <cell r="AP942" t="str">
            <v/>
          </cell>
          <cell r="AQ942" t="str">
            <v/>
          </cell>
          <cell r="AR942" t="str">
            <v/>
          </cell>
          <cell r="AS942" t="str">
            <v/>
          </cell>
          <cell r="AT942" t="str">
            <v/>
          </cell>
          <cell r="AU942" t="str">
            <v/>
          </cell>
          <cell r="AV942" t="str">
            <v/>
          </cell>
          <cell r="AW942" t="str">
            <v/>
          </cell>
          <cell r="AX942" t="str">
            <v/>
          </cell>
          <cell r="AY942" t="str">
            <v/>
          </cell>
          <cell r="AZ942" t="str">
            <v/>
          </cell>
          <cell r="BA942" t="str">
            <v>兵庫県</v>
          </cell>
          <cell r="BB942">
            <v>0</v>
          </cell>
          <cell r="CR942">
            <v>6529</v>
          </cell>
          <cell r="CS942" t="str">
            <v>ｲｼｶﾞｷ ｼﾞﾕﾝｺ</v>
          </cell>
          <cell r="CT942" t="str">
            <v>石垣  順子</v>
          </cell>
          <cell r="CU942" t="str">
            <v>中学校給食センター</v>
          </cell>
          <cell r="CW942" t="str">
            <v>784-8045</v>
          </cell>
          <cell r="CX942" t="str">
            <v xml:space="preserve"> </v>
          </cell>
          <cell r="CY942" t="str">
            <v>中学校給食センター所長</v>
          </cell>
        </row>
        <row r="943">
          <cell r="B943">
            <v>3677</v>
          </cell>
          <cell r="C943" t="str">
            <v>(株)西原環境</v>
          </cell>
          <cell r="D943" t="str">
            <v>06-4805-7750</v>
          </cell>
          <cell r="E943" t="str">
            <v>532-0011</v>
          </cell>
          <cell r="F943" t="str">
            <v>大阪府大阪市淀川区西中島3-9-12</v>
          </cell>
          <cell r="G943" t="str">
            <v/>
          </cell>
          <cell r="H943" t="str">
            <v>関西支店</v>
          </cell>
          <cell r="I943" t="str">
            <v>支店長 森　元裕</v>
          </cell>
          <cell r="J943" t="str">
            <v>東京都</v>
          </cell>
          <cell r="K943" t="str">
            <v>06-4805-7760</v>
          </cell>
          <cell r="L943" t="str">
            <v>takayuki.mihara@nishihara.co.jp</v>
          </cell>
          <cell r="M943" t="str">
            <v>ﾆｼﾊﾗｶﾝｷｮｳ</v>
          </cell>
          <cell r="N943" t="str">
            <v>有</v>
          </cell>
          <cell r="O943">
            <v>36</v>
          </cell>
          <cell r="P943">
            <v>559</v>
          </cell>
          <cell r="Q943">
            <v>5010401023437</v>
          </cell>
          <cell r="R943">
            <v>350000</v>
          </cell>
          <cell r="S943">
            <v>3133463</v>
          </cell>
          <cell r="T943">
            <v>13402586</v>
          </cell>
          <cell r="V943" t="str">
            <v>ta849324</v>
          </cell>
          <cell r="W943" t="str">
            <v>fk371409</v>
          </cell>
          <cell r="X943" t="str">
            <v>(清)(建)(電)(管)(タ)(機)(水)(清)土建電管タ機水清</v>
          </cell>
          <cell r="Y943" t="str">
            <v>(清)(建)(電)(管)(タ)(機)(水)(清)</v>
          </cell>
          <cell r="Z943" t="str">
            <v>土建電管タ機水清</v>
          </cell>
          <cell r="AA943" t="str">
            <v>水道施設</v>
          </cell>
          <cell r="AB943" t="str">
            <v>機械器具</v>
          </cell>
          <cell r="AC943" t="str">
            <v>電気</v>
          </cell>
          <cell r="AD943" t="str">
            <v>管</v>
          </cell>
          <cell r="AE943">
            <v>43100</v>
          </cell>
          <cell r="AF943" t="str">
            <v>希望しない</v>
          </cell>
          <cell r="AG943" t="str">
            <v>水道施設</v>
          </cell>
          <cell r="AH943" t="str">
            <v>特定</v>
          </cell>
          <cell r="AI943">
            <v>1200</v>
          </cell>
          <cell r="AJ943">
            <v>1931048</v>
          </cell>
          <cell r="AK943" t="str">
            <v>77(63)/21/10</v>
          </cell>
          <cell r="AL943" t="str">
            <v>機械器具</v>
          </cell>
          <cell r="AM943" t="str">
            <v>特定</v>
          </cell>
          <cell r="AN943">
            <v>1156</v>
          </cell>
          <cell r="AO943">
            <v>4778918</v>
          </cell>
          <cell r="AP943" t="str">
            <v>0(0)/0/63</v>
          </cell>
          <cell r="AQ943" t="str">
            <v>電気</v>
          </cell>
          <cell r="AR943" t="str">
            <v>特定</v>
          </cell>
          <cell r="AS943">
            <v>1021</v>
          </cell>
          <cell r="AT943">
            <v>185184</v>
          </cell>
          <cell r="AU943" t="str">
            <v>7(4)/13/51</v>
          </cell>
          <cell r="AV943" t="str">
            <v>管</v>
          </cell>
          <cell r="AW943" t="str">
            <v>特定</v>
          </cell>
          <cell r="AX943">
            <v>1116</v>
          </cell>
          <cell r="AY943">
            <v>583305</v>
          </cell>
          <cell r="AZ943" t="str">
            <v>44(30)/23/9</v>
          </cell>
          <cell r="BA943" t="str">
            <v>東京都</v>
          </cell>
          <cell r="BB943">
            <v>0</v>
          </cell>
          <cell r="CR943">
            <v>6530</v>
          </cell>
          <cell r="CS943" t="str">
            <v>ｲﾄｲ ｼﾎﾐ</v>
          </cell>
          <cell r="CT943" t="str">
            <v>糸井  志保美</v>
          </cell>
          <cell r="CU943" t="str">
            <v>徴収対策課</v>
          </cell>
          <cell r="CW943">
            <v>2367</v>
          </cell>
          <cell r="CX943" t="str">
            <v xml:space="preserve"> </v>
          </cell>
          <cell r="CY943" t="str">
            <v>徴収対策課長</v>
          </cell>
        </row>
        <row r="944">
          <cell r="B944">
            <v>3681</v>
          </cell>
          <cell r="C944" t="str">
            <v>(株)日本サーモエナー</v>
          </cell>
          <cell r="D944" t="str">
            <v>06-6488-2233</v>
          </cell>
          <cell r="E944" t="str">
            <v>660-0806</v>
          </cell>
          <cell r="F944" t="str">
            <v>兵庫県尼崎市金楽寺町2-2-33</v>
          </cell>
          <cell r="G944" t="str">
            <v/>
          </cell>
          <cell r="H944" t="str">
            <v>関西支社</v>
          </cell>
          <cell r="I944" t="str">
            <v>支社長 今井　芳宏</v>
          </cell>
          <cell r="J944" t="str">
            <v>東京都</v>
          </cell>
          <cell r="K944" t="str">
            <v>06-6489-0115</v>
          </cell>
          <cell r="L944" t="str">
            <v>kansai@n-thermo.co.jp</v>
          </cell>
          <cell r="M944" t="str">
            <v>ﾆﾎﾝｻｰﾓｴﾅｰ</v>
          </cell>
          <cell r="N944" t="str">
            <v>有</v>
          </cell>
          <cell r="O944">
            <v>56</v>
          </cell>
          <cell r="P944">
            <v>395</v>
          </cell>
          <cell r="Q944">
            <v>3010401057222</v>
          </cell>
          <cell r="R944">
            <v>491400</v>
          </cell>
          <cell r="S944">
            <v>5074278</v>
          </cell>
          <cell r="T944">
            <v>17321049</v>
          </cell>
          <cell r="V944" t="str">
            <v>tx349222</v>
          </cell>
          <cell r="W944" t="str">
            <v>hy911462</v>
          </cell>
          <cell r="X944" t="str">
            <v>電機(電)(管)(機)土管水</v>
          </cell>
          <cell r="Y944" t="str">
            <v>電機(電)(管)(機)</v>
          </cell>
          <cell r="Z944" t="str">
            <v>土管水</v>
          </cell>
          <cell r="AA944" t="str">
            <v>管</v>
          </cell>
          <cell r="AB944" t="str">
            <v>機械器具</v>
          </cell>
          <cell r="AC944" t="str">
            <v>電気</v>
          </cell>
          <cell r="AD944" t="str">
            <v/>
          </cell>
          <cell r="AE944">
            <v>43190</v>
          </cell>
          <cell r="AF944" t="str">
            <v>希望しない</v>
          </cell>
          <cell r="AG944" t="str">
            <v>管</v>
          </cell>
          <cell r="AH944" t="str">
            <v>特定</v>
          </cell>
          <cell r="AI944">
            <v>1244</v>
          </cell>
          <cell r="AJ944">
            <v>5121587</v>
          </cell>
          <cell r="AK944" t="str">
            <v>56(9)/30/36</v>
          </cell>
          <cell r="AL944" t="str">
            <v>機械器具</v>
          </cell>
          <cell r="AM944" t="str">
            <v>一般</v>
          </cell>
          <cell r="AN944">
            <v>1190</v>
          </cell>
          <cell r="AO944">
            <v>4849530</v>
          </cell>
          <cell r="AP944" t="str">
            <v>3()//119</v>
          </cell>
          <cell r="AQ944" t="str">
            <v>電気</v>
          </cell>
          <cell r="AR944" t="str">
            <v>一般</v>
          </cell>
          <cell r="AS944">
            <v>787</v>
          </cell>
          <cell r="AT944" t="str">
            <v/>
          </cell>
          <cell r="AU944" t="str">
            <v>()//8</v>
          </cell>
          <cell r="AV944" t="str">
            <v/>
          </cell>
          <cell r="AW944" t="str">
            <v/>
          </cell>
          <cell r="AX944" t="str">
            <v/>
          </cell>
          <cell r="AY944" t="str">
            <v/>
          </cell>
          <cell r="AZ944" t="str">
            <v/>
          </cell>
          <cell r="BA944" t="str">
            <v>東京都</v>
          </cell>
          <cell r="BB944">
            <v>0</v>
          </cell>
          <cell r="CR944">
            <v>6531</v>
          </cell>
          <cell r="CS944" t="str">
            <v>ｲﾎﾘ ｼﾝｺﾞ</v>
          </cell>
          <cell r="CT944" t="str">
            <v>井堀  真吾</v>
          </cell>
          <cell r="CU944" t="str">
            <v>徴収対策課</v>
          </cell>
          <cell r="CW944">
            <v>2363</v>
          </cell>
          <cell r="CX944" t="str">
            <v xml:space="preserve"> </v>
          </cell>
          <cell r="CY944" t="str">
            <v>徴収対策課長</v>
          </cell>
        </row>
        <row r="945">
          <cell r="B945">
            <v>3683</v>
          </cell>
          <cell r="C945" t="str">
            <v>(株)ニュースポーツ工業</v>
          </cell>
          <cell r="D945" t="str">
            <v>06-6789-3801</v>
          </cell>
          <cell r="E945" t="str">
            <v>577-0015</v>
          </cell>
          <cell r="F945" t="str">
            <v>大阪府東大阪市長田3-5-15</v>
          </cell>
          <cell r="G945" t="str">
            <v>東大阪市</v>
          </cell>
          <cell r="H945" t="str">
            <v/>
          </cell>
          <cell r="I945" t="str">
            <v>代表取締役 新江田　博司</v>
          </cell>
          <cell r="J945" t="str">
            <v>本店</v>
          </cell>
          <cell r="K945" t="str">
            <v>06-6789-3808</v>
          </cell>
          <cell r="L945" t="str">
            <v>nsk@n.zaq.jp</v>
          </cell>
          <cell r="M945" t="str">
            <v>ﾆｭｰｽﾎﾟｰﾂｺｳｷﾞｮｳ</v>
          </cell>
          <cell r="N945" t="str">
            <v>無</v>
          </cell>
          <cell r="O945">
            <v>16</v>
          </cell>
          <cell r="P945">
            <v>3</v>
          </cell>
          <cell r="Q945">
            <v>7122001005736</v>
          </cell>
          <cell r="R945">
            <v>10000</v>
          </cell>
          <cell r="S945">
            <v>8558</v>
          </cell>
          <cell r="T945">
            <v>180801</v>
          </cell>
          <cell r="V945" t="str">
            <v>hv203586</v>
          </cell>
          <cell r="W945" t="str">
            <v>fa251853</v>
          </cell>
          <cell r="X945" t="str">
            <v>土建と鋼舗塗園</v>
          </cell>
          <cell r="Y945" t="str">
            <v>土建と鋼舗塗園</v>
          </cell>
          <cell r="Z945" t="str">
            <v/>
          </cell>
          <cell r="AA945" t="str">
            <v>とび土工</v>
          </cell>
          <cell r="AB945" t="str">
            <v>造園</v>
          </cell>
          <cell r="AC945" t="str">
            <v>舗装</v>
          </cell>
          <cell r="AD945" t="str">
            <v>土木一式</v>
          </cell>
          <cell r="AE945">
            <v>43190</v>
          </cell>
          <cell r="AF945" t="str">
            <v>希望しない</v>
          </cell>
          <cell r="AG945" t="str">
            <v>とび土工</v>
          </cell>
          <cell r="AH945" t="str">
            <v>一般</v>
          </cell>
          <cell r="AI945">
            <v>613</v>
          </cell>
          <cell r="AJ945">
            <v>44868</v>
          </cell>
          <cell r="AK945" t="str">
            <v>0(0)/0/0</v>
          </cell>
          <cell r="AL945" t="str">
            <v>造園</v>
          </cell>
          <cell r="AM945" t="str">
            <v>一般</v>
          </cell>
          <cell r="AN945">
            <v>596</v>
          </cell>
          <cell r="AO945">
            <v>26713</v>
          </cell>
          <cell r="AP945" t="str">
            <v>0(0)/0/1</v>
          </cell>
          <cell r="AQ945" t="str">
            <v>舗装</v>
          </cell>
          <cell r="AR945" t="str">
            <v>一般</v>
          </cell>
          <cell r="AS945">
            <v>574</v>
          </cell>
          <cell r="AT945">
            <v>7726</v>
          </cell>
          <cell r="AU945" t="str">
            <v>0(0)/1/0</v>
          </cell>
          <cell r="AV945" t="str">
            <v>土木一式</v>
          </cell>
          <cell r="AW945" t="str">
            <v>一般</v>
          </cell>
          <cell r="AX945">
            <v>625</v>
          </cell>
          <cell r="AY945">
            <v>47581</v>
          </cell>
          <cell r="AZ945" t="str">
            <v>1(0)/1/1</v>
          </cell>
          <cell r="BA945" t="str">
            <v>大阪府</v>
          </cell>
          <cell r="BB945">
            <v>0</v>
          </cell>
          <cell r="CR945">
            <v>6533</v>
          </cell>
          <cell r="CS945" t="str">
            <v>ｳｴｽｷﾞ ﾔｽﾋﾄ</v>
          </cell>
          <cell r="CT945" t="str">
            <v>上杉  泰史</v>
          </cell>
          <cell r="CU945" t="str">
            <v>図書館</v>
          </cell>
          <cell r="CW945">
            <v>5107</v>
          </cell>
          <cell r="CX945" t="str">
            <v xml:space="preserve"> </v>
          </cell>
          <cell r="CY945" t="str">
            <v>図書館長</v>
          </cell>
        </row>
        <row r="946">
          <cell r="B946">
            <v>3684</v>
          </cell>
          <cell r="C946" t="str">
            <v>(株)ニシオカ</v>
          </cell>
          <cell r="D946" t="str">
            <v>06-6693-5756</v>
          </cell>
          <cell r="E946" t="str">
            <v>558-0041</v>
          </cell>
          <cell r="F946" t="str">
            <v>大阪府大阪市住吉区南住吉3-17-5</v>
          </cell>
          <cell r="G946" t="str">
            <v>大阪市</v>
          </cell>
          <cell r="H946" t="str">
            <v/>
          </cell>
          <cell r="I946" t="str">
            <v>代表取締役　 西岡　修吾</v>
          </cell>
          <cell r="J946" t="str">
            <v>本店</v>
          </cell>
          <cell r="K946" t="str">
            <v>06-6694-5040</v>
          </cell>
          <cell r="L946" t="str">
            <v>nishioka@aia.ne.jp</v>
          </cell>
          <cell r="M946" t="str">
            <v>ﾆｼｵｶ</v>
          </cell>
          <cell r="N946" t="str">
            <v>無</v>
          </cell>
          <cell r="O946">
            <v>41</v>
          </cell>
          <cell r="P946">
            <v>20</v>
          </cell>
          <cell r="Q946">
            <v>1120001033399</v>
          </cell>
          <cell r="R946">
            <v>40000</v>
          </cell>
          <cell r="S946">
            <v>191369</v>
          </cell>
          <cell r="T946">
            <v>325247</v>
          </cell>
          <cell r="V946" t="str">
            <v>zp541772</v>
          </cell>
          <cell r="W946" t="str">
            <v>hf655615</v>
          </cell>
          <cell r="X946" t="str">
            <v>土建と鋼舗塗内園解</v>
          </cell>
          <cell r="Y946" t="str">
            <v/>
          </cell>
          <cell r="Z946" t="str">
            <v>土建と鋼舗塗内園解</v>
          </cell>
          <cell r="AA946" t="str">
            <v>土木一式</v>
          </cell>
          <cell r="AB946" t="str">
            <v>とび土工</v>
          </cell>
          <cell r="AC946" t="str">
            <v>舗装</v>
          </cell>
          <cell r="AD946" t="str">
            <v>造園</v>
          </cell>
          <cell r="AE946">
            <v>43281</v>
          </cell>
          <cell r="AF946" t="str">
            <v>希望しない</v>
          </cell>
          <cell r="AG946" t="str">
            <v>土木一式</v>
          </cell>
          <cell r="AH946" t="str">
            <v>特定</v>
          </cell>
          <cell r="AI946">
            <v>733</v>
          </cell>
          <cell r="AJ946">
            <v>34404</v>
          </cell>
          <cell r="AK946" t="str">
            <v>3(3)/2/3</v>
          </cell>
          <cell r="AL946" t="str">
            <v>とび土工</v>
          </cell>
          <cell r="AM946" t="str">
            <v>特定</v>
          </cell>
          <cell r="AN946">
            <v>795</v>
          </cell>
          <cell r="AO946">
            <v>282582</v>
          </cell>
          <cell r="AP946" t="str">
            <v>3(3)/2/7</v>
          </cell>
          <cell r="AQ946" t="str">
            <v>舗装</v>
          </cell>
          <cell r="AR946" t="str">
            <v>特定</v>
          </cell>
          <cell r="AS946">
            <v>611</v>
          </cell>
          <cell r="AT946">
            <v>2617</v>
          </cell>
          <cell r="AU946" t="str">
            <v>0(0)/0/0</v>
          </cell>
          <cell r="AV946" t="str">
            <v>造園</v>
          </cell>
          <cell r="AW946" t="str">
            <v>特定</v>
          </cell>
          <cell r="AX946">
            <v>647</v>
          </cell>
          <cell r="AY946">
            <v>5439</v>
          </cell>
          <cell r="AZ946" t="str">
            <v>0(0)/0/8</v>
          </cell>
          <cell r="BA946" t="str">
            <v>大阪府</v>
          </cell>
          <cell r="BB946">
            <v>0</v>
          </cell>
          <cell r="CR946">
            <v>6535</v>
          </cell>
          <cell r="CS946" t="str">
            <v>ｳｼﾞｲｴ ﾅﾙｷ</v>
          </cell>
          <cell r="CT946" t="str">
            <v>氏家  成樹</v>
          </cell>
          <cell r="CU946" t="str">
            <v>人事研修課</v>
          </cell>
          <cell r="CW946">
            <v>2417</v>
          </cell>
          <cell r="CX946" t="str">
            <v xml:space="preserve"> </v>
          </cell>
          <cell r="CY946" t="str">
            <v>人事研修課長</v>
          </cell>
        </row>
        <row r="947">
          <cell r="B947">
            <v>3685</v>
          </cell>
          <cell r="C947" t="str">
            <v>西野建設工事(株)</v>
          </cell>
          <cell r="D947" t="str">
            <v>06-6709-2851</v>
          </cell>
          <cell r="E947" t="str">
            <v>547-0024</v>
          </cell>
          <cell r="F947" t="str">
            <v>大阪府大阪市平野区瓜破7-1-5</v>
          </cell>
          <cell r="G947" t="str">
            <v>大阪市</v>
          </cell>
          <cell r="H947" t="str">
            <v/>
          </cell>
          <cell r="I947" t="str">
            <v>代表取締役　 西野　順一</v>
          </cell>
          <cell r="J947" t="str">
            <v>本店</v>
          </cell>
          <cell r="K947" t="str">
            <v>06-6709-5835</v>
          </cell>
          <cell r="L947" t="str">
            <v>info@nishinokensetsukogyo.co.jp</v>
          </cell>
          <cell r="M947" t="str">
            <v>ﾆｼﾉｹﾝｾﾂｺｳｷﾞﾖｳ</v>
          </cell>
          <cell r="N947" t="str">
            <v>無</v>
          </cell>
          <cell r="O947">
            <v>47</v>
          </cell>
          <cell r="P947">
            <v>22</v>
          </cell>
          <cell r="Q947">
            <v>8120000000000</v>
          </cell>
          <cell r="R947">
            <v>80000</v>
          </cell>
          <cell r="S947">
            <v>451794</v>
          </cell>
          <cell r="T947">
            <v>3271319</v>
          </cell>
          <cell r="V947" t="str">
            <v>us168736</v>
          </cell>
          <cell r="W947" t="str">
            <v>bz118135</v>
          </cell>
          <cell r="X947" t="str">
            <v>土建と鋼舗塗内園解</v>
          </cell>
          <cell r="Y947" t="str">
            <v/>
          </cell>
          <cell r="Z947" t="str">
            <v>土建と鋼舗塗内園解</v>
          </cell>
          <cell r="AA947" t="str">
            <v>建築一式</v>
          </cell>
          <cell r="AB947" t="str">
            <v>土木一式</v>
          </cell>
          <cell r="AC947" t="str">
            <v>解体</v>
          </cell>
          <cell r="AD947" t="str">
            <v>防水</v>
          </cell>
          <cell r="AE947">
            <v>42916</v>
          </cell>
          <cell r="AF947" t="str">
            <v>希望しない</v>
          </cell>
          <cell r="AG947" t="str">
            <v>建築一式</v>
          </cell>
          <cell r="AH947" t="str">
            <v>特定</v>
          </cell>
          <cell r="AI947">
            <v>1046</v>
          </cell>
          <cell r="AJ947">
            <v>1787851</v>
          </cell>
          <cell r="AK947" t="str">
            <v>9(8)/5/3</v>
          </cell>
          <cell r="AL947" t="str">
            <v>土木一式</v>
          </cell>
          <cell r="AM947" t="str">
            <v>特定</v>
          </cell>
          <cell r="AN947">
            <v>1015</v>
          </cell>
          <cell r="AO947">
            <v>839972</v>
          </cell>
          <cell r="AP947" t="str">
            <v>10(10)/2/12</v>
          </cell>
          <cell r="AQ947" t="str">
            <v>解体</v>
          </cell>
          <cell r="AR947" t="str">
            <v>特定</v>
          </cell>
          <cell r="AS947">
            <v>794</v>
          </cell>
          <cell r="AT947">
            <v>18761</v>
          </cell>
          <cell r="AU947" t="str">
            <v>1(1)/0/0</v>
          </cell>
          <cell r="AV947" t="str">
            <v>防水</v>
          </cell>
          <cell r="AW947" t="str">
            <v>特定</v>
          </cell>
          <cell r="AX947">
            <v>750</v>
          </cell>
          <cell r="AY947">
            <v>5805</v>
          </cell>
          <cell r="AZ947" t="str">
            <v>0(0)/0/0</v>
          </cell>
          <cell r="BA947" t="str">
            <v>大阪府</v>
          </cell>
          <cell r="BB947">
            <v>0</v>
          </cell>
          <cell r="CR947">
            <v>6536</v>
          </cell>
          <cell r="CS947" t="str">
            <v>ｵｵﾀ ｵｻﾑ</v>
          </cell>
          <cell r="CT947" t="str">
            <v>太田  收</v>
          </cell>
          <cell r="CU947" t="str">
            <v>スポーツ振興課</v>
          </cell>
          <cell r="CW947">
            <v>4339</v>
          </cell>
          <cell r="CX947" t="str">
            <v xml:space="preserve"> </v>
          </cell>
          <cell r="CY947" t="str">
            <v>スポーツ振興課長</v>
          </cell>
        </row>
        <row r="948">
          <cell r="B948">
            <v>3686</v>
          </cell>
          <cell r="C948" t="str">
            <v>ＡＮＥＯＳ(株)</v>
          </cell>
          <cell r="D948" t="str">
            <v>03-5768-8251</v>
          </cell>
          <cell r="E948" t="str">
            <v>152-0001</v>
          </cell>
          <cell r="F948" t="str">
            <v>東京都目黒区中央町1-5-12</v>
          </cell>
          <cell r="G948" t="str">
            <v/>
          </cell>
          <cell r="H948" t="str">
            <v/>
          </cell>
          <cell r="I948" t="str">
            <v>代表取締役 野澤　裕</v>
          </cell>
          <cell r="J948" t="str">
            <v>本店</v>
          </cell>
          <cell r="K948" t="str">
            <v>03-5768-8261</v>
          </cell>
          <cell r="L948" t="str">
            <v>sales@aneos.co.lp</v>
          </cell>
          <cell r="M948" t="str">
            <v>ﾆﾎﾝｴﾚｸﾄﾘｯｸｲﾝｽﾙﾒﾝﾄ</v>
          </cell>
          <cell r="N948" t="str">
            <v>無</v>
          </cell>
          <cell r="O948">
            <v>21</v>
          </cell>
          <cell r="P948">
            <v>62</v>
          </cell>
          <cell r="Q948">
            <v>5013201006743</v>
          </cell>
          <cell r="R948">
            <v>10000</v>
          </cell>
          <cell r="S948">
            <v>5671773</v>
          </cell>
          <cell r="T948">
            <v>3291812</v>
          </cell>
          <cell r="V948" t="str">
            <v>xw153982</v>
          </cell>
          <cell r="W948" t="str">
            <v>ce172666</v>
          </cell>
          <cell r="X948" t="str">
            <v>通</v>
          </cell>
          <cell r="Y948" t="str">
            <v>通</v>
          </cell>
          <cell r="Z948" t="str">
            <v/>
          </cell>
          <cell r="AA948" t="str">
            <v>電気通信</v>
          </cell>
          <cell r="AB948" t="str">
            <v/>
          </cell>
          <cell r="AC948" t="str">
            <v/>
          </cell>
          <cell r="AD948" t="str">
            <v/>
          </cell>
          <cell r="AE948">
            <v>42947</v>
          </cell>
          <cell r="AF948" t="str">
            <v/>
          </cell>
          <cell r="AG948" t="str">
            <v>電気通信</v>
          </cell>
          <cell r="AH948" t="str">
            <v>一般</v>
          </cell>
          <cell r="AI948">
            <v>791</v>
          </cell>
          <cell r="AJ948">
            <v>160679</v>
          </cell>
          <cell r="AK948" t="str">
            <v>0(0)/0/6</v>
          </cell>
          <cell r="AL948" t="str">
            <v/>
          </cell>
          <cell r="AM948" t="str">
            <v/>
          </cell>
          <cell r="AN948" t="str">
            <v/>
          </cell>
          <cell r="AO948" t="str">
            <v/>
          </cell>
          <cell r="AP948" t="str">
            <v/>
          </cell>
          <cell r="AQ948" t="str">
            <v/>
          </cell>
          <cell r="AR948" t="str">
            <v/>
          </cell>
          <cell r="AS948" t="str">
            <v/>
          </cell>
          <cell r="AT948" t="str">
            <v/>
          </cell>
          <cell r="AU948" t="str">
            <v/>
          </cell>
          <cell r="AV948" t="str">
            <v/>
          </cell>
          <cell r="AW948" t="str">
            <v/>
          </cell>
          <cell r="AX948" t="str">
            <v/>
          </cell>
          <cell r="AY948" t="str">
            <v/>
          </cell>
          <cell r="AZ948" t="str">
            <v/>
          </cell>
          <cell r="BA948" t="str">
            <v>東京都</v>
          </cell>
          <cell r="BB948">
            <v>0</v>
          </cell>
          <cell r="CR948">
            <v>6537</v>
          </cell>
          <cell r="CS948" t="str">
            <v>ｵﾁｸﾎﾞ ﾋﾛｱｷ</v>
          </cell>
          <cell r="CT948" t="str">
            <v>落久保  宏朗</v>
          </cell>
          <cell r="CU948" t="str">
            <v>新庁舎整備室</v>
          </cell>
          <cell r="CW948">
            <v>4340</v>
          </cell>
          <cell r="CX948" t="str">
            <v xml:space="preserve"> </v>
          </cell>
          <cell r="CY948" t="str">
            <v>安全・安心施策推進班　主幹</v>
          </cell>
        </row>
        <row r="949">
          <cell r="B949">
            <v>3687</v>
          </cell>
          <cell r="C949" t="str">
            <v>日本調理機(株)</v>
          </cell>
          <cell r="D949" t="str">
            <v>06-6853-4901</v>
          </cell>
          <cell r="E949" t="str">
            <v>561-0891</v>
          </cell>
          <cell r="F949" t="str">
            <v>大阪府豊中市走井2-9-2</v>
          </cell>
          <cell r="G949" t="str">
            <v/>
          </cell>
          <cell r="H949" t="str">
            <v>関西支店</v>
          </cell>
          <cell r="I949" t="str">
            <v>支店長 小西　洋</v>
          </cell>
          <cell r="J949" t="str">
            <v>東京都</v>
          </cell>
          <cell r="K949" t="str">
            <v>06-6853-3777</v>
          </cell>
          <cell r="L949" t="str">
            <v>toru_kawai@nitcho.co.jp</v>
          </cell>
          <cell r="M949" t="str">
            <v>ﾆﾎﾝﾁｮｳﾘｷ</v>
          </cell>
          <cell r="N949" t="str">
            <v>有</v>
          </cell>
          <cell r="O949">
            <v>71</v>
          </cell>
          <cell r="P949">
            <v>566</v>
          </cell>
          <cell r="Q949">
            <v>8010801009041</v>
          </cell>
          <cell r="R949">
            <v>597600</v>
          </cell>
          <cell r="S949">
            <v>5212658</v>
          </cell>
          <cell r="T949">
            <v>16605341</v>
          </cell>
          <cell r="V949" t="str">
            <v>ym175660</v>
          </cell>
          <cell r="W949" t="str">
            <v>ld109451</v>
          </cell>
          <cell r="X949" t="str">
            <v>管</v>
          </cell>
          <cell r="Y949" t="str">
            <v>管</v>
          </cell>
          <cell r="Z949" t="str">
            <v/>
          </cell>
          <cell r="AA949" t="str">
            <v>管</v>
          </cell>
          <cell r="AB949" t="str">
            <v/>
          </cell>
          <cell r="AC949" t="str">
            <v/>
          </cell>
          <cell r="AD949" t="str">
            <v/>
          </cell>
          <cell r="AE949" t="str">
            <v/>
          </cell>
          <cell r="AF949" t="str">
            <v/>
          </cell>
          <cell r="AG949" t="str">
            <v>管</v>
          </cell>
          <cell r="AH949" t="str">
            <v>一般</v>
          </cell>
          <cell r="AI949" t="str">
            <v/>
          </cell>
          <cell r="AJ949" t="str">
            <v/>
          </cell>
          <cell r="AK949" t="str">
            <v/>
          </cell>
          <cell r="AL949" t="str">
            <v/>
          </cell>
          <cell r="AM949" t="str">
            <v/>
          </cell>
          <cell r="AN949" t="str">
            <v/>
          </cell>
          <cell r="AO949" t="str">
            <v/>
          </cell>
          <cell r="AP949" t="str">
            <v/>
          </cell>
          <cell r="AQ949" t="str">
            <v/>
          </cell>
          <cell r="AR949" t="str">
            <v/>
          </cell>
          <cell r="AS949" t="str">
            <v/>
          </cell>
          <cell r="AT949" t="str">
            <v/>
          </cell>
          <cell r="AU949" t="str">
            <v/>
          </cell>
          <cell r="AV949" t="str">
            <v/>
          </cell>
          <cell r="AW949" t="str">
            <v/>
          </cell>
          <cell r="AX949" t="str">
            <v/>
          </cell>
          <cell r="AY949" t="str">
            <v/>
          </cell>
          <cell r="AZ949" t="str">
            <v/>
          </cell>
          <cell r="BA949" t="str">
            <v>東京都</v>
          </cell>
          <cell r="BB949">
            <v>0</v>
          </cell>
          <cell r="CR949">
            <v>6538</v>
          </cell>
          <cell r="CS949" t="str">
            <v>ｶｷﾉｷ ｹﾝｺﾞ</v>
          </cell>
          <cell r="CT949" t="str">
            <v>太田  健吾</v>
          </cell>
          <cell r="CU949" t="str">
            <v>総合教育センター</v>
          </cell>
          <cell r="CW949">
            <v>4341</v>
          </cell>
          <cell r="CX949" t="str">
            <v xml:space="preserve"> </v>
          </cell>
          <cell r="CY949" t="str">
            <v>総合教育センター長</v>
          </cell>
        </row>
        <row r="950">
          <cell r="B950">
            <v>3688</v>
          </cell>
          <cell r="C950" t="str">
            <v>(株)ニシテック</v>
          </cell>
          <cell r="D950" t="str">
            <v>078-262-7180</v>
          </cell>
          <cell r="E950" t="str">
            <v>651-0085</v>
          </cell>
          <cell r="F950" t="str">
            <v>兵庫県神戸市中央区八幡通4-2-14</v>
          </cell>
          <cell r="G950" t="str">
            <v>徳島市</v>
          </cell>
          <cell r="H950" t="str">
            <v>神戸支店</v>
          </cell>
          <cell r="I950" t="str">
            <v>支店長 本田　正志</v>
          </cell>
          <cell r="J950" t="str">
            <v>徳島県徳島市</v>
          </cell>
          <cell r="K950" t="str">
            <v>078-262-7188</v>
          </cell>
          <cell r="L950" t="str">
            <v>nt-buil-osaka@nishitec.co.jp</v>
          </cell>
          <cell r="M950" t="str">
            <v>ﾆｼﾃｯｸ</v>
          </cell>
          <cell r="N950" t="str">
            <v>有</v>
          </cell>
          <cell r="O950">
            <v>38</v>
          </cell>
          <cell r="P950">
            <v>86</v>
          </cell>
          <cell r="Q950">
            <v>2480001001658</v>
          </cell>
          <cell r="R950">
            <v>34000</v>
          </cell>
          <cell r="S950">
            <v>823982</v>
          </cell>
          <cell r="T950">
            <v>4567249</v>
          </cell>
          <cell r="V950" t="str">
            <v>kb104940</v>
          </cell>
          <cell r="W950" t="str">
            <v>ln123108</v>
          </cell>
          <cell r="X950" t="str">
            <v>(電)電</v>
          </cell>
          <cell r="Y950" t="str">
            <v>(電)</v>
          </cell>
          <cell r="Z950" t="str">
            <v>電</v>
          </cell>
          <cell r="AA950" t="str">
            <v>電気</v>
          </cell>
          <cell r="AB950" t="str">
            <v/>
          </cell>
          <cell r="AC950" t="str">
            <v/>
          </cell>
          <cell r="AD950" t="str">
            <v/>
          </cell>
          <cell r="AE950">
            <v>43190</v>
          </cell>
          <cell r="AF950" t="str">
            <v/>
          </cell>
          <cell r="AG950" t="str">
            <v>電気</v>
          </cell>
          <cell r="AH950" t="str">
            <v>特定</v>
          </cell>
          <cell r="AI950">
            <v>996</v>
          </cell>
          <cell r="AJ950">
            <v>754437</v>
          </cell>
          <cell r="AK950" t="str">
            <v>15(12)/10/4</v>
          </cell>
          <cell r="AL950" t="str">
            <v/>
          </cell>
          <cell r="AM950" t="str">
            <v/>
          </cell>
          <cell r="AN950" t="str">
            <v/>
          </cell>
          <cell r="AO950" t="str">
            <v/>
          </cell>
          <cell r="AP950" t="str">
            <v/>
          </cell>
          <cell r="AQ950" t="str">
            <v/>
          </cell>
          <cell r="AR950" t="str">
            <v/>
          </cell>
          <cell r="AS950" t="str">
            <v/>
          </cell>
          <cell r="AT950" t="str">
            <v/>
          </cell>
          <cell r="AU950" t="str">
            <v/>
          </cell>
          <cell r="AV950" t="str">
            <v/>
          </cell>
          <cell r="AW950" t="str">
            <v/>
          </cell>
          <cell r="AX950" t="str">
            <v/>
          </cell>
          <cell r="AY950" t="str">
            <v/>
          </cell>
          <cell r="AZ950" t="str">
            <v/>
          </cell>
          <cell r="BA950" t="str">
            <v>徳島県</v>
          </cell>
          <cell r="BB950">
            <v>0</v>
          </cell>
          <cell r="CR950">
            <v>6540</v>
          </cell>
          <cell r="CS950" t="str">
            <v>ｱﾘﾄｷ ﾉﾘｺ</v>
          </cell>
          <cell r="CT950" t="str">
            <v>有時  倫子</v>
          </cell>
          <cell r="CU950" t="str">
            <v>給与制度課</v>
          </cell>
          <cell r="CW950" t="str">
            <v xml:space="preserve"> </v>
          </cell>
          <cell r="CX950" t="str">
            <v xml:space="preserve"> </v>
          </cell>
          <cell r="CY950" t="str">
            <v>給与制度課長</v>
          </cell>
        </row>
        <row r="951">
          <cell r="B951">
            <v>3690</v>
          </cell>
          <cell r="C951" t="str">
            <v>西浩建設(株)</v>
          </cell>
          <cell r="D951" t="str">
            <v>06-6777-4783</v>
          </cell>
          <cell r="F951" t="str">
            <v>大阪府大阪市平野区瓜破東3丁目4-26</v>
          </cell>
          <cell r="G951" t="str">
            <v>大阪市</v>
          </cell>
          <cell r="H951" t="str">
            <v/>
          </cell>
          <cell r="I951" t="str">
            <v>代表取締役　 平野　正治</v>
          </cell>
          <cell r="J951" t="str">
            <v>本店</v>
          </cell>
          <cell r="K951" t="str">
            <v>06-6777-4785</v>
          </cell>
          <cell r="L951" t="str">
            <v>nishihirokensetsu@gmail.com</v>
          </cell>
          <cell r="M951" t="str">
            <v>ﾆｼﾋﾛｹﾝｾﾂ</v>
          </cell>
          <cell r="N951" t="str">
            <v>無</v>
          </cell>
          <cell r="O951">
            <v>2</v>
          </cell>
          <cell r="P951">
            <v>5</v>
          </cell>
          <cell r="Q951">
            <v>6120000000000</v>
          </cell>
          <cell r="R951">
            <v>20000</v>
          </cell>
          <cell r="S951">
            <v>55383</v>
          </cell>
          <cell r="T951">
            <v>555800</v>
          </cell>
          <cell r="V951" t="str">
            <v>jx135497</v>
          </cell>
          <cell r="W951" t="str">
            <v>gu115880</v>
          </cell>
          <cell r="X951" t="str">
            <v>(電)電</v>
          </cell>
          <cell r="Y951" t="str">
            <v>(電)</v>
          </cell>
          <cell r="Z951" t="str">
            <v>電</v>
          </cell>
          <cell r="AA951" t="str">
            <v>解体</v>
          </cell>
          <cell r="AB951" t="str">
            <v>建築一式</v>
          </cell>
          <cell r="AC951" t="str">
            <v>土木一式</v>
          </cell>
          <cell r="AD951" t="str">
            <v>舗装</v>
          </cell>
          <cell r="AE951">
            <v>43251</v>
          </cell>
          <cell r="AF951" t="str">
            <v>希望しない</v>
          </cell>
          <cell r="AG951" t="str">
            <v>解体</v>
          </cell>
          <cell r="AH951" t="str">
            <v>特定</v>
          </cell>
          <cell r="AI951">
            <v>593</v>
          </cell>
          <cell r="AJ951">
            <v>41975</v>
          </cell>
          <cell r="AK951" t="str">
            <v>0(0)/0/0</v>
          </cell>
          <cell r="AL951" t="str">
            <v>建築一式</v>
          </cell>
          <cell r="AM951" t="str">
            <v>特定</v>
          </cell>
          <cell r="AN951">
            <v>699</v>
          </cell>
          <cell r="AO951">
            <v>251738</v>
          </cell>
          <cell r="AP951" t="str">
            <v>2(2)/0/1</v>
          </cell>
          <cell r="AQ951" t="str">
            <v>土木一式</v>
          </cell>
          <cell r="AR951" t="str">
            <v>特定</v>
          </cell>
          <cell r="AS951">
            <v>636</v>
          </cell>
          <cell r="AT951">
            <v>14264</v>
          </cell>
          <cell r="AU951" t="str">
            <v>1(1)/0/0</v>
          </cell>
          <cell r="AV951" t="str">
            <v>舗装</v>
          </cell>
          <cell r="AW951" t="str">
            <v>特定</v>
          </cell>
          <cell r="AX951">
            <v>552</v>
          </cell>
          <cell r="AY951">
            <v>3635</v>
          </cell>
          <cell r="AZ951" t="str">
            <v>0(0)/0/0</v>
          </cell>
          <cell r="BA951" t="str">
            <v>大阪府</v>
          </cell>
          <cell r="BB951">
            <v>0</v>
          </cell>
          <cell r="CR951">
            <v>6541</v>
          </cell>
          <cell r="CS951" t="str">
            <v>ﾅｶﾑﾗ ｹｲｺ</v>
          </cell>
          <cell r="CT951" t="str">
            <v>中村  慶子</v>
          </cell>
          <cell r="CU951" t="str">
            <v>保育課</v>
          </cell>
          <cell r="CW951">
            <v>4342</v>
          </cell>
          <cell r="CX951" t="str">
            <v xml:space="preserve"> </v>
          </cell>
          <cell r="CY951" t="str">
            <v>保育課長</v>
          </cell>
        </row>
        <row r="952">
          <cell r="B952">
            <v>3691</v>
          </cell>
          <cell r="C952" t="str">
            <v>日本ビルコン(株)</v>
          </cell>
          <cell r="D952" t="str">
            <v>06-6472-5511</v>
          </cell>
          <cell r="E952" t="str">
            <v>555-0012</v>
          </cell>
          <cell r="F952" t="str">
            <v>大阪府大阪市西淀川区御幣島1-10-8</v>
          </cell>
          <cell r="G952" t="str">
            <v/>
          </cell>
          <cell r="H952" t="str">
            <v>近畿支社</v>
          </cell>
          <cell r="I952" t="str">
            <v>支社長 大柿　耕一</v>
          </cell>
          <cell r="J952" t="str">
            <v>東京都</v>
          </cell>
          <cell r="K952" t="str">
            <v>06-6472-6611</v>
          </cell>
          <cell r="L952" t="str">
            <v>okuno-m@totech.co.jp</v>
          </cell>
          <cell r="M952" t="str">
            <v>ﾆｯﾎﾟﾝﾋﾞﾙｺﾝ</v>
          </cell>
          <cell r="N952" t="str">
            <v>有</v>
          </cell>
          <cell r="O952">
            <v>40</v>
          </cell>
          <cell r="P952">
            <v>626</v>
          </cell>
          <cell r="Q952">
            <v>9010601024883</v>
          </cell>
          <cell r="R952">
            <v>100000</v>
          </cell>
          <cell r="S952">
            <v>4715355</v>
          </cell>
          <cell r="T952">
            <v>14912391</v>
          </cell>
          <cell r="V952" t="str">
            <v>lu159307</v>
          </cell>
          <cell r="W952" t="str">
            <v>jj159954</v>
          </cell>
          <cell r="X952" t="str">
            <v>電機消(電)(管)(機)(消)管</v>
          </cell>
          <cell r="Y952" t="str">
            <v>電機消(電)(管)(機)(消)</v>
          </cell>
          <cell r="Z952" t="str">
            <v>管</v>
          </cell>
          <cell r="AA952" t="str">
            <v>管</v>
          </cell>
          <cell r="AB952" t="str">
            <v>電気</v>
          </cell>
          <cell r="AC952" t="str">
            <v/>
          </cell>
          <cell r="AD952" t="str">
            <v/>
          </cell>
          <cell r="AE952">
            <v>43555</v>
          </cell>
          <cell r="AF952" t="str">
            <v>希望しない</v>
          </cell>
          <cell r="AG952" t="str">
            <v>管</v>
          </cell>
          <cell r="AH952" t="str">
            <v>特定</v>
          </cell>
          <cell r="AI952">
            <v>1240</v>
          </cell>
          <cell r="AJ952">
            <v>4445506</v>
          </cell>
          <cell r="AK952" t="str">
            <v>86(34)/79/15</v>
          </cell>
          <cell r="AL952" t="str">
            <v>電気</v>
          </cell>
          <cell r="AM952" t="str">
            <v>一般</v>
          </cell>
          <cell r="AN952">
            <v>1040</v>
          </cell>
          <cell r="AO952">
            <v>259670</v>
          </cell>
          <cell r="AP952" t="str">
            <v>11(3)/19/90</v>
          </cell>
          <cell r="AQ952" t="str">
            <v/>
          </cell>
          <cell r="AR952" t="str">
            <v/>
          </cell>
          <cell r="AS952" t="str">
            <v/>
          </cell>
          <cell r="AT952" t="str">
            <v/>
          </cell>
          <cell r="AU952" t="str">
            <v/>
          </cell>
          <cell r="AV952" t="str">
            <v/>
          </cell>
          <cell r="AW952" t="str">
            <v/>
          </cell>
          <cell r="AX952" t="str">
            <v/>
          </cell>
          <cell r="AY952" t="str">
            <v/>
          </cell>
          <cell r="AZ952" t="str">
            <v/>
          </cell>
          <cell r="BA952" t="str">
            <v>東京都</v>
          </cell>
        </row>
        <row r="953">
          <cell r="B953">
            <v>3746</v>
          </cell>
          <cell r="C953" t="str">
            <v>日本装路(株)</v>
          </cell>
          <cell r="D953" t="str">
            <v>0795-53-8303</v>
          </cell>
          <cell r="E953" t="str">
            <v>669-1537</v>
          </cell>
          <cell r="F953" t="str">
            <v>兵庫県三田市西山2-2-17</v>
          </cell>
          <cell r="G953" t="str">
            <v>神戸市</v>
          </cell>
          <cell r="H953" t="str">
            <v>三田営業所</v>
          </cell>
          <cell r="I953" t="str">
            <v>営業所長 保井　剛</v>
          </cell>
          <cell r="J953" t="str">
            <v>兵庫県神戸市</v>
          </cell>
          <cell r="K953" t="str">
            <v>0795-53-8304</v>
          </cell>
          <cell r="L953" t="str">
            <v>nihonsouro@mub.biglobe.ne.jp</v>
          </cell>
          <cell r="M953" t="str">
            <v>ﾆﾎﾝｿｳﾛ</v>
          </cell>
          <cell r="N953" t="str">
            <v>有</v>
          </cell>
          <cell r="O953">
            <v>35</v>
          </cell>
          <cell r="P953">
            <v>11</v>
          </cell>
          <cell r="Q953">
            <v>6140001005607</v>
          </cell>
          <cell r="R953">
            <v>10000</v>
          </cell>
          <cell r="S953">
            <v>17546</v>
          </cell>
          <cell r="T953">
            <v>240542</v>
          </cell>
          <cell r="V953" t="str">
            <v>hb446623</v>
          </cell>
          <cell r="W953" t="str">
            <v>kc567596</v>
          </cell>
          <cell r="X953" t="str">
            <v>土と塗(清)(と)(塗)</v>
          </cell>
          <cell r="Y953" t="str">
            <v>土と塗(清)(と)(塗)</v>
          </cell>
          <cell r="Z953" t="str">
            <v/>
          </cell>
          <cell r="AA953" t="str">
            <v>塗装</v>
          </cell>
          <cell r="AB953" t="str">
            <v>とび土工</v>
          </cell>
          <cell r="AC953" t="str">
            <v>土木一式</v>
          </cell>
          <cell r="AD953" t="str">
            <v/>
          </cell>
          <cell r="AE953">
            <v>42674</v>
          </cell>
          <cell r="AF953" t="str">
            <v>希望しない</v>
          </cell>
          <cell r="AG953" t="str">
            <v>塗装</v>
          </cell>
          <cell r="AH953" t="str">
            <v>一般</v>
          </cell>
          <cell r="AI953">
            <v>801</v>
          </cell>
          <cell r="AJ953">
            <v>102704</v>
          </cell>
          <cell r="AK953" t="str">
            <v>4(4)/2/0</v>
          </cell>
          <cell r="AL953" t="str">
            <v>とび土工</v>
          </cell>
          <cell r="AM953" t="str">
            <v>一般</v>
          </cell>
          <cell r="AN953">
            <v>797</v>
          </cell>
          <cell r="AO953">
            <v>90053</v>
          </cell>
          <cell r="AP953" t="str">
            <v>4(4)/1/1</v>
          </cell>
          <cell r="AQ953" t="str">
            <v>土木一式</v>
          </cell>
          <cell r="AR953" t="str">
            <v>一般</v>
          </cell>
          <cell r="AS953">
            <v>655</v>
          </cell>
          <cell r="AT953">
            <v>4900</v>
          </cell>
          <cell r="AU953" t="str">
            <v>0(0)/0/1</v>
          </cell>
          <cell r="AV953" t="str">
            <v/>
          </cell>
          <cell r="AW953" t="str">
            <v/>
          </cell>
          <cell r="AX953" t="str">
            <v/>
          </cell>
          <cell r="AY953" t="str">
            <v/>
          </cell>
          <cell r="AZ953" t="str">
            <v/>
          </cell>
          <cell r="BA953" t="str">
            <v>兵庫県</v>
          </cell>
          <cell r="BB953">
            <v>0</v>
          </cell>
          <cell r="CR953">
            <v>6542</v>
          </cell>
          <cell r="CS953" t="str">
            <v>ｸﾙｼﾏ ﾐﾂﾙ</v>
          </cell>
          <cell r="CT953" t="str">
            <v>久留嶋  充</v>
          </cell>
          <cell r="CU953" t="str">
            <v>都市基盤総務課</v>
          </cell>
          <cell r="CW953" t="str">
            <v xml:space="preserve"> </v>
          </cell>
          <cell r="CX953" t="str">
            <v xml:space="preserve"> </v>
          </cell>
          <cell r="CY953" t="str">
            <v>都市基盤総務課長</v>
          </cell>
        </row>
        <row r="954">
          <cell r="B954">
            <v>3748</v>
          </cell>
          <cell r="C954" t="str">
            <v>日本シヤツター北大阪販売(株)</v>
          </cell>
          <cell r="D954" t="str">
            <v>06-6849-5868</v>
          </cell>
          <cell r="E954" t="str">
            <v>561-0875</v>
          </cell>
          <cell r="F954" t="str">
            <v>大阪府豊中市長興寺北1-5-21</v>
          </cell>
          <cell r="G954" t="str">
            <v>豊中市</v>
          </cell>
          <cell r="H954" t="str">
            <v/>
          </cell>
          <cell r="I954" t="str">
            <v>代表取締役 秋山　馨澄</v>
          </cell>
          <cell r="J954" t="str">
            <v>本店</v>
          </cell>
          <cell r="K954" t="str">
            <v>06-6849-5878</v>
          </cell>
          <cell r="L954" t="str">
            <v>shutter@oak.ocn.ne.jp</v>
          </cell>
          <cell r="M954" t="str">
            <v>ﾆﾎﾝｼﾔﾂﾀｰｷﾀｵｵｻｶﾊﾝﾊﾞｲ</v>
          </cell>
          <cell r="N954" t="str">
            <v>無</v>
          </cell>
          <cell r="O954">
            <v>28</v>
          </cell>
          <cell r="P954">
            <v>3</v>
          </cell>
          <cell r="Q954">
            <v>6120901025020</v>
          </cell>
          <cell r="R954">
            <v>10000</v>
          </cell>
          <cell r="S954">
            <v>21975</v>
          </cell>
          <cell r="T954">
            <v>45861</v>
          </cell>
          <cell r="V954" t="str">
            <v>wu692062</v>
          </cell>
          <cell r="W954" t="str">
            <v>tt759856</v>
          </cell>
          <cell r="X954" t="str">
            <v>具</v>
          </cell>
          <cell r="Y954" t="str">
            <v>具</v>
          </cell>
          <cell r="Z954" t="str">
            <v/>
          </cell>
          <cell r="AA954" t="str">
            <v>建具</v>
          </cell>
          <cell r="AB954" t="str">
            <v/>
          </cell>
          <cell r="AC954" t="str">
            <v/>
          </cell>
          <cell r="AD954" t="str">
            <v/>
          </cell>
          <cell r="AE954">
            <v>43008</v>
          </cell>
          <cell r="AF954" t="str">
            <v/>
          </cell>
          <cell r="AG954" t="str">
            <v>建具</v>
          </cell>
          <cell r="AH954" t="str">
            <v>一般</v>
          </cell>
          <cell r="AI954">
            <v>669</v>
          </cell>
          <cell r="AJ954">
            <v>42948</v>
          </cell>
          <cell r="AK954" t="str">
            <v>0(0)/2/0</v>
          </cell>
          <cell r="AL954" t="str">
            <v/>
          </cell>
          <cell r="AM954" t="str">
            <v/>
          </cell>
          <cell r="AN954" t="str">
            <v/>
          </cell>
          <cell r="AO954" t="str">
            <v/>
          </cell>
          <cell r="AP954" t="str">
            <v/>
          </cell>
          <cell r="AQ954" t="str">
            <v/>
          </cell>
          <cell r="AR954" t="str">
            <v/>
          </cell>
          <cell r="AS954" t="str">
            <v/>
          </cell>
          <cell r="AT954" t="str">
            <v/>
          </cell>
          <cell r="AU954" t="str">
            <v/>
          </cell>
          <cell r="AV954" t="str">
            <v/>
          </cell>
          <cell r="AW954" t="str">
            <v/>
          </cell>
          <cell r="AX954" t="str">
            <v/>
          </cell>
          <cell r="AY954" t="str">
            <v/>
          </cell>
          <cell r="AZ954" t="str">
            <v/>
          </cell>
          <cell r="BA954" t="str">
            <v>大阪府</v>
          </cell>
          <cell r="BB954">
            <v>0</v>
          </cell>
          <cell r="CR954">
            <v>6543</v>
          </cell>
          <cell r="CS954" t="str">
            <v>ｺﾔﾏ ｱｷﾋﾛ</v>
          </cell>
          <cell r="CT954" t="str">
            <v>小山  晃弘</v>
          </cell>
          <cell r="CU954" t="str">
            <v>生活支援課</v>
          </cell>
          <cell r="CW954">
            <v>2592</v>
          </cell>
          <cell r="CX954" t="str">
            <v xml:space="preserve"> </v>
          </cell>
          <cell r="CY954" t="str">
            <v>生活支援課長</v>
          </cell>
        </row>
        <row r="955">
          <cell r="B955">
            <v>3750</v>
          </cell>
          <cell r="C955" t="str">
            <v>日本エレクトロニツクシステムズ(株)</v>
          </cell>
          <cell r="D955" t="str">
            <v>06-6886-1133</v>
          </cell>
          <cell r="E955" t="str">
            <v>532-0011</v>
          </cell>
          <cell r="F955" t="str">
            <v>大阪府大阪市淀川区西中島5-5-15</v>
          </cell>
          <cell r="G955" t="str">
            <v>大阪市</v>
          </cell>
          <cell r="H955" t="str">
            <v/>
          </cell>
          <cell r="I955" t="str">
            <v>代表取締役社長 菊池　俊宏</v>
          </cell>
          <cell r="J955" t="str">
            <v>本店</v>
          </cell>
          <cell r="K955" t="str">
            <v>06-6886-1242</v>
          </cell>
          <cell r="L955" t="str">
            <v>nesjyotuwin@dream.ocn.ne.jp</v>
          </cell>
          <cell r="M955" t="str">
            <v>ﾆﾎﾝｴﾚｸﾄﾛﾆﾂｸｼｽﾃﾑｽﾞ</v>
          </cell>
          <cell r="N955" t="str">
            <v>無</v>
          </cell>
          <cell r="O955">
            <v>47</v>
          </cell>
          <cell r="P955">
            <v>508</v>
          </cell>
          <cell r="Q955">
            <v>7120001072706</v>
          </cell>
          <cell r="R955">
            <v>96000</v>
          </cell>
          <cell r="S955">
            <v>1607530</v>
          </cell>
          <cell r="T955">
            <v>10540222</v>
          </cell>
          <cell r="V955" t="str">
            <v>go167920</v>
          </cell>
          <cell r="W955" t="str">
            <v>zo156716</v>
          </cell>
          <cell r="X955" t="str">
            <v>建と電管鋼塗通</v>
          </cell>
          <cell r="Y955" t="str">
            <v/>
          </cell>
          <cell r="Z955" t="str">
            <v>建と電管鋼塗通</v>
          </cell>
          <cell r="AA955" t="str">
            <v>電気通信</v>
          </cell>
          <cell r="AB955" t="str">
            <v>電気</v>
          </cell>
          <cell r="AC955" t="str">
            <v/>
          </cell>
          <cell r="AD955" t="str">
            <v/>
          </cell>
          <cell r="AE955">
            <v>43190</v>
          </cell>
          <cell r="AF955" t="str">
            <v>希望しない</v>
          </cell>
          <cell r="AG955" t="str">
            <v>電気通信</v>
          </cell>
          <cell r="AH955" t="str">
            <v>特定</v>
          </cell>
          <cell r="AI955">
            <v>1119</v>
          </cell>
          <cell r="AJ955">
            <v>3788128</v>
          </cell>
          <cell r="AK955" t="str">
            <v>0(0)/0/218</v>
          </cell>
          <cell r="AL955" t="str">
            <v>電気</v>
          </cell>
          <cell r="AM955" t="str">
            <v>特定</v>
          </cell>
          <cell r="AN955">
            <v>1093</v>
          </cell>
          <cell r="AO955">
            <v>1614087</v>
          </cell>
          <cell r="AP955" t="str">
            <v>25(19)/39/94</v>
          </cell>
          <cell r="AQ955" t="str">
            <v/>
          </cell>
          <cell r="AR955" t="str">
            <v/>
          </cell>
          <cell r="AS955" t="str">
            <v/>
          </cell>
          <cell r="AT955" t="str">
            <v/>
          </cell>
          <cell r="AU955" t="str">
            <v/>
          </cell>
          <cell r="AV955" t="str">
            <v/>
          </cell>
          <cell r="AW955" t="str">
            <v/>
          </cell>
          <cell r="AX955" t="str">
            <v/>
          </cell>
          <cell r="AY955" t="str">
            <v/>
          </cell>
          <cell r="AZ955" t="str">
            <v/>
          </cell>
          <cell r="BA955" t="str">
            <v>大阪府</v>
          </cell>
          <cell r="BB955">
            <v>0</v>
          </cell>
          <cell r="CR955">
            <v>6544</v>
          </cell>
          <cell r="CS955" t="str">
            <v>ｺﾝﾄﾞｳ ﾀｸﾔ</v>
          </cell>
          <cell r="CT955" t="str">
            <v>近藤  卓也</v>
          </cell>
          <cell r="CU955" t="str">
            <v>学校改革・学事課</v>
          </cell>
          <cell r="CW955">
            <v>3639</v>
          </cell>
          <cell r="CX955" t="str">
            <v xml:space="preserve"> </v>
          </cell>
          <cell r="CY955" t="str">
            <v>学校改革・学事課長</v>
          </cell>
        </row>
        <row r="956">
          <cell r="B956">
            <v>3751</v>
          </cell>
          <cell r="C956" t="str">
            <v>ネオ・ルーフィング(株)</v>
          </cell>
          <cell r="D956" t="str">
            <v>078-652-9003</v>
          </cell>
          <cell r="E956" t="str">
            <v>653-0024</v>
          </cell>
          <cell r="F956" t="str">
            <v>兵庫県神戸市長田区浜添通4-1-21</v>
          </cell>
          <cell r="G956" t="str">
            <v>大阪市</v>
          </cell>
          <cell r="H956" t="str">
            <v>神戸支店</v>
          </cell>
          <cell r="I956" t="str">
            <v>支店長 高橋　裕</v>
          </cell>
          <cell r="J956" t="str">
            <v>大阪府大阪市</v>
          </cell>
          <cell r="K956" t="str">
            <v>078-682-7311</v>
          </cell>
          <cell r="L956" t="str">
            <v>neo-roofing@mtf.biglobe.ne.jp</v>
          </cell>
          <cell r="M956" t="str">
            <v>ﾈｵﾙｰﾌｨﾝｸﾞ</v>
          </cell>
          <cell r="N956" t="str">
            <v>有</v>
          </cell>
          <cell r="O956">
            <v>52</v>
          </cell>
          <cell r="P956">
            <v>14</v>
          </cell>
          <cell r="Q956">
            <v>7120001068778</v>
          </cell>
          <cell r="R956">
            <v>50000</v>
          </cell>
          <cell r="S956">
            <v>277858</v>
          </cell>
          <cell r="T956">
            <v>775893</v>
          </cell>
          <cell r="V956" t="str">
            <v>zz556900</v>
          </cell>
          <cell r="W956" t="str">
            <v>jg938056</v>
          </cell>
          <cell r="X956" t="str">
            <v>(清)(建)(左)(と)(塗)(防)土建と塗防</v>
          </cell>
          <cell r="Y956" t="str">
            <v>(清)(建)(左)(と)(塗)(防)</v>
          </cell>
          <cell r="Z956" t="str">
            <v>土建と塗防</v>
          </cell>
          <cell r="AA956" t="str">
            <v>防水</v>
          </cell>
          <cell r="AB956" t="str">
            <v>塗装</v>
          </cell>
          <cell r="AC956" t="str">
            <v>建築一式</v>
          </cell>
          <cell r="AD956" t="str">
            <v>土木一式</v>
          </cell>
          <cell r="AE956">
            <v>43190</v>
          </cell>
          <cell r="AF956" t="str">
            <v/>
          </cell>
          <cell r="AG956" t="str">
            <v>防水</v>
          </cell>
          <cell r="AH956" t="str">
            <v>特定</v>
          </cell>
          <cell r="AI956">
            <v>856</v>
          </cell>
          <cell r="AJ956">
            <v>541025</v>
          </cell>
          <cell r="AK956" t="str">
            <v>2(2)/4/2</v>
          </cell>
          <cell r="AL956" t="str">
            <v>塗装</v>
          </cell>
          <cell r="AM956" t="str">
            <v>特定</v>
          </cell>
          <cell r="AN956">
            <v>825</v>
          </cell>
          <cell r="AO956">
            <v>182811</v>
          </cell>
          <cell r="AP956" t="str">
            <v>3(3)/4/0</v>
          </cell>
          <cell r="AQ956" t="str">
            <v>建築一式</v>
          </cell>
          <cell r="AR956" t="str">
            <v>特定</v>
          </cell>
          <cell r="AS956">
            <v>645</v>
          </cell>
          <cell r="AT956" t="str">
            <v/>
          </cell>
          <cell r="AU956" t="str">
            <v>0(0)/0/0</v>
          </cell>
          <cell r="AV956" t="str">
            <v>土木一式</v>
          </cell>
          <cell r="AW956" t="str">
            <v>特定</v>
          </cell>
          <cell r="AX956">
            <v>690</v>
          </cell>
          <cell r="AY956">
            <v>22280</v>
          </cell>
          <cell r="AZ956" t="str">
            <v>0(0)/0/0</v>
          </cell>
          <cell r="BA956" t="str">
            <v>大阪府</v>
          </cell>
          <cell r="BB956">
            <v>0</v>
          </cell>
          <cell r="CR956">
            <v>6545</v>
          </cell>
          <cell r="CS956" t="str">
            <v>ｻｶｲ ﾀｶｼ</v>
          </cell>
          <cell r="CT956" t="str">
            <v>阪井  敬</v>
          </cell>
          <cell r="CU956" t="str">
            <v>資産税課</v>
          </cell>
          <cell r="CW956">
            <v>2337</v>
          </cell>
          <cell r="CX956" t="str">
            <v xml:space="preserve"> </v>
          </cell>
          <cell r="CY956" t="str">
            <v>資産税課長</v>
          </cell>
        </row>
        <row r="957">
          <cell r="B957">
            <v>3753</v>
          </cell>
          <cell r="C957" t="str">
            <v>ネットワンシステムズ(株)</v>
          </cell>
          <cell r="D957" t="str">
            <v>03-6256-0600</v>
          </cell>
          <cell r="E957" t="str">
            <v>540-0001</v>
          </cell>
          <cell r="F957" t="str">
            <v>東京都千代田区丸の内2-7-2 JPﾀﾜｰ</v>
          </cell>
          <cell r="G957" t="str">
            <v/>
          </cell>
          <cell r="H957" t="str">
            <v/>
          </cell>
          <cell r="I957" t="str">
            <v>代表取締役　 荒井　透</v>
          </cell>
          <cell r="J957" t="str">
            <v>本店</v>
          </cell>
          <cell r="K957" t="str">
            <v>03-6433-1709</v>
          </cell>
          <cell r="L957" t="str">
            <v>nyusatsu@netone.co.jp</v>
          </cell>
          <cell r="M957" t="str">
            <v>ﾈﾂﾄﾜﾝｼｽﾃﾑｽﾞ</v>
          </cell>
          <cell r="N957" t="str">
            <v>無</v>
          </cell>
          <cell r="O957">
            <v>26</v>
          </cell>
          <cell r="P957">
            <v>2422</v>
          </cell>
          <cell r="Q957">
            <v>7010700000000</v>
          </cell>
          <cell r="R957">
            <v>12279470</v>
          </cell>
          <cell r="S957">
            <v>56008644</v>
          </cell>
          <cell r="T957">
            <v>130753616</v>
          </cell>
          <cell r="V957" t="str">
            <v>fq902131</v>
          </cell>
          <cell r="W957" t="str">
            <v>ub502405</v>
          </cell>
          <cell r="X957" t="str">
            <v>(清)(建)(左)(と)(塗)(防)土建と塗防</v>
          </cell>
          <cell r="Y957" t="str">
            <v>(清)(建)(左)(と)(塗)(防)</v>
          </cell>
          <cell r="Z957" t="str">
            <v>土建と塗防</v>
          </cell>
          <cell r="AA957" t="str">
            <v>電気通信</v>
          </cell>
          <cell r="AB957" t="str">
            <v>電気</v>
          </cell>
          <cell r="AC957" t="str">
            <v/>
          </cell>
          <cell r="AD957" t="str">
            <v/>
          </cell>
          <cell r="AE957">
            <v>43190</v>
          </cell>
          <cell r="AF957" t="str">
            <v>希望しない</v>
          </cell>
          <cell r="AG957" t="str">
            <v>電気通信</v>
          </cell>
          <cell r="AH957" t="str">
            <v>特定</v>
          </cell>
          <cell r="AI957">
            <v>1449</v>
          </cell>
          <cell r="AJ957">
            <v>14400185</v>
          </cell>
          <cell r="AK957" t="str">
            <v>0(0)/0/183</v>
          </cell>
          <cell r="AL957" t="str">
            <v>電気</v>
          </cell>
          <cell r="AM957" t="str">
            <v>特定</v>
          </cell>
          <cell r="AN957">
            <v>1193</v>
          </cell>
          <cell r="AO957">
            <v>66458</v>
          </cell>
          <cell r="AP957" t="str">
            <v>34(20)/8/142</v>
          </cell>
          <cell r="AQ957" t="str">
            <v/>
          </cell>
          <cell r="AR957" t="str">
            <v/>
          </cell>
          <cell r="AS957" t="str">
            <v/>
          </cell>
          <cell r="AT957" t="str">
            <v/>
          </cell>
          <cell r="AU957" t="str">
            <v/>
          </cell>
          <cell r="AV957" t="str">
            <v/>
          </cell>
          <cell r="AW957" t="str">
            <v/>
          </cell>
          <cell r="AX957" t="str">
            <v/>
          </cell>
          <cell r="AY957" t="str">
            <v/>
          </cell>
          <cell r="AZ957" t="str">
            <v/>
          </cell>
          <cell r="BA957" t="str">
            <v>東京都</v>
          </cell>
          <cell r="BB957">
            <v>0</v>
          </cell>
          <cell r="CR957">
            <v>6546</v>
          </cell>
          <cell r="CS957" t="str">
            <v>ｻｶﾀ ｶﾅ</v>
          </cell>
          <cell r="CT957" t="str">
            <v>坂田  香菜</v>
          </cell>
          <cell r="CU957" t="str">
            <v>市民税課</v>
          </cell>
          <cell r="CW957">
            <v>2312</v>
          </cell>
          <cell r="CX957" t="str">
            <v xml:space="preserve"> </v>
          </cell>
          <cell r="CY957" t="str">
            <v>市民税課長</v>
          </cell>
        </row>
        <row r="958">
          <cell r="B958">
            <v>3754</v>
          </cell>
          <cell r="C958" t="str">
            <v>イワタニファインガス(株)</v>
          </cell>
          <cell r="D958" t="str">
            <v>06-6498-4161</v>
          </cell>
          <cell r="E958" t="str">
            <v>661-0974</v>
          </cell>
          <cell r="F958" t="str">
            <v>兵庫県尼崎市若王寺3-19-12</v>
          </cell>
          <cell r="G958" t="str">
            <v>尼崎市</v>
          </cell>
          <cell r="H958" t="str">
            <v/>
          </cell>
          <cell r="I958" t="str">
            <v>代表取締役 町頭　禎之</v>
          </cell>
          <cell r="J958" t="str">
            <v>本店</v>
          </cell>
          <cell r="K958" t="str">
            <v>06-6498-0336</v>
          </cell>
          <cell r="L958" t="str">
            <v>wada@iwatini-fine.co.jp</v>
          </cell>
          <cell r="M958" t="str">
            <v>ｲﾜﾀﾆﾌｧｲﾝｶﾞｽ</v>
          </cell>
          <cell r="N958" t="str">
            <v>無</v>
          </cell>
          <cell r="O958">
            <v>25</v>
          </cell>
          <cell r="P958">
            <v>23</v>
          </cell>
          <cell r="Q958">
            <v>7140001050635</v>
          </cell>
          <cell r="R958">
            <v>40000</v>
          </cell>
          <cell r="S958">
            <v>217990</v>
          </cell>
          <cell r="T958">
            <v>718809</v>
          </cell>
          <cell r="V958" t="str">
            <v>bg408344</v>
          </cell>
          <cell r="W958" t="str">
            <v>gr367842</v>
          </cell>
          <cell r="X958" t="str">
            <v>管</v>
          </cell>
          <cell r="Y958" t="str">
            <v>管</v>
          </cell>
          <cell r="Z958" t="str">
            <v/>
          </cell>
          <cell r="AA958" t="str">
            <v>管</v>
          </cell>
          <cell r="AB958" t="str">
            <v/>
          </cell>
          <cell r="AC958" t="str">
            <v/>
          </cell>
          <cell r="AD958" t="str">
            <v/>
          </cell>
          <cell r="AE958">
            <v>43190</v>
          </cell>
          <cell r="AF958" t="str">
            <v/>
          </cell>
          <cell r="AG958" t="str">
            <v>管</v>
          </cell>
          <cell r="AH958" t="str">
            <v>一般</v>
          </cell>
          <cell r="AI958">
            <v>714</v>
          </cell>
          <cell r="AJ958">
            <v>101737</v>
          </cell>
          <cell r="AK958" t="str">
            <v>()/3/</v>
          </cell>
          <cell r="AL958" t="str">
            <v/>
          </cell>
          <cell r="AM958" t="str">
            <v/>
          </cell>
          <cell r="AN958" t="str">
            <v/>
          </cell>
          <cell r="AO958" t="str">
            <v/>
          </cell>
          <cell r="AP958" t="str">
            <v/>
          </cell>
          <cell r="AQ958" t="str">
            <v/>
          </cell>
          <cell r="AR958" t="str">
            <v/>
          </cell>
          <cell r="AS958" t="str">
            <v/>
          </cell>
          <cell r="AT958" t="str">
            <v/>
          </cell>
          <cell r="AU958" t="str">
            <v/>
          </cell>
          <cell r="AV958" t="str">
            <v/>
          </cell>
          <cell r="AW958" t="str">
            <v/>
          </cell>
          <cell r="AX958" t="str">
            <v/>
          </cell>
          <cell r="AY958" t="str">
            <v/>
          </cell>
          <cell r="AZ958" t="str">
            <v/>
          </cell>
          <cell r="BA958" t="str">
            <v>兵庫県</v>
          </cell>
          <cell r="BB958">
            <v>0</v>
          </cell>
          <cell r="CR958">
            <v>6547</v>
          </cell>
          <cell r="CS958" t="str">
            <v>ｻﾀﾞﾐﾂ ﾕｳｽｹ</v>
          </cell>
          <cell r="CT958" t="str">
            <v>定光  優友</v>
          </cell>
          <cell r="CU958" t="str">
            <v>選挙管理委員会事務局</v>
          </cell>
          <cell r="CW958">
            <v>3505</v>
          </cell>
          <cell r="CX958" t="str">
            <v xml:space="preserve"> </v>
          </cell>
          <cell r="CY958" t="str">
            <v>選挙管理委員会事務局長</v>
          </cell>
        </row>
        <row r="959">
          <cell r="B959">
            <v>3756</v>
          </cell>
          <cell r="C959" t="str">
            <v>日本体育施設(株)</v>
          </cell>
          <cell r="D959" t="str">
            <v>06-6226-7234</v>
          </cell>
          <cell r="E959" t="str">
            <v>541-0056</v>
          </cell>
          <cell r="F959" t="str">
            <v>大阪府大阪市中央区久太郎町1-5-13-211</v>
          </cell>
          <cell r="G959" t="str">
            <v/>
          </cell>
          <cell r="H959" t="str">
            <v>西日本支店</v>
          </cell>
          <cell r="I959" t="str">
            <v>支店長 佐藤　太造</v>
          </cell>
          <cell r="J959" t="str">
            <v>東京都</v>
          </cell>
          <cell r="K959" t="str">
            <v>06-6226-7235</v>
          </cell>
          <cell r="L959" t="str">
            <v>info@ntssports.co.jp</v>
          </cell>
          <cell r="M959" t="str">
            <v>ﾆﾎﾝﾀｲｲｸｼｾﾂ</v>
          </cell>
          <cell r="N959" t="str">
            <v>有</v>
          </cell>
          <cell r="O959">
            <v>47</v>
          </cell>
          <cell r="P959">
            <v>120</v>
          </cell>
          <cell r="Q959">
            <v>9011201006165</v>
          </cell>
          <cell r="R959">
            <v>43500</v>
          </cell>
          <cell r="S959">
            <v>2501545</v>
          </cell>
          <cell r="T959">
            <v>8182988</v>
          </cell>
          <cell r="V959" t="str">
            <v>ak620637</v>
          </cell>
          <cell r="W959" t="str">
            <v>rv137633</v>
          </cell>
          <cell r="X959" t="str">
            <v>(清)(と)(塗)(園)土建と屋管舗塗防内園</v>
          </cell>
          <cell r="Y959" t="str">
            <v>(清)(と)(塗)(園)</v>
          </cell>
          <cell r="Z959" t="str">
            <v>土建と屋管舗塗防内園</v>
          </cell>
          <cell r="AA959" t="str">
            <v>土木一式</v>
          </cell>
          <cell r="AB959" t="str">
            <v>舗装</v>
          </cell>
          <cell r="AC959" t="str">
            <v>造園</v>
          </cell>
          <cell r="AD959" t="str">
            <v>とび土工</v>
          </cell>
          <cell r="AE959">
            <v>43008</v>
          </cell>
          <cell r="AF959" t="str">
            <v>希望しない</v>
          </cell>
          <cell r="AG959" t="str">
            <v>土木一式</v>
          </cell>
          <cell r="AH959" t="str">
            <v>特定</v>
          </cell>
          <cell r="AI959">
            <v>1203</v>
          </cell>
          <cell r="AJ959">
            <v>3509003</v>
          </cell>
          <cell r="AK959" t="str">
            <v>43(39)/10/7</v>
          </cell>
          <cell r="AL959" t="str">
            <v>舗装</v>
          </cell>
          <cell r="AM959" t="str">
            <v>特定</v>
          </cell>
          <cell r="AN959">
            <v>1102</v>
          </cell>
          <cell r="AO959">
            <v>2487979</v>
          </cell>
          <cell r="AP959" t="str">
            <v>18(15)/4/0</v>
          </cell>
          <cell r="AQ959" t="str">
            <v>造園</v>
          </cell>
          <cell r="AR959" t="str">
            <v>特定</v>
          </cell>
          <cell r="AS959">
            <v>1082</v>
          </cell>
          <cell r="AT959">
            <v>732365</v>
          </cell>
          <cell r="AU959" t="str">
            <v>30(22)/7/0</v>
          </cell>
          <cell r="AV959" t="str">
            <v>とび土工</v>
          </cell>
          <cell r="AW959" t="str">
            <v>特定</v>
          </cell>
          <cell r="AX959">
            <v>954</v>
          </cell>
          <cell r="AY959">
            <v>881732</v>
          </cell>
          <cell r="AZ959" t="str">
            <v>0(0)/2/4</v>
          </cell>
          <cell r="BA959" t="str">
            <v>東京都</v>
          </cell>
          <cell r="BB959" t="str">
            <v>イドムコ中野ビル</v>
          </cell>
          <cell r="CR959">
            <v>6548</v>
          </cell>
          <cell r="CS959" t="str">
            <v>ｻﾜﾀﾞ ｺｳｼﾞ</v>
          </cell>
          <cell r="CT959" t="str">
            <v>澤田  昂治</v>
          </cell>
          <cell r="CU959" t="str">
            <v>徴収対策課</v>
          </cell>
          <cell r="CW959">
            <v>2343</v>
          </cell>
          <cell r="CX959" t="str">
            <v xml:space="preserve"> </v>
          </cell>
          <cell r="CY959" t="str">
            <v>徴収対策課長</v>
          </cell>
        </row>
        <row r="960">
          <cell r="B960">
            <v>3758</v>
          </cell>
          <cell r="C960" t="str">
            <v>日本橋梁(株)</v>
          </cell>
          <cell r="D960" t="str">
            <v>06-6447-9501</v>
          </cell>
          <cell r="E960" t="str">
            <v>550-0002</v>
          </cell>
          <cell r="F960" t="str">
            <v>大阪府大阪市西区江戸堀1-9-1</v>
          </cell>
          <cell r="G960" t="str">
            <v>大阪市</v>
          </cell>
          <cell r="H960" t="str">
            <v>大阪営業所</v>
          </cell>
          <cell r="I960" t="str">
            <v>所長 大山　浩伸</v>
          </cell>
          <cell r="J960" t="str">
            <v>大阪府大阪市</v>
          </cell>
          <cell r="K960" t="str">
            <v>06-4967-4933</v>
          </cell>
          <cell r="L960" t="str">
            <v>ooyama@nihon-kyoryo.co.jp</v>
          </cell>
          <cell r="M960" t="str">
            <v>ﾆﾎﾝｷｮｳﾘｮｳ</v>
          </cell>
          <cell r="N960" t="str">
            <v>有</v>
          </cell>
          <cell r="O960">
            <v>68</v>
          </cell>
          <cell r="P960">
            <v>110</v>
          </cell>
          <cell r="Q960">
            <v>9120001180754</v>
          </cell>
          <cell r="R960">
            <v>40000</v>
          </cell>
          <cell r="S960">
            <v>1242832</v>
          </cell>
          <cell r="T960">
            <v>4365693</v>
          </cell>
          <cell r="V960" t="str">
            <v>fr763327</v>
          </cell>
          <cell r="W960" t="str">
            <v>wp591435</v>
          </cell>
          <cell r="X960" t="str">
            <v>(清)(と)(鋼)(塗)(水)(解)土建と電鋼塗園水解</v>
          </cell>
          <cell r="Y960" t="str">
            <v>(清)(と)(鋼)(塗)(水)(解)</v>
          </cell>
          <cell r="Z960" t="str">
            <v>土建と電鋼塗園水解</v>
          </cell>
          <cell r="AA960" t="str">
            <v>鋼構造物</v>
          </cell>
          <cell r="AB960" t="str">
            <v>土木一式</v>
          </cell>
          <cell r="AC960" t="str">
            <v/>
          </cell>
          <cell r="AD960" t="str">
            <v/>
          </cell>
          <cell r="AE960">
            <v>43190</v>
          </cell>
          <cell r="AF960" t="str">
            <v>希望しない</v>
          </cell>
          <cell r="AG960" t="str">
            <v>鋼構造物</v>
          </cell>
          <cell r="AH960" t="str">
            <v>特定</v>
          </cell>
          <cell r="AI960">
            <v>1200</v>
          </cell>
          <cell r="AJ960">
            <v>6045233</v>
          </cell>
          <cell r="AK960" t="str">
            <v>73(63)/3/10</v>
          </cell>
          <cell r="AL960" t="str">
            <v>土木一式</v>
          </cell>
          <cell r="AM960" t="str">
            <v>特定</v>
          </cell>
          <cell r="AN960">
            <v>964</v>
          </cell>
          <cell r="AO960">
            <v>43345</v>
          </cell>
          <cell r="AP960" t="str">
            <v>73(63)/3/9</v>
          </cell>
          <cell r="AQ960" t="str">
            <v/>
          </cell>
          <cell r="AR960" t="str">
            <v/>
          </cell>
          <cell r="AS960" t="str">
            <v/>
          </cell>
          <cell r="AT960" t="str">
            <v/>
          </cell>
          <cell r="AU960" t="str">
            <v/>
          </cell>
          <cell r="AV960" t="str">
            <v/>
          </cell>
          <cell r="AW960" t="str">
            <v/>
          </cell>
          <cell r="AX960" t="str">
            <v/>
          </cell>
          <cell r="AY960" t="str">
            <v/>
          </cell>
          <cell r="AZ960" t="str">
            <v/>
          </cell>
          <cell r="BA960" t="str">
            <v>大阪府</v>
          </cell>
          <cell r="BB960" t="str">
            <v>肥後橋センタービル</v>
          </cell>
          <cell r="CR960">
            <v>6549</v>
          </cell>
          <cell r="CS960" t="str">
            <v>ﾀﾁﾊﾞﾅ ﾕｳﾔ</v>
          </cell>
          <cell r="CT960" t="str">
            <v>立花  裕也</v>
          </cell>
          <cell r="CU960" t="str">
            <v>建築指導課</v>
          </cell>
          <cell r="CW960">
            <v>3254</v>
          </cell>
          <cell r="CX960" t="str">
            <v xml:space="preserve"> </v>
          </cell>
          <cell r="CY960" t="str">
            <v>建築指導課長</v>
          </cell>
        </row>
        <row r="961">
          <cell r="B961">
            <v>3760</v>
          </cell>
          <cell r="C961" t="str">
            <v>日本基礎技術(株)</v>
          </cell>
          <cell r="D961" t="str">
            <v>078-325-5675</v>
          </cell>
          <cell r="E961" t="str">
            <v>650-0024</v>
          </cell>
          <cell r="F961" t="str">
            <v>兵庫県神戸市中央区海岸通2-2-3</v>
          </cell>
          <cell r="G961" t="str">
            <v>大阪市</v>
          </cell>
          <cell r="H961" t="str">
            <v>神戸営業所</v>
          </cell>
          <cell r="I961" t="str">
            <v>所長 山家　英之</v>
          </cell>
          <cell r="J961" t="str">
            <v>大阪府大阪市</v>
          </cell>
          <cell r="K961" t="str">
            <v>078-325-5676</v>
          </cell>
          <cell r="L961" t="str">
            <v>nyuusatue043@jafec.co.jp</v>
          </cell>
          <cell r="M961" t="str">
            <v>ﾆﾎﾝｷｿｷﾞｼﾞｭﾂ</v>
          </cell>
          <cell r="N961" t="str">
            <v>有</v>
          </cell>
          <cell r="O961">
            <v>64</v>
          </cell>
          <cell r="P961">
            <v>335</v>
          </cell>
          <cell r="Q961">
            <v>9120001072753</v>
          </cell>
          <cell r="R961">
            <v>5907978</v>
          </cell>
          <cell r="S961">
            <v>22898975</v>
          </cell>
          <cell r="T961">
            <v>22698917</v>
          </cell>
          <cell r="V961" t="str">
            <v>an977471</v>
          </cell>
          <cell r="W961" t="str">
            <v>fx207506</v>
          </cell>
          <cell r="X961" t="str">
            <v>井土と舗浚園水</v>
          </cell>
          <cell r="Y961" t="str">
            <v>井</v>
          </cell>
          <cell r="Z961" t="str">
            <v>土と舗浚園水</v>
          </cell>
          <cell r="AA961" t="str">
            <v>とび土工</v>
          </cell>
          <cell r="AB961" t="str">
            <v>土木一式</v>
          </cell>
          <cell r="AC961" t="str">
            <v>さく井</v>
          </cell>
          <cell r="AD961" t="str">
            <v/>
          </cell>
          <cell r="AE961">
            <v>43190</v>
          </cell>
          <cell r="AF961" t="str">
            <v>希望しない</v>
          </cell>
          <cell r="AG961" t="str">
            <v>とび土工</v>
          </cell>
          <cell r="AH961" t="str">
            <v>特定</v>
          </cell>
          <cell r="AI961">
            <v>1451</v>
          </cell>
          <cell r="AJ961">
            <v>14472486</v>
          </cell>
          <cell r="AK961" t="str">
            <v/>
          </cell>
          <cell r="AL961" t="str">
            <v>土木一式</v>
          </cell>
          <cell r="AM961" t="str">
            <v>特定</v>
          </cell>
          <cell r="AN961">
            <v>1367</v>
          </cell>
          <cell r="AO961">
            <v>4236346</v>
          </cell>
          <cell r="AP961" t="str">
            <v/>
          </cell>
          <cell r="AQ961" t="str">
            <v>さく井</v>
          </cell>
          <cell r="AR961" t="str">
            <v>一般</v>
          </cell>
          <cell r="AS961">
            <v>1008</v>
          </cell>
          <cell r="AT961">
            <v>79808</v>
          </cell>
          <cell r="AU961" t="str">
            <v/>
          </cell>
          <cell r="AV961" t="str">
            <v/>
          </cell>
          <cell r="AW961" t="str">
            <v/>
          </cell>
          <cell r="AX961" t="str">
            <v/>
          </cell>
          <cell r="AY961" t="str">
            <v/>
          </cell>
          <cell r="AZ961" t="str">
            <v/>
          </cell>
          <cell r="BA961" t="str">
            <v>大阪府</v>
          </cell>
          <cell r="BB961">
            <v>0</v>
          </cell>
          <cell r="CR961">
            <v>6550</v>
          </cell>
          <cell r="CS961" t="str">
            <v>ﾀﾅｶ ﾋﾃﾞﾕｷ</v>
          </cell>
          <cell r="CT961" t="str">
            <v>田中  秀幸</v>
          </cell>
          <cell r="CU961" t="str">
            <v>都市デザイン課</v>
          </cell>
          <cell r="CW961">
            <v>3223</v>
          </cell>
          <cell r="CX961" t="str">
            <v xml:space="preserve"> </v>
          </cell>
          <cell r="CY961" t="str">
            <v>都市デザイン課長</v>
          </cell>
        </row>
        <row r="962">
          <cell r="B962">
            <v>3762</v>
          </cell>
          <cell r="C962" t="str">
            <v>野里電気工業(株)</v>
          </cell>
          <cell r="D962" t="str">
            <v>072-784-4081</v>
          </cell>
          <cell r="E962" t="str">
            <v>664-0836</v>
          </cell>
          <cell r="F962" t="str">
            <v>兵庫県伊丹市北本町2-141-1-201</v>
          </cell>
          <cell r="G962" t="str">
            <v>大阪市</v>
          </cell>
          <cell r="H962" t="str">
            <v>伊丹営業所</v>
          </cell>
          <cell r="I962" t="str">
            <v>営業所長 早川　真吾</v>
          </cell>
          <cell r="J962" t="str">
            <v>大阪府大阪市</v>
          </cell>
          <cell r="K962" t="str">
            <v>072-784-4087</v>
          </cell>
          <cell r="L962" t="str">
            <v>e-nyusatsu@nozato.jp</v>
          </cell>
          <cell r="M962" t="str">
            <v>ﾉｻﾞﾄﾃﾞﾝｷｺｳｷﾞｮｳ</v>
          </cell>
          <cell r="N962" t="str">
            <v>有</v>
          </cell>
          <cell r="O962">
            <v>63</v>
          </cell>
          <cell r="P962">
            <v>292</v>
          </cell>
          <cell r="Q962">
            <v>9120001050395</v>
          </cell>
          <cell r="R962">
            <v>180000</v>
          </cell>
          <cell r="S962">
            <v>9170.9719999999998</v>
          </cell>
          <cell r="T962">
            <v>14784954</v>
          </cell>
          <cell r="V962" t="str">
            <v>hm471669</v>
          </cell>
          <cell r="W962" t="str">
            <v>ur956790</v>
          </cell>
          <cell r="X962" t="str">
            <v>機通(電)建電管</v>
          </cell>
          <cell r="Y962" t="str">
            <v>機通(電)</v>
          </cell>
          <cell r="Z962" t="str">
            <v>建電管</v>
          </cell>
          <cell r="AA962" t="str">
            <v>電気</v>
          </cell>
          <cell r="AB962" t="str">
            <v>機械器具</v>
          </cell>
          <cell r="AC962" t="str">
            <v>電気通信</v>
          </cell>
          <cell r="AD962" t="str">
            <v/>
          </cell>
          <cell r="AE962">
            <v>43190</v>
          </cell>
          <cell r="AF962" t="str">
            <v/>
          </cell>
          <cell r="AG962" t="str">
            <v>電気</v>
          </cell>
          <cell r="AH962" t="str">
            <v>特定</v>
          </cell>
          <cell r="AI962">
            <v>1401</v>
          </cell>
          <cell r="AJ962">
            <v>15573822</v>
          </cell>
          <cell r="AK962" t="str">
            <v>102(32)/26/79</v>
          </cell>
          <cell r="AL962" t="str">
            <v>機械器具</v>
          </cell>
          <cell r="AM962" t="str">
            <v>一般</v>
          </cell>
          <cell r="AN962">
            <v>992</v>
          </cell>
          <cell r="AO962">
            <v>313943</v>
          </cell>
          <cell r="AP962" t="str">
            <v>0(0)/0/15</v>
          </cell>
          <cell r="AQ962" t="str">
            <v>電気通信</v>
          </cell>
          <cell r="AR962" t="str">
            <v>一般</v>
          </cell>
          <cell r="AS962">
            <v>869</v>
          </cell>
          <cell r="AT962">
            <v>14551</v>
          </cell>
          <cell r="AU962" t="str">
            <v>0(0)/0/4</v>
          </cell>
          <cell r="AV962" t="str">
            <v/>
          </cell>
          <cell r="AW962" t="str">
            <v/>
          </cell>
          <cell r="AX962" t="str">
            <v/>
          </cell>
          <cell r="AY962" t="str">
            <v/>
          </cell>
          <cell r="AZ962" t="str">
            <v/>
          </cell>
          <cell r="BA962" t="str">
            <v>大阪府</v>
          </cell>
          <cell r="BB962">
            <v>0</v>
          </cell>
          <cell r="CR962">
            <v>6551</v>
          </cell>
          <cell r="CS962" t="str">
            <v>ﾅｶﾉ ﾁｴﾐ</v>
          </cell>
          <cell r="CT962" t="str">
            <v>中野  智永美</v>
          </cell>
          <cell r="CU962" t="str">
            <v>資産税課</v>
          </cell>
          <cell r="CW962">
            <v>2340</v>
          </cell>
          <cell r="CX962" t="str">
            <v xml:space="preserve"> </v>
          </cell>
          <cell r="CY962" t="str">
            <v>資産税課長</v>
          </cell>
        </row>
        <row r="963">
          <cell r="B963">
            <v>3764</v>
          </cell>
          <cell r="C963" t="str">
            <v>ノダック(株)</v>
          </cell>
          <cell r="D963" t="str">
            <v>048-711-7332</v>
          </cell>
          <cell r="E963" t="str">
            <v>336-0025</v>
          </cell>
          <cell r="F963" t="str">
            <v>埼玉県さいたま市南区文蔵3-28-6</v>
          </cell>
          <cell r="G963" t="str">
            <v>さいたま市</v>
          </cell>
          <cell r="H963" t="str">
            <v/>
          </cell>
          <cell r="I963" t="str">
            <v>代表取締役 泉　肇</v>
          </cell>
          <cell r="J963" t="str">
            <v>本店</v>
          </cell>
          <cell r="K963" t="str">
            <v>048-711-7335</v>
          </cell>
          <cell r="L963" t="str">
            <v>nodak@skyblue.ocn.ne.jp</v>
          </cell>
          <cell r="M963" t="str">
            <v>ﾉﾀﾞｯｸ</v>
          </cell>
          <cell r="N963" t="str">
            <v>無</v>
          </cell>
          <cell r="O963">
            <v>47</v>
          </cell>
          <cell r="P963">
            <v>87</v>
          </cell>
          <cell r="Q963">
            <v>1120901030611</v>
          </cell>
          <cell r="R963">
            <v>50000</v>
          </cell>
          <cell r="S963">
            <v>924381</v>
          </cell>
          <cell r="T963">
            <v>1872273</v>
          </cell>
          <cell r="V963" t="str">
            <v>rh570050</v>
          </cell>
          <cell r="W963" t="str">
            <v>jj544623</v>
          </cell>
          <cell r="X963" t="str">
            <v>電管土と鋼塗機水</v>
          </cell>
          <cell r="Y963" t="str">
            <v>電管</v>
          </cell>
          <cell r="Z963" t="str">
            <v>土と鋼塗機水</v>
          </cell>
          <cell r="AA963" t="str">
            <v>水道施設</v>
          </cell>
          <cell r="AB963" t="str">
            <v>土木一式</v>
          </cell>
          <cell r="AC963" t="str">
            <v>管</v>
          </cell>
          <cell r="AD963" t="str">
            <v>機械器具</v>
          </cell>
          <cell r="AE963">
            <v>43343</v>
          </cell>
          <cell r="AF963" t="str">
            <v/>
          </cell>
          <cell r="AG963" t="str">
            <v>水道施設</v>
          </cell>
          <cell r="AH963" t="str">
            <v>特定</v>
          </cell>
          <cell r="AI963">
            <v>884</v>
          </cell>
          <cell r="AJ963">
            <v>55597</v>
          </cell>
          <cell r="AK963" t="str">
            <v>7(6)/3/0</v>
          </cell>
          <cell r="AL963" t="str">
            <v>土木一式</v>
          </cell>
          <cell r="AM963" t="str">
            <v>特定</v>
          </cell>
          <cell r="AN963">
            <v>972</v>
          </cell>
          <cell r="AO963">
            <v>171709</v>
          </cell>
          <cell r="AP963" t="str">
            <v>20(19)/6/0</v>
          </cell>
          <cell r="AQ963" t="str">
            <v>管</v>
          </cell>
          <cell r="AR963" t="str">
            <v>一般</v>
          </cell>
          <cell r="AS963">
            <v>766</v>
          </cell>
          <cell r="AT963">
            <v>17430</v>
          </cell>
          <cell r="AU963" t="str">
            <v>0(0)/1/0</v>
          </cell>
          <cell r="AV963" t="str">
            <v>機械器具</v>
          </cell>
          <cell r="AW963" t="str">
            <v>特定</v>
          </cell>
          <cell r="AX963">
            <v>914</v>
          </cell>
          <cell r="AY963">
            <v>397097</v>
          </cell>
          <cell r="AZ963" t="str">
            <v>0(0)/0/18</v>
          </cell>
          <cell r="BA963" t="str">
            <v>大阪府</v>
          </cell>
          <cell r="BB963">
            <v>0</v>
          </cell>
          <cell r="CR963">
            <v>6552</v>
          </cell>
          <cell r="CS963" t="str">
            <v>ﾑﾗｺｿ ｻﾄﾙ</v>
          </cell>
          <cell r="CT963" t="str">
            <v>村社  哲</v>
          </cell>
          <cell r="CU963" t="str">
            <v>図書館</v>
          </cell>
          <cell r="CW963">
            <v>5105</v>
          </cell>
          <cell r="CX963" t="str">
            <v xml:space="preserve"> </v>
          </cell>
          <cell r="CY963" t="str">
            <v>図書館長</v>
          </cell>
        </row>
        <row r="964">
          <cell r="B964">
            <v>3765</v>
          </cell>
          <cell r="C964" t="str">
            <v>(株)ノバック</v>
          </cell>
          <cell r="D964" t="str">
            <v>079-288-3601</v>
          </cell>
          <cell r="E964" t="str">
            <v>670-0947</v>
          </cell>
          <cell r="F964" t="str">
            <v>兵庫県姫路市北条1-92</v>
          </cell>
          <cell r="G964" t="str">
            <v>姫路市</v>
          </cell>
          <cell r="H964" t="str">
            <v/>
          </cell>
          <cell r="I964" t="str">
            <v>代表取締役社長 立花　充</v>
          </cell>
          <cell r="J964" t="str">
            <v>本店</v>
          </cell>
          <cell r="K964" t="str">
            <v>079-225-0440</v>
          </cell>
          <cell r="L964" t="str">
            <v>eigyo1@novac-cnst.co.jp</v>
          </cell>
          <cell r="M964" t="str">
            <v>ﾉﾊﾞｯｸ</v>
          </cell>
          <cell r="N964" t="str">
            <v>無</v>
          </cell>
          <cell r="O964">
            <v>52</v>
          </cell>
          <cell r="P964">
            <v>275</v>
          </cell>
          <cell r="Q964">
            <v>4140001058111</v>
          </cell>
          <cell r="R964">
            <v>465000</v>
          </cell>
          <cell r="S964">
            <v>9538484</v>
          </cell>
          <cell r="T964">
            <v>29667496</v>
          </cell>
          <cell r="V964" t="str">
            <v>ky357636</v>
          </cell>
          <cell r="W964" t="str">
            <v>dm290397</v>
          </cell>
          <cell r="X964" t="str">
            <v>土建と管鋼舗浚園水</v>
          </cell>
          <cell r="Y964" t="str">
            <v/>
          </cell>
          <cell r="Z964" t="str">
            <v>土建と管鋼舗浚園水</v>
          </cell>
          <cell r="AA964" t="str">
            <v>土木一式</v>
          </cell>
          <cell r="AB964" t="str">
            <v>建築一式</v>
          </cell>
          <cell r="AC964" t="str">
            <v>舗装</v>
          </cell>
          <cell r="AD964" t="str">
            <v>とび土工</v>
          </cell>
          <cell r="AE964">
            <v>43220</v>
          </cell>
          <cell r="AF964" t="str">
            <v>希望する</v>
          </cell>
          <cell r="AG964" t="str">
            <v>土木一式</v>
          </cell>
          <cell r="AH964" t="str">
            <v>特定</v>
          </cell>
          <cell r="AI964">
            <v>1441</v>
          </cell>
          <cell r="AJ964">
            <v>10920050</v>
          </cell>
          <cell r="AK964" t="str">
            <v>114(110)/6/6</v>
          </cell>
          <cell r="AL964" t="str">
            <v>建築一式</v>
          </cell>
          <cell r="AM964" t="str">
            <v>特定</v>
          </cell>
          <cell r="AN964">
            <v>1472</v>
          </cell>
          <cell r="AO964">
            <v>17182587</v>
          </cell>
          <cell r="AP964" t="str">
            <v>91(84)/9/15</v>
          </cell>
          <cell r="AQ964" t="str">
            <v>舗装</v>
          </cell>
          <cell r="AR964" t="str">
            <v>特定</v>
          </cell>
          <cell r="AS964">
            <v>990</v>
          </cell>
          <cell r="AT964">
            <v>1730</v>
          </cell>
          <cell r="AU964" t="str">
            <v>14(14)/2/1</v>
          </cell>
          <cell r="AV964" t="str">
            <v>とび土工</v>
          </cell>
          <cell r="AW964" t="str">
            <v>特定</v>
          </cell>
          <cell r="AX964">
            <v>1034</v>
          </cell>
          <cell r="AY964" t="str">
            <v/>
          </cell>
          <cell r="AZ964" t="str">
            <v>43(39)/0/0</v>
          </cell>
          <cell r="BA964" t="str">
            <v>兵庫県</v>
          </cell>
          <cell r="BB964">
            <v>0</v>
          </cell>
          <cell r="CR964">
            <v>6553</v>
          </cell>
          <cell r="CS964" t="str">
            <v>ﾓﾄﾖｼ ﾋﾛｷ</v>
          </cell>
          <cell r="CT964" t="str">
            <v>元吉  広樹</v>
          </cell>
          <cell r="CU964" t="str">
            <v>徴収対策課</v>
          </cell>
          <cell r="CW964">
            <v>2362</v>
          </cell>
          <cell r="CX964" t="str">
            <v xml:space="preserve"> </v>
          </cell>
          <cell r="CY964" t="str">
            <v>徴収対策課長</v>
          </cell>
        </row>
        <row r="965">
          <cell r="B965">
            <v>3767</v>
          </cell>
          <cell r="C965" t="str">
            <v>(株)乃村工藝社</v>
          </cell>
          <cell r="D965" t="str">
            <v>03-5962-1171</v>
          </cell>
          <cell r="E965" t="str">
            <v>135-8622</v>
          </cell>
          <cell r="F965" t="str">
            <v>東京都港区台場2-3-4</v>
          </cell>
          <cell r="G965" t="str">
            <v/>
          </cell>
          <cell r="H965" t="str">
            <v/>
          </cell>
          <cell r="I965" t="str">
            <v>代表取締役社長 榎本　修次</v>
          </cell>
          <cell r="J965" t="str">
            <v>本店</v>
          </cell>
          <cell r="K965" t="str">
            <v>03-3570-2397</v>
          </cell>
          <cell r="L965" t="str">
            <v>nyusatsu@nomura-g.jp</v>
          </cell>
          <cell r="M965" t="str">
            <v>ﾉﾑﾗｺｳｹﾞｲｼｬ</v>
          </cell>
          <cell r="N965" t="str">
            <v>有</v>
          </cell>
          <cell r="O965">
            <v>55</v>
          </cell>
          <cell r="P965">
            <v>995</v>
          </cell>
          <cell r="Q965">
            <v>4010401023652</v>
          </cell>
          <cell r="R965">
            <v>6497551</v>
          </cell>
          <cell r="S965">
            <v>34309265</v>
          </cell>
          <cell r="T965">
            <v>85332284</v>
          </cell>
          <cell r="V965" t="str">
            <v>yp207941</v>
          </cell>
          <cell r="W965" t="str">
            <v>bd128707</v>
          </cell>
          <cell r="X965" t="str">
            <v>建大と石屋電管タ鋼鉄板ガ塗防内熱具解</v>
          </cell>
          <cell r="Y965" t="str">
            <v/>
          </cell>
          <cell r="Z965" t="str">
            <v>建大と石屋電管タ鋼鉄板ガ塗防内熱具解</v>
          </cell>
          <cell r="AA965" t="str">
            <v>内装仕上</v>
          </cell>
          <cell r="AB965" t="str">
            <v>建築一式</v>
          </cell>
          <cell r="AC965" t="str">
            <v>鋼構造物</v>
          </cell>
          <cell r="AD965" t="str">
            <v/>
          </cell>
          <cell r="AE965">
            <v>43159</v>
          </cell>
          <cell r="AF965" t="str">
            <v/>
          </cell>
          <cell r="AG965" t="str">
            <v>内装仕上</v>
          </cell>
          <cell r="AH965" t="str">
            <v>特定</v>
          </cell>
          <cell r="AI965">
            <v>1702</v>
          </cell>
          <cell r="AJ965">
            <v>66639614</v>
          </cell>
          <cell r="AK965" t="str">
            <v>216(183)/109/86</v>
          </cell>
          <cell r="AL965" t="str">
            <v>建築一式</v>
          </cell>
          <cell r="AM965" t="str">
            <v>特定</v>
          </cell>
          <cell r="AN965">
            <v>1322</v>
          </cell>
          <cell r="AO965">
            <v>549500</v>
          </cell>
          <cell r="AP965" t="str">
            <v>211(179)/46/1</v>
          </cell>
          <cell r="AQ965" t="str">
            <v>鋼構造物</v>
          </cell>
          <cell r="AR965" t="str">
            <v>特定</v>
          </cell>
          <cell r="AS965">
            <v>1135</v>
          </cell>
          <cell r="AT965">
            <v>493300</v>
          </cell>
          <cell r="AU965" t="str">
            <v>5(4)/1/0</v>
          </cell>
          <cell r="AV965" t="str">
            <v/>
          </cell>
          <cell r="AW965" t="str">
            <v/>
          </cell>
          <cell r="AX965" t="str">
            <v/>
          </cell>
          <cell r="AY965" t="str">
            <v/>
          </cell>
          <cell r="AZ965" t="str">
            <v/>
          </cell>
          <cell r="BA965" t="str">
            <v>東京都</v>
          </cell>
          <cell r="BB965">
            <v>0</v>
          </cell>
          <cell r="CR965">
            <v>6554</v>
          </cell>
          <cell r="CS965" t="str">
            <v>ﾓﾘﾓﾄ ﾐｽﾞｴ</v>
          </cell>
          <cell r="CT965" t="str">
            <v>森本  瑞江</v>
          </cell>
          <cell r="CU965" t="str">
            <v>市民税課</v>
          </cell>
          <cell r="CW965">
            <v>2317</v>
          </cell>
          <cell r="CX965" t="str">
            <v xml:space="preserve"> </v>
          </cell>
          <cell r="CY965" t="str">
            <v>市民税課長</v>
          </cell>
        </row>
        <row r="966">
          <cell r="B966">
            <v>3769</v>
          </cell>
          <cell r="C966" t="str">
            <v>日興電気工業株式会(株)</v>
          </cell>
          <cell r="D966" t="str">
            <v>06-6362-9291</v>
          </cell>
          <cell r="E966" t="str">
            <v>530-0045</v>
          </cell>
          <cell r="F966" t="str">
            <v>大阪府大阪市北区天神西町3-18</v>
          </cell>
          <cell r="G966" t="str">
            <v>大阪市</v>
          </cell>
          <cell r="H966" t="str">
            <v/>
          </cell>
          <cell r="I966" t="str">
            <v>代表取締役　 大畑　秀樹</v>
          </cell>
          <cell r="J966" t="str">
            <v>本店</v>
          </cell>
          <cell r="K966" t="str">
            <v>06-6362-6009</v>
          </cell>
          <cell r="L966" t="str">
            <v>nikkoelc@apricot.ocn.ne.jp</v>
          </cell>
          <cell r="M966" t="str">
            <v>ﾆﾂｺｳﾃﾞﾝｷｺｳｷﾞﾖｳ</v>
          </cell>
          <cell r="N966" t="str">
            <v>無</v>
          </cell>
          <cell r="O966">
            <v>55</v>
          </cell>
          <cell r="P966">
            <v>31</v>
          </cell>
          <cell r="Q966">
            <v>3120000000000</v>
          </cell>
          <cell r="R966">
            <v>32000</v>
          </cell>
          <cell r="S966">
            <v>167445</v>
          </cell>
          <cell r="T966">
            <v>1222528</v>
          </cell>
          <cell r="V966" t="str">
            <v>uf663513</v>
          </cell>
          <cell r="W966" t="str">
            <v>fv217558</v>
          </cell>
          <cell r="X966" t="str">
            <v>建大と石屋電管タ鋼鉄板ガ塗防内熱具解</v>
          </cell>
          <cell r="Y966" t="str">
            <v/>
          </cell>
          <cell r="Z966" t="str">
            <v>建大と石屋電管タ鋼鉄板ガ塗防内熱具解</v>
          </cell>
          <cell r="AA966" t="str">
            <v>電気</v>
          </cell>
          <cell r="AB966" t="str">
            <v>消防施設</v>
          </cell>
          <cell r="AC966" t="str">
            <v>電気通信</v>
          </cell>
          <cell r="AD966" t="str">
            <v/>
          </cell>
          <cell r="AE966">
            <v>43251</v>
          </cell>
          <cell r="AF966" t="str">
            <v>希望しない</v>
          </cell>
          <cell r="AG966" t="str">
            <v>電気</v>
          </cell>
          <cell r="AH966" t="str">
            <v>特定</v>
          </cell>
          <cell r="AI966">
            <v>968</v>
          </cell>
          <cell r="AJ966">
            <v>1215370</v>
          </cell>
          <cell r="AK966" t="str">
            <v>9(7)/7/4</v>
          </cell>
          <cell r="AL966" t="str">
            <v>消防施設</v>
          </cell>
          <cell r="AM966" t="str">
            <v>一般</v>
          </cell>
          <cell r="AN966">
            <v>726</v>
          </cell>
          <cell r="AO966">
            <v>3096</v>
          </cell>
          <cell r="AP966" t="str">
            <v>0(0)/9/0</v>
          </cell>
          <cell r="AQ966" t="str">
            <v>電気通信</v>
          </cell>
          <cell r="AR966" t="str">
            <v>一般</v>
          </cell>
          <cell r="AS966">
            <v>689</v>
          </cell>
          <cell r="AT966">
            <v>4063</v>
          </cell>
          <cell r="AU966" t="str">
            <v>0(0)/0/1</v>
          </cell>
          <cell r="AV966" t="str">
            <v/>
          </cell>
          <cell r="AW966" t="str">
            <v/>
          </cell>
          <cell r="AX966" t="str">
            <v/>
          </cell>
          <cell r="AY966" t="str">
            <v/>
          </cell>
          <cell r="AZ966" t="str">
            <v/>
          </cell>
          <cell r="BA966" t="str">
            <v>大阪府</v>
          </cell>
          <cell r="BB966">
            <v>0</v>
          </cell>
          <cell r="CR966">
            <v>6555</v>
          </cell>
          <cell r="CS966" t="str">
            <v>ﾔﾏﾀﾞ ﾁｴ</v>
          </cell>
          <cell r="CT966" t="str">
            <v>山田  千絵</v>
          </cell>
          <cell r="CU966" t="str">
            <v>スポーツ振興課</v>
          </cell>
          <cell r="CW966">
            <v>3757</v>
          </cell>
          <cell r="CX966" t="str">
            <v xml:space="preserve"> </v>
          </cell>
          <cell r="CY966" t="str">
            <v>スポーツ振興課長</v>
          </cell>
        </row>
        <row r="967">
          <cell r="B967">
            <v>3771</v>
          </cell>
          <cell r="C967" t="str">
            <v>日本写真判定(株)</v>
          </cell>
          <cell r="D967" t="str">
            <v>03-3265-4851</v>
          </cell>
          <cell r="E967" t="str">
            <v>102-0071</v>
          </cell>
          <cell r="F967" t="str">
            <v>東京都千代田区富士見2-4-11</v>
          </cell>
          <cell r="G967" t="str">
            <v/>
          </cell>
          <cell r="H967" t="str">
            <v/>
          </cell>
          <cell r="I967" t="str">
            <v>代表取締役 渡辺　俊太郎</v>
          </cell>
          <cell r="J967" t="str">
            <v>本店</v>
          </cell>
          <cell r="K967" t="str">
            <v>03-3239-4685</v>
          </cell>
          <cell r="L967" t="str">
            <v>soumu@shashin-hantei.co.jp</v>
          </cell>
          <cell r="M967" t="str">
            <v>ﾆﾎﾝｼｬｼﾝﾊﾝﾃｲ</v>
          </cell>
          <cell r="N967" t="str">
            <v>無</v>
          </cell>
          <cell r="O967">
            <v>39</v>
          </cell>
          <cell r="P967">
            <v>168</v>
          </cell>
          <cell r="Q967">
            <v>1010001033237</v>
          </cell>
          <cell r="R967">
            <v>30000</v>
          </cell>
          <cell r="S967">
            <v>8371963</v>
          </cell>
          <cell r="T967">
            <v>7124065</v>
          </cell>
          <cell r="V967" t="str">
            <v>td261728</v>
          </cell>
          <cell r="W967" t="str">
            <v>ee842089</v>
          </cell>
          <cell r="X967" t="str">
            <v>建大屋電タ鋼内通</v>
          </cell>
          <cell r="Y967" t="str">
            <v>建大屋電タ鋼内通</v>
          </cell>
          <cell r="Z967" t="str">
            <v/>
          </cell>
          <cell r="AA967" t="str">
            <v>電気通信</v>
          </cell>
          <cell r="AB967" t="str">
            <v>電気</v>
          </cell>
          <cell r="AC967" t="str">
            <v>内装仕上</v>
          </cell>
          <cell r="AD967" t="str">
            <v>建築一式</v>
          </cell>
          <cell r="AE967">
            <v>43555</v>
          </cell>
          <cell r="AF967" t="str">
            <v>希望しない</v>
          </cell>
          <cell r="AG967" t="str">
            <v>電気通信</v>
          </cell>
          <cell r="AH967" t="str">
            <v>一般</v>
          </cell>
          <cell r="AI967">
            <v>895</v>
          </cell>
          <cell r="AJ967">
            <v>43159</v>
          </cell>
          <cell r="AK967" t="str">
            <v>0(0)/0/22</v>
          </cell>
          <cell r="AL967" t="str">
            <v>電気</v>
          </cell>
          <cell r="AM967" t="str">
            <v>一般</v>
          </cell>
          <cell r="AN967">
            <v>814</v>
          </cell>
          <cell r="AO967">
            <v>1881</v>
          </cell>
          <cell r="AP967" t="str">
            <v>3(3)/0/0</v>
          </cell>
          <cell r="AQ967" t="str">
            <v>内装仕上</v>
          </cell>
          <cell r="AR967" t="str">
            <v>一般</v>
          </cell>
          <cell r="AS967">
            <v>772</v>
          </cell>
          <cell r="AT967" t="str">
            <v/>
          </cell>
          <cell r="AU967" t="str">
            <v>1(0)/0/0</v>
          </cell>
          <cell r="AV967" t="str">
            <v>建築一式</v>
          </cell>
          <cell r="AW967" t="str">
            <v>一般</v>
          </cell>
          <cell r="AX967">
            <v>772</v>
          </cell>
          <cell r="AY967" t="str">
            <v/>
          </cell>
          <cell r="AZ967" t="str">
            <v>1(0)/0/0</v>
          </cell>
          <cell r="BA967" t="str">
            <v>東京都</v>
          </cell>
        </row>
        <row r="968">
          <cell r="B968">
            <v>3774</v>
          </cell>
          <cell r="C968" t="str">
            <v>野村建設工業(株)</v>
          </cell>
          <cell r="D968" t="str">
            <v>06-6226-9500</v>
          </cell>
          <cell r="E968" t="str">
            <v>541-0043</v>
          </cell>
          <cell r="F968" t="str">
            <v>大阪府大阪市中央区高麗橋2-1-2</v>
          </cell>
          <cell r="G968" t="str">
            <v>大阪市</v>
          </cell>
          <cell r="H968" t="str">
            <v/>
          </cell>
          <cell r="I968" t="str">
            <v>代表取締役 山本　隆紹</v>
          </cell>
          <cell r="J968" t="str">
            <v>本店</v>
          </cell>
          <cell r="K968" t="str">
            <v>06-6226-9525</v>
          </cell>
          <cell r="L968" t="str">
            <v>n-toda@nomura-kensetsu.co.jp</v>
          </cell>
          <cell r="M968" t="str">
            <v>ﾉﾑﾗｹﾝｾﾂｺｳｷﾞｮｳ</v>
          </cell>
          <cell r="N968" t="str">
            <v>無</v>
          </cell>
          <cell r="O968">
            <v>28</v>
          </cell>
          <cell r="P968">
            <v>138</v>
          </cell>
          <cell r="Q968">
            <v>6120001087044</v>
          </cell>
          <cell r="R968">
            <v>300000</v>
          </cell>
          <cell r="S968">
            <v>4102891</v>
          </cell>
          <cell r="T968">
            <v>15176902</v>
          </cell>
          <cell r="V968" t="str">
            <v>nv622570</v>
          </cell>
          <cell r="W968" t="str">
            <v>gm223004</v>
          </cell>
          <cell r="X968" t="str">
            <v>(清)土建</v>
          </cell>
          <cell r="Y968" t="str">
            <v>(清)</v>
          </cell>
          <cell r="Z968" t="str">
            <v>土建</v>
          </cell>
          <cell r="AA968" t="str">
            <v>建築一式</v>
          </cell>
          <cell r="AB968" t="str">
            <v/>
          </cell>
          <cell r="AC968" t="str">
            <v/>
          </cell>
          <cell r="AD968" t="str">
            <v/>
          </cell>
          <cell r="AE968">
            <v>43190</v>
          </cell>
          <cell r="AF968" t="str">
            <v>希望しない</v>
          </cell>
          <cell r="AG968" t="str">
            <v>建築一式</v>
          </cell>
          <cell r="AH968" t="str">
            <v>特定</v>
          </cell>
          <cell r="AI968">
            <v>1342</v>
          </cell>
          <cell r="AJ968">
            <v>15176902</v>
          </cell>
          <cell r="AK968" t="str">
            <v>81(49)/0/16</v>
          </cell>
          <cell r="AL968" t="str">
            <v/>
          </cell>
          <cell r="AM968" t="str">
            <v/>
          </cell>
          <cell r="AN968" t="str">
            <v/>
          </cell>
          <cell r="AO968" t="str">
            <v/>
          </cell>
          <cell r="AP968" t="str">
            <v/>
          </cell>
          <cell r="AQ968" t="str">
            <v/>
          </cell>
          <cell r="AR968" t="str">
            <v/>
          </cell>
          <cell r="AS968" t="str">
            <v/>
          </cell>
          <cell r="AT968" t="str">
            <v/>
          </cell>
          <cell r="AU968" t="str">
            <v/>
          </cell>
          <cell r="AV968" t="str">
            <v/>
          </cell>
          <cell r="AW968" t="str">
            <v/>
          </cell>
          <cell r="AX968" t="str">
            <v/>
          </cell>
          <cell r="AY968" t="str">
            <v/>
          </cell>
          <cell r="AZ968" t="str">
            <v/>
          </cell>
          <cell r="BA968" t="str">
            <v>大阪府</v>
          </cell>
          <cell r="BB968">
            <v>0</v>
          </cell>
          <cell r="CR968">
            <v>6556</v>
          </cell>
          <cell r="CS968" t="str">
            <v>ﾔﾏﾓﾄ ﾐﾁｺ</v>
          </cell>
          <cell r="CT968" t="str">
            <v>山本  美智子</v>
          </cell>
          <cell r="CU968" t="str">
            <v>国保年金課</v>
          </cell>
          <cell r="CW968">
            <v>2751</v>
          </cell>
          <cell r="CX968" t="str">
            <v xml:space="preserve"> </v>
          </cell>
          <cell r="CY968" t="str">
            <v>国保年金課長</v>
          </cell>
        </row>
        <row r="969">
          <cell r="B969">
            <v>3782</v>
          </cell>
          <cell r="C969" t="str">
            <v>白陽化学工業(株)</v>
          </cell>
          <cell r="D969" t="str">
            <v>0798-61-2970</v>
          </cell>
          <cell r="E969" t="str">
            <v>662-0051</v>
          </cell>
          <cell r="F969" t="str">
            <v>兵庫県西宮市羽衣町7-31-1105</v>
          </cell>
          <cell r="G969" t="str">
            <v>西宮市</v>
          </cell>
          <cell r="H969" t="str">
            <v/>
          </cell>
          <cell r="I969" t="str">
            <v>代表取締役 乙武　悦朗</v>
          </cell>
          <cell r="J969" t="str">
            <v>本店</v>
          </cell>
          <cell r="K969" t="str">
            <v>0798-61-2971</v>
          </cell>
          <cell r="L969" t="str">
            <v>hakuyokagaku@fancy.ocn.ne.jp</v>
          </cell>
          <cell r="M969" t="str">
            <v>ﾊｸﾖｳｶｶﾞｸｺｳｷﾞｮｳ</v>
          </cell>
          <cell r="N969" t="str">
            <v>無</v>
          </cell>
          <cell r="O969">
            <v>53</v>
          </cell>
          <cell r="P969">
            <v>20</v>
          </cell>
          <cell r="Q969">
            <v>6140001050768</v>
          </cell>
          <cell r="R969">
            <v>20000</v>
          </cell>
          <cell r="S969">
            <v>352036</v>
          </cell>
          <cell r="T969">
            <v>972530</v>
          </cell>
          <cell r="V969" t="str">
            <v>md669034</v>
          </cell>
          <cell r="W969" t="str">
            <v>wc488549</v>
          </cell>
          <cell r="X969" t="str">
            <v>土と電舗塗</v>
          </cell>
          <cell r="Y969" t="str">
            <v>土と電舗塗</v>
          </cell>
          <cell r="Z969" t="str">
            <v/>
          </cell>
          <cell r="AA969" t="str">
            <v>塗装</v>
          </cell>
          <cell r="AB969" t="str">
            <v>とび土工</v>
          </cell>
          <cell r="AC969" t="str">
            <v>土木一式</v>
          </cell>
          <cell r="AD969" t="str">
            <v/>
          </cell>
          <cell r="AE969">
            <v>43281</v>
          </cell>
          <cell r="AF969" t="str">
            <v>希望しない</v>
          </cell>
          <cell r="AG969" t="str">
            <v>塗装</v>
          </cell>
          <cell r="AH969" t="str">
            <v>一般</v>
          </cell>
          <cell r="AI969">
            <v>867</v>
          </cell>
          <cell r="AJ969">
            <v>260258</v>
          </cell>
          <cell r="AK969" t="str">
            <v>1(1)/6/0</v>
          </cell>
          <cell r="AL969" t="str">
            <v>とび土工</v>
          </cell>
          <cell r="AM969" t="str">
            <v>一般</v>
          </cell>
          <cell r="AN969">
            <v>926</v>
          </cell>
          <cell r="AO969">
            <v>556016</v>
          </cell>
          <cell r="AP969" t="str">
            <v>8(8)/6/0</v>
          </cell>
          <cell r="AQ969" t="str">
            <v>土木一式</v>
          </cell>
          <cell r="AR969" t="str">
            <v>一般</v>
          </cell>
          <cell r="AS969">
            <v>715</v>
          </cell>
          <cell r="AT969" t="str">
            <v/>
          </cell>
          <cell r="AU969" t="str">
            <v>4(4)/0/0</v>
          </cell>
          <cell r="AV969" t="str">
            <v/>
          </cell>
          <cell r="AW969" t="str">
            <v/>
          </cell>
          <cell r="AX969" t="str">
            <v/>
          </cell>
          <cell r="AY969" t="str">
            <v/>
          </cell>
          <cell r="AZ969" t="str">
            <v/>
          </cell>
          <cell r="BA969" t="str">
            <v>兵庫県</v>
          </cell>
          <cell r="BB969">
            <v>0</v>
          </cell>
          <cell r="CR969">
            <v>6557</v>
          </cell>
          <cell r="CS969" t="str">
            <v>ｺﾃﾗ ｶｽﾞｷ</v>
          </cell>
          <cell r="CT969" t="str">
            <v>小寺  和輝</v>
          </cell>
          <cell r="CU969" t="str">
            <v>図書館</v>
          </cell>
          <cell r="CW969">
            <v>5106</v>
          </cell>
          <cell r="CX969" t="str">
            <v xml:space="preserve"> </v>
          </cell>
          <cell r="CY969" t="str">
            <v>図書館長</v>
          </cell>
        </row>
        <row r="970">
          <cell r="B970">
            <v>3783</v>
          </cell>
          <cell r="C970" t="str">
            <v>(株)羽衣組</v>
          </cell>
          <cell r="D970" t="str">
            <v>0798-41-8441</v>
          </cell>
          <cell r="E970" t="str">
            <v>663-8184</v>
          </cell>
          <cell r="F970" t="str">
            <v>兵庫県西宮市鳴尾町1-1-5</v>
          </cell>
          <cell r="G970" t="str">
            <v>西宮市</v>
          </cell>
          <cell r="H970" t="str">
            <v/>
          </cell>
          <cell r="I970" t="str">
            <v>代表取締役 松山　大祐</v>
          </cell>
          <cell r="J970" t="str">
            <v>本店</v>
          </cell>
          <cell r="K970" t="str">
            <v>0798-41-8515</v>
          </cell>
          <cell r="L970" t="str">
            <v>hagoromo@silver.ocn.ne.jp</v>
          </cell>
          <cell r="M970" t="str">
            <v>ﾊｺﾞﾛﾓｸﾞﾐ</v>
          </cell>
          <cell r="N970" t="str">
            <v>無</v>
          </cell>
          <cell r="O970">
            <v>68</v>
          </cell>
          <cell r="P970">
            <v>57</v>
          </cell>
          <cell r="Q970">
            <v>6140001074619</v>
          </cell>
          <cell r="R970">
            <v>40000</v>
          </cell>
          <cell r="S970">
            <v>640176</v>
          </cell>
          <cell r="T970">
            <v>3190646</v>
          </cell>
          <cell r="V970" t="str">
            <v>re336506</v>
          </cell>
          <cell r="W970" t="str">
            <v>yp225707</v>
          </cell>
          <cell r="X970" t="str">
            <v>土建大と石屋タ鋼鉄舗板ガ塗防内熱具解</v>
          </cell>
          <cell r="Y970" t="str">
            <v/>
          </cell>
          <cell r="Z970" t="str">
            <v>土建大と石屋タ鋼鉄舗板ガ塗防内熱具解</v>
          </cell>
          <cell r="AA970" t="str">
            <v>建築一式</v>
          </cell>
          <cell r="AB970" t="str">
            <v>土木一式</v>
          </cell>
          <cell r="AC970" t="str">
            <v/>
          </cell>
          <cell r="AD970" t="str">
            <v/>
          </cell>
          <cell r="AE970">
            <v>43281</v>
          </cell>
          <cell r="AF970" t="str">
            <v>希望しない</v>
          </cell>
          <cell r="AG970" t="str">
            <v>建築一式</v>
          </cell>
          <cell r="AH970" t="str">
            <v>特定</v>
          </cell>
          <cell r="AI970">
            <v>1051</v>
          </cell>
          <cell r="AJ970">
            <v>2898139</v>
          </cell>
          <cell r="AK970" t="str">
            <v>19(7)/4/1</v>
          </cell>
          <cell r="AL970" t="str">
            <v>土木一式</v>
          </cell>
          <cell r="AM970" t="str">
            <v>特定</v>
          </cell>
          <cell r="AN970">
            <v>801</v>
          </cell>
          <cell r="AO970">
            <v>46962</v>
          </cell>
          <cell r="AP970" t="str">
            <v>2(0)/2/0</v>
          </cell>
          <cell r="AQ970" t="str">
            <v/>
          </cell>
          <cell r="AR970" t="str">
            <v/>
          </cell>
          <cell r="AS970" t="str">
            <v/>
          </cell>
          <cell r="AT970" t="str">
            <v/>
          </cell>
          <cell r="AU970" t="str">
            <v/>
          </cell>
          <cell r="AV970" t="str">
            <v/>
          </cell>
          <cell r="AW970" t="str">
            <v/>
          </cell>
          <cell r="AX970" t="str">
            <v/>
          </cell>
          <cell r="AY970" t="str">
            <v/>
          </cell>
          <cell r="AZ970" t="str">
            <v/>
          </cell>
          <cell r="BA970" t="str">
            <v>兵庫県</v>
          </cell>
          <cell r="BB970">
            <v>0</v>
          </cell>
          <cell r="CR970">
            <v>6558</v>
          </cell>
          <cell r="CS970" t="str">
            <v>ﾔﾏｸﾞﾁ ﾒｸﾞﾐ</v>
          </cell>
          <cell r="CT970" t="str">
            <v>山口  めぐみ</v>
          </cell>
          <cell r="CU970" t="str">
            <v>住宅管理課</v>
          </cell>
          <cell r="CW970">
            <v>3312</v>
          </cell>
          <cell r="CX970" t="str">
            <v xml:space="preserve"> </v>
          </cell>
          <cell r="CY970" t="str">
            <v>住宅管理課長</v>
          </cell>
        </row>
        <row r="971">
          <cell r="B971">
            <v>3784</v>
          </cell>
          <cell r="C971" t="str">
            <v>(株)安藤・間</v>
          </cell>
          <cell r="D971" t="str">
            <v>078-322-0501</v>
          </cell>
          <cell r="E971" t="str">
            <v>650-0001</v>
          </cell>
          <cell r="F971" t="str">
            <v>兵庫県神戸市中央区加納町6-6-3</v>
          </cell>
          <cell r="G971" t="str">
            <v/>
          </cell>
          <cell r="H971" t="str">
            <v>神戸営業所</v>
          </cell>
          <cell r="I971" t="str">
            <v>所長　 矢野　芳広</v>
          </cell>
          <cell r="J971" t="str">
            <v>東京都</v>
          </cell>
          <cell r="K971" t="str">
            <v>078-322-0502</v>
          </cell>
          <cell r="L971" t="str">
            <v>mouri.megumi@ad-hzm.co.jp</v>
          </cell>
          <cell r="M971" t="str">
            <v>ｱﾝﾄﾞｳﾊｻﾞﾏ</v>
          </cell>
          <cell r="N971" t="str">
            <v>有</v>
          </cell>
          <cell r="O971">
            <v>68</v>
          </cell>
          <cell r="P971">
            <v>3476</v>
          </cell>
          <cell r="Q971">
            <v>2010400000000</v>
          </cell>
          <cell r="R971">
            <v>12651272</v>
          </cell>
          <cell r="S971">
            <v>115500000</v>
          </cell>
          <cell r="T971">
            <v>377020000</v>
          </cell>
          <cell r="V971" t="str">
            <v>vs309670</v>
          </cell>
          <cell r="W971" t="str">
            <v>ym450097</v>
          </cell>
          <cell r="X971" t="str">
            <v>土建大と石屋タ鋼鉄舗板ガ塗防内熱具解</v>
          </cell>
          <cell r="Y971" t="str">
            <v/>
          </cell>
          <cell r="Z971" t="str">
            <v>土建大と石屋タ鋼鉄舗板ガ塗防内熱具解</v>
          </cell>
          <cell r="AA971" t="str">
            <v>建築一式</v>
          </cell>
          <cell r="AB971" t="str">
            <v>土木一式</v>
          </cell>
          <cell r="AC971" t="str">
            <v>水道施設</v>
          </cell>
          <cell r="AD971" t="str">
            <v>とび土工</v>
          </cell>
          <cell r="AE971">
            <v>43190</v>
          </cell>
          <cell r="AF971" t="str">
            <v>スラスラ工法</v>
          </cell>
          <cell r="AG971" t="str">
            <v>建築一式</v>
          </cell>
          <cell r="AH971" t="str">
            <v>特定</v>
          </cell>
          <cell r="AI971">
            <v>1990</v>
          </cell>
          <cell r="AJ971">
            <v>215619135</v>
          </cell>
          <cell r="AK971" t="str">
            <v>1295(850)/43/139</v>
          </cell>
          <cell r="AL971" t="str">
            <v>土木一式</v>
          </cell>
          <cell r="AM971" t="str">
            <v>特定</v>
          </cell>
          <cell r="AN971">
            <v>1960</v>
          </cell>
          <cell r="AO971">
            <v>95052840</v>
          </cell>
          <cell r="AP971" t="str">
            <v>829(646)/19/59</v>
          </cell>
          <cell r="AQ971" t="str">
            <v>水道施設</v>
          </cell>
          <cell r="AR971" t="str">
            <v>特定</v>
          </cell>
          <cell r="AS971">
            <v>1542</v>
          </cell>
          <cell r="AT971">
            <v>1729484</v>
          </cell>
          <cell r="AU971" t="str">
            <v>300(242)/0/0</v>
          </cell>
          <cell r="AV971" t="str">
            <v>とび土工</v>
          </cell>
          <cell r="AW971" t="str">
            <v>特定</v>
          </cell>
          <cell r="AX971">
            <v>1583</v>
          </cell>
          <cell r="AY971">
            <v>9523397</v>
          </cell>
          <cell r="AZ971" t="str">
            <v>93(69)/1/0</v>
          </cell>
          <cell r="BA971" t="str">
            <v>東京都</v>
          </cell>
          <cell r="BB971">
            <v>0</v>
          </cell>
          <cell r="CR971">
            <v>6559</v>
          </cell>
          <cell r="CS971" t="str">
            <v>ﾆｼ ｼﾞﾕﾝｲﾁﾛｳ</v>
          </cell>
          <cell r="CT971" t="str">
            <v>西  隼一郎</v>
          </cell>
          <cell r="CU971" t="str">
            <v>道路保全課</v>
          </cell>
          <cell r="CW971">
            <v>4743</v>
          </cell>
          <cell r="CX971" t="str">
            <v xml:space="preserve"> </v>
          </cell>
          <cell r="CY971" t="str">
            <v>道路保全課長</v>
          </cell>
        </row>
        <row r="972">
          <cell r="B972">
            <v>3785</v>
          </cell>
          <cell r="C972" t="str">
            <v>(株)橋本設備工業所</v>
          </cell>
          <cell r="D972" t="str">
            <v>06-6385-8055</v>
          </cell>
          <cell r="E972" t="str">
            <v>564-0051</v>
          </cell>
          <cell r="F972" t="str">
            <v>大阪府吹田市豊津町19-16</v>
          </cell>
          <cell r="G972" t="str">
            <v>吹田市</v>
          </cell>
          <cell r="H972" t="str">
            <v/>
          </cell>
          <cell r="I972" t="str">
            <v>代表取締役 橋本　豊</v>
          </cell>
          <cell r="J972" t="str">
            <v>本店</v>
          </cell>
          <cell r="K972" t="str">
            <v>06-6385-3536</v>
          </cell>
          <cell r="L972" t="str">
            <v>kishimoto@hashimoto-esco.co.jp</v>
          </cell>
          <cell r="M972" t="str">
            <v>ﾊｼﾓﾄｾﾂﾋﾞｺｳｷﾞｮｳｼｮ</v>
          </cell>
          <cell r="N972" t="str">
            <v>無</v>
          </cell>
          <cell r="O972">
            <v>49</v>
          </cell>
          <cell r="P972">
            <v>15</v>
          </cell>
          <cell r="Q972">
            <v>1120901008013</v>
          </cell>
          <cell r="R972">
            <v>20000</v>
          </cell>
          <cell r="S972">
            <v>160826</v>
          </cell>
          <cell r="T972">
            <v>638743</v>
          </cell>
          <cell r="V972" t="str">
            <v>jw395250</v>
          </cell>
          <cell r="W972" t="str">
            <v>fe881095</v>
          </cell>
          <cell r="X972" t="str">
            <v>管園土と舗浚水</v>
          </cell>
          <cell r="Y972" t="str">
            <v>管園</v>
          </cell>
          <cell r="Z972" t="str">
            <v>土と舗浚水</v>
          </cell>
          <cell r="AA972" t="str">
            <v>管</v>
          </cell>
          <cell r="AB972" t="str">
            <v>浚渫</v>
          </cell>
          <cell r="AC972" t="str">
            <v>土木一式</v>
          </cell>
          <cell r="AD972" t="str">
            <v>水道施設</v>
          </cell>
          <cell r="AE972">
            <v>43281</v>
          </cell>
          <cell r="AF972" t="str">
            <v>希望する</v>
          </cell>
          <cell r="AG972" t="str">
            <v>管</v>
          </cell>
          <cell r="AH972" t="str">
            <v>一般</v>
          </cell>
          <cell r="AI972">
            <v>869</v>
          </cell>
          <cell r="AJ972">
            <v>314816</v>
          </cell>
          <cell r="AK972" t="str">
            <v>0(0)/2/10</v>
          </cell>
          <cell r="AL972" t="str">
            <v>浚渫</v>
          </cell>
          <cell r="AM972" t="str">
            <v>特定</v>
          </cell>
          <cell r="AN972">
            <v>749</v>
          </cell>
          <cell r="AO972">
            <v>2490</v>
          </cell>
          <cell r="AP972" t="str">
            <v>1(1)/0/2</v>
          </cell>
          <cell r="AQ972" t="str">
            <v>土木一式</v>
          </cell>
          <cell r="AR972" t="str">
            <v>特定</v>
          </cell>
          <cell r="AS972">
            <v>839</v>
          </cell>
          <cell r="AT972">
            <v>18166</v>
          </cell>
          <cell r="AU972" t="str">
            <v>3(3)/5/1</v>
          </cell>
          <cell r="AV972" t="str">
            <v>水道施設</v>
          </cell>
          <cell r="AW972" t="str">
            <v>特定</v>
          </cell>
          <cell r="AX972">
            <v>717</v>
          </cell>
          <cell r="AY972" t="str">
            <v/>
          </cell>
          <cell r="AZ972" t="str">
            <v>0(0)/0/0</v>
          </cell>
          <cell r="BA972" t="str">
            <v>大阪府</v>
          </cell>
          <cell r="BB972">
            <v>0</v>
          </cell>
          <cell r="CR972">
            <v>6560</v>
          </cell>
          <cell r="CS972" t="str">
            <v>ﾐｳﾗ ｼﾝﾔ</v>
          </cell>
          <cell r="CT972" t="str">
            <v>三浦  慎也</v>
          </cell>
          <cell r="CU972" t="str">
            <v>都市計画課</v>
          </cell>
          <cell r="CW972">
            <v>3209</v>
          </cell>
          <cell r="CX972" t="str">
            <v xml:space="preserve"> </v>
          </cell>
          <cell r="CY972" t="str">
            <v>都市計画課長</v>
          </cell>
        </row>
        <row r="973">
          <cell r="B973">
            <v>3787</v>
          </cell>
          <cell r="C973" t="str">
            <v>(株)長谷川工務店</v>
          </cell>
          <cell r="D973" t="str">
            <v>072-998-2155</v>
          </cell>
          <cell r="E973" t="str">
            <v>581-0822</v>
          </cell>
          <cell r="F973" t="str">
            <v>大阪府八尾市高砂町2-45-17</v>
          </cell>
          <cell r="G973" t="str">
            <v>八尾市</v>
          </cell>
          <cell r="H973" t="str">
            <v/>
          </cell>
          <cell r="I973" t="str">
            <v>代表取締役　 長谷川　美香</v>
          </cell>
          <cell r="J973" t="str">
            <v>本店</v>
          </cell>
          <cell r="K973" t="str">
            <v>072-999-3681</v>
          </cell>
          <cell r="L973" t="str">
            <v>bwa05824@nifty.com</v>
          </cell>
          <cell r="M973" t="str">
            <v>ﾊｾｶﾞﾜｺｳﾑﾃﾝ</v>
          </cell>
          <cell r="N973" t="str">
            <v>無</v>
          </cell>
          <cell r="O973">
            <v>41</v>
          </cell>
          <cell r="P973">
            <v>25</v>
          </cell>
          <cell r="Q973">
            <v>6122000000000</v>
          </cell>
          <cell r="R973">
            <v>100000</v>
          </cell>
          <cell r="S973">
            <v>336575</v>
          </cell>
          <cell r="T973" t="str">
            <v/>
          </cell>
          <cell r="V973" t="str">
            <v>qu256309</v>
          </cell>
          <cell r="W973" t="str">
            <v>ka870653</v>
          </cell>
          <cell r="X973" t="str">
            <v>管園土と舗浚水</v>
          </cell>
          <cell r="Y973" t="str">
            <v>管園</v>
          </cell>
          <cell r="Z973" t="str">
            <v>土と舗浚水</v>
          </cell>
          <cell r="AA973" t="str">
            <v>土木一式</v>
          </cell>
          <cell r="AB973" t="str">
            <v>建築一式</v>
          </cell>
          <cell r="AC973" t="str">
            <v>防水</v>
          </cell>
          <cell r="AD973" t="str">
            <v>解体</v>
          </cell>
          <cell r="AE973">
            <v>42978</v>
          </cell>
          <cell r="AF973" t="str">
            <v>ＦＦＴ－Ｓ工法</v>
          </cell>
          <cell r="AG973" t="str">
            <v>土木一式</v>
          </cell>
          <cell r="AH973" t="str">
            <v>特定</v>
          </cell>
          <cell r="AI973">
            <v>803</v>
          </cell>
          <cell r="AJ973">
            <v>109623</v>
          </cell>
          <cell r="AK973" t="str">
            <v>4(4)/1/3</v>
          </cell>
          <cell r="AL973" t="str">
            <v>建築一式</v>
          </cell>
          <cell r="AM973" t="str">
            <v>特定</v>
          </cell>
          <cell r="AN973">
            <v>910</v>
          </cell>
          <cell r="AO973">
            <v>978104</v>
          </cell>
          <cell r="AP973" t="str">
            <v>7(6)/0/2</v>
          </cell>
          <cell r="AQ973" t="str">
            <v>防水</v>
          </cell>
          <cell r="AR973" t="str">
            <v>特定</v>
          </cell>
          <cell r="AS973">
            <v>691</v>
          </cell>
          <cell r="AT973">
            <v>1033</v>
          </cell>
          <cell r="AU973" t="str">
            <v>4(3)/0/1</v>
          </cell>
          <cell r="AV973" t="str">
            <v>解体</v>
          </cell>
          <cell r="AW973" t="str">
            <v>特定</v>
          </cell>
          <cell r="AX973">
            <v>728</v>
          </cell>
          <cell r="AY973">
            <v>70862</v>
          </cell>
          <cell r="AZ973" t="str">
            <v>0(0)/0/0</v>
          </cell>
          <cell r="BA973" t="str">
            <v>大阪府</v>
          </cell>
          <cell r="BB973">
            <v>0</v>
          </cell>
          <cell r="CR973">
            <v>6561</v>
          </cell>
          <cell r="CS973" t="str">
            <v>ｵｵﾆｼ ﾏﾘｺ</v>
          </cell>
          <cell r="CT973" t="str">
            <v>大西  真理子</v>
          </cell>
          <cell r="CU973" t="str">
            <v>みどり自然課</v>
          </cell>
          <cell r="CW973">
            <v>4354</v>
          </cell>
          <cell r="CX973" t="str">
            <v>主査</v>
          </cell>
          <cell r="CY973" t="str">
            <v>みどり自然課長</v>
          </cell>
        </row>
        <row r="974">
          <cell r="B974">
            <v>3788</v>
          </cell>
          <cell r="C974" t="str">
            <v>長谷川体育施設(株)</v>
          </cell>
          <cell r="D974" t="str">
            <v>078-230-4740</v>
          </cell>
          <cell r="E974" t="str">
            <v>651-0097</v>
          </cell>
          <cell r="F974" t="str">
            <v>兵庫県神戸市中央区布引町1-1-8</v>
          </cell>
          <cell r="G974" t="str">
            <v/>
          </cell>
          <cell r="H974" t="str">
            <v>兵庫営業所</v>
          </cell>
          <cell r="I974" t="str">
            <v>所長 田中　潤</v>
          </cell>
          <cell r="J974" t="str">
            <v>東京都</v>
          </cell>
          <cell r="K974" t="str">
            <v>078-230-4714</v>
          </cell>
          <cell r="L974" t="str">
            <v>hasetai@hasetai.com</v>
          </cell>
          <cell r="M974" t="str">
            <v>ﾊｾｶﾞﾜﾀｲｲｸｼｾﾂ</v>
          </cell>
          <cell r="N974" t="str">
            <v>有</v>
          </cell>
          <cell r="O974">
            <v>60</v>
          </cell>
          <cell r="P974">
            <v>275</v>
          </cell>
          <cell r="Q974">
            <v>6010901009694</v>
          </cell>
          <cell r="R974">
            <v>100000</v>
          </cell>
          <cell r="S974">
            <v>6084456</v>
          </cell>
          <cell r="T974">
            <v>23324735</v>
          </cell>
          <cell r="V974" t="str">
            <v>zz784833</v>
          </cell>
          <cell r="W974" t="str">
            <v>nw612979</v>
          </cell>
          <cell r="X974" t="str">
            <v>(清)(と)(舗)(園)土建大と舗内園</v>
          </cell>
          <cell r="Y974" t="str">
            <v>(清)(と)(舗)(園)</v>
          </cell>
          <cell r="Z974" t="str">
            <v>土建大と舗内園</v>
          </cell>
          <cell r="AA974" t="str">
            <v>土木一式</v>
          </cell>
          <cell r="AB974" t="str">
            <v>とび土工</v>
          </cell>
          <cell r="AC974" t="str">
            <v>造園</v>
          </cell>
          <cell r="AD974" t="str">
            <v>舗装</v>
          </cell>
          <cell r="AE974">
            <v>43190</v>
          </cell>
          <cell r="AF974" t="str">
            <v>希望しない</v>
          </cell>
          <cell r="AG974" t="str">
            <v>土木一式</v>
          </cell>
          <cell r="AH974" t="str">
            <v>特定</v>
          </cell>
          <cell r="AI974">
            <v>1308</v>
          </cell>
          <cell r="AJ974">
            <v>3008982</v>
          </cell>
          <cell r="AK974" t="str">
            <v>129(119)/28/0</v>
          </cell>
          <cell r="AL974" t="str">
            <v>とび土工</v>
          </cell>
          <cell r="AM974" t="str">
            <v>特定</v>
          </cell>
          <cell r="AN974">
            <v>1089</v>
          </cell>
          <cell r="AO974">
            <v>4435230</v>
          </cell>
          <cell r="AP974" t="str">
            <v>0(0)/1/0</v>
          </cell>
          <cell r="AQ974" t="str">
            <v>造園</v>
          </cell>
          <cell r="AR974" t="str">
            <v>特定</v>
          </cell>
          <cell r="AS974">
            <v>1137</v>
          </cell>
          <cell r="AT974">
            <v>275554</v>
          </cell>
          <cell r="AU974" t="str">
            <v>66(61)/7/0</v>
          </cell>
          <cell r="AV974" t="str">
            <v>舗装</v>
          </cell>
          <cell r="AW974" t="str">
            <v>特定</v>
          </cell>
          <cell r="AX974">
            <v>1353</v>
          </cell>
          <cell r="AY974">
            <v>12044875</v>
          </cell>
          <cell r="AZ974" t="str">
            <v>59(51)/23/0</v>
          </cell>
          <cell r="BA974" t="str">
            <v>東京都</v>
          </cell>
          <cell r="BB974">
            <v>0</v>
          </cell>
          <cell r="CR974">
            <v>6562</v>
          </cell>
          <cell r="CS974" t="str">
            <v>ﾀｹﾅｶ ﾕﾐ</v>
          </cell>
          <cell r="CT974" t="str">
            <v>三宅  裕美</v>
          </cell>
          <cell r="CU974" t="str">
            <v>営繕課</v>
          </cell>
          <cell r="CW974">
            <v>3340</v>
          </cell>
          <cell r="CX974" t="str">
            <v xml:space="preserve"> </v>
          </cell>
          <cell r="CY974" t="str">
            <v>営繕課長</v>
          </cell>
        </row>
        <row r="975">
          <cell r="B975">
            <v>3790</v>
          </cell>
          <cell r="C975" t="str">
            <v>八紘建設(株)</v>
          </cell>
          <cell r="D975" t="str">
            <v>0798-52-3143</v>
          </cell>
          <cell r="E975" t="str">
            <v>663-8005</v>
          </cell>
          <cell r="F975" t="str">
            <v>兵庫県西宮市下大市西町16-18</v>
          </cell>
          <cell r="G975" t="str">
            <v>西宮市</v>
          </cell>
          <cell r="H975" t="str">
            <v/>
          </cell>
          <cell r="I975" t="str">
            <v>代表取締役 中川　正吾</v>
          </cell>
          <cell r="J975" t="str">
            <v>本店</v>
          </cell>
          <cell r="K975" t="str">
            <v>0798-52-5190</v>
          </cell>
          <cell r="L975" t="str">
            <v>hakko.k@themis.ocn.ne.jp</v>
          </cell>
          <cell r="M975" t="str">
            <v>ﾊｯｺｳｹﾝｾﾂ</v>
          </cell>
          <cell r="N975" t="str">
            <v>無</v>
          </cell>
          <cell r="O975">
            <v>57</v>
          </cell>
          <cell r="P975">
            <v>6</v>
          </cell>
          <cell r="Q975">
            <v>2140001069944</v>
          </cell>
          <cell r="R975">
            <v>30000</v>
          </cell>
          <cell r="S975">
            <v>186622</v>
          </cell>
          <cell r="T975">
            <v>413290</v>
          </cell>
          <cell r="V975" t="str">
            <v>rb639468</v>
          </cell>
          <cell r="W975" t="str">
            <v>kw306275</v>
          </cell>
          <cell r="X975" t="str">
            <v>土建と舗浚塗水解</v>
          </cell>
          <cell r="Y975" t="str">
            <v/>
          </cell>
          <cell r="Z975" t="str">
            <v>土建と舗浚塗水解</v>
          </cell>
          <cell r="AA975" t="str">
            <v>土木一式</v>
          </cell>
          <cell r="AB975" t="str">
            <v>舗装</v>
          </cell>
          <cell r="AC975" t="str">
            <v>とび土工</v>
          </cell>
          <cell r="AD975" t="str">
            <v>建築一式</v>
          </cell>
          <cell r="AE975">
            <v>43343</v>
          </cell>
          <cell r="AF975" t="str">
            <v>希望する</v>
          </cell>
          <cell r="AG975" t="str">
            <v>土木一式</v>
          </cell>
          <cell r="AH975" t="str">
            <v/>
          </cell>
          <cell r="AI975">
            <v>870</v>
          </cell>
          <cell r="AJ975">
            <v>316202</v>
          </cell>
          <cell r="AK975" t="str">
            <v>5(5)/0/0</v>
          </cell>
          <cell r="AL975" t="str">
            <v>舗装</v>
          </cell>
          <cell r="AM975" t="str">
            <v/>
          </cell>
          <cell r="AN975">
            <v>769</v>
          </cell>
          <cell r="AO975">
            <v>15055</v>
          </cell>
          <cell r="AP975" t="str">
            <v>4(4)/0/0</v>
          </cell>
          <cell r="AQ975" t="str">
            <v>とび土工</v>
          </cell>
          <cell r="AR975" t="str">
            <v/>
          </cell>
          <cell r="AS975">
            <v>683</v>
          </cell>
          <cell r="AT975">
            <v>7205</v>
          </cell>
          <cell r="AU975" t="str">
            <v>0(0)/0/0</v>
          </cell>
          <cell r="AV975" t="str">
            <v>建築一式</v>
          </cell>
          <cell r="AW975" t="str">
            <v/>
          </cell>
          <cell r="AX975">
            <v>696</v>
          </cell>
          <cell r="AY975">
            <v>4761</v>
          </cell>
          <cell r="AZ975" t="str">
            <v>1(1)/0/0</v>
          </cell>
          <cell r="BA975" t="str">
            <v>兵庫県</v>
          </cell>
          <cell r="BB975">
            <v>0</v>
          </cell>
          <cell r="CR975">
            <v>6563</v>
          </cell>
          <cell r="CS975" t="str">
            <v>ﾀﾂﾐ ﾏｻｷ</v>
          </cell>
          <cell r="CT975" t="str">
            <v>巽  正樹</v>
          </cell>
          <cell r="CU975" t="str">
            <v>建築指導課</v>
          </cell>
          <cell r="CW975">
            <v>3256</v>
          </cell>
          <cell r="CX975" t="str">
            <v>主任</v>
          </cell>
          <cell r="CY975" t="str">
            <v>建築指導課長</v>
          </cell>
        </row>
        <row r="976">
          <cell r="B976">
            <v>3793</v>
          </cell>
          <cell r="C976" t="str">
            <v>パナソニックシステムソリューションズジャパン(株)</v>
          </cell>
          <cell r="D976" t="str">
            <v>06-6150-9370</v>
          </cell>
          <cell r="E976" t="str">
            <v>532-0003</v>
          </cell>
          <cell r="F976" t="str">
            <v>大阪府大阪市淀川区宮原1-2-33</v>
          </cell>
          <cell r="G976" t="str">
            <v/>
          </cell>
          <cell r="H976" t="str">
            <v>関西社</v>
          </cell>
          <cell r="I976" t="str">
            <v>社長 佐野　克也</v>
          </cell>
          <cell r="J976" t="str">
            <v>東京都</v>
          </cell>
          <cell r="K976" t="str">
            <v>06-6150-9390</v>
          </cell>
          <cell r="L976" t="str">
            <v>kansai.nyuusatsu@ml.jp.panasonic.com</v>
          </cell>
          <cell r="M976" t="str">
            <v>ﾊﾟﾅｿﾆｯｸｼｽﾃﾑｿﾘｭｰｼｮﾝｽﾞｼﾞｬﾊﾟﾝ</v>
          </cell>
          <cell r="N976" t="str">
            <v>有</v>
          </cell>
          <cell r="O976">
            <v>50</v>
          </cell>
          <cell r="P976">
            <v>2948</v>
          </cell>
          <cell r="Q976">
            <v>3010001129215</v>
          </cell>
          <cell r="R976">
            <v>350000</v>
          </cell>
          <cell r="S976">
            <v>56513000</v>
          </cell>
          <cell r="T976">
            <v>291303000</v>
          </cell>
          <cell r="V976" t="str">
            <v>zs506517</v>
          </cell>
          <cell r="W976" t="str">
            <v>yh466498</v>
          </cell>
          <cell r="X976" t="str">
            <v>(電)(通)電管機通</v>
          </cell>
          <cell r="Y976" t="str">
            <v>(電)(通)</v>
          </cell>
          <cell r="Z976" t="str">
            <v>電管機通</v>
          </cell>
          <cell r="AA976" t="str">
            <v>電気通信</v>
          </cell>
          <cell r="AB976" t="str">
            <v>電気</v>
          </cell>
          <cell r="AC976" t="str">
            <v/>
          </cell>
          <cell r="AD976" t="str">
            <v/>
          </cell>
          <cell r="AE976">
            <v>43190</v>
          </cell>
          <cell r="AF976" t="str">
            <v>希望しない</v>
          </cell>
          <cell r="AG976" t="str">
            <v>電気通信</v>
          </cell>
          <cell r="AH976" t="str">
            <v>特定</v>
          </cell>
          <cell r="AI976">
            <v>1673</v>
          </cell>
          <cell r="AJ976">
            <v>47029500</v>
          </cell>
          <cell r="AK976" t="str">
            <v>0(0)/0/356</v>
          </cell>
          <cell r="AL976" t="str">
            <v>電気</v>
          </cell>
          <cell r="AM976" t="str">
            <v>特定</v>
          </cell>
          <cell r="AN976">
            <v>1441</v>
          </cell>
          <cell r="AO976">
            <v>1292500</v>
          </cell>
          <cell r="AP976" t="str">
            <v>171(144)/85/11</v>
          </cell>
          <cell r="AQ976" t="str">
            <v/>
          </cell>
          <cell r="AR976" t="str">
            <v/>
          </cell>
          <cell r="AS976" t="str">
            <v/>
          </cell>
          <cell r="AT976" t="str">
            <v/>
          </cell>
          <cell r="AU976" t="str">
            <v/>
          </cell>
          <cell r="AV976" t="str">
            <v/>
          </cell>
          <cell r="AW976" t="str">
            <v/>
          </cell>
          <cell r="AX976" t="str">
            <v/>
          </cell>
          <cell r="AY976" t="str">
            <v/>
          </cell>
          <cell r="AZ976" t="str">
            <v/>
          </cell>
          <cell r="BA976" t="str">
            <v>東京都</v>
          </cell>
          <cell r="BB976">
            <v>0</v>
          </cell>
          <cell r="CR976">
            <v>6564</v>
          </cell>
          <cell r="CS976" t="str">
            <v>ﾅｶﾆｼ ﾋﾛｼ</v>
          </cell>
          <cell r="CT976" t="str">
            <v>中西  寛</v>
          </cell>
          <cell r="CU976" t="str">
            <v>新庁舎等整備室</v>
          </cell>
          <cell r="CW976">
            <v>4357</v>
          </cell>
          <cell r="CX976" t="str">
            <v xml:space="preserve"> </v>
          </cell>
          <cell r="CY976" t="str">
            <v>安全・安心施策推進班　主幹</v>
          </cell>
        </row>
        <row r="977">
          <cell r="B977">
            <v>3795</v>
          </cell>
          <cell r="C977" t="str">
            <v>(株)ハマキャスト</v>
          </cell>
          <cell r="D977" t="str">
            <v>06-6485-8882</v>
          </cell>
          <cell r="E977" t="str">
            <v>530-0003</v>
          </cell>
          <cell r="F977" t="str">
            <v>大阪府大阪市北区堂島2-3-5</v>
          </cell>
          <cell r="G977" t="str">
            <v>大阪市</v>
          </cell>
          <cell r="H977" t="str">
            <v/>
          </cell>
          <cell r="I977" t="str">
            <v>代表取締役 濱中　清海</v>
          </cell>
          <cell r="J977" t="str">
            <v>本店</v>
          </cell>
          <cell r="K977" t="str">
            <v>06-6485-8883</v>
          </cell>
          <cell r="L977" t="str">
            <v>eigyo@hamacast.co.jp</v>
          </cell>
          <cell r="M977" t="str">
            <v>ﾊﾏｷｬｽﾄ</v>
          </cell>
          <cell r="N977" t="str">
            <v>無</v>
          </cell>
          <cell r="O977">
            <v>43</v>
          </cell>
          <cell r="P977">
            <v>46</v>
          </cell>
          <cell r="Q977">
            <v>6120001036125</v>
          </cell>
          <cell r="R977">
            <v>100000</v>
          </cell>
          <cell r="S977">
            <v>429443</v>
          </cell>
          <cell r="T977">
            <v>1672491</v>
          </cell>
          <cell r="V977" t="str">
            <v>rc558461</v>
          </cell>
          <cell r="W977" t="str">
            <v>bk414100</v>
          </cell>
          <cell r="X977" t="str">
            <v>と塗防</v>
          </cell>
          <cell r="Y977" t="str">
            <v/>
          </cell>
          <cell r="Z977" t="str">
            <v>と塗防</v>
          </cell>
          <cell r="AA977" t="str">
            <v>防水</v>
          </cell>
          <cell r="AB977" t="str">
            <v>塗装</v>
          </cell>
          <cell r="AC977" t="str">
            <v/>
          </cell>
          <cell r="AD977" t="str">
            <v/>
          </cell>
          <cell r="AE977">
            <v>43039</v>
          </cell>
          <cell r="AF977" t="str">
            <v>希望しない</v>
          </cell>
          <cell r="AG977" t="str">
            <v>防水</v>
          </cell>
          <cell r="AH977" t="str">
            <v>特定</v>
          </cell>
          <cell r="AI977">
            <v>874</v>
          </cell>
          <cell r="AJ977">
            <v>773057</v>
          </cell>
          <cell r="AK977" t="str">
            <v>3(3)/4/3</v>
          </cell>
          <cell r="AL977" t="str">
            <v>塗装</v>
          </cell>
          <cell r="AM977" t="str">
            <v>特定</v>
          </cell>
          <cell r="AN977">
            <v>879</v>
          </cell>
          <cell r="AO977">
            <v>829005</v>
          </cell>
          <cell r="AP977" t="str">
            <v>4(3)/4/4</v>
          </cell>
          <cell r="AQ977" t="str">
            <v/>
          </cell>
          <cell r="AR977" t="str">
            <v/>
          </cell>
          <cell r="AS977" t="str">
            <v/>
          </cell>
          <cell r="AT977" t="str">
            <v/>
          </cell>
          <cell r="AU977" t="str">
            <v/>
          </cell>
          <cell r="AV977" t="str">
            <v/>
          </cell>
          <cell r="AW977" t="str">
            <v/>
          </cell>
          <cell r="AX977" t="str">
            <v/>
          </cell>
          <cell r="AY977" t="str">
            <v/>
          </cell>
          <cell r="AZ977" t="str">
            <v/>
          </cell>
          <cell r="BA977" t="str">
            <v>大阪府</v>
          </cell>
          <cell r="BB977">
            <v>0</v>
          </cell>
          <cell r="CR977">
            <v>6565</v>
          </cell>
          <cell r="CS977" t="str">
            <v>ｷﾀﾑﾗ ﾏｻﾋﾛ</v>
          </cell>
          <cell r="CT977" t="str">
            <v>北村  昌洋</v>
          </cell>
          <cell r="CU977" t="str">
            <v>都市安全企画課</v>
          </cell>
          <cell r="CW977">
            <v>2159</v>
          </cell>
          <cell r="CX977" t="str">
            <v xml:space="preserve"> </v>
          </cell>
          <cell r="CY977" t="str">
            <v>都市安全企画課長</v>
          </cell>
        </row>
        <row r="978">
          <cell r="B978">
            <v>3797</v>
          </cell>
          <cell r="C978" t="str">
            <v>(株)ハマダ</v>
          </cell>
          <cell r="D978" t="str">
            <v>079-272-1082</v>
          </cell>
          <cell r="E978" t="str">
            <v>671-1234</v>
          </cell>
          <cell r="F978" t="str">
            <v>兵庫県姫路市網干区新在家1261番地の12</v>
          </cell>
          <cell r="G978" t="str">
            <v>姫路市</v>
          </cell>
          <cell r="H978" t="str">
            <v/>
          </cell>
          <cell r="I978" t="str">
            <v>代表取締役社長 帽田　泰輔</v>
          </cell>
          <cell r="J978" t="str">
            <v>本店</v>
          </cell>
          <cell r="K978" t="str">
            <v>079-272-1347</v>
          </cell>
          <cell r="L978" t="str">
            <v>hamada@hamada-inc.co.jp</v>
          </cell>
          <cell r="M978" t="str">
            <v>ﾊﾏﾀﾞ</v>
          </cell>
          <cell r="N978" t="str">
            <v>無</v>
          </cell>
          <cell r="O978">
            <v>49</v>
          </cell>
          <cell r="P978">
            <v>308</v>
          </cell>
          <cell r="Q978">
            <v>2140001060770</v>
          </cell>
          <cell r="R978">
            <v>55020</v>
          </cell>
          <cell r="S978">
            <v>10203218</v>
          </cell>
          <cell r="T978">
            <v>14630762</v>
          </cell>
          <cell r="V978" t="str">
            <v>ng912509</v>
          </cell>
          <cell r="W978" t="str">
            <v>sd434725</v>
          </cell>
          <cell r="X978" t="str">
            <v>土建と電管舗浚機水解</v>
          </cell>
          <cell r="Y978" t="str">
            <v/>
          </cell>
          <cell r="Z978" t="str">
            <v>土建と電管舗浚機水解</v>
          </cell>
          <cell r="AA978" t="str">
            <v>土木一式</v>
          </cell>
          <cell r="AB978" t="str">
            <v>建築一式</v>
          </cell>
          <cell r="AC978" t="str">
            <v>水道施設</v>
          </cell>
          <cell r="AD978" t="str">
            <v>とび土工</v>
          </cell>
          <cell r="AE978">
            <v>43251</v>
          </cell>
          <cell r="AF978" t="str">
            <v>希望する</v>
          </cell>
          <cell r="AG978" t="str">
            <v>土木一式</v>
          </cell>
          <cell r="AH978" t="str">
            <v>特定</v>
          </cell>
          <cell r="AI978">
            <v>1315</v>
          </cell>
          <cell r="AJ978">
            <v>6510018</v>
          </cell>
          <cell r="AK978" t="str">
            <v>19(19)/4/103</v>
          </cell>
          <cell r="AL978" t="str">
            <v>建築一式</v>
          </cell>
          <cell r="AM978" t="str">
            <v>特定</v>
          </cell>
          <cell r="AN978">
            <v>1255</v>
          </cell>
          <cell r="AO978">
            <v>4003575</v>
          </cell>
          <cell r="AP978" t="str">
            <v>10(10)/3/71</v>
          </cell>
          <cell r="AQ978" t="str">
            <v>水道施設</v>
          </cell>
          <cell r="AR978" t="str">
            <v>特定</v>
          </cell>
          <cell r="AS978">
            <v>1157</v>
          </cell>
          <cell r="AT978">
            <v>703623</v>
          </cell>
          <cell r="AU978" t="str">
            <v>15(15)/0/46</v>
          </cell>
          <cell r="AV978" t="str">
            <v>とび土工</v>
          </cell>
          <cell r="AW978" t="str">
            <v>特定</v>
          </cell>
          <cell r="AX978">
            <v>933</v>
          </cell>
          <cell r="AY978">
            <v>28815</v>
          </cell>
          <cell r="AZ978" t="str">
            <v>1(1)/0/4</v>
          </cell>
          <cell r="BA978" t="str">
            <v>兵庫県</v>
          </cell>
          <cell r="BB978">
            <v>0</v>
          </cell>
          <cell r="CR978">
            <v>6567</v>
          </cell>
          <cell r="CS978" t="str">
            <v>ﾆｼﾞﾖｳ ｸﾐ</v>
          </cell>
          <cell r="CT978" t="str">
            <v>二條  久美</v>
          </cell>
          <cell r="CU978" t="str">
            <v>健康政策課</v>
          </cell>
          <cell r="CW978">
            <v>2559</v>
          </cell>
          <cell r="CX978" t="str">
            <v xml:space="preserve"> </v>
          </cell>
          <cell r="CY978" t="str">
            <v>健康政策課長</v>
          </cell>
        </row>
        <row r="979">
          <cell r="B979">
            <v>3799</v>
          </cell>
          <cell r="C979" t="str">
            <v>(株)浜脇工業</v>
          </cell>
          <cell r="D979" t="str">
            <v>06-6210-7120</v>
          </cell>
          <cell r="E979" t="str">
            <v>535-0013</v>
          </cell>
          <cell r="F979" t="str">
            <v>大阪府大阪市旭区森小路2-1-25</v>
          </cell>
          <cell r="G979" t="str">
            <v>大阪市</v>
          </cell>
          <cell r="H979" t="str">
            <v/>
          </cell>
          <cell r="I979" t="str">
            <v>代表取締役 濱脇　健志</v>
          </cell>
          <cell r="J979" t="str">
            <v>本店</v>
          </cell>
          <cell r="K979" t="str">
            <v>06-6210-7121</v>
          </cell>
          <cell r="L979" t="str">
            <v>hamawakikogyo@kk.email.ne.jp</v>
          </cell>
          <cell r="M979" t="str">
            <v>ﾊﾏﾜｷｺｳｷﾞｮｳ</v>
          </cell>
          <cell r="N979" t="str">
            <v>無</v>
          </cell>
          <cell r="O979">
            <v>42</v>
          </cell>
          <cell r="P979">
            <v>18</v>
          </cell>
          <cell r="Q979">
            <v>7120001052674</v>
          </cell>
          <cell r="R979">
            <v>25000</v>
          </cell>
          <cell r="S979">
            <v>15838</v>
          </cell>
          <cell r="T979">
            <v>564605</v>
          </cell>
          <cell r="V979" t="str">
            <v>ba646285</v>
          </cell>
          <cell r="W979" t="str">
            <v>gp770735</v>
          </cell>
          <cell r="X979" t="str">
            <v>土建大左と石屋タ鋼舗板ガ塗防内熱具</v>
          </cell>
          <cell r="Y979" t="str">
            <v>土建大左と石屋タ鋼舗板ガ塗防内熱具</v>
          </cell>
          <cell r="Z979" t="str">
            <v/>
          </cell>
          <cell r="AA979" t="str">
            <v>防水</v>
          </cell>
          <cell r="AB979" t="str">
            <v>塗装</v>
          </cell>
          <cell r="AC979" t="str">
            <v>建築一式</v>
          </cell>
          <cell r="AD979" t="str">
            <v>土木一式</v>
          </cell>
          <cell r="AE979">
            <v>43008</v>
          </cell>
          <cell r="AF979" t="str">
            <v>希望しない</v>
          </cell>
          <cell r="AG979" t="str">
            <v>防水</v>
          </cell>
          <cell r="AH979" t="str">
            <v>一般</v>
          </cell>
          <cell r="AI979">
            <v>761</v>
          </cell>
          <cell r="AJ979">
            <v>176324</v>
          </cell>
          <cell r="AK979" t="str">
            <v>()/4/2</v>
          </cell>
          <cell r="AL979" t="str">
            <v>塗装</v>
          </cell>
          <cell r="AM979" t="str">
            <v>一般</v>
          </cell>
          <cell r="AN979">
            <v>823</v>
          </cell>
          <cell r="AO979">
            <v>60430</v>
          </cell>
          <cell r="AP979" t="str">
            <v>2(1)/5/2</v>
          </cell>
          <cell r="AQ979" t="str">
            <v>建築一式</v>
          </cell>
          <cell r="AR979" t="str">
            <v>一般</v>
          </cell>
          <cell r="AS979">
            <v>796</v>
          </cell>
          <cell r="AT979">
            <v>89943</v>
          </cell>
          <cell r="AU979" t="str">
            <v>2(1)/3/2</v>
          </cell>
          <cell r="AV979" t="str">
            <v>土木一式</v>
          </cell>
          <cell r="AW979" t="str">
            <v>一般</v>
          </cell>
          <cell r="AX979">
            <v>721</v>
          </cell>
          <cell r="AY979">
            <v>8799</v>
          </cell>
          <cell r="AZ979" t="str">
            <v>1(1)/3/1</v>
          </cell>
          <cell r="BA979" t="str">
            <v>大阪府</v>
          </cell>
          <cell r="BB979">
            <v>0</v>
          </cell>
          <cell r="CR979">
            <v>6568</v>
          </cell>
          <cell r="CS979" t="str">
            <v>ｱﾀﾞﾁ ｱﾔｶ</v>
          </cell>
          <cell r="CT979" t="str">
            <v>足立  彩香</v>
          </cell>
          <cell r="CU979" t="str">
            <v>保育課</v>
          </cell>
          <cell r="CW979" t="str">
            <v xml:space="preserve"> </v>
          </cell>
          <cell r="CX979" t="str">
            <v xml:space="preserve"> </v>
          </cell>
          <cell r="CY979" t="str">
            <v>保育課長</v>
          </cell>
        </row>
        <row r="980">
          <cell r="B980">
            <v>3802</v>
          </cell>
          <cell r="C980" t="str">
            <v>(株)原田鑿井設備工業所</v>
          </cell>
          <cell r="D980" t="str">
            <v>06-6768-4440</v>
          </cell>
          <cell r="E980" t="str">
            <v>543-0001</v>
          </cell>
          <cell r="F980" t="str">
            <v>大阪府大阪市天王寺区上本町5-2-11</v>
          </cell>
          <cell r="G980" t="str">
            <v>大和郡山市</v>
          </cell>
          <cell r="H980" t="str">
            <v>大阪営業所</v>
          </cell>
          <cell r="I980" t="str">
            <v>大阪営業所長 窪田　善知</v>
          </cell>
          <cell r="J980" t="str">
            <v>奈良県大和郡山市</v>
          </cell>
          <cell r="K980" t="str">
            <v>06-6768-4455</v>
          </cell>
          <cell r="L980" t="str">
            <v>info@sakusei.co.jp</v>
          </cell>
          <cell r="M980" t="str">
            <v>ﾊﾗﾀﾞｻｸｲｾﾂﾋﾞｺｳｷﾞｮｳｼｮ</v>
          </cell>
          <cell r="N980" t="str">
            <v>有</v>
          </cell>
          <cell r="O980">
            <v>59</v>
          </cell>
          <cell r="P980">
            <v>22</v>
          </cell>
          <cell r="Q980">
            <v>9150001006048</v>
          </cell>
          <cell r="R980">
            <v>40000</v>
          </cell>
          <cell r="S980">
            <v>172401</v>
          </cell>
          <cell r="T980">
            <v>692957</v>
          </cell>
          <cell r="V980" t="str">
            <v>dw813076</v>
          </cell>
          <cell r="W980" t="str">
            <v>cx512320</v>
          </cell>
          <cell r="X980" t="str">
            <v>管(機)(井)土と舗浚機井水</v>
          </cell>
          <cell r="Y980" t="str">
            <v>管(機)(井)</v>
          </cell>
          <cell r="Z980" t="str">
            <v>土と舗浚機井水</v>
          </cell>
          <cell r="AA980" t="str">
            <v>さく井</v>
          </cell>
          <cell r="AB980" t="str">
            <v>機械器具</v>
          </cell>
          <cell r="AC980" t="str">
            <v/>
          </cell>
          <cell r="AD980" t="str">
            <v/>
          </cell>
          <cell r="AE980">
            <v>43100</v>
          </cell>
          <cell r="AF980" t="str">
            <v>希望しない</v>
          </cell>
          <cell r="AG980" t="str">
            <v>さく井</v>
          </cell>
          <cell r="AH980" t="str">
            <v>特定</v>
          </cell>
          <cell r="AI980">
            <v>906</v>
          </cell>
          <cell r="AJ980">
            <v>356963</v>
          </cell>
          <cell r="AK980" t="str">
            <v>0(0)/11/5</v>
          </cell>
          <cell r="AL980" t="str">
            <v>機械器具</v>
          </cell>
          <cell r="AM980" t="str">
            <v>特定</v>
          </cell>
          <cell r="AN980">
            <v>860</v>
          </cell>
          <cell r="AO980">
            <v>217013</v>
          </cell>
          <cell r="AP980" t="str">
            <v>0(0)/0/12</v>
          </cell>
          <cell r="AQ980" t="str">
            <v/>
          </cell>
          <cell r="AR980" t="str">
            <v/>
          </cell>
          <cell r="AS980" t="str">
            <v/>
          </cell>
          <cell r="AT980" t="str">
            <v/>
          </cell>
          <cell r="AU980" t="str">
            <v/>
          </cell>
          <cell r="AV980" t="str">
            <v/>
          </cell>
          <cell r="AW980" t="str">
            <v/>
          </cell>
          <cell r="AX980" t="str">
            <v/>
          </cell>
          <cell r="AY980" t="str">
            <v/>
          </cell>
          <cell r="AZ980" t="str">
            <v/>
          </cell>
          <cell r="BA980" t="str">
            <v>奈良県</v>
          </cell>
          <cell r="BB980">
            <v>0</v>
          </cell>
          <cell r="CR980">
            <v>6569</v>
          </cell>
          <cell r="CS980" t="str">
            <v>ﾀｸﾞﾁ ﾀｴｺ</v>
          </cell>
          <cell r="CT980" t="str">
            <v>田口  多絵子</v>
          </cell>
          <cell r="CU980" t="str">
            <v>保育課</v>
          </cell>
          <cell r="CW980" t="str">
            <v xml:space="preserve"> </v>
          </cell>
          <cell r="CX980" t="str">
            <v xml:space="preserve"> </v>
          </cell>
          <cell r="CY980" t="str">
            <v>保育課長</v>
          </cell>
        </row>
        <row r="981">
          <cell r="B981">
            <v>3805</v>
          </cell>
          <cell r="C981" t="str">
            <v>パワーレックス(株)</v>
          </cell>
          <cell r="D981" t="str">
            <v>078-452-5115</v>
          </cell>
          <cell r="E981" t="str">
            <v>658-0082</v>
          </cell>
          <cell r="F981" t="str">
            <v>兵庫県神戸市東灘区魚崎北町1丁目6番23号</v>
          </cell>
          <cell r="G981" t="str">
            <v>神戸市</v>
          </cell>
          <cell r="H981" t="str">
            <v/>
          </cell>
          <cell r="I981" t="str">
            <v>代表取締役 小紫　雄彦</v>
          </cell>
          <cell r="J981" t="str">
            <v>本店</v>
          </cell>
          <cell r="K981" t="str">
            <v>078-412-3700</v>
          </cell>
          <cell r="L981" t="str">
            <v>powerrex@iris.ocn.ne.jp</v>
          </cell>
          <cell r="M981" t="str">
            <v>ﾊﾟﾜｰﾚｯｸｽ</v>
          </cell>
          <cell r="N981" t="str">
            <v>無</v>
          </cell>
          <cell r="O981">
            <v>40</v>
          </cell>
          <cell r="P981">
            <v>4</v>
          </cell>
          <cell r="Q981">
            <v>5140001002316</v>
          </cell>
          <cell r="R981">
            <v>20000</v>
          </cell>
          <cell r="S981">
            <v>88540</v>
          </cell>
          <cell r="T981">
            <v>169403</v>
          </cell>
          <cell r="V981" t="str">
            <v>py500546</v>
          </cell>
          <cell r="W981" t="str">
            <v>hu156654</v>
          </cell>
          <cell r="X981" t="str">
            <v>建大と塗防</v>
          </cell>
          <cell r="Y981" t="str">
            <v/>
          </cell>
          <cell r="Z981" t="str">
            <v>建大と塗防</v>
          </cell>
          <cell r="AA981" t="str">
            <v>防水</v>
          </cell>
          <cell r="AB981" t="str">
            <v>塗装</v>
          </cell>
          <cell r="AC981" t="str">
            <v>建築一式</v>
          </cell>
          <cell r="AD981" t="str">
            <v/>
          </cell>
          <cell r="AE981">
            <v>43312</v>
          </cell>
          <cell r="AF981" t="str">
            <v>希望しない</v>
          </cell>
          <cell r="AG981" t="str">
            <v>防水</v>
          </cell>
          <cell r="AH981" t="str">
            <v>特定</v>
          </cell>
          <cell r="AI981">
            <v>728</v>
          </cell>
          <cell r="AJ981">
            <v>132543</v>
          </cell>
          <cell r="AK981" t="str">
            <v>2(2)/1/0</v>
          </cell>
          <cell r="AL981" t="str">
            <v>塗装</v>
          </cell>
          <cell r="AM981" t="str">
            <v>特定</v>
          </cell>
          <cell r="AN981">
            <v>679</v>
          </cell>
          <cell r="AO981">
            <v>19422</v>
          </cell>
          <cell r="AP981" t="str">
            <v>2(2)/1/0</v>
          </cell>
          <cell r="AQ981" t="str">
            <v>建築一式</v>
          </cell>
          <cell r="AR981" t="str">
            <v>特定</v>
          </cell>
          <cell r="AS981">
            <v>583</v>
          </cell>
          <cell r="AT981" t="str">
            <v/>
          </cell>
          <cell r="AU981" t="str">
            <v>0(0)/0/0</v>
          </cell>
          <cell r="AV981" t="str">
            <v/>
          </cell>
          <cell r="AW981" t="str">
            <v/>
          </cell>
          <cell r="AX981" t="str">
            <v/>
          </cell>
          <cell r="AY981" t="str">
            <v/>
          </cell>
          <cell r="AZ981" t="str">
            <v/>
          </cell>
          <cell r="BA981" t="str">
            <v>兵庫県</v>
          </cell>
          <cell r="BB981">
            <v>0</v>
          </cell>
          <cell r="CR981">
            <v>6571</v>
          </cell>
          <cell r="CS981" t="str">
            <v>ｼﾓﾀﾆ ﾏﾘｺ</v>
          </cell>
          <cell r="CT981" t="str">
            <v>下谷  真理子</v>
          </cell>
          <cell r="CU981" t="str">
            <v>保育課</v>
          </cell>
          <cell r="CW981" t="str">
            <v xml:space="preserve"> </v>
          </cell>
          <cell r="CX981" t="str">
            <v xml:space="preserve"> </v>
          </cell>
          <cell r="CY981" t="str">
            <v>保育課長</v>
          </cell>
        </row>
        <row r="982">
          <cell r="B982">
            <v>3808</v>
          </cell>
          <cell r="C982" t="str">
            <v>阪神園芸(株)</v>
          </cell>
          <cell r="D982" t="str">
            <v>0798-47-3538</v>
          </cell>
          <cell r="E982" t="str">
            <v>663-8165</v>
          </cell>
          <cell r="F982" t="str">
            <v>兵庫県西宮市甲子園浦風町16-24</v>
          </cell>
          <cell r="G982" t="str">
            <v>西宮市</v>
          </cell>
          <cell r="H982" t="str">
            <v/>
          </cell>
          <cell r="I982" t="str">
            <v>代表取締役 久保田　晃司</v>
          </cell>
          <cell r="J982" t="str">
            <v>本店</v>
          </cell>
          <cell r="K982" t="str">
            <v>0797-41-4116</v>
          </cell>
          <cell r="L982" t="str">
            <v>eigyo@engei.hanshin.co.jp</v>
          </cell>
          <cell r="M982" t="str">
            <v>ﾊﾝｼﾝｴﾝｹﾞｲ</v>
          </cell>
          <cell r="N982" t="str">
            <v>無</v>
          </cell>
          <cell r="O982">
            <v>49</v>
          </cell>
          <cell r="P982">
            <v>168</v>
          </cell>
          <cell r="Q982">
            <v>1140001070003</v>
          </cell>
          <cell r="R982">
            <v>50000</v>
          </cell>
          <cell r="S982">
            <v>1898760</v>
          </cell>
          <cell r="T982">
            <v>3452183</v>
          </cell>
          <cell r="V982" t="str">
            <v>rw785606</v>
          </cell>
          <cell r="W982" t="str">
            <v>cd575177</v>
          </cell>
          <cell r="X982" t="str">
            <v>土と舗園</v>
          </cell>
          <cell r="Y982" t="str">
            <v/>
          </cell>
          <cell r="Z982" t="str">
            <v>土と舗園</v>
          </cell>
          <cell r="AA982" t="str">
            <v>造園</v>
          </cell>
          <cell r="AB982" t="str">
            <v>土木一式</v>
          </cell>
          <cell r="AC982" t="str">
            <v>とび土工</v>
          </cell>
          <cell r="AD982" t="str">
            <v>舗装</v>
          </cell>
          <cell r="AE982">
            <v>43190</v>
          </cell>
          <cell r="AF982" t="str">
            <v>希望しない</v>
          </cell>
          <cell r="AG982" t="str">
            <v>造園</v>
          </cell>
          <cell r="AH982" t="str">
            <v>特定</v>
          </cell>
          <cell r="AI982">
            <v>1103</v>
          </cell>
          <cell r="AJ982">
            <v>1291018</v>
          </cell>
          <cell r="AK982" t="str">
            <v>48(23)/16/2</v>
          </cell>
          <cell r="AL982" t="str">
            <v>土木一式</v>
          </cell>
          <cell r="AM982" t="str">
            <v>特定</v>
          </cell>
          <cell r="AN982">
            <v>984</v>
          </cell>
          <cell r="AO982">
            <v>135087</v>
          </cell>
          <cell r="AP982" t="str">
            <v>25(16)/14/4</v>
          </cell>
          <cell r="AQ982" t="str">
            <v>とび土工</v>
          </cell>
          <cell r="AR982" t="str">
            <v>特定</v>
          </cell>
          <cell r="AS982">
            <v>856</v>
          </cell>
          <cell r="AT982">
            <v>300320</v>
          </cell>
          <cell r="AU982" t="str">
            <v/>
          </cell>
          <cell r="AV982" t="str">
            <v>舗装</v>
          </cell>
          <cell r="AW982" t="str">
            <v>特定</v>
          </cell>
          <cell r="AX982">
            <v>808</v>
          </cell>
          <cell r="AY982">
            <v>78797</v>
          </cell>
          <cell r="AZ982" t="str">
            <v/>
          </cell>
          <cell r="BA982" t="str">
            <v>兵庫県</v>
          </cell>
          <cell r="BB982">
            <v>0</v>
          </cell>
          <cell r="CR982">
            <v>6572</v>
          </cell>
          <cell r="CS982" t="str">
            <v>ﾏﾀﾖｼ ｱﾘｻ</v>
          </cell>
          <cell r="CT982" t="str">
            <v>又吉  亜梨沙</v>
          </cell>
          <cell r="CU982" t="str">
            <v>保育課</v>
          </cell>
          <cell r="CW982" t="str">
            <v xml:space="preserve"> </v>
          </cell>
          <cell r="CX982" t="str">
            <v xml:space="preserve"> </v>
          </cell>
          <cell r="CY982" t="str">
            <v>保育課長</v>
          </cell>
        </row>
        <row r="983">
          <cell r="B983">
            <v>3810</v>
          </cell>
          <cell r="C983" t="str">
            <v>阪神環境事業(株)</v>
          </cell>
          <cell r="D983" t="str">
            <v>072-759-1149</v>
          </cell>
          <cell r="E983" t="str">
            <v>666-0024</v>
          </cell>
          <cell r="F983" t="str">
            <v>兵庫県川西市久代1-4-10</v>
          </cell>
          <cell r="G983" t="str">
            <v>川西市</v>
          </cell>
          <cell r="H983" t="str">
            <v/>
          </cell>
          <cell r="I983" t="str">
            <v>代表取締役 上田　浩</v>
          </cell>
          <cell r="J983" t="str">
            <v>本店</v>
          </cell>
          <cell r="K983" t="str">
            <v>072-759-5571</v>
          </cell>
          <cell r="L983" t="str">
            <v>info@hanshinkankyo.co.jp</v>
          </cell>
          <cell r="M983" t="str">
            <v>ﾊﾝｼﾝｶﾝｷｮｳｼﾞｷﾞｮｳ</v>
          </cell>
          <cell r="N983" t="str">
            <v>無</v>
          </cell>
          <cell r="O983">
            <v>41</v>
          </cell>
          <cell r="P983">
            <v>42</v>
          </cell>
          <cell r="Q983">
            <v>1140001079580</v>
          </cell>
          <cell r="R983">
            <v>10000</v>
          </cell>
          <cell r="S983">
            <v>1025142</v>
          </cell>
          <cell r="T983">
            <v>500103</v>
          </cell>
          <cell r="V983" t="str">
            <v>zr892432</v>
          </cell>
          <cell r="W983" t="str">
            <v>ka953100</v>
          </cell>
          <cell r="X983" t="str">
            <v>土と管浚</v>
          </cell>
          <cell r="Y983" t="str">
            <v>土と管浚</v>
          </cell>
          <cell r="Z983" t="str">
            <v/>
          </cell>
          <cell r="AA983" t="str">
            <v>土木一式</v>
          </cell>
          <cell r="AB983" t="str">
            <v>とび土工</v>
          </cell>
          <cell r="AC983" t="str">
            <v>管</v>
          </cell>
          <cell r="AD983" t="str">
            <v>浚渫</v>
          </cell>
          <cell r="AE983">
            <v>43190</v>
          </cell>
          <cell r="AF983" t="str">
            <v>希望する</v>
          </cell>
          <cell r="AG983" t="str">
            <v>土木一式</v>
          </cell>
          <cell r="AH983" t="str">
            <v>一般</v>
          </cell>
          <cell r="AI983">
            <v>693</v>
          </cell>
          <cell r="AJ983">
            <v>2563</v>
          </cell>
          <cell r="AK983" t="str">
            <v>1(1)/2/5</v>
          </cell>
          <cell r="AL983" t="str">
            <v>とび土工</v>
          </cell>
          <cell r="AM983" t="str">
            <v>一般</v>
          </cell>
          <cell r="AN983">
            <v>735</v>
          </cell>
          <cell r="AO983">
            <v>14086</v>
          </cell>
          <cell r="AP983" t="str">
            <v>1(1)/1/7</v>
          </cell>
          <cell r="AQ983" t="str">
            <v>管</v>
          </cell>
          <cell r="AR983" t="str">
            <v>一般</v>
          </cell>
          <cell r="AS983">
            <v>674</v>
          </cell>
          <cell r="AT983">
            <v>4698</v>
          </cell>
          <cell r="AU983" t="str">
            <v>0(0)/1/1</v>
          </cell>
          <cell r="AV983" t="str">
            <v>浚渫</v>
          </cell>
          <cell r="AW983" t="str">
            <v>一般</v>
          </cell>
          <cell r="AX983">
            <v>735</v>
          </cell>
          <cell r="AY983">
            <v>49933</v>
          </cell>
          <cell r="AZ983" t="str">
            <v>0(0)/1/0</v>
          </cell>
          <cell r="BA983" t="str">
            <v>兵庫県</v>
          </cell>
          <cell r="BB983">
            <v>0</v>
          </cell>
          <cell r="CR983">
            <v>6573</v>
          </cell>
          <cell r="CS983" t="str">
            <v>ﾑﾗﾀ ﾒｸﾞﾐ</v>
          </cell>
          <cell r="CT983" t="str">
            <v>村田  恵</v>
          </cell>
          <cell r="CU983" t="str">
            <v>保育課</v>
          </cell>
          <cell r="CW983" t="str">
            <v xml:space="preserve"> </v>
          </cell>
          <cell r="CX983" t="str">
            <v xml:space="preserve"> </v>
          </cell>
          <cell r="CY983" t="str">
            <v>保育課長</v>
          </cell>
        </row>
        <row r="984">
          <cell r="B984">
            <v>3811</v>
          </cell>
          <cell r="C984" t="str">
            <v>阪神器化学(株)</v>
          </cell>
          <cell r="D984" t="str">
            <v>0798-26-3374</v>
          </cell>
          <cell r="E984" t="str">
            <v>663-8215</v>
          </cell>
          <cell r="F984" t="str">
            <v>兵庫県西宮市今津水波町10-18</v>
          </cell>
          <cell r="G984" t="str">
            <v>西宮市</v>
          </cell>
          <cell r="H984" t="str">
            <v/>
          </cell>
          <cell r="I984" t="str">
            <v>代表取締役 田村　英夫</v>
          </cell>
          <cell r="J984" t="str">
            <v>本店</v>
          </cell>
          <cell r="K984" t="str">
            <v>0798-26-7243</v>
          </cell>
          <cell r="L984" t="str">
            <v>h.kikagaku@ia5.itkeeper.ne.jp</v>
          </cell>
          <cell r="M984" t="str">
            <v>ﾊﾝｼﾝｷｶｶﾞｸ</v>
          </cell>
          <cell r="N984" t="str">
            <v>無</v>
          </cell>
          <cell r="O984">
            <v>35</v>
          </cell>
          <cell r="P984">
            <v>9</v>
          </cell>
          <cell r="Q984">
            <v>4140001070017</v>
          </cell>
          <cell r="R984">
            <v>10000</v>
          </cell>
          <cell r="S984">
            <v>-145603</v>
          </cell>
          <cell r="T984">
            <v>137821</v>
          </cell>
          <cell r="V984" t="str">
            <v>ma302038</v>
          </cell>
          <cell r="W984" t="str">
            <v>kh728662</v>
          </cell>
          <cell r="X984" t="str">
            <v>土と管</v>
          </cell>
          <cell r="Y984" t="str">
            <v>土と管</v>
          </cell>
          <cell r="Z984" t="str">
            <v/>
          </cell>
          <cell r="AA984" t="str">
            <v>管</v>
          </cell>
          <cell r="AB984" t="str">
            <v>土木一式</v>
          </cell>
          <cell r="AC984" t="str">
            <v>とび土工</v>
          </cell>
          <cell r="AD984" t="str">
            <v/>
          </cell>
          <cell r="AE984">
            <v>43312</v>
          </cell>
          <cell r="AF984" t="str">
            <v>希望しない</v>
          </cell>
          <cell r="AG984" t="str">
            <v>管</v>
          </cell>
          <cell r="AH984" t="str">
            <v>一般</v>
          </cell>
          <cell r="AI984">
            <v>623</v>
          </cell>
          <cell r="AJ984">
            <v>31507</v>
          </cell>
          <cell r="AK984" t="str">
            <v>0(0)/0/2</v>
          </cell>
          <cell r="AL984" t="str">
            <v>土木一式</v>
          </cell>
          <cell r="AM984" t="str">
            <v>一般</v>
          </cell>
          <cell r="AN984">
            <v>547</v>
          </cell>
          <cell r="AO984">
            <v>231</v>
          </cell>
          <cell r="AP984" t="str">
            <v>0(0)/0/0</v>
          </cell>
          <cell r="AQ984" t="str">
            <v>とび土工</v>
          </cell>
          <cell r="AR984" t="str">
            <v>一般</v>
          </cell>
          <cell r="AS984">
            <v>541</v>
          </cell>
          <cell r="AT984" t="str">
            <v/>
          </cell>
          <cell r="AU984" t="str">
            <v>0(0)/0/3</v>
          </cell>
          <cell r="AV984" t="str">
            <v/>
          </cell>
          <cell r="AW984" t="str">
            <v/>
          </cell>
          <cell r="AX984" t="str">
            <v/>
          </cell>
          <cell r="AY984" t="str">
            <v/>
          </cell>
          <cell r="AZ984" t="str">
            <v/>
          </cell>
          <cell r="BA984" t="str">
            <v>兵庫県</v>
          </cell>
          <cell r="BB984">
            <v>0</v>
          </cell>
          <cell r="CR984">
            <v>6575</v>
          </cell>
          <cell r="CS984" t="str">
            <v>ﾓﾘｸﾞﾁ ｻﾅｺ</v>
          </cell>
          <cell r="CT984" t="str">
            <v>森口  紗奈子</v>
          </cell>
          <cell r="CU984" t="str">
            <v>保育課</v>
          </cell>
          <cell r="CW984" t="str">
            <v xml:space="preserve"> </v>
          </cell>
          <cell r="CX984" t="str">
            <v xml:space="preserve"> </v>
          </cell>
          <cell r="CY984" t="str">
            <v>保育課長</v>
          </cell>
        </row>
        <row r="985">
          <cell r="B985">
            <v>3813</v>
          </cell>
          <cell r="C985" t="str">
            <v>(株)ハンシン建設</v>
          </cell>
          <cell r="D985" t="str">
            <v>078-806-2121</v>
          </cell>
          <cell r="E985" t="str">
            <v>657-0842</v>
          </cell>
          <cell r="F985" t="str">
            <v>兵庫県神戸市灘区船寺通2-2-7</v>
          </cell>
          <cell r="G985" t="str">
            <v>大阪市</v>
          </cell>
          <cell r="H985" t="str">
            <v>神戸支店</v>
          </cell>
          <cell r="I985" t="str">
            <v>支店長 亀岡　寛明</v>
          </cell>
          <cell r="J985" t="str">
            <v>大阪府大阪市</v>
          </cell>
          <cell r="K985" t="str">
            <v>078-806-2123</v>
          </cell>
          <cell r="L985" t="str">
            <v>hanshin.cals-ec@luck.ocn.ne.jp</v>
          </cell>
          <cell r="M985" t="str">
            <v>ﾊﾝｼﾝｹﾝｾﾂ</v>
          </cell>
          <cell r="N985" t="str">
            <v>有</v>
          </cell>
          <cell r="O985">
            <v>65</v>
          </cell>
          <cell r="P985">
            <v>239</v>
          </cell>
          <cell r="Q985">
            <v>7120001036165</v>
          </cell>
          <cell r="R985">
            <v>400000</v>
          </cell>
          <cell r="S985">
            <v>4677762</v>
          </cell>
          <cell r="T985">
            <v>20320200</v>
          </cell>
          <cell r="V985" t="str">
            <v>yu890503</v>
          </cell>
          <cell r="W985" t="str">
            <v>kw739633</v>
          </cell>
          <cell r="X985" t="str">
            <v>(清)(建)(と)(舗)(水)土建と舗</v>
          </cell>
          <cell r="Y985" t="str">
            <v>(清)(建)(と)(舗)(水)</v>
          </cell>
          <cell r="Z985" t="str">
            <v>土建と舗</v>
          </cell>
          <cell r="AA985" t="str">
            <v>建築一式</v>
          </cell>
          <cell r="AB985" t="str">
            <v>土木一式</v>
          </cell>
          <cell r="AC985" t="str">
            <v>とび土工</v>
          </cell>
          <cell r="AD985" t="str">
            <v>舗装</v>
          </cell>
          <cell r="AE985">
            <v>43190</v>
          </cell>
          <cell r="AF985" t="str">
            <v>希望しない</v>
          </cell>
          <cell r="AG985" t="str">
            <v>建築一式</v>
          </cell>
          <cell r="AH985" t="str">
            <v>特定</v>
          </cell>
          <cell r="AI985">
            <v>1258</v>
          </cell>
          <cell r="AJ985">
            <v>8501302</v>
          </cell>
          <cell r="AK985" t="str">
            <v>51(44)/6/10</v>
          </cell>
          <cell r="AL985" t="str">
            <v>土木一式</v>
          </cell>
          <cell r="AM985" t="str">
            <v>特定</v>
          </cell>
          <cell r="AN985">
            <v>1240</v>
          </cell>
          <cell r="AO985">
            <v>5169506</v>
          </cell>
          <cell r="AP985" t="str">
            <v>80(59)/12/13</v>
          </cell>
          <cell r="AQ985" t="str">
            <v>とび土工</v>
          </cell>
          <cell r="AR985" t="str">
            <v>特定</v>
          </cell>
          <cell r="AS985">
            <v>1168</v>
          </cell>
          <cell r="AT985">
            <v>4491635</v>
          </cell>
          <cell r="AU985" t="str">
            <v>57(35)/4/3</v>
          </cell>
          <cell r="AV985" t="str">
            <v>舗装</v>
          </cell>
          <cell r="AW985" t="str">
            <v>特定</v>
          </cell>
          <cell r="AX985">
            <v>974</v>
          </cell>
          <cell r="AY985">
            <v>36749</v>
          </cell>
          <cell r="AZ985" t="str">
            <v>31(30)/0/0</v>
          </cell>
          <cell r="BA985" t="str">
            <v>大阪府</v>
          </cell>
          <cell r="BB985">
            <v>0</v>
          </cell>
          <cell r="CR985">
            <v>6605</v>
          </cell>
          <cell r="CS985" t="str">
            <v>ﾑﾗｶﾐ ﾕﾀｶ</v>
          </cell>
          <cell r="CT985" t="str">
            <v>村上  豊</v>
          </cell>
          <cell r="CU985" t="str">
            <v>都市基盤総務課</v>
          </cell>
          <cell r="CW985" t="str">
            <v xml:space="preserve"> </v>
          </cell>
          <cell r="CX985" t="str">
            <v xml:space="preserve"> </v>
          </cell>
          <cell r="CY985" t="str">
            <v>都市基盤総務課長</v>
          </cell>
        </row>
        <row r="986">
          <cell r="B986">
            <v>3816</v>
          </cell>
          <cell r="C986" t="str">
            <v>阪神特機サービス(株)</v>
          </cell>
          <cell r="D986" t="str">
            <v>0798-63-6300</v>
          </cell>
          <cell r="E986" t="str">
            <v>662-0836</v>
          </cell>
          <cell r="F986" t="str">
            <v>兵庫県西宮市大畑町8-28</v>
          </cell>
          <cell r="G986" t="str">
            <v>西宮市</v>
          </cell>
          <cell r="H986" t="str">
            <v/>
          </cell>
          <cell r="I986" t="str">
            <v>代表取締役 松伏 次男</v>
          </cell>
          <cell r="J986" t="str">
            <v>本店</v>
          </cell>
          <cell r="K986" t="str">
            <v>0798-63-6500</v>
          </cell>
          <cell r="L986" t="str">
            <v>daitoh@hanshintokki.com</v>
          </cell>
          <cell r="M986" t="str">
            <v>ﾊﾝｼﾝﾄｯｷｻｰﾋﾞｽ</v>
          </cell>
          <cell r="N986" t="str">
            <v>無</v>
          </cell>
          <cell r="O986">
            <v>29</v>
          </cell>
          <cell r="P986">
            <v>8</v>
          </cell>
          <cell r="Q986">
            <v>3140001070042</v>
          </cell>
          <cell r="R986">
            <v>10000</v>
          </cell>
          <cell r="S986">
            <v>10238</v>
          </cell>
          <cell r="T986">
            <v>207914</v>
          </cell>
          <cell r="V986" t="str">
            <v>xb415280</v>
          </cell>
          <cell r="W986" t="str">
            <v>gh188248</v>
          </cell>
          <cell r="X986" t="str">
            <v>電通消</v>
          </cell>
          <cell r="Y986" t="str">
            <v>電通消</v>
          </cell>
          <cell r="Z986" t="str">
            <v/>
          </cell>
          <cell r="AA986" t="str">
            <v>電気通信</v>
          </cell>
          <cell r="AB986" t="str">
            <v>電気</v>
          </cell>
          <cell r="AC986" t="str">
            <v>消防施設</v>
          </cell>
          <cell r="AD986" t="str">
            <v/>
          </cell>
          <cell r="AE986">
            <v>42947</v>
          </cell>
          <cell r="AF986" t="str">
            <v>希望しない</v>
          </cell>
          <cell r="AG986" t="str">
            <v>電気通信</v>
          </cell>
          <cell r="AH986" t="str">
            <v>一般</v>
          </cell>
          <cell r="AI986">
            <v>751</v>
          </cell>
          <cell r="AJ986">
            <v>240538</v>
          </cell>
          <cell r="AK986" t="str">
            <v>()//3</v>
          </cell>
          <cell r="AL986" t="str">
            <v>電気</v>
          </cell>
          <cell r="AM986" t="str">
            <v>一般</v>
          </cell>
          <cell r="AN986">
            <v>676</v>
          </cell>
          <cell r="AO986">
            <v>13051</v>
          </cell>
          <cell r="AP986" t="str">
            <v>1(1)//1</v>
          </cell>
          <cell r="AQ986" t="str">
            <v>消防施設</v>
          </cell>
          <cell r="AR986" t="str">
            <v>一般</v>
          </cell>
          <cell r="AS986">
            <v>635</v>
          </cell>
          <cell r="AT986">
            <v>7314</v>
          </cell>
          <cell r="AU986" t="str">
            <v>()/1/</v>
          </cell>
          <cell r="AV986" t="str">
            <v/>
          </cell>
          <cell r="AW986" t="str">
            <v/>
          </cell>
          <cell r="AX986" t="str">
            <v/>
          </cell>
          <cell r="AY986" t="str">
            <v/>
          </cell>
          <cell r="AZ986" t="str">
            <v/>
          </cell>
          <cell r="BA986" t="str">
            <v>兵庫県</v>
          </cell>
          <cell r="BB986">
            <v>0</v>
          </cell>
          <cell r="CR986">
            <v>6606</v>
          </cell>
          <cell r="CS986" t="str">
            <v>ｶﾐｸﾎﾞ ﾏﾅﾌﾞ</v>
          </cell>
          <cell r="CT986" t="str">
            <v>上久保  学</v>
          </cell>
          <cell r="CU986" t="str">
            <v>建築指導課</v>
          </cell>
          <cell r="CW986">
            <v>3245</v>
          </cell>
          <cell r="CX986" t="str">
            <v xml:space="preserve"> </v>
          </cell>
          <cell r="CY986" t="str">
            <v>建築指導課長</v>
          </cell>
        </row>
        <row r="987">
          <cell r="B987">
            <v>3819</v>
          </cell>
          <cell r="C987" t="str">
            <v>播水工業(株)</v>
          </cell>
          <cell r="D987" t="str">
            <v>079-438-0275</v>
          </cell>
          <cell r="E987" t="str">
            <v>675-0003</v>
          </cell>
          <cell r="F987" t="str">
            <v>兵庫県加古川市神野町神野155-1</v>
          </cell>
          <cell r="G987" t="str">
            <v>加古川市</v>
          </cell>
          <cell r="H987" t="str">
            <v/>
          </cell>
          <cell r="I987" t="str">
            <v>代表取締役 織田　貴洋</v>
          </cell>
          <cell r="J987" t="str">
            <v>本店</v>
          </cell>
          <cell r="K987" t="str">
            <v>079-438-0292</v>
          </cell>
          <cell r="L987" t="str">
            <v>bansui@bansui.co.jp</v>
          </cell>
          <cell r="M987" t="str">
            <v>ﾊﾞﾝｽｲｺｳｷﾞｮｳ</v>
          </cell>
          <cell r="N987" t="str">
            <v>無</v>
          </cell>
          <cell r="O987">
            <v>27</v>
          </cell>
          <cell r="P987">
            <v>14</v>
          </cell>
          <cell r="Q987">
            <v>4140001043410</v>
          </cell>
          <cell r="R987">
            <v>10000</v>
          </cell>
          <cell r="S987">
            <v>33595</v>
          </cell>
          <cell r="T987">
            <v>264819</v>
          </cell>
          <cell r="V987" t="str">
            <v>yy578135</v>
          </cell>
          <cell r="W987" t="str">
            <v>cj629555</v>
          </cell>
          <cell r="X987" t="str">
            <v>土管塗機水</v>
          </cell>
          <cell r="Y987" t="str">
            <v>土管塗機水</v>
          </cell>
          <cell r="Z987" t="str">
            <v/>
          </cell>
          <cell r="AA987" t="str">
            <v>水道施設</v>
          </cell>
          <cell r="AB987" t="str">
            <v/>
          </cell>
          <cell r="AC987" t="str">
            <v/>
          </cell>
          <cell r="AD987" t="str">
            <v/>
          </cell>
          <cell r="AE987">
            <v>43100</v>
          </cell>
          <cell r="AF987" t="str">
            <v/>
          </cell>
          <cell r="AG987" t="str">
            <v>水道施設</v>
          </cell>
          <cell r="AH987" t="str">
            <v>一般</v>
          </cell>
          <cell r="AI987">
            <v>823</v>
          </cell>
          <cell r="AJ987">
            <v>129719</v>
          </cell>
          <cell r="AK987" t="str">
            <v>1(1)/2/4</v>
          </cell>
          <cell r="AL987" t="str">
            <v/>
          </cell>
          <cell r="AM987" t="str">
            <v/>
          </cell>
          <cell r="AN987" t="str">
            <v/>
          </cell>
          <cell r="AO987" t="str">
            <v/>
          </cell>
          <cell r="AP987" t="str">
            <v/>
          </cell>
          <cell r="AQ987" t="str">
            <v/>
          </cell>
          <cell r="AR987" t="str">
            <v/>
          </cell>
          <cell r="AS987" t="str">
            <v/>
          </cell>
          <cell r="AT987" t="str">
            <v/>
          </cell>
          <cell r="AU987" t="str">
            <v/>
          </cell>
          <cell r="AV987" t="str">
            <v/>
          </cell>
          <cell r="AW987" t="str">
            <v/>
          </cell>
          <cell r="AX987" t="str">
            <v/>
          </cell>
          <cell r="AY987" t="str">
            <v/>
          </cell>
          <cell r="AZ987" t="str">
            <v/>
          </cell>
          <cell r="BA987" t="str">
            <v>兵庫県</v>
          </cell>
          <cell r="BB987">
            <v>0</v>
          </cell>
          <cell r="CR987">
            <v>6607</v>
          </cell>
          <cell r="CS987" t="str">
            <v>ﾆｲﾊﾗ ﾖｳﾍｲ</v>
          </cell>
          <cell r="CT987" t="str">
            <v>新原  洋平</v>
          </cell>
          <cell r="CU987" t="str">
            <v>営繕課</v>
          </cell>
          <cell r="CW987">
            <v>3343</v>
          </cell>
          <cell r="CX987" t="str">
            <v xml:space="preserve"> </v>
          </cell>
          <cell r="CY987" t="str">
            <v>営繕課長</v>
          </cell>
        </row>
        <row r="988">
          <cell r="B988">
            <v>3822</v>
          </cell>
          <cell r="C988" t="str">
            <v>早水電機工業(株)</v>
          </cell>
          <cell r="D988" t="str">
            <v>078-731-9301</v>
          </cell>
          <cell r="E988" t="str">
            <v>653-0052</v>
          </cell>
          <cell r="F988" t="str">
            <v>兵庫県神戸市長田区海運町2丁目5-11</v>
          </cell>
          <cell r="G988" t="str">
            <v>神戸市</v>
          </cell>
          <cell r="H988" t="str">
            <v/>
          </cell>
          <cell r="I988" t="str">
            <v>代表取締役 藤井　純一</v>
          </cell>
          <cell r="J988" t="str">
            <v>本店</v>
          </cell>
          <cell r="K988" t="str">
            <v>078-733-2374</v>
          </cell>
          <cell r="L988" t="str">
            <v>eigyo@hayamizudenki.co.jp</v>
          </cell>
          <cell r="M988" t="str">
            <v>ﾊﾔﾐｽﾞﾃﾞﾝｷｺｳｷﾞｮｳ</v>
          </cell>
          <cell r="N988" t="str">
            <v>無</v>
          </cell>
          <cell r="O988">
            <v>65</v>
          </cell>
          <cell r="P988">
            <v>30</v>
          </cell>
          <cell r="Q988">
            <v>8140001016684</v>
          </cell>
          <cell r="R988">
            <v>100000</v>
          </cell>
          <cell r="S988">
            <v>992627</v>
          </cell>
          <cell r="T988">
            <v>2734792</v>
          </cell>
          <cell r="V988" t="str">
            <v>py103292</v>
          </cell>
          <cell r="W988" t="str">
            <v>xh303216</v>
          </cell>
          <cell r="X988" t="str">
            <v>通消電</v>
          </cell>
          <cell r="Y988" t="str">
            <v>通消</v>
          </cell>
          <cell r="Z988" t="str">
            <v>電</v>
          </cell>
          <cell r="AA988" t="str">
            <v>電気</v>
          </cell>
          <cell r="AB988" t="str">
            <v>電気通信</v>
          </cell>
          <cell r="AC988" t="str">
            <v>消防施設</v>
          </cell>
          <cell r="AD988" t="str">
            <v/>
          </cell>
          <cell r="AE988">
            <v>43190</v>
          </cell>
          <cell r="AF988" t="str">
            <v/>
          </cell>
          <cell r="AG988" t="str">
            <v>電気</v>
          </cell>
          <cell r="AH988" t="str">
            <v>特定</v>
          </cell>
          <cell r="AI988">
            <v>1066</v>
          </cell>
          <cell r="AJ988">
            <v>3157613</v>
          </cell>
          <cell r="AK988" t="str">
            <v>15(15)/3/1</v>
          </cell>
          <cell r="AL988" t="str">
            <v>電気通信</v>
          </cell>
          <cell r="AM988" t="str">
            <v>一般</v>
          </cell>
          <cell r="AN988">
            <v>753</v>
          </cell>
          <cell r="AO988">
            <v>11400</v>
          </cell>
          <cell r="AP988" t="str">
            <v>1(1)//1</v>
          </cell>
          <cell r="AQ988" t="str">
            <v>消防施設</v>
          </cell>
          <cell r="AR988" t="str">
            <v>一般</v>
          </cell>
          <cell r="AS988">
            <v>735</v>
          </cell>
          <cell r="AT988">
            <v>1502</v>
          </cell>
          <cell r="AU988" t="str">
            <v>0(0)/9/0</v>
          </cell>
          <cell r="AV988" t="str">
            <v/>
          </cell>
          <cell r="AW988" t="str">
            <v/>
          </cell>
          <cell r="AX988" t="str">
            <v/>
          </cell>
          <cell r="AY988" t="str">
            <v/>
          </cell>
          <cell r="AZ988" t="str">
            <v/>
          </cell>
          <cell r="BA988" t="str">
            <v>兵庫県</v>
          </cell>
          <cell r="BB988">
            <v>0</v>
          </cell>
          <cell r="CR988">
            <v>6608</v>
          </cell>
          <cell r="CS988" t="str">
            <v>ﾓﾝｶﾞｷ ﾋﾛﾕｷ</v>
          </cell>
          <cell r="CT988" t="str">
            <v>門垣  裕之</v>
          </cell>
          <cell r="CU988" t="str">
            <v>浄水課</v>
          </cell>
          <cell r="CW988" t="str">
            <v xml:space="preserve"> </v>
          </cell>
          <cell r="CX988" t="str">
            <v xml:space="preserve"> </v>
          </cell>
          <cell r="CY988" t="str">
            <v>浄水課長</v>
          </cell>
        </row>
        <row r="989">
          <cell r="B989">
            <v>3823</v>
          </cell>
          <cell r="C989" t="str">
            <v>(株)阪電工</v>
          </cell>
          <cell r="D989" t="str">
            <v>06-6377-1304</v>
          </cell>
          <cell r="E989" t="str">
            <v>530-0012</v>
          </cell>
          <cell r="F989" t="str">
            <v>大阪府大阪市北区芝田2-1-18</v>
          </cell>
          <cell r="G989" t="str">
            <v>大阪市</v>
          </cell>
          <cell r="H989" t="str">
            <v/>
          </cell>
          <cell r="I989" t="str">
            <v>取締役社長　 徳田　啓司</v>
          </cell>
          <cell r="J989" t="str">
            <v>本店</v>
          </cell>
          <cell r="K989" t="str">
            <v>06-6377-1361</v>
          </cell>
          <cell r="L989" t="str">
            <v>ichihashi@handenko.co.jp</v>
          </cell>
          <cell r="M989" t="str">
            <v>ﾊﾝﾃﾞﾝｺｳ</v>
          </cell>
          <cell r="N989" t="str">
            <v>無</v>
          </cell>
          <cell r="O989">
            <v>68</v>
          </cell>
          <cell r="P989">
            <v>88</v>
          </cell>
          <cell r="Q989">
            <v>7120001057830</v>
          </cell>
          <cell r="R989">
            <v>20000</v>
          </cell>
          <cell r="S989">
            <v>1689115</v>
          </cell>
          <cell r="T989">
            <v>5077684</v>
          </cell>
          <cell r="V989" t="str">
            <v>ph572161</v>
          </cell>
          <cell r="W989" t="str">
            <v>wy392520</v>
          </cell>
          <cell r="X989" t="str">
            <v>消電管機通</v>
          </cell>
          <cell r="Y989" t="str">
            <v>消</v>
          </cell>
          <cell r="Z989" t="str">
            <v>電管機通</v>
          </cell>
          <cell r="AA989" t="str">
            <v>電気</v>
          </cell>
          <cell r="AB989" t="str">
            <v>管</v>
          </cell>
          <cell r="AC989" t="str">
            <v>機械器具</v>
          </cell>
          <cell r="AD989" t="str">
            <v>電気通信</v>
          </cell>
          <cell r="AE989">
            <v>43190</v>
          </cell>
          <cell r="AF989" t="str">
            <v>希望しない</v>
          </cell>
          <cell r="AG989" t="str">
            <v>電気</v>
          </cell>
          <cell r="AH989" t="str">
            <v>特定</v>
          </cell>
          <cell r="AI989">
            <v>1137</v>
          </cell>
          <cell r="AJ989">
            <v>3256704</v>
          </cell>
          <cell r="AK989" t="str">
            <v>30(28)/5/0</v>
          </cell>
          <cell r="AL989" t="str">
            <v>管</v>
          </cell>
          <cell r="AM989" t="str">
            <v>特定</v>
          </cell>
          <cell r="AN989">
            <v>1004</v>
          </cell>
          <cell r="AO989">
            <v>854348</v>
          </cell>
          <cell r="AP989" t="str">
            <v>9(7)/3/0</v>
          </cell>
          <cell r="AQ989" t="str">
            <v>機械器具</v>
          </cell>
          <cell r="AR989" t="str">
            <v>特定</v>
          </cell>
          <cell r="AS989">
            <v>886</v>
          </cell>
          <cell r="AT989">
            <v>412365</v>
          </cell>
          <cell r="AU989" t="str">
            <v>0(0)/0/1</v>
          </cell>
          <cell r="AV989" t="str">
            <v>電気通信</v>
          </cell>
          <cell r="AW989" t="str">
            <v>特定</v>
          </cell>
          <cell r="AX989">
            <v>829</v>
          </cell>
          <cell r="AY989">
            <v>82660</v>
          </cell>
          <cell r="AZ989" t="str">
            <v>1(0)/0/0</v>
          </cell>
          <cell r="BA989" t="str">
            <v>大阪府</v>
          </cell>
          <cell r="BB989">
            <v>0</v>
          </cell>
          <cell r="CR989">
            <v>6609</v>
          </cell>
          <cell r="CS989" t="str">
            <v>ﾅｶﾀﾆ ﾋﾛﾐ</v>
          </cell>
          <cell r="CT989" t="str">
            <v>中谷  公美</v>
          </cell>
          <cell r="CU989" t="str">
            <v>公園課</v>
          </cell>
          <cell r="CW989">
            <v>2876</v>
          </cell>
          <cell r="CX989" t="str">
            <v xml:space="preserve"> </v>
          </cell>
          <cell r="CY989" t="str">
            <v>公園課長</v>
          </cell>
        </row>
        <row r="990">
          <cell r="B990">
            <v>3824</v>
          </cell>
          <cell r="C990" t="str">
            <v>阪神高速技術(株)</v>
          </cell>
          <cell r="D990" t="str">
            <v>06-6110-7200</v>
          </cell>
          <cell r="E990" t="str">
            <v>550-0005</v>
          </cell>
          <cell r="F990" t="str">
            <v>大阪府大阪市西区西本町1-4-1 ｵﾘｯｸｽ本町ﾋﾞﾙ</v>
          </cell>
          <cell r="G990" t="str">
            <v>大阪市</v>
          </cell>
          <cell r="H990" t="str">
            <v/>
          </cell>
          <cell r="I990" t="str">
            <v>代表取締役社長 立石　泰三</v>
          </cell>
          <cell r="J990" t="str">
            <v>本店</v>
          </cell>
          <cell r="K990" t="str">
            <v>06-6110-7201</v>
          </cell>
          <cell r="L990" t="str">
            <v>eigyo@hex-eng.co.jp</v>
          </cell>
          <cell r="M990" t="str">
            <v>ﾊﾝｼﾝｺｳｿｸｷﾞｼﾞﾕﾂ</v>
          </cell>
          <cell r="N990" t="str">
            <v>無</v>
          </cell>
          <cell r="O990">
            <v>12</v>
          </cell>
          <cell r="P990">
            <v>257</v>
          </cell>
          <cell r="Q990">
            <v>8120000000000</v>
          </cell>
          <cell r="R990">
            <v>80000</v>
          </cell>
          <cell r="S990">
            <v>2815800</v>
          </cell>
          <cell r="T990">
            <v>23341698</v>
          </cell>
          <cell r="V990" t="str">
            <v>td786753</v>
          </cell>
          <cell r="W990" t="str">
            <v>xn231331</v>
          </cell>
          <cell r="X990" t="str">
            <v>消電管機通</v>
          </cell>
          <cell r="Y990" t="str">
            <v>消</v>
          </cell>
          <cell r="Z990" t="str">
            <v>電管機通</v>
          </cell>
          <cell r="AA990" t="str">
            <v>鋼構造物</v>
          </cell>
          <cell r="AB990" t="str">
            <v>土木一式</v>
          </cell>
          <cell r="AC990" t="str">
            <v>建築一式</v>
          </cell>
          <cell r="AD990" t="str">
            <v>電気</v>
          </cell>
          <cell r="AE990">
            <v>43190</v>
          </cell>
          <cell r="AF990" t="str">
            <v>希望しない</v>
          </cell>
          <cell r="AG990" t="str">
            <v>鋼構造物</v>
          </cell>
          <cell r="AH990" t="str">
            <v>特定</v>
          </cell>
          <cell r="AI990">
            <v>806</v>
          </cell>
          <cell r="AJ990" t="str">
            <v/>
          </cell>
          <cell r="AK990" t="str">
            <v>57(33)/3/0</v>
          </cell>
          <cell r="AL990" t="str">
            <v>土木一式</v>
          </cell>
          <cell r="AM990" t="str">
            <v>特定</v>
          </cell>
          <cell r="AN990">
            <v>1156</v>
          </cell>
          <cell r="AO990">
            <v>10313712</v>
          </cell>
          <cell r="AP990" t="str">
            <v>52(29)/4/4</v>
          </cell>
          <cell r="AQ990" t="str">
            <v>建築一式</v>
          </cell>
          <cell r="AR990" t="str">
            <v>特定</v>
          </cell>
          <cell r="AS990">
            <v>910</v>
          </cell>
          <cell r="AT990">
            <v>1092163</v>
          </cell>
          <cell r="AU990" t="str">
            <v>7(6)/0/0</v>
          </cell>
          <cell r="AV990" t="str">
            <v>電気</v>
          </cell>
          <cell r="AW990" t="str">
            <v>特定</v>
          </cell>
          <cell r="AX990">
            <v>1013</v>
          </cell>
          <cell r="AY990">
            <v>4088317</v>
          </cell>
          <cell r="AZ990" t="str">
            <v>11(6)/3/3</v>
          </cell>
          <cell r="BA990" t="str">
            <v>大阪府</v>
          </cell>
          <cell r="BB990">
            <v>0</v>
          </cell>
          <cell r="CR990">
            <v>6610</v>
          </cell>
          <cell r="CS990" t="str">
            <v>ｻｸﾗｲ ｶﾂﾋｻ</v>
          </cell>
          <cell r="CT990" t="str">
            <v>櫻井　勝央</v>
          </cell>
          <cell r="CU990" t="str">
            <v>こども福祉課</v>
          </cell>
          <cell r="CW990" t="str">
            <v xml:space="preserve"> </v>
          </cell>
          <cell r="CX990" t="str">
            <v xml:space="preserve"> </v>
          </cell>
          <cell r="CY990" t="str">
            <v>こども福祉課長</v>
          </cell>
        </row>
        <row r="991">
          <cell r="B991">
            <v>3828</v>
          </cell>
          <cell r="C991" t="str">
            <v>(株)ハシモト</v>
          </cell>
          <cell r="D991" t="str">
            <v>06-6433-0365</v>
          </cell>
          <cell r="E991" t="str">
            <v>661-0047</v>
          </cell>
          <cell r="F991" t="str">
            <v>兵庫県尼崎市西昆陽2-35-21</v>
          </cell>
          <cell r="G991" t="str">
            <v>尼崎市</v>
          </cell>
          <cell r="H991" t="str">
            <v/>
          </cell>
          <cell r="I991" t="str">
            <v>代表取締役 橋本　達夫</v>
          </cell>
          <cell r="J991" t="str">
            <v>本店</v>
          </cell>
          <cell r="K991" t="str">
            <v>06-6436-0564</v>
          </cell>
          <cell r="L991" t="str">
            <v>kabuhashimoto@ybb.ne.jp</v>
          </cell>
          <cell r="M991" t="str">
            <v>ﾊｼﾓﾄ</v>
          </cell>
          <cell r="N991" t="str">
            <v>無</v>
          </cell>
          <cell r="O991">
            <v>33</v>
          </cell>
          <cell r="P991">
            <v>7</v>
          </cell>
          <cell r="Q991">
            <v>7140001050783</v>
          </cell>
          <cell r="R991">
            <v>10000</v>
          </cell>
          <cell r="S991">
            <v>256</v>
          </cell>
          <cell r="T991">
            <v>137783</v>
          </cell>
          <cell r="V991" t="str">
            <v>ye325189</v>
          </cell>
          <cell r="W991" t="str">
            <v>fe543964</v>
          </cell>
          <cell r="X991" t="str">
            <v>土と石鋼舗塗水(と)(塗)</v>
          </cell>
          <cell r="Y991" t="str">
            <v>土と石鋼舗塗水(と)(塗)</v>
          </cell>
          <cell r="Z991" t="str">
            <v/>
          </cell>
          <cell r="AA991" t="str">
            <v>とび土工</v>
          </cell>
          <cell r="AB991" t="str">
            <v>塗装</v>
          </cell>
          <cell r="AC991" t="str">
            <v/>
          </cell>
          <cell r="AD991" t="str">
            <v/>
          </cell>
          <cell r="AE991">
            <v>43343</v>
          </cell>
          <cell r="AF991" t="str">
            <v>希望しない</v>
          </cell>
          <cell r="AG991" t="str">
            <v>とび土工</v>
          </cell>
          <cell r="AH991" t="str">
            <v>一般</v>
          </cell>
          <cell r="AI991">
            <v>716</v>
          </cell>
          <cell r="AJ991">
            <v>48600</v>
          </cell>
          <cell r="AK991" t="str">
            <v>1(1)/1/1</v>
          </cell>
          <cell r="AL991" t="str">
            <v>塗装</v>
          </cell>
          <cell r="AM991" t="str">
            <v>一般</v>
          </cell>
          <cell r="AN991">
            <v>658</v>
          </cell>
          <cell r="AO991">
            <v>6317</v>
          </cell>
          <cell r="AP991" t="str">
            <v>1(1)//1</v>
          </cell>
          <cell r="AQ991" t="str">
            <v/>
          </cell>
          <cell r="AR991" t="str">
            <v/>
          </cell>
          <cell r="AS991" t="str">
            <v/>
          </cell>
          <cell r="AT991" t="str">
            <v/>
          </cell>
          <cell r="AU991" t="str">
            <v/>
          </cell>
          <cell r="AV991" t="str">
            <v/>
          </cell>
          <cell r="AW991" t="str">
            <v/>
          </cell>
          <cell r="AX991" t="str">
            <v/>
          </cell>
          <cell r="AY991" t="str">
            <v/>
          </cell>
          <cell r="AZ991" t="str">
            <v/>
          </cell>
          <cell r="BA991" t="str">
            <v>兵庫県</v>
          </cell>
          <cell r="BB991">
            <v>0</v>
          </cell>
          <cell r="CR991">
            <v>6611</v>
          </cell>
          <cell r="CS991" t="str">
            <v>ｼﾓﾑﾗ ﾐｶ</v>
          </cell>
          <cell r="CT991" t="str">
            <v>下村  美佳</v>
          </cell>
          <cell r="CU991" t="str">
            <v>生活支援課</v>
          </cell>
          <cell r="CW991">
            <v>2533</v>
          </cell>
          <cell r="CX991" t="str">
            <v xml:space="preserve"> </v>
          </cell>
          <cell r="CY991" t="str">
            <v>生活支援課長</v>
          </cell>
        </row>
        <row r="992">
          <cell r="B992">
            <v>3830</v>
          </cell>
          <cell r="C992" t="str">
            <v>(株)阪神設備工業所</v>
          </cell>
          <cell r="D992" t="str">
            <v>06-6487-3930</v>
          </cell>
          <cell r="E992" t="str">
            <v>660-0833</v>
          </cell>
          <cell r="F992" t="str">
            <v>兵庫県尼崎市南初島町10-149</v>
          </cell>
          <cell r="G992" t="str">
            <v>尼崎市</v>
          </cell>
          <cell r="H992" t="str">
            <v/>
          </cell>
          <cell r="I992" t="str">
            <v>代表取締役 岡本　史明</v>
          </cell>
          <cell r="J992" t="str">
            <v>本店</v>
          </cell>
          <cell r="K992" t="str">
            <v>06-6487-3925</v>
          </cell>
          <cell r="L992" t="str">
            <v>ogita@hanshinsetsubi.co.jp</v>
          </cell>
          <cell r="M992" t="str">
            <v>ﾊﾝｼﾝｾﾂﾋﾞｺｳｷﾞｮｳｼｮ</v>
          </cell>
          <cell r="N992" t="str">
            <v>無</v>
          </cell>
          <cell r="O992">
            <v>50</v>
          </cell>
          <cell r="P992">
            <v>18</v>
          </cell>
          <cell r="Q992">
            <v>3140001050696</v>
          </cell>
          <cell r="R992">
            <v>20000</v>
          </cell>
          <cell r="S992">
            <v>293551</v>
          </cell>
          <cell r="T992">
            <v>762932</v>
          </cell>
          <cell r="V992" t="str">
            <v>hs552417</v>
          </cell>
          <cell r="W992" t="str">
            <v>fg235831</v>
          </cell>
          <cell r="X992" t="str">
            <v>機消管</v>
          </cell>
          <cell r="Y992" t="str">
            <v>機消</v>
          </cell>
          <cell r="Z992" t="str">
            <v>管</v>
          </cell>
          <cell r="AA992" t="str">
            <v>管</v>
          </cell>
          <cell r="AB992" t="str">
            <v/>
          </cell>
          <cell r="AC992" t="str">
            <v/>
          </cell>
          <cell r="AD992" t="str">
            <v/>
          </cell>
          <cell r="AE992">
            <v>43251</v>
          </cell>
          <cell r="AF992" t="str">
            <v>希望しない</v>
          </cell>
          <cell r="AG992" t="str">
            <v>管</v>
          </cell>
          <cell r="AH992" t="str">
            <v>特定</v>
          </cell>
          <cell r="AI992">
            <v>950</v>
          </cell>
          <cell r="AJ992">
            <v>961011</v>
          </cell>
          <cell r="AK992" t="str">
            <v>6(6)/4/0</v>
          </cell>
          <cell r="AL992" t="str">
            <v/>
          </cell>
          <cell r="AM992" t="str">
            <v/>
          </cell>
          <cell r="AN992" t="str">
            <v/>
          </cell>
          <cell r="AO992" t="str">
            <v/>
          </cell>
          <cell r="AP992" t="str">
            <v/>
          </cell>
          <cell r="AQ992" t="str">
            <v/>
          </cell>
          <cell r="AR992" t="str">
            <v/>
          </cell>
          <cell r="AS992" t="str">
            <v/>
          </cell>
          <cell r="AT992" t="str">
            <v/>
          </cell>
          <cell r="AU992" t="str">
            <v/>
          </cell>
          <cell r="AV992" t="str">
            <v/>
          </cell>
          <cell r="AW992" t="str">
            <v/>
          </cell>
          <cell r="AX992" t="str">
            <v/>
          </cell>
          <cell r="AY992" t="str">
            <v/>
          </cell>
          <cell r="AZ992" t="str">
            <v/>
          </cell>
          <cell r="BA992" t="str">
            <v>兵庫県</v>
          </cell>
          <cell r="BB992">
            <v>0</v>
          </cell>
          <cell r="CR992">
            <v>6612</v>
          </cell>
          <cell r="CS992" t="str">
            <v>ｶﾀｵｶ ﾅｵﾕｷ</v>
          </cell>
          <cell r="CT992" t="str">
            <v>片岡  直之</v>
          </cell>
          <cell r="CU992" t="str">
            <v>こども福祉課</v>
          </cell>
          <cell r="CW992">
            <v>2697</v>
          </cell>
          <cell r="CX992" t="str">
            <v xml:space="preserve"> </v>
          </cell>
          <cell r="CY992" t="str">
            <v>こども福祉課長</v>
          </cell>
        </row>
        <row r="993">
          <cell r="B993">
            <v>3831</v>
          </cell>
          <cell r="C993" t="str">
            <v>(株)長谷工コーポレーション</v>
          </cell>
          <cell r="D993" t="str">
            <v>06-6203-2562</v>
          </cell>
          <cell r="E993" t="str">
            <v>541-0046</v>
          </cell>
          <cell r="F993" t="str">
            <v>大阪府大阪市中央区平野町1-5-7</v>
          </cell>
          <cell r="G993" t="str">
            <v/>
          </cell>
          <cell r="H993" t="str">
            <v>関西</v>
          </cell>
          <cell r="I993" t="str">
            <v>取締役専務執行役員関西代表 谷　淳一</v>
          </cell>
          <cell r="J993" t="str">
            <v>東京都</v>
          </cell>
          <cell r="K993" t="str">
            <v>06-6203-6246</v>
          </cell>
          <cell r="L993" t="str">
            <v>Kohei_Miyakoshi@haseko.co.jp</v>
          </cell>
          <cell r="M993" t="str">
            <v>ﾊｾｺｳｺｰﾎﾟﾚｰｼｮﾝ</v>
          </cell>
          <cell r="N993" t="str">
            <v>有</v>
          </cell>
          <cell r="O993">
            <v>68</v>
          </cell>
          <cell r="P993">
            <v>2464</v>
          </cell>
          <cell r="Q993">
            <v>7010401024061</v>
          </cell>
          <cell r="R993">
            <v>57500000</v>
          </cell>
          <cell r="S993">
            <v>259681629</v>
          </cell>
          <cell r="T993">
            <v>813276000</v>
          </cell>
          <cell r="V993" t="str">
            <v>fx923515</v>
          </cell>
          <cell r="W993" t="str">
            <v>vj319785</v>
          </cell>
          <cell r="X993" t="str">
            <v>通(清)(建)(と)(鋼)(舗)(浚)(塗)(防)(通)(園)(水)土建と電管鋼舗浚塗防内園水</v>
          </cell>
          <cell r="Y993" t="str">
            <v>通(清)(建)(と)(鋼)(舗)(浚)(塗)(防)(通)(園)(水)</v>
          </cell>
          <cell r="Z993" t="str">
            <v>土建と電管鋼舗浚塗防内園水</v>
          </cell>
          <cell r="AA993" t="str">
            <v>建築一式</v>
          </cell>
          <cell r="AB993" t="str">
            <v/>
          </cell>
          <cell r="AC993" t="str">
            <v/>
          </cell>
          <cell r="AD993" t="str">
            <v/>
          </cell>
          <cell r="AE993">
            <v>43190</v>
          </cell>
          <cell r="AF993" t="str">
            <v>希望しない</v>
          </cell>
          <cell r="AG993" t="str">
            <v>建築一式</v>
          </cell>
          <cell r="AH993" t="str">
            <v>特定</v>
          </cell>
          <cell r="AI993">
            <v>1980</v>
          </cell>
          <cell r="AJ993">
            <v>407413500</v>
          </cell>
          <cell r="AK993" t="str">
            <v>1112(465)/128/89</v>
          </cell>
          <cell r="AL993" t="str">
            <v/>
          </cell>
          <cell r="AM993" t="str">
            <v/>
          </cell>
          <cell r="AN993" t="str">
            <v/>
          </cell>
          <cell r="AO993" t="str">
            <v/>
          </cell>
          <cell r="AP993" t="str">
            <v/>
          </cell>
          <cell r="AQ993" t="str">
            <v/>
          </cell>
          <cell r="AR993" t="str">
            <v/>
          </cell>
          <cell r="AS993" t="str">
            <v/>
          </cell>
          <cell r="AT993" t="str">
            <v/>
          </cell>
          <cell r="AU993" t="str">
            <v/>
          </cell>
          <cell r="AV993" t="str">
            <v/>
          </cell>
          <cell r="AW993" t="str">
            <v/>
          </cell>
          <cell r="AX993" t="str">
            <v/>
          </cell>
          <cell r="AY993" t="str">
            <v/>
          </cell>
          <cell r="AZ993" t="str">
            <v/>
          </cell>
          <cell r="BA993" t="str">
            <v>東京都</v>
          </cell>
          <cell r="BB993">
            <v>0</v>
          </cell>
          <cell r="CR993">
            <v>6619</v>
          </cell>
          <cell r="CS993" t="str">
            <v>ﾏﾂｵｶ ﾏｻﾐﾁ</v>
          </cell>
          <cell r="CT993" t="str">
            <v>松岡  正道</v>
          </cell>
          <cell r="CU993" t="str">
            <v>浄水課</v>
          </cell>
          <cell r="CW993" t="str">
            <v xml:space="preserve"> </v>
          </cell>
          <cell r="CX993" t="str">
            <v xml:space="preserve"> </v>
          </cell>
          <cell r="CY993" t="str">
            <v>浄水課長</v>
          </cell>
        </row>
        <row r="994">
          <cell r="B994">
            <v>3832</v>
          </cell>
          <cell r="C994" t="str">
            <v>阪神道路開発(株)</v>
          </cell>
          <cell r="D994" t="str">
            <v>078-575-7224</v>
          </cell>
          <cell r="E994" t="str">
            <v>652-0803</v>
          </cell>
          <cell r="F994" t="str">
            <v>兵庫県神戸市兵庫区大開通6-3-13</v>
          </cell>
          <cell r="G994" t="str">
            <v>神戸市</v>
          </cell>
          <cell r="H994" t="str">
            <v/>
          </cell>
          <cell r="I994" t="str">
            <v>代表取締役 田村　宏樹</v>
          </cell>
          <cell r="J994" t="str">
            <v>本店</v>
          </cell>
          <cell r="K994" t="str">
            <v>078-575-7221</v>
          </cell>
          <cell r="L994" t="str">
            <v>hdkkobe@gold.ocn.ne.jp</v>
          </cell>
          <cell r="M994" t="str">
            <v>ﾊﾝｼﾝﾄﾞｳﾛｶｲﾊﾂ</v>
          </cell>
          <cell r="N994" t="str">
            <v>無</v>
          </cell>
          <cell r="O994">
            <v>54</v>
          </cell>
          <cell r="P994">
            <v>21</v>
          </cell>
          <cell r="Q994">
            <v>1140001013903</v>
          </cell>
          <cell r="R994">
            <v>20000</v>
          </cell>
          <cell r="S994">
            <v>450941</v>
          </cell>
          <cell r="T994">
            <v>1143933</v>
          </cell>
          <cell r="V994" t="str">
            <v>tk153413</v>
          </cell>
          <cell r="W994" t="str">
            <v>jj137584</v>
          </cell>
          <cell r="X994" t="str">
            <v>電(と)(電)(鋼)(塗)土と鋼塗</v>
          </cell>
          <cell r="Y994" t="str">
            <v>電(と)(電)(鋼)(塗)</v>
          </cell>
          <cell r="Z994" t="str">
            <v>土と鋼塗</v>
          </cell>
          <cell r="AA994" t="str">
            <v>とび土工</v>
          </cell>
          <cell r="AB994" t="str">
            <v>土木一式</v>
          </cell>
          <cell r="AC994" t="str">
            <v>塗装</v>
          </cell>
          <cell r="AD994" t="str">
            <v>電気</v>
          </cell>
          <cell r="AE994">
            <v>43646</v>
          </cell>
          <cell r="AF994" t="str">
            <v/>
          </cell>
          <cell r="AG994" t="str">
            <v>とび土工</v>
          </cell>
          <cell r="AH994" t="str">
            <v>特定</v>
          </cell>
          <cell r="AI994">
            <v>886</v>
          </cell>
          <cell r="AJ994">
            <v>404082</v>
          </cell>
          <cell r="AK994" t="str">
            <v>2(2)/0/1</v>
          </cell>
          <cell r="AL994" t="str">
            <v>土木一式</v>
          </cell>
          <cell r="AM994" t="str">
            <v>特定</v>
          </cell>
          <cell r="AN994">
            <v>962</v>
          </cell>
          <cell r="AO994">
            <v>372918</v>
          </cell>
          <cell r="AP994" t="str">
            <v>12(12)/1/0</v>
          </cell>
          <cell r="AQ994" t="str">
            <v>塗装</v>
          </cell>
          <cell r="AR994" t="str">
            <v>特定</v>
          </cell>
          <cell r="AS994">
            <v>867</v>
          </cell>
          <cell r="AT994">
            <v>177563</v>
          </cell>
          <cell r="AU994" t="str">
            <v>3(3)/1/0</v>
          </cell>
          <cell r="AV994" t="str">
            <v>電気</v>
          </cell>
          <cell r="AW994" t="str">
            <v>一般</v>
          </cell>
          <cell r="AX994">
            <v>808</v>
          </cell>
          <cell r="AY994">
            <v>15124</v>
          </cell>
          <cell r="AZ994" t="str">
            <v>3(3)/2/0</v>
          </cell>
          <cell r="BA994" t="str">
            <v>兵庫県</v>
          </cell>
        </row>
        <row r="995">
          <cell r="B995">
            <v>3834</v>
          </cell>
          <cell r="C995" t="str">
            <v>(株)阪神開発</v>
          </cell>
          <cell r="D995" t="str">
            <v>0798-67-2685</v>
          </cell>
          <cell r="E995" t="str">
            <v>650-0024</v>
          </cell>
          <cell r="F995" t="str">
            <v>兵庫県西宮市甲子園口1-2-11-102</v>
          </cell>
          <cell r="G995" t="str">
            <v>西宮市</v>
          </cell>
          <cell r="H995" t="str">
            <v/>
          </cell>
          <cell r="I995" t="str">
            <v>代表取締役　 広川　文建</v>
          </cell>
          <cell r="J995" t="str">
            <v>本店</v>
          </cell>
          <cell r="K995" t="str">
            <v>0798-67-2925</v>
          </cell>
          <cell r="L995" t="str">
            <v>hanshin-dev@hcc6.bai.ne.jp</v>
          </cell>
          <cell r="M995" t="str">
            <v>ﾊﾝｼﾝｶｲﾊﾂ</v>
          </cell>
          <cell r="N995" t="str">
            <v>無</v>
          </cell>
          <cell r="O995">
            <v>68</v>
          </cell>
          <cell r="P995">
            <v>5</v>
          </cell>
          <cell r="Q995">
            <v>9140000000000</v>
          </cell>
          <cell r="R995">
            <v>40000</v>
          </cell>
          <cell r="S995">
            <v>45049</v>
          </cell>
          <cell r="T995">
            <v>347538</v>
          </cell>
          <cell r="V995" t="str">
            <v>ru135649</v>
          </cell>
          <cell r="W995" t="str">
            <v>hh193210</v>
          </cell>
          <cell r="X995" t="str">
            <v>電(と)(電)(鋼)(塗)土と鋼塗</v>
          </cell>
          <cell r="Y995" t="str">
            <v>電(と)(電)(鋼)(塗)</v>
          </cell>
          <cell r="Z995" t="str">
            <v>土と鋼塗</v>
          </cell>
          <cell r="AA995" t="str">
            <v>土木一式</v>
          </cell>
          <cell r="AB995" t="str">
            <v>舗装</v>
          </cell>
          <cell r="AC995" t="str">
            <v>とび土工</v>
          </cell>
          <cell r="AD995" t="str">
            <v>水道施設</v>
          </cell>
          <cell r="AE995">
            <v>43220</v>
          </cell>
          <cell r="AF995" t="str">
            <v>光硬化工法</v>
          </cell>
          <cell r="AG995" t="str">
            <v>土木一式</v>
          </cell>
          <cell r="AH995" t="str">
            <v>特定</v>
          </cell>
          <cell r="AI995">
            <v>854</v>
          </cell>
          <cell r="AJ995">
            <v>307309</v>
          </cell>
          <cell r="AK995" t="str">
            <v>3(2)/2/0</v>
          </cell>
          <cell r="AL995" t="str">
            <v>舗装</v>
          </cell>
          <cell r="AM995" t="str">
            <v>特定</v>
          </cell>
          <cell r="AN995">
            <v>771</v>
          </cell>
          <cell r="AO995">
            <v>16408</v>
          </cell>
          <cell r="AP995" t="str">
            <v>3(2)/2/0</v>
          </cell>
          <cell r="AQ995" t="str">
            <v>とび土工</v>
          </cell>
          <cell r="AR995" t="str">
            <v>特定</v>
          </cell>
          <cell r="AS995">
            <v>662</v>
          </cell>
          <cell r="AT995">
            <v>201</v>
          </cell>
          <cell r="AU995" t="str">
            <v>0(0)/0/0</v>
          </cell>
          <cell r="AV995" t="str">
            <v>水道施設</v>
          </cell>
          <cell r="AW995" t="str">
            <v>特定</v>
          </cell>
          <cell r="AX995">
            <v>662</v>
          </cell>
          <cell r="AY995" t="str">
            <v/>
          </cell>
          <cell r="AZ995" t="str">
            <v>0(0)/0/0</v>
          </cell>
          <cell r="BA995" t="str">
            <v>兵庫県</v>
          </cell>
          <cell r="BB995">
            <v>0</v>
          </cell>
          <cell r="CR995">
            <v>6621</v>
          </cell>
          <cell r="CS995" t="str">
            <v>ｲｼﾊﾗ ﾐﾎｺ</v>
          </cell>
          <cell r="CT995" t="str">
            <v>石原  美穂子</v>
          </cell>
          <cell r="CU995" t="str">
            <v>保健体育課</v>
          </cell>
          <cell r="CW995" t="str">
            <v xml:space="preserve"> </v>
          </cell>
          <cell r="CX995" t="str">
            <v xml:space="preserve"> </v>
          </cell>
          <cell r="CY995" t="str">
            <v>保健体育課長</v>
          </cell>
        </row>
        <row r="996">
          <cell r="B996">
            <v>3835</v>
          </cell>
          <cell r="C996" t="str">
            <v>パナソニック産機システムズ(株)</v>
          </cell>
          <cell r="D996" t="str">
            <v>06-6125-2630</v>
          </cell>
          <cell r="E996" t="str">
            <v>541-0058</v>
          </cell>
          <cell r="F996" t="str">
            <v>大阪府大阪市中央区博労町1-3-10</v>
          </cell>
          <cell r="G996" t="str">
            <v/>
          </cell>
          <cell r="H996" t="str">
            <v>近畿支店</v>
          </cell>
          <cell r="I996" t="str">
            <v>常務執行役員支店長　 出口　雅典</v>
          </cell>
          <cell r="J996" t="str">
            <v>東京都</v>
          </cell>
          <cell r="K996" t="str">
            <v>06-6125-2636</v>
          </cell>
          <cell r="L996" t="str">
            <v/>
          </cell>
          <cell r="M996" t="str">
            <v>ﾊﾟﾅｿﾆﾂｸｻﾝｷｼｽﾃﾑｽﾞ</v>
          </cell>
          <cell r="N996" t="str">
            <v>有</v>
          </cell>
          <cell r="O996">
            <v>9</v>
          </cell>
          <cell r="P996">
            <v>1600</v>
          </cell>
          <cell r="Q996">
            <v>8010500000000</v>
          </cell>
          <cell r="R996">
            <v>301000</v>
          </cell>
          <cell r="S996">
            <v>13808</v>
          </cell>
          <cell r="T996">
            <v>159016</v>
          </cell>
          <cell r="V996" t="str">
            <v>yz957175</v>
          </cell>
          <cell r="W996" t="str">
            <v>fy522072</v>
          </cell>
          <cell r="X996" t="str">
            <v>電(と)(電)(鋼)(塗)土と鋼塗</v>
          </cell>
          <cell r="Y996" t="str">
            <v>電(と)(電)(鋼)(塗)</v>
          </cell>
          <cell r="Z996" t="str">
            <v>土と鋼塗</v>
          </cell>
          <cell r="AA996" t="str">
            <v>管</v>
          </cell>
          <cell r="AB996" t="str">
            <v>電気</v>
          </cell>
          <cell r="AC996" t="str">
            <v/>
          </cell>
          <cell r="AD996" t="str">
            <v/>
          </cell>
          <cell r="AE996">
            <v>43190</v>
          </cell>
          <cell r="AF996" t="str">
            <v>希望しない</v>
          </cell>
          <cell r="AG996" t="str">
            <v>管</v>
          </cell>
          <cell r="AH996" t="str">
            <v>特定</v>
          </cell>
          <cell r="AI996">
            <v>1539</v>
          </cell>
          <cell r="AJ996">
            <v>37348276</v>
          </cell>
          <cell r="AK996" t="str">
            <v>123(52)/183/104</v>
          </cell>
          <cell r="AL996" t="str">
            <v>電気</v>
          </cell>
          <cell r="AM996" t="str">
            <v>特定</v>
          </cell>
          <cell r="AN996">
            <v>1233</v>
          </cell>
          <cell r="AO996">
            <v>1127645</v>
          </cell>
          <cell r="AP996" t="str">
            <v>50(19)/66/132</v>
          </cell>
          <cell r="AQ996" t="str">
            <v/>
          </cell>
          <cell r="AR996" t="str">
            <v/>
          </cell>
          <cell r="AS996" t="str">
            <v/>
          </cell>
          <cell r="AT996" t="str">
            <v/>
          </cell>
          <cell r="AU996" t="str">
            <v/>
          </cell>
          <cell r="AV996" t="str">
            <v/>
          </cell>
          <cell r="AW996" t="str">
            <v/>
          </cell>
          <cell r="AX996" t="str">
            <v/>
          </cell>
          <cell r="AY996" t="str">
            <v/>
          </cell>
          <cell r="AZ996" t="str">
            <v/>
          </cell>
          <cell r="BA996" t="str">
            <v>東京都</v>
          </cell>
          <cell r="BB996">
            <v>0</v>
          </cell>
          <cell r="CR996">
            <v>6622</v>
          </cell>
          <cell r="CS996" t="str">
            <v>ｲﾅﾓﾄ ｼﾝｼﾞ</v>
          </cell>
          <cell r="CT996" t="str">
            <v>稲本  真治</v>
          </cell>
          <cell r="CU996" t="str">
            <v>空港政策課</v>
          </cell>
          <cell r="CW996">
            <v>2845</v>
          </cell>
          <cell r="CX996" t="str">
            <v xml:space="preserve"> </v>
          </cell>
          <cell r="CY996" t="str">
            <v>空港政策課長</v>
          </cell>
        </row>
        <row r="997">
          <cell r="B997">
            <v>3836</v>
          </cell>
          <cell r="C997" t="str">
            <v>阪神ケーブルエンジニアリング(株)</v>
          </cell>
          <cell r="D997" t="str">
            <v>0798-48-1320</v>
          </cell>
          <cell r="E997" t="str">
            <v>663-8186</v>
          </cell>
          <cell r="F997" t="str">
            <v>兵庫県西宮市上鳴尾町27-11</v>
          </cell>
          <cell r="G997" t="str">
            <v>西宮市</v>
          </cell>
          <cell r="H997" t="str">
            <v/>
          </cell>
          <cell r="I997" t="str">
            <v>代表取締役 藤井　啓詳</v>
          </cell>
          <cell r="J997" t="str">
            <v>本店</v>
          </cell>
          <cell r="K997" t="str">
            <v>0798-48-1811</v>
          </cell>
          <cell r="L997" t="str">
            <v>nyusatsu@hce.hanshin.co.jp</v>
          </cell>
          <cell r="M997" t="str">
            <v>ﾊﾝｼﾝｹｰﾌﾞﾙｴﾝｼﾞﾆｱﾘﾝｸﾞ</v>
          </cell>
          <cell r="N997" t="str">
            <v>無</v>
          </cell>
          <cell r="O997">
            <v>9</v>
          </cell>
          <cell r="P997">
            <v>82</v>
          </cell>
          <cell r="Q997">
            <v>5140001073423</v>
          </cell>
          <cell r="R997">
            <v>50000</v>
          </cell>
          <cell r="S997">
            <v>1553652</v>
          </cell>
          <cell r="T997">
            <v>4118505</v>
          </cell>
          <cell r="V997" t="str">
            <v>rh813617</v>
          </cell>
          <cell r="W997" t="str">
            <v>wc474197</v>
          </cell>
          <cell r="X997" t="str">
            <v>電通</v>
          </cell>
          <cell r="Y997" t="str">
            <v/>
          </cell>
          <cell r="Z997" t="str">
            <v>電通</v>
          </cell>
          <cell r="AA997" t="str">
            <v>電気通信</v>
          </cell>
          <cell r="AB997" t="str">
            <v>電気</v>
          </cell>
          <cell r="AC997" t="str">
            <v/>
          </cell>
          <cell r="AD997" t="str">
            <v/>
          </cell>
          <cell r="AE997">
            <v>43190</v>
          </cell>
          <cell r="AF997" t="str">
            <v>希望しない</v>
          </cell>
          <cell r="AG997" t="str">
            <v>電気通信</v>
          </cell>
          <cell r="AH997" t="str">
            <v>特定</v>
          </cell>
          <cell r="AI997">
            <v>973</v>
          </cell>
          <cell r="AJ997">
            <v>3946689</v>
          </cell>
          <cell r="AK997" t="str">
            <v>0(0)/0/33</v>
          </cell>
          <cell r="AL997" t="str">
            <v>電気</v>
          </cell>
          <cell r="AM997" t="str">
            <v>特定</v>
          </cell>
          <cell r="AN997">
            <v>801</v>
          </cell>
          <cell r="AO997">
            <v>32706</v>
          </cell>
          <cell r="AP997" t="str">
            <v>9(9)/2/11</v>
          </cell>
          <cell r="AQ997" t="str">
            <v/>
          </cell>
          <cell r="AR997" t="str">
            <v/>
          </cell>
          <cell r="AS997" t="str">
            <v/>
          </cell>
          <cell r="AT997" t="str">
            <v/>
          </cell>
          <cell r="AU997" t="str">
            <v/>
          </cell>
          <cell r="AV997" t="str">
            <v/>
          </cell>
          <cell r="AW997" t="str">
            <v/>
          </cell>
          <cell r="AX997" t="str">
            <v/>
          </cell>
          <cell r="AY997" t="str">
            <v/>
          </cell>
          <cell r="AZ997" t="str">
            <v/>
          </cell>
          <cell r="BA997" t="str">
            <v>兵庫県</v>
          </cell>
          <cell r="BB997">
            <v>0</v>
          </cell>
          <cell r="CR997">
            <v>6623</v>
          </cell>
          <cell r="CS997" t="str">
            <v>ｵｶｻﾞｷ ﾕｷ</v>
          </cell>
          <cell r="CT997" t="str">
            <v>岡崎  佑紀</v>
          </cell>
          <cell r="CU997" t="str">
            <v>博物館</v>
          </cell>
          <cell r="CW997">
            <v>3926</v>
          </cell>
          <cell r="CX997" t="str">
            <v xml:space="preserve"> </v>
          </cell>
          <cell r="CY997" t="str">
            <v>博物館長</v>
          </cell>
        </row>
        <row r="998">
          <cell r="B998">
            <v>3837</v>
          </cell>
          <cell r="C998" t="str">
            <v>(株)原田工業所</v>
          </cell>
          <cell r="D998" t="str">
            <v>0798-34-7181</v>
          </cell>
          <cell r="E998" t="str">
            <v>662-0862</v>
          </cell>
          <cell r="F998" t="str">
            <v>兵庫県西宮市青木町1-23</v>
          </cell>
          <cell r="G998" t="str">
            <v>西宮市</v>
          </cell>
          <cell r="H998" t="str">
            <v/>
          </cell>
          <cell r="I998" t="str">
            <v>代表取締役 原田　高幸</v>
          </cell>
          <cell r="J998" t="str">
            <v>本店</v>
          </cell>
          <cell r="K998" t="str">
            <v>0798-36-5280</v>
          </cell>
          <cell r="L998" t="str">
            <v>yamanaka@harada-hrd.co.jp</v>
          </cell>
          <cell r="M998" t="str">
            <v>ﾊﾗﾀﾞｺｳｷﾞｮｳｼｮ</v>
          </cell>
          <cell r="N998" t="str">
            <v>無</v>
          </cell>
          <cell r="O998">
            <v>50</v>
          </cell>
          <cell r="P998">
            <v>9</v>
          </cell>
          <cell r="Q998">
            <v>2140001069993</v>
          </cell>
          <cell r="R998">
            <v>20250</v>
          </cell>
          <cell r="S998">
            <v>97963</v>
          </cell>
          <cell r="T998">
            <v>271256</v>
          </cell>
          <cell r="V998" t="str">
            <v>jy597702</v>
          </cell>
          <cell r="W998" t="str">
            <v>ue797843</v>
          </cell>
          <cell r="X998" t="str">
            <v>土水管</v>
          </cell>
          <cell r="Y998" t="str">
            <v>土水</v>
          </cell>
          <cell r="Z998" t="str">
            <v>管</v>
          </cell>
          <cell r="AA998" t="str">
            <v>管</v>
          </cell>
          <cell r="AB998" t="str">
            <v/>
          </cell>
          <cell r="AC998" t="str">
            <v/>
          </cell>
          <cell r="AD998" t="str">
            <v/>
          </cell>
          <cell r="AE998">
            <v>43159</v>
          </cell>
          <cell r="AF998" t="str">
            <v>希望しない</v>
          </cell>
          <cell r="AG998" t="str">
            <v>管</v>
          </cell>
          <cell r="AH998" t="str">
            <v>特定</v>
          </cell>
          <cell r="AI998">
            <v>807</v>
          </cell>
          <cell r="AJ998">
            <v>314692</v>
          </cell>
          <cell r="AK998" t="str">
            <v>4(4)/1/0</v>
          </cell>
          <cell r="AL998" t="str">
            <v/>
          </cell>
          <cell r="AM998" t="str">
            <v/>
          </cell>
          <cell r="AN998" t="str">
            <v/>
          </cell>
          <cell r="AO998" t="str">
            <v/>
          </cell>
          <cell r="AP998" t="str">
            <v/>
          </cell>
          <cell r="AQ998" t="str">
            <v/>
          </cell>
          <cell r="AR998" t="str">
            <v/>
          </cell>
          <cell r="AS998" t="str">
            <v/>
          </cell>
          <cell r="AT998" t="str">
            <v/>
          </cell>
          <cell r="AU998" t="str">
            <v/>
          </cell>
          <cell r="AV998" t="str">
            <v/>
          </cell>
          <cell r="AW998" t="str">
            <v/>
          </cell>
          <cell r="AX998" t="str">
            <v/>
          </cell>
          <cell r="AY998" t="str">
            <v/>
          </cell>
          <cell r="AZ998" t="str">
            <v/>
          </cell>
          <cell r="BA998" t="str">
            <v>兵庫県</v>
          </cell>
          <cell r="BB998">
            <v>0</v>
          </cell>
          <cell r="CR998">
            <v>6624</v>
          </cell>
          <cell r="CS998" t="str">
            <v>ｵｶｼﾞﾏ ﾋﾄﾐ</v>
          </cell>
          <cell r="CT998" t="str">
            <v>岡島  瞳</v>
          </cell>
          <cell r="CU998" t="str">
            <v>危機管理室</v>
          </cell>
          <cell r="CW998">
            <v>2245</v>
          </cell>
          <cell r="CX998" t="str">
            <v xml:space="preserve"> </v>
          </cell>
          <cell r="CY998" t="str">
            <v>危機管理室長</v>
          </cell>
        </row>
        <row r="999">
          <cell r="B999">
            <v>3838</v>
          </cell>
          <cell r="C999" t="str">
            <v>阪神ケミカル(株)</v>
          </cell>
          <cell r="D999" t="str">
            <v>0798-48-1651</v>
          </cell>
          <cell r="E999" t="str">
            <v>663-8183</v>
          </cell>
          <cell r="F999" t="str">
            <v>兵庫県西宮市里中町3-1-4</v>
          </cell>
          <cell r="G999" t="str">
            <v>西宮市</v>
          </cell>
          <cell r="H999" t="str">
            <v/>
          </cell>
          <cell r="I999" t="str">
            <v>代表取締役 前田　昌子</v>
          </cell>
          <cell r="J999" t="str">
            <v>本店</v>
          </cell>
          <cell r="K999" t="str">
            <v>0798-48-4654</v>
          </cell>
          <cell r="L999" t="str">
            <v>hansin-cel@mt-biglobe.ne.jp</v>
          </cell>
          <cell r="M999" t="str">
            <v>ﾊﾝｼﾝｹﾐｶﾙ</v>
          </cell>
          <cell r="N999" t="str">
            <v>無</v>
          </cell>
          <cell r="O999">
            <v>19</v>
          </cell>
          <cell r="P999">
            <v>3</v>
          </cell>
          <cell r="Q999">
            <v>7140001070022</v>
          </cell>
          <cell r="R999">
            <v>10000</v>
          </cell>
          <cell r="S999">
            <v>-202</v>
          </cell>
          <cell r="T999">
            <v>65327</v>
          </cell>
          <cell r="V999" t="str">
            <v>gh188248</v>
          </cell>
          <cell r="W999" t="str">
            <v>we608902</v>
          </cell>
          <cell r="X999" t="str">
            <v>塗防</v>
          </cell>
          <cell r="Y999" t="str">
            <v>塗防</v>
          </cell>
          <cell r="Z999" t="str">
            <v/>
          </cell>
          <cell r="AA999" t="str">
            <v>防水</v>
          </cell>
          <cell r="AB999" t="str">
            <v>塗装</v>
          </cell>
          <cell r="AC999" t="str">
            <v/>
          </cell>
          <cell r="AD999" t="str">
            <v/>
          </cell>
          <cell r="AE999">
            <v>43220</v>
          </cell>
          <cell r="AF999" t="str">
            <v>希望しない</v>
          </cell>
          <cell r="AG999" t="str">
            <v>防水</v>
          </cell>
          <cell r="AH999" t="str">
            <v>一般</v>
          </cell>
          <cell r="AI999">
            <v>635</v>
          </cell>
          <cell r="AJ999">
            <v>72524</v>
          </cell>
          <cell r="AK999" t="str">
            <v>0(0)/1/1</v>
          </cell>
          <cell r="AL999" t="str">
            <v>塗装</v>
          </cell>
          <cell r="AM999" t="str">
            <v>一般</v>
          </cell>
          <cell r="AN999">
            <v>570</v>
          </cell>
          <cell r="AO999">
            <v>7315</v>
          </cell>
          <cell r="AP999" t="str">
            <v>0(0)/1/0</v>
          </cell>
          <cell r="AQ999" t="str">
            <v/>
          </cell>
          <cell r="AR999" t="str">
            <v/>
          </cell>
          <cell r="AS999" t="str">
            <v/>
          </cell>
          <cell r="AT999" t="str">
            <v/>
          </cell>
          <cell r="AU999" t="str">
            <v/>
          </cell>
          <cell r="AV999" t="str">
            <v/>
          </cell>
          <cell r="AW999" t="str">
            <v/>
          </cell>
          <cell r="AX999" t="str">
            <v/>
          </cell>
          <cell r="AY999" t="str">
            <v/>
          </cell>
          <cell r="AZ999" t="str">
            <v/>
          </cell>
          <cell r="BA999" t="str">
            <v>兵庫県</v>
          </cell>
          <cell r="BB999">
            <v>0</v>
          </cell>
          <cell r="CR999">
            <v>6625</v>
          </cell>
          <cell r="CS999" t="str">
            <v>ｵｶﾀﾞ ﾕｳｷ</v>
          </cell>
          <cell r="CT999" t="str">
            <v>岡田  有生</v>
          </cell>
          <cell r="CU999" t="str">
            <v>こども若者企画課</v>
          </cell>
          <cell r="CW999">
            <v>2153</v>
          </cell>
          <cell r="CX999" t="str">
            <v xml:space="preserve"> </v>
          </cell>
          <cell r="CY999" t="str">
            <v>こども若者企画課</v>
          </cell>
        </row>
        <row r="1000">
          <cell r="B1000">
            <v>3839</v>
          </cell>
          <cell r="C1000" t="str">
            <v>(株)ハマダ商店</v>
          </cell>
          <cell r="D1000" t="str">
            <v>078-732-5037</v>
          </cell>
          <cell r="E1000" t="str">
            <v>654-0006</v>
          </cell>
          <cell r="F1000" t="str">
            <v>兵庫県神戸市須磨区養老町1丁目5-13</v>
          </cell>
          <cell r="G1000" t="str">
            <v>神戸市</v>
          </cell>
          <cell r="H1000" t="str">
            <v/>
          </cell>
          <cell r="I1000" t="str">
            <v>代表取締役 濱田　益朗</v>
          </cell>
          <cell r="J1000" t="str">
            <v>本店</v>
          </cell>
          <cell r="K1000" t="str">
            <v>078-732-5075</v>
          </cell>
          <cell r="L1000" t="str">
            <v>hamada-shouten@kobe-hamada.co.jp</v>
          </cell>
          <cell r="M1000" t="str">
            <v>ﾊﾏﾀﾞｼｮｳﾃﾝ</v>
          </cell>
          <cell r="N1000" t="str">
            <v>無</v>
          </cell>
          <cell r="O1000">
            <v>32</v>
          </cell>
          <cell r="P1000">
            <v>7</v>
          </cell>
          <cell r="Q1000">
            <v>3140001028032</v>
          </cell>
          <cell r="R1000">
            <v>20000</v>
          </cell>
          <cell r="S1000">
            <v>76480</v>
          </cell>
          <cell r="T1000">
            <v>296895</v>
          </cell>
          <cell r="V1000" t="str">
            <v>sc584768</v>
          </cell>
          <cell r="W1000" t="str">
            <v>ye325189</v>
          </cell>
          <cell r="X1000" t="str">
            <v>土と園</v>
          </cell>
          <cell r="Y1000" t="str">
            <v>土と園</v>
          </cell>
          <cell r="Z1000" t="str">
            <v/>
          </cell>
          <cell r="AA1000" t="str">
            <v>とび土工</v>
          </cell>
          <cell r="AB1000" t="str">
            <v>造園</v>
          </cell>
          <cell r="AC1000" t="str">
            <v>土木一式</v>
          </cell>
          <cell r="AD1000" t="str">
            <v/>
          </cell>
          <cell r="AE1000">
            <v>43343</v>
          </cell>
          <cell r="AF1000" t="str">
            <v>希望しない</v>
          </cell>
          <cell r="AG1000" t="str">
            <v>とび土工</v>
          </cell>
          <cell r="AH1000" t="str">
            <v>一般</v>
          </cell>
          <cell r="AI1000">
            <v>755</v>
          </cell>
          <cell r="AJ1000">
            <v>189379</v>
          </cell>
          <cell r="AK1000" t="str">
            <v>0(0)/2/1</v>
          </cell>
          <cell r="AL1000" t="str">
            <v>造園</v>
          </cell>
          <cell r="AM1000" t="str">
            <v>一般</v>
          </cell>
          <cell r="AN1000">
            <v>668</v>
          </cell>
          <cell r="AO1000">
            <v>9081</v>
          </cell>
          <cell r="AP1000" t="str">
            <v>0(0)/3/0</v>
          </cell>
          <cell r="AQ1000" t="str">
            <v>土木一式</v>
          </cell>
          <cell r="AR1000" t="str">
            <v>一般</v>
          </cell>
          <cell r="AS1000">
            <v>730</v>
          </cell>
          <cell r="AT1000">
            <v>107665</v>
          </cell>
          <cell r="AU1000" t="str">
            <v>0(0)/2/0</v>
          </cell>
          <cell r="AV1000" t="str">
            <v/>
          </cell>
          <cell r="AW1000" t="str">
            <v/>
          </cell>
          <cell r="AX1000" t="str">
            <v/>
          </cell>
          <cell r="AY1000" t="str">
            <v/>
          </cell>
          <cell r="AZ1000" t="str">
            <v/>
          </cell>
          <cell r="BA1000" t="str">
            <v>兵庫県</v>
          </cell>
          <cell r="BB1000">
            <v>0</v>
          </cell>
          <cell r="CR1000">
            <v>6626</v>
          </cell>
          <cell r="CS1000" t="str">
            <v>ｶﾄｳ ｸﾐ</v>
          </cell>
          <cell r="CT1000" t="str">
            <v>加藤  久美</v>
          </cell>
          <cell r="CU1000" t="str">
            <v>職員課</v>
          </cell>
          <cell r="CW1000">
            <v>3620</v>
          </cell>
          <cell r="CX1000" t="str">
            <v xml:space="preserve"> </v>
          </cell>
          <cell r="CY1000" t="str">
            <v>職員課長</v>
          </cell>
        </row>
        <row r="1001">
          <cell r="B1001">
            <v>3840</v>
          </cell>
          <cell r="C1001" t="str">
            <v>阪神塗装工業(株)</v>
          </cell>
          <cell r="D1001" t="str">
            <v>06-6427-6748</v>
          </cell>
          <cell r="E1001" t="str">
            <v>661-0021</v>
          </cell>
          <cell r="F1001" t="str">
            <v>兵庫県尼崎市名神町3-6-21</v>
          </cell>
          <cell r="G1001" t="str">
            <v>尼崎市</v>
          </cell>
          <cell r="H1001" t="str">
            <v/>
          </cell>
          <cell r="I1001" t="str">
            <v>代表取締役 井上　經己</v>
          </cell>
          <cell r="J1001" t="str">
            <v>本店</v>
          </cell>
          <cell r="K1001" t="str">
            <v>06-6421-5845</v>
          </cell>
          <cell r="L1001" t="str">
            <v>hansintosou.k@mist.ocn.ne.jp</v>
          </cell>
          <cell r="M1001" t="str">
            <v>ﾊﾝｼﾝﾄｿｳｺｳｷﾞｮｳ</v>
          </cell>
          <cell r="N1001" t="str">
            <v>無</v>
          </cell>
          <cell r="O1001">
            <v>31</v>
          </cell>
          <cell r="P1001">
            <v>4</v>
          </cell>
          <cell r="Q1001">
            <v>1140001050707</v>
          </cell>
          <cell r="R1001">
            <v>10000</v>
          </cell>
          <cell r="S1001">
            <v>-34239</v>
          </cell>
          <cell r="T1001">
            <v>127390</v>
          </cell>
          <cell r="V1001" t="str">
            <v>nu118956</v>
          </cell>
          <cell r="W1001" t="str">
            <v>hh161703</v>
          </cell>
          <cell r="X1001" t="str">
            <v>塗防</v>
          </cell>
          <cell r="Y1001" t="str">
            <v>塗防</v>
          </cell>
          <cell r="Z1001" t="str">
            <v/>
          </cell>
          <cell r="AA1001" t="str">
            <v>防水</v>
          </cell>
          <cell r="AB1001" t="str">
            <v>塗装</v>
          </cell>
          <cell r="AC1001" t="str">
            <v/>
          </cell>
          <cell r="AD1001" t="str">
            <v/>
          </cell>
          <cell r="AE1001">
            <v>43100</v>
          </cell>
          <cell r="AF1001" t="str">
            <v>希望しない</v>
          </cell>
          <cell r="AG1001" t="str">
            <v>防水</v>
          </cell>
          <cell r="AH1001" t="str">
            <v>一般</v>
          </cell>
          <cell r="AI1001">
            <v>621</v>
          </cell>
          <cell r="AJ1001">
            <v>115956</v>
          </cell>
          <cell r="AK1001" t="str">
            <v>0(0)/1/1</v>
          </cell>
          <cell r="AL1001" t="str">
            <v>塗装</v>
          </cell>
          <cell r="AM1001" t="str">
            <v>一般</v>
          </cell>
          <cell r="AN1001">
            <v>606</v>
          </cell>
          <cell r="AO1001">
            <v>58778</v>
          </cell>
          <cell r="AP1001" t="str">
            <v>0(0)/1/1</v>
          </cell>
          <cell r="AQ1001" t="str">
            <v/>
          </cell>
          <cell r="AR1001" t="str">
            <v/>
          </cell>
          <cell r="AS1001" t="str">
            <v/>
          </cell>
          <cell r="AT1001" t="str">
            <v/>
          </cell>
          <cell r="AU1001" t="str">
            <v/>
          </cell>
          <cell r="AV1001" t="str">
            <v/>
          </cell>
          <cell r="AW1001" t="str">
            <v/>
          </cell>
          <cell r="AX1001" t="str">
            <v/>
          </cell>
          <cell r="AY1001" t="str">
            <v/>
          </cell>
          <cell r="AZ1001" t="str">
            <v/>
          </cell>
          <cell r="BA1001" t="str">
            <v>兵庫県</v>
          </cell>
          <cell r="BB1001">
            <v>0</v>
          </cell>
          <cell r="CR1001">
            <v>6627</v>
          </cell>
          <cell r="CS1001" t="str">
            <v>ｸﾏﾊﾀ ﾋﾛｼ</v>
          </cell>
          <cell r="CT1001" t="str">
            <v>熊畑  寛</v>
          </cell>
          <cell r="CU1001" t="str">
            <v xml:space="preserve">住宅政策課 </v>
          </cell>
          <cell r="CW1001">
            <v>4370</v>
          </cell>
          <cell r="CX1001" t="str">
            <v xml:space="preserve"> </v>
          </cell>
          <cell r="CY1001" t="str">
            <v>住宅政策課長</v>
          </cell>
        </row>
        <row r="1002">
          <cell r="B1002">
            <v>3841</v>
          </cell>
          <cell r="C1002" t="str">
            <v>(株)はまゆう</v>
          </cell>
          <cell r="D1002" t="str">
            <v>073-427-5585</v>
          </cell>
          <cell r="E1002" t="str">
            <v>640-8342</v>
          </cell>
          <cell r="F1002" t="str">
            <v>和歌山県和歌山市友田町4-18-4階</v>
          </cell>
          <cell r="G1002" t="str">
            <v>和歌山市</v>
          </cell>
          <cell r="H1002" t="str">
            <v/>
          </cell>
          <cell r="I1002" t="str">
            <v>代表取締役 辻　一人</v>
          </cell>
          <cell r="J1002" t="str">
            <v>本店</v>
          </cell>
          <cell r="K1002" t="str">
            <v>073-427-5586</v>
          </cell>
          <cell r="L1002" t="str">
            <v>fusshy.2136@gmail.com</v>
          </cell>
          <cell r="M1002" t="str">
            <v>ﾊﾏﾕｳ</v>
          </cell>
          <cell r="N1002" t="str">
            <v>無</v>
          </cell>
          <cell r="O1002">
            <v>3</v>
          </cell>
          <cell r="P1002">
            <v>6</v>
          </cell>
          <cell r="Q1002">
            <v>8170001007697</v>
          </cell>
          <cell r="R1002">
            <v>5000</v>
          </cell>
          <cell r="S1002">
            <v>17912</v>
          </cell>
          <cell r="T1002">
            <v>404032</v>
          </cell>
          <cell r="V1002" t="str">
            <v>ex136035</v>
          </cell>
          <cell r="W1002" t="str">
            <v>fd168018</v>
          </cell>
          <cell r="X1002" t="str">
            <v>土と舗</v>
          </cell>
          <cell r="Y1002" t="str">
            <v>土と舗</v>
          </cell>
          <cell r="Z1002" t="str">
            <v/>
          </cell>
          <cell r="AA1002" t="str">
            <v>土木一式</v>
          </cell>
          <cell r="AB1002" t="str">
            <v>舗装</v>
          </cell>
          <cell r="AC1002" t="str">
            <v>とび土工</v>
          </cell>
          <cell r="AD1002" t="str">
            <v/>
          </cell>
          <cell r="AE1002">
            <v>43646</v>
          </cell>
          <cell r="AF1002" t="str">
            <v>希望しない</v>
          </cell>
          <cell r="AG1002" t="str">
            <v>土木一式</v>
          </cell>
          <cell r="AH1002" t="str">
            <v>一般</v>
          </cell>
          <cell r="AI1002">
            <v>624</v>
          </cell>
          <cell r="AJ1002">
            <v>171454</v>
          </cell>
          <cell r="AK1002" t="str">
            <v>0(0)/4/0</v>
          </cell>
          <cell r="AL1002" t="str">
            <v>舗装</v>
          </cell>
          <cell r="AM1002" t="str">
            <v>一般</v>
          </cell>
          <cell r="AN1002">
            <v>565</v>
          </cell>
          <cell r="AO1002">
            <v>27145</v>
          </cell>
          <cell r="AP1002" t="str">
            <v>0(0)/3/0</v>
          </cell>
          <cell r="AQ1002" t="str">
            <v>とび土工</v>
          </cell>
          <cell r="AR1002" t="str">
            <v>一般</v>
          </cell>
          <cell r="AS1002">
            <v>538</v>
          </cell>
          <cell r="AT1002">
            <v>9805</v>
          </cell>
          <cell r="AU1002" t="str">
            <v>0(0)/1/0</v>
          </cell>
          <cell r="AV1002" t="str">
            <v/>
          </cell>
          <cell r="AW1002" t="str">
            <v/>
          </cell>
          <cell r="AX1002" t="str">
            <v/>
          </cell>
          <cell r="AY1002" t="str">
            <v/>
          </cell>
          <cell r="AZ1002" t="str">
            <v/>
          </cell>
          <cell r="BA1002" t="str">
            <v>和歌山県</v>
          </cell>
        </row>
        <row r="1003">
          <cell r="B1003">
            <v>3846</v>
          </cell>
          <cell r="C1003" t="str">
            <v>(株)日立インダストリアルプロダクツ</v>
          </cell>
          <cell r="D1003" t="str">
            <v>06-6202-1703</v>
          </cell>
          <cell r="E1003" t="str">
            <v>530-0005</v>
          </cell>
          <cell r="F1003" t="str">
            <v>大阪府大阪市北区中之島2-3-18</v>
          </cell>
          <cell r="G1003" t="str">
            <v/>
          </cell>
          <cell r="H1003" t="str">
            <v>関西支店</v>
          </cell>
          <cell r="I1003" t="str">
            <v>支店長 金井　龍也</v>
          </cell>
          <cell r="J1003" t="str">
            <v>東京都</v>
          </cell>
          <cell r="K1003" t="str">
            <v>06-6202-1790</v>
          </cell>
          <cell r="L1003" t="str">
            <v>kansai.gyoumu.sq@hitachi.com</v>
          </cell>
          <cell r="M1003" t="str">
            <v>ﾋﾀﾁｲﾝﾀﾞｽﾄﾘｱﾙﾌﾟﾛﾀﾞｸﾂ</v>
          </cell>
          <cell r="N1003" t="str">
            <v>有</v>
          </cell>
          <cell r="O1003">
            <v>69</v>
          </cell>
          <cell r="P1003">
            <v>1950</v>
          </cell>
          <cell r="Q1003">
            <v>6010001196062</v>
          </cell>
          <cell r="R1003">
            <v>10000000</v>
          </cell>
          <cell r="S1003">
            <v>13090137</v>
          </cell>
          <cell r="T1003">
            <v>94685345</v>
          </cell>
          <cell r="V1003" t="str">
            <v>lp172977</v>
          </cell>
          <cell r="W1003" t="str">
            <v>vi141271</v>
          </cell>
          <cell r="X1003" t="str">
            <v>(清)(電)(管)(機)(水)土電管機通水</v>
          </cell>
          <cell r="Y1003" t="str">
            <v>(清)(電)(管)(機)(水)</v>
          </cell>
          <cell r="Z1003" t="str">
            <v>土電管機通水</v>
          </cell>
          <cell r="AA1003" t="str">
            <v>機械器具</v>
          </cell>
          <cell r="AB1003" t="str">
            <v>電気</v>
          </cell>
          <cell r="AC1003" t="str">
            <v>水道施設</v>
          </cell>
          <cell r="AD1003" t="str">
            <v/>
          </cell>
          <cell r="AE1003">
            <v>43556</v>
          </cell>
          <cell r="AF1003" t="str">
            <v>希望しない</v>
          </cell>
          <cell r="AG1003" t="str">
            <v>機械器具</v>
          </cell>
          <cell r="AH1003" t="str">
            <v>特定</v>
          </cell>
          <cell r="AI1003">
            <v>1274</v>
          </cell>
          <cell r="AJ1003">
            <v>17503727</v>
          </cell>
          <cell r="AK1003" t="str">
            <v>15(3)/0/53</v>
          </cell>
          <cell r="AL1003" t="str">
            <v>電気</v>
          </cell>
          <cell r="AM1003" t="str">
            <v>特定</v>
          </cell>
          <cell r="AN1003">
            <v>1260</v>
          </cell>
          <cell r="AO1003">
            <v>4455917</v>
          </cell>
          <cell r="AP1003" t="str">
            <v>229(110)/20/0</v>
          </cell>
          <cell r="AQ1003" t="str">
            <v>水道施設</v>
          </cell>
          <cell r="AR1003" t="str">
            <v>特定</v>
          </cell>
          <cell r="AS1003">
            <v>938</v>
          </cell>
          <cell r="AT1003">
            <v>18002</v>
          </cell>
          <cell r="AU1003" t="str">
            <v>25(5)/4/0</v>
          </cell>
          <cell r="AV1003" t="str">
            <v/>
          </cell>
          <cell r="AW1003" t="str">
            <v/>
          </cell>
          <cell r="AX1003" t="str">
            <v/>
          </cell>
          <cell r="AY1003" t="str">
            <v/>
          </cell>
          <cell r="AZ1003" t="str">
            <v/>
          </cell>
          <cell r="BA1003" t="str">
            <v>東京都</v>
          </cell>
        </row>
        <row r="1004">
          <cell r="B1004">
            <v>3847</v>
          </cell>
          <cell r="C1004" t="str">
            <v>兵岡建設(株)</v>
          </cell>
          <cell r="D1004" t="str">
            <v>0790-82-3856</v>
          </cell>
          <cell r="E1004" t="str">
            <v>679-5306</v>
          </cell>
          <cell r="F1004" t="str">
            <v>兵庫県佐用郡佐用町本位田甲262-1</v>
          </cell>
          <cell r="G1004" t="str">
            <v>佐用郡佐用町</v>
          </cell>
          <cell r="H1004" t="str">
            <v/>
          </cell>
          <cell r="I1004" t="str">
            <v>代表取締役 坂野　美子</v>
          </cell>
          <cell r="J1004" t="str">
            <v>本店</v>
          </cell>
          <cell r="K1004" t="str">
            <v>0790-82-0228</v>
          </cell>
          <cell r="L1004" t="str">
            <v>nyusatsu@hyokou.com</v>
          </cell>
          <cell r="M1004" t="str">
            <v>ﾋｮｳｺｳｹﾝｾﾂ</v>
          </cell>
          <cell r="N1004" t="str">
            <v>無</v>
          </cell>
          <cell r="O1004">
            <v>41</v>
          </cell>
          <cell r="P1004">
            <v>21</v>
          </cell>
          <cell r="Q1004">
            <v>6140001039274</v>
          </cell>
          <cell r="R1004">
            <v>45000</v>
          </cell>
          <cell r="S1004">
            <v>179534</v>
          </cell>
          <cell r="T1004">
            <v>263802</v>
          </cell>
          <cell r="V1004" t="str">
            <v>vk128283</v>
          </cell>
          <cell r="W1004" t="str">
            <v>no185147</v>
          </cell>
          <cell r="X1004" t="str">
            <v>土と舗浚水</v>
          </cell>
          <cell r="Y1004" t="str">
            <v/>
          </cell>
          <cell r="Z1004" t="str">
            <v>土と舗浚水</v>
          </cell>
          <cell r="AA1004" t="str">
            <v>土木一式</v>
          </cell>
          <cell r="AB1004" t="str">
            <v>舗装</v>
          </cell>
          <cell r="AC1004" t="str">
            <v>とび土工</v>
          </cell>
          <cell r="AD1004" t="str">
            <v>浚渫</v>
          </cell>
          <cell r="AE1004">
            <v>43585</v>
          </cell>
          <cell r="AF1004" t="str">
            <v>希望しない</v>
          </cell>
          <cell r="AG1004" t="str">
            <v>土木一式</v>
          </cell>
          <cell r="AH1004" t="str">
            <v>特定</v>
          </cell>
          <cell r="AI1004">
            <v>847</v>
          </cell>
          <cell r="AJ1004">
            <v>187766</v>
          </cell>
          <cell r="AK1004" t="str">
            <v>5(4)/3/7</v>
          </cell>
          <cell r="AL1004" t="str">
            <v>舗装</v>
          </cell>
          <cell r="AM1004" t="str">
            <v>特定</v>
          </cell>
          <cell r="AN1004">
            <v>808</v>
          </cell>
          <cell r="AO1004">
            <v>65930</v>
          </cell>
          <cell r="AP1004" t="str">
            <v>5(4)/2/7</v>
          </cell>
          <cell r="AQ1004" t="str">
            <v>とび土工</v>
          </cell>
          <cell r="AR1004" t="str">
            <v>特定</v>
          </cell>
          <cell r="AS1004">
            <v>662</v>
          </cell>
          <cell r="AT1004">
            <v>2759</v>
          </cell>
          <cell r="AU1004" t="str">
            <v>0(0)/1/0</v>
          </cell>
          <cell r="AV1004" t="str">
            <v>浚渫</v>
          </cell>
          <cell r="AW1004" t="str">
            <v>特定</v>
          </cell>
          <cell r="AX1004">
            <v>664</v>
          </cell>
          <cell r="AY1004" t="str">
            <v/>
          </cell>
          <cell r="AZ1004" t="str">
            <v>0(0)/0/0</v>
          </cell>
          <cell r="BA1004" t="str">
            <v>兵庫県</v>
          </cell>
        </row>
        <row r="1005">
          <cell r="B1005">
            <v>3851</v>
          </cell>
          <cell r="C1005" t="str">
            <v>(株)ピーエス三菱</v>
          </cell>
          <cell r="D1005" t="str">
            <v>078-325-3520</v>
          </cell>
          <cell r="E1005" t="str">
            <v>650-0032</v>
          </cell>
          <cell r="F1005" t="str">
            <v>兵庫県神戸市中央区伊藤町119番地</v>
          </cell>
          <cell r="G1005" t="str">
            <v/>
          </cell>
          <cell r="H1005" t="str">
            <v>神戸営業所</v>
          </cell>
          <cell r="I1005" t="str">
            <v>所長 小椋　博文</v>
          </cell>
          <cell r="J1005" t="str">
            <v>東京都</v>
          </cell>
          <cell r="K1005" t="str">
            <v>078-325-3521</v>
          </cell>
          <cell r="L1005" t="str">
            <v>psm-kobe@psmic.co.jp</v>
          </cell>
          <cell r="M1005" t="str">
            <v>ﾋﾟｰｴｽﾐﾂﾋﾞｼ</v>
          </cell>
          <cell r="N1005" t="str">
            <v>有</v>
          </cell>
          <cell r="O1005">
            <v>65</v>
          </cell>
          <cell r="P1005">
            <v>1084</v>
          </cell>
          <cell r="Q1005">
            <v>1010001008742</v>
          </cell>
          <cell r="R1005">
            <v>4218500</v>
          </cell>
          <cell r="S1005">
            <v>25503391</v>
          </cell>
          <cell r="T1005">
            <v>114841000</v>
          </cell>
          <cell r="V1005" t="str">
            <v>yf896168</v>
          </cell>
          <cell r="W1005" t="str">
            <v>vz516802</v>
          </cell>
          <cell r="X1005" t="str">
            <v>(清)(と)(石)(鋼)(舗)(浚)(塗)(水)(解)土建大と石屋電管タ鋼鉄舗浚板ガ塗防内熱園具水解</v>
          </cell>
          <cell r="Y1005" t="str">
            <v>(清)(と)(石)(鋼)(舗)(浚)(塗)(水)(解)</v>
          </cell>
          <cell r="Z1005" t="str">
            <v>土建大と石屋電管タ鋼鉄舗浚板ガ塗防内熱園具水解</v>
          </cell>
          <cell r="AA1005" t="str">
            <v>土木一式</v>
          </cell>
          <cell r="AB1005" t="str">
            <v>水道施設</v>
          </cell>
          <cell r="AC1005" t="str">
            <v/>
          </cell>
          <cell r="AD1005" t="str">
            <v/>
          </cell>
          <cell r="AE1005">
            <v>43190</v>
          </cell>
          <cell r="AF1005" t="str">
            <v>希望しない</v>
          </cell>
          <cell r="AG1005" t="str">
            <v>土木一式</v>
          </cell>
          <cell r="AH1005" t="str">
            <v>特定</v>
          </cell>
          <cell r="AI1005">
            <v>1669</v>
          </cell>
          <cell r="AJ1005">
            <v>39982325</v>
          </cell>
          <cell r="AK1005" t="str">
            <v>522(378)/16/13</v>
          </cell>
          <cell r="AL1005" t="str">
            <v>水道施設</v>
          </cell>
          <cell r="AM1005" t="str">
            <v>特定</v>
          </cell>
          <cell r="AN1005">
            <v>1364</v>
          </cell>
          <cell r="AO1005">
            <v>882863</v>
          </cell>
          <cell r="AP1005" t="str">
            <v>404(305)/16/0</v>
          </cell>
          <cell r="AQ1005" t="str">
            <v/>
          </cell>
          <cell r="AR1005" t="str">
            <v/>
          </cell>
          <cell r="AS1005" t="str">
            <v/>
          </cell>
          <cell r="AT1005" t="str">
            <v/>
          </cell>
          <cell r="AU1005" t="str">
            <v/>
          </cell>
          <cell r="AV1005" t="str">
            <v/>
          </cell>
          <cell r="AW1005" t="str">
            <v/>
          </cell>
          <cell r="AX1005" t="str">
            <v/>
          </cell>
          <cell r="AY1005" t="str">
            <v/>
          </cell>
          <cell r="AZ1005" t="str">
            <v/>
          </cell>
          <cell r="BA1005" t="str">
            <v>東京都</v>
          </cell>
          <cell r="BB1005">
            <v>0</v>
          </cell>
          <cell r="CR1005">
            <v>6628</v>
          </cell>
          <cell r="CS1005" t="str">
            <v>ｺﾆｼ ｱｷｺ</v>
          </cell>
          <cell r="CT1005" t="str">
            <v>小西  晶子</v>
          </cell>
          <cell r="CU1005" t="str">
            <v>公民館</v>
          </cell>
          <cell r="CW1005">
            <v>5817</v>
          </cell>
          <cell r="CX1005" t="str">
            <v xml:space="preserve"> </v>
          </cell>
          <cell r="CY1005" t="str">
            <v>公民館長</v>
          </cell>
        </row>
        <row r="1006">
          <cell r="B1006">
            <v>3852</v>
          </cell>
          <cell r="C1006" t="str">
            <v>(株)ＩＨＩインフラ建設</v>
          </cell>
          <cell r="D1006" t="str">
            <v>078-222-3469</v>
          </cell>
          <cell r="E1006" t="str">
            <v>651-0087</v>
          </cell>
          <cell r="F1006" t="str">
            <v>兵庫県神戸市中央区御幸通5-2-15</v>
          </cell>
          <cell r="G1006" t="str">
            <v/>
          </cell>
          <cell r="H1006" t="str">
            <v>神戸営業所</v>
          </cell>
          <cell r="I1006" t="str">
            <v>所長 伊藤　一博</v>
          </cell>
          <cell r="J1006" t="str">
            <v>東京都</v>
          </cell>
          <cell r="K1006" t="str">
            <v>078-222-3470</v>
          </cell>
          <cell r="L1006" t="str">
            <v>bid-kan@dc4.so-net.ne.jp</v>
          </cell>
          <cell r="M1006" t="str">
            <v>ｱｲｴｲﾁｱｲｲﾝﾌﾗｹﾝｾﾂ</v>
          </cell>
          <cell r="N1006" t="str">
            <v>有</v>
          </cell>
          <cell r="O1006">
            <v>30</v>
          </cell>
          <cell r="P1006">
            <v>498</v>
          </cell>
          <cell r="Q1006">
            <v>5010601000905</v>
          </cell>
          <cell r="R1006">
            <v>120000</v>
          </cell>
          <cell r="S1006">
            <v>3191931</v>
          </cell>
          <cell r="T1006">
            <v>24891843</v>
          </cell>
          <cell r="V1006" t="str">
            <v>tt221682</v>
          </cell>
          <cell r="W1006" t="str">
            <v>fa480376</v>
          </cell>
          <cell r="X1006" t="str">
            <v>(清)(と)(鋼)(塗)(水)土と電鋼鉄塗機通水</v>
          </cell>
          <cell r="Y1006" t="str">
            <v>(清)(と)(鋼)(塗)(水)</v>
          </cell>
          <cell r="Z1006" t="str">
            <v>土と電鋼鉄塗機通水</v>
          </cell>
          <cell r="AA1006" t="str">
            <v>土木一式</v>
          </cell>
          <cell r="AB1006" t="str">
            <v>鋼構造物</v>
          </cell>
          <cell r="AC1006" t="str">
            <v/>
          </cell>
          <cell r="AD1006" t="str">
            <v/>
          </cell>
          <cell r="AE1006">
            <v>43190</v>
          </cell>
          <cell r="AF1006" t="str">
            <v/>
          </cell>
          <cell r="AG1006" t="str">
            <v>土木一式</v>
          </cell>
          <cell r="AH1006" t="str">
            <v>特定</v>
          </cell>
          <cell r="AI1006">
            <v>1389</v>
          </cell>
          <cell r="AJ1006">
            <v>10497784</v>
          </cell>
          <cell r="AK1006" t="str">
            <v>331(318)/27/4</v>
          </cell>
          <cell r="AL1006" t="str">
            <v>鋼構造物</v>
          </cell>
          <cell r="AM1006" t="str">
            <v>特定</v>
          </cell>
          <cell r="AN1006">
            <v>1373</v>
          </cell>
          <cell r="AO1006">
            <v>8953092</v>
          </cell>
          <cell r="AP1006" t="str">
            <v>329(318)/27/3</v>
          </cell>
          <cell r="AQ1006" t="str">
            <v/>
          </cell>
          <cell r="AR1006" t="str">
            <v/>
          </cell>
          <cell r="AS1006" t="str">
            <v/>
          </cell>
          <cell r="AT1006" t="str">
            <v/>
          </cell>
          <cell r="AU1006" t="str">
            <v/>
          </cell>
          <cell r="AV1006" t="str">
            <v/>
          </cell>
          <cell r="AW1006" t="str">
            <v/>
          </cell>
          <cell r="AX1006" t="str">
            <v/>
          </cell>
          <cell r="AY1006" t="str">
            <v/>
          </cell>
          <cell r="AZ1006" t="str">
            <v/>
          </cell>
          <cell r="BA1006" t="str">
            <v>東京都</v>
          </cell>
          <cell r="BB1006">
            <v>0</v>
          </cell>
          <cell r="CR1006">
            <v>6629</v>
          </cell>
          <cell r="CS1006" t="str">
            <v>ｺﾆｼ ﾀｶﾕｷ</v>
          </cell>
          <cell r="CT1006" t="str">
            <v>小西  孝之</v>
          </cell>
          <cell r="CU1006" t="str">
            <v>公園課</v>
          </cell>
          <cell r="CW1006">
            <v>4371</v>
          </cell>
          <cell r="CX1006" t="str">
            <v xml:space="preserve"> </v>
          </cell>
          <cell r="CY1006" t="str">
            <v>公園課長</v>
          </cell>
        </row>
        <row r="1007">
          <cell r="B1007">
            <v>3854</v>
          </cell>
          <cell r="C1007" t="str">
            <v>東山管理センター(株)</v>
          </cell>
          <cell r="D1007" t="str">
            <v>072-626-6575</v>
          </cell>
          <cell r="E1007" t="str">
            <v>567-0801</v>
          </cell>
          <cell r="F1007" t="str">
            <v>大阪府茨木市総持寺2-2-1</v>
          </cell>
          <cell r="G1007" t="str">
            <v>京都市</v>
          </cell>
          <cell r="H1007" t="str">
            <v>大阪支店</v>
          </cell>
          <cell r="I1007" t="str">
            <v>取締役大阪支店長 山本　学</v>
          </cell>
          <cell r="J1007" t="str">
            <v>京都府京都市</v>
          </cell>
          <cell r="K1007" t="str">
            <v>072-626-8905</v>
          </cell>
          <cell r="L1007" t="str">
            <v>higashiyama@ii-kanri.jp</v>
          </cell>
          <cell r="M1007" t="str">
            <v>ﾋｶﾞｼﾔﾏｶﾝﾘｾﾝﾀｰ</v>
          </cell>
          <cell r="N1007" t="str">
            <v>有</v>
          </cell>
          <cell r="O1007">
            <v>44</v>
          </cell>
          <cell r="P1007">
            <v>65</v>
          </cell>
          <cell r="Q1007">
            <v>2130001013218</v>
          </cell>
          <cell r="R1007">
            <v>50000</v>
          </cell>
          <cell r="S1007">
            <v>590513</v>
          </cell>
          <cell r="T1007">
            <v>1021698</v>
          </cell>
          <cell r="V1007" t="str">
            <v>nh740172</v>
          </cell>
          <cell r="W1007" t="str">
            <v>ur798773</v>
          </cell>
          <cell r="X1007" t="str">
            <v>管(清)(と)(浚)(水)土と浚水</v>
          </cell>
          <cell r="Y1007" t="str">
            <v>管(清)(と)(浚)(水)</v>
          </cell>
          <cell r="Z1007" t="str">
            <v>土と浚水</v>
          </cell>
          <cell r="AA1007" t="str">
            <v>土木一式</v>
          </cell>
          <cell r="AB1007" t="str">
            <v>浚渫</v>
          </cell>
          <cell r="AC1007" t="str">
            <v>とび土工</v>
          </cell>
          <cell r="AD1007" t="str">
            <v>水道施設</v>
          </cell>
          <cell r="AE1007">
            <v>43190</v>
          </cell>
          <cell r="AF1007" t="str">
            <v>希望する</v>
          </cell>
          <cell r="AG1007" t="str">
            <v>土木一式</v>
          </cell>
          <cell r="AH1007" t="str">
            <v>特定</v>
          </cell>
          <cell r="AI1007">
            <v>993</v>
          </cell>
          <cell r="AJ1007">
            <v>573106</v>
          </cell>
          <cell r="AK1007" t="str">
            <v>13(13)/4/2</v>
          </cell>
          <cell r="AL1007" t="str">
            <v>浚渫</v>
          </cell>
          <cell r="AM1007" t="str">
            <v>特定</v>
          </cell>
          <cell r="AN1007">
            <v>916</v>
          </cell>
          <cell r="AO1007">
            <v>42492</v>
          </cell>
          <cell r="AP1007" t="str">
            <v>13(13)/4/13</v>
          </cell>
          <cell r="AQ1007" t="str">
            <v>とび土工</v>
          </cell>
          <cell r="AR1007" t="str">
            <v>特定</v>
          </cell>
          <cell r="AS1007">
            <v>719</v>
          </cell>
          <cell r="AT1007" t="str">
            <v/>
          </cell>
          <cell r="AU1007" t="str">
            <v>0(0)/0/0</v>
          </cell>
          <cell r="AV1007" t="str">
            <v>水道施設</v>
          </cell>
          <cell r="AW1007" t="str">
            <v>特定</v>
          </cell>
          <cell r="AX1007">
            <v>719</v>
          </cell>
          <cell r="AY1007" t="str">
            <v/>
          </cell>
          <cell r="AZ1007" t="str">
            <v>0(0)/0/0</v>
          </cell>
          <cell r="BA1007" t="str">
            <v>京都府</v>
          </cell>
          <cell r="BB1007">
            <v>0</v>
          </cell>
          <cell r="CR1007">
            <v>6630</v>
          </cell>
          <cell r="CS1007" t="str">
            <v>ｺﾐｿﾞ ﾋﾛﾕｷ</v>
          </cell>
          <cell r="CT1007" t="str">
            <v>小溝  啓之</v>
          </cell>
          <cell r="CU1007" t="str">
            <v>まちづくり推進課</v>
          </cell>
          <cell r="CW1007">
            <v>2212</v>
          </cell>
          <cell r="CX1007" t="str">
            <v xml:space="preserve"> </v>
          </cell>
          <cell r="CY1007" t="str">
            <v>政策室長</v>
          </cell>
        </row>
        <row r="1008">
          <cell r="B1008">
            <v>3856</v>
          </cell>
          <cell r="C1008" t="str">
            <v>光工業(株)</v>
          </cell>
          <cell r="D1008" t="str">
            <v>06-6776-8605</v>
          </cell>
          <cell r="E1008" t="str">
            <v>543-0001</v>
          </cell>
          <cell r="F1008" t="str">
            <v>大阪府大阪市天王寺区上本町9-6-15-2F-1</v>
          </cell>
          <cell r="G1008" t="str">
            <v>京都市</v>
          </cell>
          <cell r="H1008" t="str">
            <v>大阪支店</v>
          </cell>
          <cell r="I1008" t="str">
            <v>支店長 楠見　恒雄</v>
          </cell>
          <cell r="J1008" t="str">
            <v>京都府京都市</v>
          </cell>
          <cell r="K1008" t="str">
            <v>06-6776-8606</v>
          </cell>
          <cell r="L1008" t="str">
            <v>hikari-o@atlas.plala.or.jp</v>
          </cell>
          <cell r="M1008" t="str">
            <v>ﾋｶﾘｺｳｷﾞｮｳ</v>
          </cell>
          <cell r="N1008" t="str">
            <v>有</v>
          </cell>
          <cell r="O1008">
            <v>61</v>
          </cell>
          <cell r="P1008">
            <v>67</v>
          </cell>
          <cell r="Q1008">
            <v>5130001015450</v>
          </cell>
          <cell r="R1008">
            <v>455000</v>
          </cell>
          <cell r="S1008">
            <v>1535801</v>
          </cell>
          <cell r="T1008">
            <v>3657808</v>
          </cell>
          <cell r="V1008" t="str">
            <v>gg736195</v>
          </cell>
          <cell r="W1008" t="str">
            <v>yf140782</v>
          </cell>
          <cell r="X1008" t="str">
            <v>(清)(と)(石)(鋼)(舗)(浚)(塗)(水)土建大と石屋タ鋼鉄舗浚板ガ塗防内熱園具水解</v>
          </cell>
          <cell r="Y1008" t="str">
            <v>(清)(と)(石)(鋼)(舗)(浚)(塗)(水)</v>
          </cell>
          <cell r="Z1008" t="str">
            <v>土建大と石屋タ鋼鉄舗浚板ガ塗防内熱園具水解</v>
          </cell>
          <cell r="AA1008" t="str">
            <v>舗装</v>
          </cell>
          <cell r="AB1008" t="str">
            <v>土木一式</v>
          </cell>
          <cell r="AC1008" t="str">
            <v/>
          </cell>
          <cell r="AD1008" t="str">
            <v/>
          </cell>
          <cell r="AE1008">
            <v>43251</v>
          </cell>
          <cell r="AF1008" t="str">
            <v>希望しない</v>
          </cell>
          <cell r="AG1008" t="str">
            <v>舗装</v>
          </cell>
          <cell r="AH1008" t="str">
            <v>特定</v>
          </cell>
          <cell r="AI1008">
            <v>1148</v>
          </cell>
          <cell r="AJ1008">
            <v>2246014</v>
          </cell>
          <cell r="AK1008" t="str">
            <v>37(36)/8/4</v>
          </cell>
          <cell r="AL1008" t="str">
            <v>土木一式</v>
          </cell>
          <cell r="AM1008" t="str">
            <v>特定</v>
          </cell>
          <cell r="AN1008">
            <v>1109</v>
          </cell>
          <cell r="AO1008">
            <v>1033290</v>
          </cell>
          <cell r="AP1008" t="str">
            <v>37(36)/7/2</v>
          </cell>
          <cell r="AQ1008" t="str">
            <v/>
          </cell>
          <cell r="AR1008" t="str">
            <v/>
          </cell>
          <cell r="AS1008" t="str">
            <v/>
          </cell>
          <cell r="AT1008" t="str">
            <v/>
          </cell>
          <cell r="AU1008" t="str">
            <v/>
          </cell>
          <cell r="AV1008" t="str">
            <v/>
          </cell>
          <cell r="AW1008" t="str">
            <v/>
          </cell>
          <cell r="AX1008" t="str">
            <v/>
          </cell>
          <cell r="AY1008" t="str">
            <v/>
          </cell>
          <cell r="AZ1008" t="str">
            <v/>
          </cell>
          <cell r="BA1008" t="str">
            <v>京都府</v>
          </cell>
          <cell r="BB1008">
            <v>0</v>
          </cell>
          <cell r="CR1008">
            <v>6631</v>
          </cell>
          <cell r="CS1008" t="str">
            <v>ｻｶﾀ ﾅｵﾔ</v>
          </cell>
          <cell r="CT1008" t="str">
            <v>坂田  直也</v>
          </cell>
          <cell r="CU1008" t="str">
            <v>まちづくり推進課</v>
          </cell>
          <cell r="CW1008">
            <v>4373</v>
          </cell>
          <cell r="CX1008" t="str">
            <v xml:space="preserve"> </v>
          </cell>
          <cell r="CY1008" t="str">
            <v>保育課長</v>
          </cell>
        </row>
        <row r="1009">
          <cell r="B1009">
            <v>3857</v>
          </cell>
          <cell r="C1009" t="str">
            <v>ヒビノスペーステック(株)</v>
          </cell>
          <cell r="D1009" t="str">
            <v>06-6201-6677</v>
          </cell>
          <cell r="E1009" t="str">
            <v>541-0041</v>
          </cell>
          <cell r="F1009" t="str">
            <v>大阪府大阪市中央区北浜2-5-13</v>
          </cell>
          <cell r="G1009" t="str">
            <v/>
          </cell>
          <cell r="H1009" t="str">
            <v>大阪営業所</v>
          </cell>
          <cell r="I1009" t="str">
            <v>所長 平澤　良明</v>
          </cell>
          <cell r="J1009" t="str">
            <v>東京都</v>
          </cell>
          <cell r="K1009" t="str">
            <v>06-6201-6678</v>
          </cell>
          <cell r="L1009" t="str">
            <v>nyusatsu@hibino.co.jp</v>
          </cell>
          <cell r="M1009" t="str">
            <v>ﾋﾋﾞﾉｽﾍﾟｰｽﾃｯｸ</v>
          </cell>
          <cell r="N1009" t="str">
            <v>有</v>
          </cell>
          <cell r="O1009">
            <v>55</v>
          </cell>
          <cell r="P1009">
            <v>101</v>
          </cell>
          <cell r="Q1009">
            <v>5010401025103</v>
          </cell>
          <cell r="R1009">
            <v>35000</v>
          </cell>
          <cell r="S1009">
            <v>347270</v>
          </cell>
          <cell r="T1009">
            <v>2707892</v>
          </cell>
          <cell r="V1009" t="str">
            <v>mm664629</v>
          </cell>
          <cell r="W1009" t="str">
            <v>ju899611</v>
          </cell>
          <cell r="X1009" t="str">
            <v>(通)電通</v>
          </cell>
          <cell r="Y1009" t="str">
            <v>(通)</v>
          </cell>
          <cell r="Z1009" t="str">
            <v>電通</v>
          </cell>
          <cell r="AA1009" t="str">
            <v>電気通信</v>
          </cell>
          <cell r="AB1009" t="str">
            <v/>
          </cell>
          <cell r="AC1009" t="str">
            <v/>
          </cell>
          <cell r="AD1009" t="str">
            <v/>
          </cell>
          <cell r="AE1009">
            <v>43190</v>
          </cell>
          <cell r="AF1009" t="str">
            <v/>
          </cell>
          <cell r="AG1009" t="str">
            <v>電気通信</v>
          </cell>
          <cell r="AH1009" t="str">
            <v>特定</v>
          </cell>
          <cell r="AI1009">
            <v>991</v>
          </cell>
          <cell r="AJ1009">
            <v>1969555</v>
          </cell>
          <cell r="AK1009" t="str">
            <v>0(0)/0/44</v>
          </cell>
          <cell r="AL1009" t="str">
            <v/>
          </cell>
          <cell r="AM1009" t="str">
            <v/>
          </cell>
          <cell r="AN1009" t="str">
            <v/>
          </cell>
          <cell r="AO1009" t="str">
            <v/>
          </cell>
          <cell r="AP1009" t="str">
            <v/>
          </cell>
          <cell r="AQ1009" t="str">
            <v/>
          </cell>
          <cell r="AR1009" t="str">
            <v/>
          </cell>
          <cell r="AS1009" t="str">
            <v/>
          </cell>
          <cell r="AT1009" t="str">
            <v/>
          </cell>
          <cell r="AU1009" t="str">
            <v/>
          </cell>
          <cell r="AV1009" t="str">
            <v/>
          </cell>
          <cell r="AW1009" t="str">
            <v/>
          </cell>
          <cell r="AX1009" t="str">
            <v/>
          </cell>
          <cell r="AY1009" t="str">
            <v/>
          </cell>
          <cell r="AZ1009" t="str">
            <v/>
          </cell>
          <cell r="BA1009" t="str">
            <v>東京都</v>
          </cell>
          <cell r="BB1009" t="str">
            <v>ＬＯＯＰ－Ｘビル１２階</v>
          </cell>
          <cell r="CR1009">
            <v>6632</v>
          </cell>
          <cell r="CS1009" t="str">
            <v>ｻｻﾍﾞ ﾀｸﾔ</v>
          </cell>
          <cell r="CT1009" t="str">
            <v>笹部  琢也</v>
          </cell>
          <cell r="CU1009" t="str">
            <v>道路建設課</v>
          </cell>
          <cell r="CW1009">
            <v>3071</v>
          </cell>
          <cell r="CX1009" t="str">
            <v xml:space="preserve"> </v>
          </cell>
          <cell r="CY1009" t="str">
            <v>道路建設課長</v>
          </cell>
        </row>
        <row r="1010">
          <cell r="B1010">
            <v>3859</v>
          </cell>
          <cell r="C1010" t="str">
            <v>(株)ビケンテクノ</v>
          </cell>
          <cell r="D1010" t="str">
            <v>06-6380-2141</v>
          </cell>
          <cell r="E1010" t="str">
            <v>540-0044</v>
          </cell>
          <cell r="F1010" t="str">
            <v>大阪府吹田市南金田2-12-1</v>
          </cell>
          <cell r="G1010" t="str">
            <v>吹田市</v>
          </cell>
          <cell r="H1010" t="str">
            <v/>
          </cell>
          <cell r="I1010" t="str">
            <v>代表取締役社長 梶山　龍誠</v>
          </cell>
          <cell r="J1010" t="str">
            <v>本店</v>
          </cell>
          <cell r="K1010" t="str">
            <v>06-6385-8391</v>
          </cell>
          <cell r="L1010" t="str">
            <v>kaihatsu@bikentechno.co.jp</v>
          </cell>
          <cell r="M1010" t="str">
            <v>ﾋﾞｹﾝﾃｸﾉ</v>
          </cell>
          <cell r="N1010" t="str">
            <v>無</v>
          </cell>
          <cell r="O1010">
            <v>37</v>
          </cell>
          <cell r="P1010">
            <v>1844</v>
          </cell>
          <cell r="Q1010">
            <v>5120901008067</v>
          </cell>
          <cell r="R1010">
            <v>1808800</v>
          </cell>
          <cell r="S1010">
            <v>12164209</v>
          </cell>
          <cell r="T1010">
            <v>30947622</v>
          </cell>
          <cell r="V1010" t="str">
            <v>hs389635</v>
          </cell>
          <cell r="W1010" t="str">
            <v>mp393499</v>
          </cell>
          <cell r="X1010" t="str">
            <v>機園消建と電管舗塗防内解</v>
          </cell>
          <cell r="Y1010" t="str">
            <v>機園消</v>
          </cell>
          <cell r="Z1010" t="str">
            <v>建と電管舗塗防内解</v>
          </cell>
          <cell r="AA1010" t="str">
            <v>管</v>
          </cell>
          <cell r="AB1010" t="str">
            <v>建築一式</v>
          </cell>
          <cell r="AC1010" t="str">
            <v>電気</v>
          </cell>
          <cell r="AD1010" t="str">
            <v>塗装</v>
          </cell>
          <cell r="AE1010">
            <v>43190</v>
          </cell>
          <cell r="AF1010" t="str">
            <v>希望しない</v>
          </cell>
          <cell r="AG1010" t="str">
            <v>管</v>
          </cell>
          <cell r="AH1010" t="str">
            <v>特定</v>
          </cell>
          <cell r="AI1010">
            <v>929</v>
          </cell>
          <cell r="AJ1010">
            <v>270604</v>
          </cell>
          <cell r="AK1010" t="str">
            <v>1(0)/0/4</v>
          </cell>
          <cell r="AL1010" t="str">
            <v>建築一式</v>
          </cell>
          <cell r="AM1010" t="str">
            <v>特定</v>
          </cell>
          <cell r="AN1010">
            <v>1016</v>
          </cell>
          <cell r="AO1010">
            <v>692352</v>
          </cell>
          <cell r="AP1010" t="str">
            <v>4(3)/2/9</v>
          </cell>
          <cell r="AQ1010" t="str">
            <v>電気</v>
          </cell>
          <cell r="AR1010" t="str">
            <v>特定</v>
          </cell>
          <cell r="AS1010">
            <v>924</v>
          </cell>
          <cell r="AT1010">
            <v>132427</v>
          </cell>
          <cell r="AU1010" t="str">
            <v>3(3)/0/0</v>
          </cell>
          <cell r="AV1010" t="str">
            <v>塗装</v>
          </cell>
          <cell r="AW1010" t="str">
            <v>特定</v>
          </cell>
          <cell r="AX1010">
            <v>831</v>
          </cell>
          <cell r="AY1010">
            <v>30612</v>
          </cell>
          <cell r="AZ1010" t="str">
            <v>0(0)/1/0</v>
          </cell>
          <cell r="BA1010" t="str">
            <v>大阪府</v>
          </cell>
          <cell r="BB1010">
            <v>0</v>
          </cell>
          <cell r="CR1010">
            <v>6633</v>
          </cell>
          <cell r="CS1010" t="str">
            <v>ｼﾊﾞﾀ ｼﾝｺﾞ</v>
          </cell>
          <cell r="CT1010" t="str">
            <v>芝田  慎吾</v>
          </cell>
          <cell r="CU1010" t="str">
            <v>管財課</v>
          </cell>
          <cell r="CW1010">
            <v>2444</v>
          </cell>
          <cell r="CX1010" t="str">
            <v xml:space="preserve"> </v>
          </cell>
          <cell r="CY1010" t="str">
            <v>管財課長</v>
          </cell>
        </row>
        <row r="1011">
          <cell r="B1011">
            <v>3860</v>
          </cell>
          <cell r="C1011" t="str">
            <v>(株)久本組</v>
          </cell>
          <cell r="D1011" t="str">
            <v>06-6692-0461</v>
          </cell>
          <cell r="E1011" t="str">
            <v>558-0014</v>
          </cell>
          <cell r="F1011" t="str">
            <v>大阪府大阪市住吉区我孫子5-5-25</v>
          </cell>
          <cell r="G1011" t="str">
            <v>大阪市</v>
          </cell>
          <cell r="H1011" t="str">
            <v/>
          </cell>
          <cell r="I1011" t="str">
            <v>代表取締役 川口　直昭</v>
          </cell>
          <cell r="J1011" t="str">
            <v>本店</v>
          </cell>
          <cell r="K1011" t="str">
            <v>06-6692-0478</v>
          </cell>
          <cell r="L1011" t="str">
            <v>eigyou1@hisamotogumi.co.jp</v>
          </cell>
          <cell r="M1011" t="str">
            <v>ﾋｻﾓﾄｸﾞﾐ</v>
          </cell>
          <cell r="N1011" t="str">
            <v>無</v>
          </cell>
          <cell r="O1011">
            <v>56</v>
          </cell>
          <cell r="P1011">
            <v>92</v>
          </cell>
          <cell r="Q1011">
            <v>8120001033533</v>
          </cell>
          <cell r="R1011">
            <v>470400</v>
          </cell>
          <cell r="S1011">
            <v>1373439</v>
          </cell>
          <cell r="T1011">
            <v>4979928</v>
          </cell>
          <cell r="V1011" t="str">
            <v>hu222195</v>
          </cell>
          <cell r="W1011" t="str">
            <v>te377310</v>
          </cell>
          <cell r="X1011" t="str">
            <v>土建大と鋼鉄舗浚園水</v>
          </cell>
          <cell r="Y1011" t="str">
            <v/>
          </cell>
          <cell r="Z1011" t="str">
            <v>土建大と鋼鉄舗浚園水</v>
          </cell>
          <cell r="AA1011" t="str">
            <v>土木一式</v>
          </cell>
          <cell r="AB1011" t="str">
            <v>建築一式</v>
          </cell>
          <cell r="AC1011" t="str">
            <v>とび土工</v>
          </cell>
          <cell r="AD1011" t="str">
            <v>水道施設</v>
          </cell>
          <cell r="AE1011">
            <v>43100</v>
          </cell>
          <cell r="AF1011" t="str">
            <v>希望する</v>
          </cell>
          <cell r="AG1011" t="str">
            <v>土木一式</v>
          </cell>
          <cell r="AH1011" t="str">
            <v/>
          </cell>
          <cell r="AI1011">
            <v>1171</v>
          </cell>
          <cell r="AJ1011">
            <v>4876425</v>
          </cell>
          <cell r="AK1011" t="str">
            <v>60(56)/8/0</v>
          </cell>
          <cell r="AL1011" t="str">
            <v>建築一式</v>
          </cell>
          <cell r="AM1011" t="str">
            <v/>
          </cell>
          <cell r="AN1011">
            <v>902</v>
          </cell>
          <cell r="AO1011">
            <v>101937</v>
          </cell>
          <cell r="AP1011" t="str">
            <v>10(9)/5/0</v>
          </cell>
          <cell r="AQ1011" t="str">
            <v>とび土工</v>
          </cell>
          <cell r="AR1011" t="str">
            <v/>
          </cell>
          <cell r="AS1011">
            <v>814</v>
          </cell>
          <cell r="AT1011" t="str">
            <v/>
          </cell>
          <cell r="AU1011" t="str">
            <v>18(16)/0/0</v>
          </cell>
          <cell r="AV1011" t="str">
            <v>水道施設</v>
          </cell>
          <cell r="AW1011" t="str">
            <v/>
          </cell>
          <cell r="AX1011">
            <v>691</v>
          </cell>
          <cell r="AY1011" t="str">
            <v/>
          </cell>
          <cell r="AZ1011" t="str">
            <v>0(0)/0/0</v>
          </cell>
          <cell r="BA1011" t="str">
            <v>大阪府</v>
          </cell>
          <cell r="BB1011">
            <v>0</v>
          </cell>
          <cell r="CR1011">
            <v>6634</v>
          </cell>
          <cell r="CS1011" t="str">
            <v>ｽｴﾖｼ ｶｽﾞﾀｶ</v>
          </cell>
          <cell r="CT1011" t="str">
            <v>末吉  一隆</v>
          </cell>
          <cell r="CU1011" t="str">
            <v>資産税課</v>
          </cell>
          <cell r="CW1011">
            <v>2336</v>
          </cell>
          <cell r="CX1011" t="str">
            <v xml:space="preserve"> </v>
          </cell>
          <cell r="CY1011" t="str">
            <v>資産税課長</v>
          </cell>
        </row>
        <row r="1012">
          <cell r="B1012">
            <v>3864</v>
          </cell>
          <cell r="C1012" t="str">
            <v>(株)日立国際電気</v>
          </cell>
          <cell r="D1012" t="str">
            <v>06-6920-6320</v>
          </cell>
          <cell r="E1012" t="str">
            <v>540-0001</v>
          </cell>
          <cell r="F1012" t="str">
            <v>大阪府大阪市中央区城見2-2-22</v>
          </cell>
          <cell r="G1012" t="str">
            <v/>
          </cell>
          <cell r="H1012" t="str">
            <v>西日本支社</v>
          </cell>
          <cell r="I1012" t="str">
            <v>支社長 宮崎　晃</v>
          </cell>
          <cell r="J1012" t="str">
            <v>東京都</v>
          </cell>
          <cell r="K1012" t="str">
            <v>06-6920-6326</v>
          </cell>
          <cell r="L1012" t="str">
            <v>kansai.edi@h-kokusai.com</v>
          </cell>
          <cell r="M1012" t="str">
            <v>ﾋﾀﾁｺｸｻｲﾃﾞﾝｷ</v>
          </cell>
          <cell r="N1012" t="str">
            <v>有</v>
          </cell>
          <cell r="O1012">
            <v>68</v>
          </cell>
          <cell r="P1012">
            <v>1612</v>
          </cell>
          <cell r="Q1012">
            <v>2010001098064</v>
          </cell>
          <cell r="R1012">
            <v>10058169</v>
          </cell>
          <cell r="S1012">
            <v>125028273</v>
          </cell>
          <cell r="T1012">
            <v>171791646</v>
          </cell>
          <cell r="V1012" t="str">
            <v>up421211</v>
          </cell>
          <cell r="W1012" t="str">
            <v>ew395221</v>
          </cell>
          <cell r="X1012" t="str">
            <v>(電)(通)電通</v>
          </cell>
          <cell r="Y1012" t="str">
            <v>(電)(通)</v>
          </cell>
          <cell r="Z1012" t="str">
            <v>電通</v>
          </cell>
          <cell r="AA1012" t="str">
            <v>電気通信</v>
          </cell>
          <cell r="AB1012" t="str">
            <v/>
          </cell>
          <cell r="AC1012" t="str">
            <v/>
          </cell>
          <cell r="AD1012" t="str">
            <v/>
          </cell>
          <cell r="AE1012">
            <v>43190</v>
          </cell>
          <cell r="AF1012" t="str">
            <v/>
          </cell>
          <cell r="AG1012" t="str">
            <v>電気通信</v>
          </cell>
          <cell r="AH1012" t="str">
            <v>特定</v>
          </cell>
          <cell r="AI1012">
            <v>1584</v>
          </cell>
          <cell r="AJ1012">
            <v>17235523</v>
          </cell>
          <cell r="AK1012" t="str">
            <v>2(1)/0/307</v>
          </cell>
          <cell r="AL1012" t="str">
            <v/>
          </cell>
          <cell r="AM1012" t="str">
            <v/>
          </cell>
          <cell r="AN1012" t="str">
            <v/>
          </cell>
          <cell r="AO1012" t="str">
            <v/>
          </cell>
          <cell r="AP1012" t="str">
            <v/>
          </cell>
          <cell r="AQ1012" t="str">
            <v/>
          </cell>
          <cell r="AR1012" t="str">
            <v/>
          </cell>
          <cell r="AS1012" t="str">
            <v/>
          </cell>
          <cell r="AT1012" t="str">
            <v/>
          </cell>
          <cell r="AU1012" t="str">
            <v/>
          </cell>
          <cell r="AV1012" t="str">
            <v/>
          </cell>
          <cell r="AW1012" t="str">
            <v/>
          </cell>
          <cell r="AX1012" t="str">
            <v/>
          </cell>
          <cell r="AY1012" t="str">
            <v/>
          </cell>
          <cell r="AZ1012" t="str">
            <v/>
          </cell>
          <cell r="BA1012" t="str">
            <v>東京都</v>
          </cell>
          <cell r="BB1012">
            <v>0</v>
          </cell>
          <cell r="CR1012">
            <v>6635</v>
          </cell>
          <cell r="CS1012" t="str">
            <v>ﾀｲ ﾀｹﾋﾛ</v>
          </cell>
          <cell r="CT1012" t="str">
            <v>田井  雄大</v>
          </cell>
          <cell r="CU1012" t="str">
            <v>支援管理課</v>
          </cell>
          <cell r="CW1012">
            <v>2121</v>
          </cell>
          <cell r="CX1012" t="str">
            <v xml:space="preserve"> </v>
          </cell>
          <cell r="CY1012" t="str">
            <v>支援管理課長</v>
          </cell>
        </row>
        <row r="1013">
          <cell r="B1013">
            <v>3866</v>
          </cell>
          <cell r="C1013" t="str">
            <v>(株)日立産機システム</v>
          </cell>
          <cell r="D1013" t="str">
            <v>06-4868-1206</v>
          </cell>
          <cell r="E1013" t="str">
            <v>660-0806</v>
          </cell>
          <cell r="F1013" t="str">
            <v>兵庫県尼崎市金楽寺町1丁目2番1号</v>
          </cell>
          <cell r="G1013" t="str">
            <v/>
          </cell>
          <cell r="H1013" t="str">
            <v>関西支社</v>
          </cell>
          <cell r="I1013" t="str">
            <v>支社長 細川　賢次</v>
          </cell>
          <cell r="J1013" t="str">
            <v>東京都</v>
          </cell>
          <cell r="K1013" t="str">
            <v>06-4868-1238</v>
          </cell>
          <cell r="L1013" t="str">
            <v>kansai-shimeinegai@hitachi-ies.co.jp</v>
          </cell>
          <cell r="M1013" t="str">
            <v>ﾋﾀﾁｻﾝｷｼｽﾃﾑ</v>
          </cell>
          <cell r="N1013" t="str">
            <v>有</v>
          </cell>
          <cell r="O1013">
            <v>43</v>
          </cell>
          <cell r="P1013">
            <v>3781</v>
          </cell>
          <cell r="Q1013">
            <v>7010001090826</v>
          </cell>
          <cell r="R1013">
            <v>10000000</v>
          </cell>
          <cell r="S1013">
            <v>64258551</v>
          </cell>
          <cell r="T1013">
            <v>170110472</v>
          </cell>
          <cell r="V1013" t="str">
            <v>dp831328</v>
          </cell>
          <cell r="W1013" t="str">
            <v>jk669099</v>
          </cell>
          <cell r="X1013" t="str">
            <v>管機通消(電)(管)(機)(消)電</v>
          </cell>
          <cell r="Y1013" t="str">
            <v>管機通消(電)(管)(機)(消)</v>
          </cell>
          <cell r="Z1013" t="str">
            <v>電</v>
          </cell>
          <cell r="AA1013" t="str">
            <v>機械器具</v>
          </cell>
          <cell r="AB1013" t="str">
            <v>電気</v>
          </cell>
          <cell r="AC1013" t="str">
            <v>管</v>
          </cell>
          <cell r="AD1013" t="str">
            <v>消防施設</v>
          </cell>
          <cell r="AE1013">
            <v>43190</v>
          </cell>
          <cell r="AF1013" t="str">
            <v>希望しない</v>
          </cell>
          <cell r="AG1013" t="str">
            <v>機械器具</v>
          </cell>
          <cell r="AH1013" t="str">
            <v>一般</v>
          </cell>
          <cell r="AI1013">
            <v>1382</v>
          </cell>
          <cell r="AJ1013">
            <v>2570674</v>
          </cell>
          <cell r="AK1013" t="str">
            <v>0(0)/0/188</v>
          </cell>
          <cell r="AL1013" t="str">
            <v>電気</v>
          </cell>
          <cell r="AM1013" t="str">
            <v>特定</v>
          </cell>
          <cell r="AN1013">
            <v>1480</v>
          </cell>
          <cell r="AO1013">
            <v>3147404</v>
          </cell>
          <cell r="AP1013" t="str">
            <v>150(74)/58/72</v>
          </cell>
          <cell r="AQ1013" t="str">
            <v>管</v>
          </cell>
          <cell r="AR1013" t="str">
            <v>一般</v>
          </cell>
          <cell r="AS1013">
            <v>1320</v>
          </cell>
          <cell r="AT1013">
            <v>348304</v>
          </cell>
          <cell r="AU1013" t="str">
            <v>52(17)/44/42</v>
          </cell>
          <cell r="AV1013" t="str">
            <v>消防施設</v>
          </cell>
          <cell r="AW1013" t="str">
            <v>一般</v>
          </cell>
          <cell r="AX1013">
            <v>1120</v>
          </cell>
          <cell r="AY1013">
            <v>94823</v>
          </cell>
          <cell r="AZ1013" t="str">
            <v>0(0)/9/2</v>
          </cell>
          <cell r="BA1013" t="str">
            <v>東京都</v>
          </cell>
          <cell r="BB1013">
            <v>0</v>
          </cell>
          <cell r="CR1013">
            <v>6636</v>
          </cell>
          <cell r="CS1013" t="str">
            <v>ﾀｶﾂｼﾞ ﾁﾖｳｴｲ</v>
          </cell>
          <cell r="CT1013" t="str">
            <v>高辻  長英</v>
          </cell>
          <cell r="CU1013" t="str">
            <v>都市基盤総務課</v>
          </cell>
          <cell r="CW1013">
            <v>3011</v>
          </cell>
          <cell r="CX1013" t="str">
            <v xml:space="preserve"> </v>
          </cell>
          <cell r="CY1013" t="str">
            <v>都市基盤総務課長</v>
          </cell>
        </row>
        <row r="1014">
          <cell r="B1014">
            <v>3867</v>
          </cell>
          <cell r="C1014" t="str">
            <v>(株)日立製作所</v>
          </cell>
          <cell r="D1014" t="str">
            <v>078-261-9677</v>
          </cell>
          <cell r="E1014" t="str">
            <v>651-0096</v>
          </cell>
          <cell r="F1014" t="str">
            <v>兵庫県神戸市中央区雲井通7-1-1</v>
          </cell>
          <cell r="G1014" t="str">
            <v/>
          </cell>
          <cell r="H1014" t="str">
            <v>神戸支店</v>
          </cell>
          <cell r="I1014" t="str">
            <v>支店長　 本田　正昭</v>
          </cell>
          <cell r="J1014" t="str">
            <v>東京都</v>
          </cell>
          <cell r="K1014" t="str">
            <v>078-261-9675</v>
          </cell>
          <cell r="L1014" t="str">
            <v/>
          </cell>
          <cell r="M1014" t="str">
            <v>ﾋﾀﾁｾｲｻｸｼﾖ</v>
          </cell>
          <cell r="N1014" t="str">
            <v>有</v>
          </cell>
          <cell r="O1014">
            <v>68</v>
          </cell>
          <cell r="P1014">
            <v>34960</v>
          </cell>
          <cell r="Q1014">
            <v>7010000000000</v>
          </cell>
          <cell r="R1014">
            <v>458790991</v>
          </cell>
          <cell r="S1014">
            <v>1535472000</v>
          </cell>
          <cell r="T1014">
            <v>9368614000</v>
          </cell>
          <cell r="V1014" t="str">
            <v>da410511</v>
          </cell>
          <cell r="W1014" t="str">
            <v>pm388590</v>
          </cell>
          <cell r="X1014" t="str">
            <v>管機通消(電)(管)(機)(消)電</v>
          </cell>
          <cell r="Y1014" t="str">
            <v>管機通消(電)(管)(機)(消)</v>
          </cell>
          <cell r="Z1014" t="str">
            <v>電</v>
          </cell>
          <cell r="AA1014" t="str">
            <v>電気</v>
          </cell>
          <cell r="AB1014" t="str">
            <v>機械器具</v>
          </cell>
          <cell r="AC1014" t="str">
            <v>電気通信</v>
          </cell>
          <cell r="AD1014" t="str">
            <v>水道施設</v>
          </cell>
          <cell r="AE1014">
            <v>43190</v>
          </cell>
          <cell r="AF1014" t="str">
            <v>希望しない</v>
          </cell>
          <cell r="AG1014" t="str">
            <v>電気</v>
          </cell>
          <cell r="AH1014" t="str">
            <v>特定</v>
          </cell>
          <cell r="AI1014">
            <v>1979</v>
          </cell>
          <cell r="AJ1014">
            <v>104312138</v>
          </cell>
          <cell r="AK1014" t="str">
            <v>1372(662)/122/4</v>
          </cell>
          <cell r="AL1014" t="str">
            <v>機械器具</v>
          </cell>
          <cell r="AM1014" t="str">
            <v>特定</v>
          </cell>
          <cell r="AN1014">
            <v>1720</v>
          </cell>
          <cell r="AO1014">
            <v>49113687</v>
          </cell>
          <cell r="AP1014" t="str">
            <v>28(4)/0/119</v>
          </cell>
          <cell r="AQ1014" t="str">
            <v>電気通信</v>
          </cell>
          <cell r="AR1014" t="str">
            <v>特定</v>
          </cell>
          <cell r="AS1014">
            <v>1588</v>
          </cell>
          <cell r="AT1014">
            <v>13435324</v>
          </cell>
          <cell r="AU1014" t="str">
            <v>24(9)/0/139</v>
          </cell>
          <cell r="AV1014" t="str">
            <v>水道施設</v>
          </cell>
          <cell r="AW1014" t="str">
            <v>特定</v>
          </cell>
          <cell r="AX1014">
            <v>1424</v>
          </cell>
          <cell r="AY1014">
            <v>780677</v>
          </cell>
          <cell r="AZ1014" t="str">
            <v>84(19)/7/0</v>
          </cell>
          <cell r="BA1014" t="str">
            <v>東京都</v>
          </cell>
          <cell r="BB1014">
            <v>0</v>
          </cell>
          <cell r="CR1014">
            <v>6637</v>
          </cell>
          <cell r="CS1014" t="str">
            <v>ﾀｶﾊﾗ ﾕｳｷ</v>
          </cell>
          <cell r="CT1014" t="str">
            <v>高原  祐樹</v>
          </cell>
          <cell r="CU1014" t="str">
            <v>生活支援課</v>
          </cell>
          <cell r="CW1014">
            <v>2525</v>
          </cell>
          <cell r="CX1014" t="str">
            <v xml:space="preserve"> </v>
          </cell>
          <cell r="CY1014" t="str">
            <v>生活支援課長</v>
          </cell>
        </row>
        <row r="1015">
          <cell r="B1015">
            <v>3868</v>
          </cell>
          <cell r="C1015" t="str">
            <v>日立造船(株)</v>
          </cell>
          <cell r="D1015" t="str">
            <v>06-6569-0001</v>
          </cell>
          <cell r="E1015" t="str">
            <v>553-0034</v>
          </cell>
          <cell r="F1015" t="str">
            <v>大阪府大阪市住之江区南港北1-7-89</v>
          </cell>
          <cell r="G1015" t="str">
            <v>大阪市</v>
          </cell>
          <cell r="H1015" t="str">
            <v/>
          </cell>
          <cell r="I1015" t="str">
            <v>取締役社長 三野　禎男</v>
          </cell>
          <cell r="J1015" t="str">
            <v>本店</v>
          </cell>
          <cell r="K1015" t="str">
            <v>06-6569-0002</v>
          </cell>
          <cell r="L1015" t="str">
            <v>eikan@hitachizosen.co.jp</v>
          </cell>
          <cell r="M1015" t="str">
            <v>ﾋﾀﾁｿﾞｳｾﾝ</v>
          </cell>
          <cell r="N1015" t="str">
            <v>無</v>
          </cell>
          <cell r="O1015">
            <v>68</v>
          </cell>
          <cell r="P1015">
            <v>4061</v>
          </cell>
          <cell r="Q1015">
            <v>3120001031541</v>
          </cell>
          <cell r="R1015">
            <v>45442365</v>
          </cell>
          <cell r="S1015">
            <v>116895000</v>
          </cell>
          <cell r="T1015">
            <v>376437000</v>
          </cell>
          <cell r="V1015" t="str">
            <v>uh449188</v>
          </cell>
          <cell r="W1015" t="str">
            <v>et194181</v>
          </cell>
          <cell r="X1015" t="str">
            <v>土建と電管タ鋼鉄舗浚板塗内機熱通水清</v>
          </cell>
          <cell r="Y1015" t="str">
            <v/>
          </cell>
          <cell r="Z1015" t="str">
            <v>土建と電管タ鋼鉄舗浚板塗内機熱通水清</v>
          </cell>
          <cell r="AA1015" t="str">
            <v>清掃施設</v>
          </cell>
          <cell r="AB1015" t="str">
            <v>機械器具</v>
          </cell>
          <cell r="AC1015" t="str">
            <v>水道施設</v>
          </cell>
          <cell r="AD1015" t="str">
            <v>鋼構造物</v>
          </cell>
          <cell r="AE1015">
            <v>43190</v>
          </cell>
          <cell r="AF1015" t="str">
            <v>希望しない</v>
          </cell>
          <cell r="AG1015" t="str">
            <v>清掃施設</v>
          </cell>
          <cell r="AH1015" t="str">
            <v/>
          </cell>
          <cell r="AI1015">
            <v>1734</v>
          </cell>
          <cell r="AJ1015">
            <v>66347463</v>
          </cell>
          <cell r="AK1015" t="str">
            <v>15(6)/0/576</v>
          </cell>
          <cell r="AL1015" t="str">
            <v>機械器具</v>
          </cell>
          <cell r="AM1015" t="str">
            <v/>
          </cell>
          <cell r="AN1015">
            <v>1691</v>
          </cell>
          <cell r="AO1015">
            <v>42724495</v>
          </cell>
          <cell r="AP1015" t="str">
            <v>6(1)/0/838</v>
          </cell>
          <cell r="AQ1015" t="str">
            <v>水道施設</v>
          </cell>
          <cell r="AR1015" t="str">
            <v/>
          </cell>
          <cell r="AS1015">
            <v>1392</v>
          </cell>
          <cell r="AT1015">
            <v>1113659</v>
          </cell>
          <cell r="AU1015" t="str">
            <v>108(96)/5/31</v>
          </cell>
          <cell r="AV1015" t="str">
            <v>鋼構造物</v>
          </cell>
          <cell r="AW1015" t="str">
            <v/>
          </cell>
          <cell r="AX1015">
            <v>1636</v>
          </cell>
          <cell r="AY1015">
            <v>24115665</v>
          </cell>
          <cell r="AZ1015" t="str">
            <v>188(149)/8/99</v>
          </cell>
          <cell r="BA1015" t="str">
            <v>大阪府</v>
          </cell>
          <cell r="BB1015">
            <v>0</v>
          </cell>
          <cell r="CR1015">
            <v>6638</v>
          </cell>
          <cell r="CS1015" t="str">
            <v>ﾀｹﾌﾀ ｼﾞﾕﾝ</v>
          </cell>
          <cell r="CT1015" t="str">
            <v>竹蓋  潤</v>
          </cell>
          <cell r="CU1015" t="str">
            <v>市民税課</v>
          </cell>
          <cell r="CW1015">
            <v>2311</v>
          </cell>
          <cell r="CX1015" t="str">
            <v xml:space="preserve"> </v>
          </cell>
          <cell r="CY1015" t="str">
            <v>市民税課長</v>
          </cell>
        </row>
        <row r="1016">
          <cell r="B1016">
            <v>3869</v>
          </cell>
          <cell r="C1016" t="str">
            <v>エナジーシステムサービスジャパン(株)</v>
          </cell>
          <cell r="D1016" t="str">
            <v>06-6453-3321</v>
          </cell>
          <cell r="E1016" t="str">
            <v>531-0076</v>
          </cell>
          <cell r="F1016" t="str">
            <v>大阪府大阪市北区大淀中5-14-31</v>
          </cell>
          <cell r="G1016" t="str">
            <v/>
          </cell>
          <cell r="H1016" t="str">
            <v>関西営業所</v>
          </cell>
          <cell r="I1016" t="str">
            <v>所長 國井　秀之</v>
          </cell>
          <cell r="J1016" t="str">
            <v>東京都</v>
          </cell>
          <cell r="K1016" t="str">
            <v>06-6453-4198</v>
          </cell>
          <cell r="L1016" t="str">
            <v>kazushi-miyazaki@hitachi-chem.co.jp</v>
          </cell>
          <cell r="M1016" t="str">
            <v>ｴﾅｼﾞｰｼｽﾃﾑｻｰﾋﾞｽｼﾞｬﾊﾟﾝ</v>
          </cell>
          <cell r="N1016" t="str">
            <v>有</v>
          </cell>
          <cell r="O1016">
            <v>57</v>
          </cell>
          <cell r="P1016">
            <v>148</v>
          </cell>
          <cell r="Q1016">
            <v>9011501008398</v>
          </cell>
          <cell r="R1016">
            <v>150000</v>
          </cell>
          <cell r="S1016">
            <v>3674906</v>
          </cell>
          <cell r="T1016">
            <v>9889717</v>
          </cell>
          <cell r="V1016" t="str">
            <v>hg615609</v>
          </cell>
          <cell r="W1016" t="str">
            <v>mh962380</v>
          </cell>
          <cell r="X1016" t="str">
            <v>電(電)土鋼</v>
          </cell>
          <cell r="Y1016" t="str">
            <v>電(電)</v>
          </cell>
          <cell r="Z1016" t="str">
            <v>土鋼</v>
          </cell>
          <cell r="AA1016" t="str">
            <v>電気</v>
          </cell>
          <cell r="AB1016" t="str">
            <v/>
          </cell>
          <cell r="AC1016" t="str">
            <v/>
          </cell>
          <cell r="AD1016" t="str">
            <v/>
          </cell>
          <cell r="AE1016">
            <v>43190</v>
          </cell>
          <cell r="AF1016" t="str">
            <v>希望しない</v>
          </cell>
          <cell r="AG1016" t="str">
            <v>電気</v>
          </cell>
          <cell r="AH1016" t="str">
            <v>一般</v>
          </cell>
          <cell r="AI1016">
            <v>1059</v>
          </cell>
          <cell r="AJ1016">
            <v>2136640</v>
          </cell>
          <cell r="AK1016" t="str">
            <v>19(9)/16/13</v>
          </cell>
          <cell r="AL1016" t="str">
            <v/>
          </cell>
          <cell r="AM1016" t="str">
            <v/>
          </cell>
          <cell r="AN1016" t="str">
            <v/>
          </cell>
          <cell r="AO1016" t="str">
            <v/>
          </cell>
          <cell r="AP1016" t="str">
            <v/>
          </cell>
          <cell r="AQ1016" t="str">
            <v/>
          </cell>
          <cell r="AR1016" t="str">
            <v/>
          </cell>
          <cell r="AS1016" t="str">
            <v/>
          </cell>
          <cell r="AT1016" t="str">
            <v/>
          </cell>
          <cell r="AU1016" t="str">
            <v/>
          </cell>
          <cell r="AV1016" t="str">
            <v/>
          </cell>
          <cell r="AW1016" t="str">
            <v/>
          </cell>
          <cell r="AX1016" t="str">
            <v/>
          </cell>
          <cell r="AY1016" t="str">
            <v/>
          </cell>
          <cell r="AZ1016" t="str">
            <v/>
          </cell>
          <cell r="BA1016" t="str">
            <v>東京都</v>
          </cell>
          <cell r="BB1016">
            <v>0</v>
          </cell>
          <cell r="CR1016">
            <v>6639</v>
          </cell>
          <cell r="CS1016" t="str">
            <v>ﾀﾆｸﾞﾁ ｱﾔｺ</v>
          </cell>
          <cell r="CT1016" t="str">
            <v>谷口  絢子</v>
          </cell>
          <cell r="CU1016" t="str">
            <v>国保年金課</v>
          </cell>
          <cell r="CW1016">
            <v>2753</v>
          </cell>
          <cell r="CX1016" t="str">
            <v xml:space="preserve"> </v>
          </cell>
          <cell r="CY1016" t="str">
            <v>国保年金課長</v>
          </cell>
        </row>
        <row r="1017">
          <cell r="B1017">
            <v>3870</v>
          </cell>
          <cell r="C1017" t="str">
            <v>(株)日立ビルシステム</v>
          </cell>
          <cell r="D1017" t="str">
            <v>06-6453-9243</v>
          </cell>
          <cell r="E1017" t="str">
            <v>530-0004</v>
          </cell>
          <cell r="F1017" t="str">
            <v>大阪府大阪市北区堂島浜1-2-1</v>
          </cell>
          <cell r="G1017" t="str">
            <v/>
          </cell>
          <cell r="H1017" t="str">
            <v>関西支社</v>
          </cell>
          <cell r="I1017" t="str">
            <v xml:space="preserve">支社長 長谷川　健一 </v>
          </cell>
          <cell r="J1017" t="str">
            <v>東京都</v>
          </cell>
          <cell r="K1017" t="str">
            <v>06-6453-9311</v>
          </cell>
          <cell r="L1017" t="str">
            <v>toru.hirasawa.mw@hitachi.com</v>
          </cell>
          <cell r="M1017" t="str">
            <v>ﾋﾀﾁﾋﾞﾙｼｽﾃﾑ</v>
          </cell>
          <cell r="N1017" t="str">
            <v>有</v>
          </cell>
          <cell r="O1017">
            <v>62</v>
          </cell>
          <cell r="P1017">
            <v>8177</v>
          </cell>
          <cell r="Q1017">
            <v>2010001027031</v>
          </cell>
          <cell r="R1017">
            <v>5105000</v>
          </cell>
          <cell r="S1017">
            <v>144194000</v>
          </cell>
          <cell r="T1017">
            <v>274919000</v>
          </cell>
          <cell r="V1017" t="str">
            <v>vs257584</v>
          </cell>
          <cell r="W1017" t="str">
            <v>ht446020</v>
          </cell>
          <cell r="X1017" t="str">
            <v>消(建)(屋)(電)(管)(タ)(板)(塗)(防)(内)(機)(具)建屋電管タ板塗防内機通具</v>
          </cell>
          <cell r="Y1017" t="str">
            <v>消(建)(屋)(電)(管)(タ)(板)(塗)(防)(内)(機)(具)</v>
          </cell>
          <cell r="Z1017" t="str">
            <v>建屋電管タ板塗防内機通具</v>
          </cell>
          <cell r="AA1017" t="str">
            <v>機械器具</v>
          </cell>
          <cell r="AB1017" t="str">
            <v>管</v>
          </cell>
          <cell r="AC1017" t="str">
            <v>電気</v>
          </cell>
          <cell r="AD1017" t="str">
            <v>消防施設</v>
          </cell>
          <cell r="AE1017">
            <v>43555</v>
          </cell>
          <cell r="AF1017" t="str">
            <v/>
          </cell>
          <cell r="AG1017" t="str">
            <v>機械器具</v>
          </cell>
          <cell r="AH1017" t="str">
            <v>特定</v>
          </cell>
          <cell r="AI1017">
            <v>2240</v>
          </cell>
          <cell r="AJ1017">
            <v>41451000</v>
          </cell>
          <cell r="AK1017" t="str">
            <v>13(4)/0/370</v>
          </cell>
          <cell r="AL1017" t="str">
            <v>管</v>
          </cell>
          <cell r="AM1017" t="str">
            <v>特定</v>
          </cell>
          <cell r="AN1017">
            <v>1231</v>
          </cell>
          <cell r="AO1017">
            <v>2751000</v>
          </cell>
          <cell r="AP1017" t="str">
            <v>136(87)/29/0</v>
          </cell>
          <cell r="AQ1017" t="str">
            <v>電気</v>
          </cell>
          <cell r="AR1017" t="str">
            <v>特定</v>
          </cell>
          <cell r="AS1017">
            <v>949</v>
          </cell>
          <cell r="AT1017">
            <v>310500</v>
          </cell>
          <cell r="AU1017" t="str">
            <v>111(68)/106/0</v>
          </cell>
          <cell r="AV1017" t="str">
            <v>消防施設</v>
          </cell>
          <cell r="AW1017" t="str">
            <v>一般</v>
          </cell>
          <cell r="AX1017">
            <v>735</v>
          </cell>
          <cell r="AY1017">
            <v>123000</v>
          </cell>
          <cell r="AZ1017" t="str">
            <v>0(0)/35/0</v>
          </cell>
          <cell r="BA1017" t="str">
            <v>東京都</v>
          </cell>
        </row>
        <row r="1018">
          <cell r="B1018">
            <v>3873</v>
          </cell>
          <cell r="C1018" t="str">
            <v>日比谷総合設備(株)</v>
          </cell>
          <cell r="D1018" t="str">
            <v>06-6125-2511</v>
          </cell>
          <cell r="E1018" t="str">
            <v>541-0059</v>
          </cell>
          <cell r="F1018" t="str">
            <v>大阪府大阪市博労町2-1-13</v>
          </cell>
          <cell r="G1018" t="str">
            <v/>
          </cell>
          <cell r="H1018" t="str">
            <v>関西支店</v>
          </cell>
          <cell r="I1018" t="str">
            <v>常務執行役員支店長 古閑　一誠</v>
          </cell>
          <cell r="J1018" t="str">
            <v>東京都</v>
          </cell>
          <cell r="K1018" t="str">
            <v>06-6125-2520</v>
          </cell>
          <cell r="L1018" t="str">
            <v>hirotaka_murama@hibiya-eng.co.jp</v>
          </cell>
          <cell r="M1018" t="str">
            <v>ﾋﾋﾞﾔｿｳｺﾞｳｾﾂﾋﾞ</v>
          </cell>
          <cell r="N1018" t="str">
            <v>有</v>
          </cell>
          <cell r="O1018">
            <v>51</v>
          </cell>
          <cell r="P1018">
            <v>736</v>
          </cell>
          <cell r="Q1018">
            <v>9010401025405</v>
          </cell>
          <cell r="R1018">
            <v>5753449</v>
          </cell>
          <cell r="S1018">
            <v>43725000</v>
          </cell>
          <cell r="T1018">
            <v>66838000</v>
          </cell>
          <cell r="V1018" t="str">
            <v>gq831029</v>
          </cell>
          <cell r="W1018" t="str">
            <v>wv840411</v>
          </cell>
          <cell r="X1018" t="str">
            <v>(建)(電)(管)土建と電管舗通水消</v>
          </cell>
          <cell r="Y1018" t="str">
            <v>(建)(電)(管)</v>
          </cell>
          <cell r="Z1018" t="str">
            <v>土建と電管舗通水消</v>
          </cell>
          <cell r="AA1018" t="str">
            <v>管</v>
          </cell>
          <cell r="AB1018" t="str">
            <v/>
          </cell>
          <cell r="AC1018" t="str">
            <v/>
          </cell>
          <cell r="AD1018" t="str">
            <v/>
          </cell>
          <cell r="AE1018">
            <v>43190</v>
          </cell>
          <cell r="AF1018" t="str">
            <v>希望しない</v>
          </cell>
          <cell r="AG1018" t="str">
            <v>管</v>
          </cell>
          <cell r="AH1018" t="str">
            <v>特定</v>
          </cell>
          <cell r="AI1018">
            <v>1708</v>
          </cell>
          <cell r="AJ1018">
            <v>49372456</v>
          </cell>
          <cell r="AK1018" t="str">
            <v>371(265)/65/9</v>
          </cell>
          <cell r="AL1018" t="str">
            <v/>
          </cell>
          <cell r="AM1018" t="str">
            <v/>
          </cell>
          <cell r="AN1018" t="str">
            <v/>
          </cell>
          <cell r="AO1018" t="str">
            <v/>
          </cell>
          <cell r="AP1018" t="str">
            <v/>
          </cell>
          <cell r="AQ1018" t="str">
            <v/>
          </cell>
          <cell r="AR1018" t="str">
            <v/>
          </cell>
          <cell r="AS1018" t="str">
            <v/>
          </cell>
          <cell r="AT1018" t="str">
            <v/>
          </cell>
          <cell r="AU1018" t="str">
            <v/>
          </cell>
          <cell r="AV1018" t="str">
            <v/>
          </cell>
          <cell r="AW1018" t="str">
            <v/>
          </cell>
          <cell r="AX1018" t="str">
            <v/>
          </cell>
          <cell r="AY1018" t="str">
            <v/>
          </cell>
          <cell r="AZ1018" t="str">
            <v/>
          </cell>
          <cell r="BA1018" t="str">
            <v>東京都</v>
          </cell>
          <cell r="BB1018">
            <v>0</v>
          </cell>
          <cell r="CR1018">
            <v>6640</v>
          </cell>
          <cell r="CS1018" t="str">
            <v>ﾅｶﾀﾆ ｶﾂﾔ</v>
          </cell>
          <cell r="CT1018" t="str">
            <v>中谷  克也</v>
          </cell>
          <cell r="CU1018" t="str">
            <v>生活環境課</v>
          </cell>
          <cell r="CW1018">
            <v>2685</v>
          </cell>
          <cell r="CX1018" t="str">
            <v xml:space="preserve"> </v>
          </cell>
          <cell r="CY1018" t="str">
            <v>生活環境課長</v>
          </cell>
        </row>
        <row r="1019">
          <cell r="B1019">
            <v>3877</v>
          </cell>
          <cell r="C1019" t="str">
            <v>兵庫奥栄建設(株)</v>
          </cell>
          <cell r="D1019" t="str">
            <v>078-882-2771</v>
          </cell>
          <cell r="E1019" t="str">
            <v>657-0845</v>
          </cell>
          <cell r="F1019" t="str">
            <v>兵庫県神戸市灘区岩屋中町1-4-19</v>
          </cell>
          <cell r="G1019" t="str">
            <v>神戸市</v>
          </cell>
          <cell r="H1019" t="str">
            <v/>
          </cell>
          <cell r="I1019" t="str">
            <v>代表取締役 松本　義之</v>
          </cell>
          <cell r="J1019" t="str">
            <v>本店</v>
          </cell>
          <cell r="K1019" t="str">
            <v>078-882-2820</v>
          </cell>
          <cell r="L1019" t="str">
            <v>eigyoubu@hyogo-okuei.co.jp</v>
          </cell>
          <cell r="M1019" t="str">
            <v>ﾋｮｳｺﾞｵｸｴｲｹﾝｾﾂ</v>
          </cell>
          <cell r="N1019" t="str">
            <v>無</v>
          </cell>
          <cell r="O1019">
            <v>47</v>
          </cell>
          <cell r="P1019">
            <v>45</v>
          </cell>
          <cell r="Q1019">
            <v>3140001027257</v>
          </cell>
          <cell r="R1019">
            <v>50000</v>
          </cell>
          <cell r="S1019">
            <v>620264</v>
          </cell>
          <cell r="T1019" t="str">
            <v/>
          </cell>
          <cell r="V1019" t="str">
            <v>ck169751</v>
          </cell>
          <cell r="W1019" t="str">
            <v>vr382399</v>
          </cell>
          <cell r="X1019" t="str">
            <v>管土建と鋼舗浚塗水</v>
          </cell>
          <cell r="Y1019" t="str">
            <v>管</v>
          </cell>
          <cell r="Z1019" t="str">
            <v>土建と鋼舗浚塗水</v>
          </cell>
          <cell r="AA1019" t="str">
            <v>土木一式</v>
          </cell>
          <cell r="AB1019" t="str">
            <v>舗装</v>
          </cell>
          <cell r="AC1019" t="str">
            <v/>
          </cell>
          <cell r="AD1019" t="str">
            <v/>
          </cell>
          <cell r="AE1019">
            <v>43281</v>
          </cell>
          <cell r="AF1019" t="str">
            <v>希望する</v>
          </cell>
          <cell r="AG1019" t="str">
            <v>土木一式</v>
          </cell>
          <cell r="AH1019" t="str">
            <v>特定</v>
          </cell>
          <cell r="AI1019">
            <v>1051</v>
          </cell>
          <cell r="AJ1019">
            <v>1247484</v>
          </cell>
          <cell r="AK1019" t="str">
            <v>20(20)/8/2</v>
          </cell>
          <cell r="AL1019" t="str">
            <v>舗装</v>
          </cell>
          <cell r="AM1019" t="str">
            <v>特定</v>
          </cell>
          <cell r="AN1019">
            <v>669</v>
          </cell>
          <cell r="AO1019">
            <v>65218</v>
          </cell>
          <cell r="AP1019" t="str">
            <v>20(20)/8/0</v>
          </cell>
          <cell r="AQ1019" t="str">
            <v/>
          </cell>
          <cell r="AR1019" t="str">
            <v/>
          </cell>
          <cell r="AS1019" t="str">
            <v/>
          </cell>
          <cell r="AT1019" t="str">
            <v/>
          </cell>
          <cell r="AU1019" t="str">
            <v/>
          </cell>
          <cell r="AV1019" t="str">
            <v/>
          </cell>
          <cell r="AW1019" t="str">
            <v/>
          </cell>
          <cell r="AX1019" t="str">
            <v/>
          </cell>
          <cell r="AY1019" t="str">
            <v/>
          </cell>
          <cell r="AZ1019" t="str">
            <v/>
          </cell>
          <cell r="BA1019" t="str">
            <v>兵庫県</v>
          </cell>
          <cell r="BB1019">
            <v>0</v>
          </cell>
          <cell r="CR1019">
            <v>6641</v>
          </cell>
          <cell r="CS1019" t="str">
            <v>ﾅｶﾞﾉ ﾖｳｼﾞ</v>
          </cell>
          <cell r="CT1019" t="str">
            <v>永野  洋司</v>
          </cell>
          <cell r="CU1019" t="str">
            <v>市議会事務局</v>
          </cell>
          <cell r="CW1019">
            <v>3454</v>
          </cell>
          <cell r="CX1019" t="str">
            <v xml:space="preserve"> </v>
          </cell>
          <cell r="CY1019" t="str">
            <v>議事課長</v>
          </cell>
        </row>
        <row r="1020">
          <cell r="B1020">
            <v>3878</v>
          </cell>
          <cell r="C1020" t="str">
            <v>(株)兵庫技研</v>
          </cell>
          <cell r="D1020" t="str">
            <v>078-682-1007</v>
          </cell>
          <cell r="E1020" t="str">
            <v>652-0834</v>
          </cell>
          <cell r="F1020" t="str">
            <v>兵庫県神戸市兵庫区本町2-4-11</v>
          </cell>
          <cell r="G1020" t="str">
            <v>神戸市</v>
          </cell>
          <cell r="H1020" t="str">
            <v/>
          </cell>
          <cell r="I1020" t="str">
            <v>代表取締役 田中　丈二郎</v>
          </cell>
          <cell r="J1020" t="str">
            <v>本店</v>
          </cell>
          <cell r="K1020" t="str">
            <v>078-682-1008</v>
          </cell>
          <cell r="L1020" t="str">
            <v>giken@w7.dion.ne.jp</v>
          </cell>
          <cell r="M1020" t="str">
            <v>ﾋｮｳｺﾞｷﾞｹﾝ</v>
          </cell>
          <cell r="N1020" t="str">
            <v>無</v>
          </cell>
          <cell r="O1020">
            <v>15</v>
          </cell>
          <cell r="P1020">
            <v>16</v>
          </cell>
          <cell r="Q1020">
            <v>2140001013431</v>
          </cell>
          <cell r="R1020">
            <v>20000</v>
          </cell>
          <cell r="S1020">
            <v>173986</v>
          </cell>
          <cell r="T1020">
            <v>601691</v>
          </cell>
          <cell r="V1020" t="str">
            <v>bk918176</v>
          </cell>
          <cell r="W1020" t="str">
            <v>cf754803</v>
          </cell>
          <cell r="X1020" t="str">
            <v>土と舗浚水</v>
          </cell>
          <cell r="Y1020" t="str">
            <v/>
          </cell>
          <cell r="Z1020" t="str">
            <v>土と舗浚水</v>
          </cell>
          <cell r="AA1020" t="str">
            <v>土木一式</v>
          </cell>
          <cell r="AB1020" t="str">
            <v>浚渫</v>
          </cell>
          <cell r="AC1020" t="str">
            <v/>
          </cell>
          <cell r="AD1020" t="str">
            <v/>
          </cell>
          <cell r="AE1020">
            <v>43251</v>
          </cell>
          <cell r="AF1020" t="str">
            <v>希望する</v>
          </cell>
          <cell r="AG1020" t="str">
            <v>土木一式</v>
          </cell>
          <cell r="AH1020" t="str">
            <v>特定</v>
          </cell>
          <cell r="AI1020">
            <v>826</v>
          </cell>
          <cell r="AJ1020">
            <v>229169</v>
          </cell>
          <cell r="AK1020" t="str">
            <v>3(3)/6/2</v>
          </cell>
          <cell r="AL1020" t="str">
            <v>浚渫</v>
          </cell>
          <cell r="AM1020" t="str">
            <v>特定</v>
          </cell>
          <cell r="AN1020">
            <v>790</v>
          </cell>
          <cell r="AO1020">
            <v>86965</v>
          </cell>
          <cell r="AP1020" t="str">
            <v>3(3)/6/0</v>
          </cell>
          <cell r="AQ1020" t="str">
            <v/>
          </cell>
          <cell r="AR1020" t="str">
            <v/>
          </cell>
          <cell r="AS1020" t="str">
            <v/>
          </cell>
          <cell r="AT1020" t="str">
            <v/>
          </cell>
          <cell r="AU1020" t="str">
            <v/>
          </cell>
          <cell r="AV1020" t="str">
            <v/>
          </cell>
          <cell r="AW1020" t="str">
            <v/>
          </cell>
          <cell r="AX1020" t="str">
            <v/>
          </cell>
          <cell r="AY1020" t="str">
            <v/>
          </cell>
          <cell r="AZ1020" t="str">
            <v/>
          </cell>
          <cell r="BA1020" t="str">
            <v>兵庫県</v>
          </cell>
          <cell r="BB1020">
            <v>0</v>
          </cell>
          <cell r="CR1020">
            <v>6642</v>
          </cell>
          <cell r="CS1020" t="str">
            <v>ﾊﾀｹﾅｶ ﾕｳﾔ</v>
          </cell>
          <cell r="CT1020" t="str">
            <v>畠中  雄也</v>
          </cell>
          <cell r="CU1020" t="str">
            <v>営業課</v>
          </cell>
          <cell r="CW1020" t="str">
            <v xml:space="preserve"> </v>
          </cell>
          <cell r="CX1020" t="str">
            <v xml:space="preserve"> </v>
          </cell>
          <cell r="CY1020" t="str">
            <v>営業課長</v>
          </cell>
        </row>
        <row r="1021">
          <cell r="B1021">
            <v>3882</v>
          </cell>
          <cell r="C1021" t="str">
            <v>(株)兵庫蓄電池</v>
          </cell>
          <cell r="D1021" t="str">
            <v>078-731-1934</v>
          </cell>
          <cell r="E1021" t="str">
            <v>653-0052</v>
          </cell>
          <cell r="F1021" t="str">
            <v>兵庫県神戸市長田区海運町8-6-14</v>
          </cell>
          <cell r="G1021" t="str">
            <v>神戸市</v>
          </cell>
          <cell r="H1021" t="str">
            <v/>
          </cell>
          <cell r="I1021" t="str">
            <v>代表取締役 西岡　康裕</v>
          </cell>
          <cell r="J1021" t="str">
            <v>本店</v>
          </cell>
          <cell r="K1021" t="str">
            <v>078-731-1967</v>
          </cell>
          <cell r="L1021" t="str">
            <v>hyochiku@mvh.biglobe.ne.jp</v>
          </cell>
          <cell r="M1021" t="str">
            <v>ﾋｮｳｺﾞﾁｸﾃﾞﾝﾁ</v>
          </cell>
          <cell r="N1021" t="str">
            <v>無</v>
          </cell>
          <cell r="O1021">
            <v>38</v>
          </cell>
          <cell r="P1021">
            <v>12</v>
          </cell>
          <cell r="Q1021">
            <v>6140001017214</v>
          </cell>
          <cell r="R1021">
            <v>20000</v>
          </cell>
          <cell r="S1021">
            <v>591704</v>
          </cell>
          <cell r="T1021">
            <v>695178</v>
          </cell>
          <cell r="V1021" t="str">
            <v>me336006</v>
          </cell>
          <cell r="W1021" t="str">
            <v>mm974844</v>
          </cell>
          <cell r="X1021" t="str">
            <v>機電</v>
          </cell>
          <cell r="Y1021" t="str">
            <v>機</v>
          </cell>
          <cell r="Z1021" t="str">
            <v>電</v>
          </cell>
          <cell r="AA1021" t="str">
            <v>電気</v>
          </cell>
          <cell r="AB1021" t="str">
            <v>機械器具</v>
          </cell>
          <cell r="AC1021" t="str">
            <v/>
          </cell>
          <cell r="AD1021" t="str">
            <v/>
          </cell>
          <cell r="AE1021">
            <v>43008</v>
          </cell>
          <cell r="AF1021" t="str">
            <v/>
          </cell>
          <cell r="AG1021" t="str">
            <v>電気</v>
          </cell>
          <cell r="AH1021" t="str">
            <v>特定</v>
          </cell>
          <cell r="AI1021">
            <v>894</v>
          </cell>
          <cell r="AJ1021">
            <v>493167</v>
          </cell>
          <cell r="AK1021" t="str">
            <v>1(1)/2/3</v>
          </cell>
          <cell r="AL1021" t="str">
            <v>機械器具</v>
          </cell>
          <cell r="AM1021" t="str">
            <v>一般</v>
          </cell>
          <cell r="AN1021">
            <v>755</v>
          </cell>
          <cell r="AO1021">
            <v>19604</v>
          </cell>
          <cell r="AP1021" t="str">
            <v>0(0)/0/4</v>
          </cell>
          <cell r="AQ1021" t="str">
            <v/>
          </cell>
          <cell r="AR1021" t="str">
            <v/>
          </cell>
          <cell r="AS1021" t="str">
            <v/>
          </cell>
          <cell r="AT1021" t="str">
            <v/>
          </cell>
          <cell r="AU1021" t="str">
            <v/>
          </cell>
          <cell r="AV1021" t="str">
            <v/>
          </cell>
          <cell r="AW1021" t="str">
            <v/>
          </cell>
          <cell r="AX1021" t="str">
            <v/>
          </cell>
          <cell r="AY1021" t="str">
            <v/>
          </cell>
          <cell r="AZ1021" t="str">
            <v/>
          </cell>
          <cell r="BA1021" t="str">
            <v>兵庫県</v>
          </cell>
          <cell r="BB1021">
            <v>0</v>
          </cell>
          <cell r="CR1021">
            <v>6643</v>
          </cell>
          <cell r="CS1021" t="str">
            <v>ﾊﾏﾀﾞ ｹﾝｼﾝ</v>
          </cell>
          <cell r="CT1021" t="str">
            <v>濱田  健慎</v>
          </cell>
          <cell r="CU1021" t="str">
            <v>議事課</v>
          </cell>
          <cell r="CW1021">
            <v>3454</v>
          </cell>
          <cell r="CX1021" t="str">
            <v xml:space="preserve"> </v>
          </cell>
          <cell r="CY1021" t="str">
            <v>議事課長</v>
          </cell>
        </row>
        <row r="1022">
          <cell r="B1022">
            <v>3883</v>
          </cell>
          <cell r="C1022" t="str">
            <v>ニチレキ株式会社</v>
          </cell>
          <cell r="D1022" t="str">
            <v>03-3265-1511</v>
          </cell>
          <cell r="E1022" t="str">
            <v>672-8035</v>
          </cell>
          <cell r="F1022" t="str">
            <v>兵庫県姫路市飾磨区中島3059-1</v>
          </cell>
          <cell r="G1022" t="str">
            <v/>
          </cell>
          <cell r="H1022" t="str">
            <v>兵庫営業所</v>
          </cell>
          <cell r="I1022" t="str">
            <v>所長　 山川　和也</v>
          </cell>
          <cell r="J1022" t="str">
            <v>東京都</v>
          </cell>
          <cell r="K1022" t="str">
            <v>03-3265-1510</v>
          </cell>
          <cell r="L1022" t="str">
            <v/>
          </cell>
          <cell r="M1022" t="str">
            <v>ﾆﾁﾚｷ</v>
          </cell>
          <cell r="N1022" t="str">
            <v>有</v>
          </cell>
          <cell r="O1022">
            <v>69</v>
          </cell>
          <cell r="P1022">
            <v>383</v>
          </cell>
          <cell r="Q1022">
            <v>7010001008737</v>
          </cell>
          <cell r="R1022">
            <v>2919681</v>
          </cell>
          <cell r="S1022">
            <v>50811000</v>
          </cell>
          <cell r="T1022">
            <v>60570000</v>
          </cell>
          <cell r="V1022" t="str">
            <v>wg619362</v>
          </cell>
          <cell r="W1022" t="str">
            <v>bd652719</v>
          </cell>
          <cell r="X1022" t="str">
            <v>機電</v>
          </cell>
          <cell r="Y1022" t="str">
            <v>機</v>
          </cell>
          <cell r="Z1022" t="str">
            <v>電</v>
          </cell>
          <cell r="AA1022" t="str">
            <v>舗装</v>
          </cell>
          <cell r="AB1022" t="str">
            <v>とび土工</v>
          </cell>
          <cell r="AC1022" t="str">
            <v/>
          </cell>
          <cell r="AD1022" t="str">
            <v/>
          </cell>
          <cell r="AE1022">
            <v>43389</v>
          </cell>
          <cell r="AF1022" t="str">
            <v>希望しない</v>
          </cell>
          <cell r="AG1022" t="str">
            <v>舗装</v>
          </cell>
          <cell r="AH1022" t="str">
            <v>特定</v>
          </cell>
          <cell r="AI1022">
            <v>1289</v>
          </cell>
          <cell r="AJ1022">
            <v>176794</v>
          </cell>
          <cell r="AK1022" t="str">
            <v>158(30)/5/0</v>
          </cell>
          <cell r="AL1022" t="str">
            <v>とび土工</v>
          </cell>
          <cell r="AM1022" t="str">
            <v>特定</v>
          </cell>
          <cell r="AN1022">
            <v>603</v>
          </cell>
          <cell r="AO1022">
            <v>20776</v>
          </cell>
          <cell r="AP1022" t="str">
            <v>158(30)/5/0</v>
          </cell>
          <cell r="AQ1022" t="str">
            <v/>
          </cell>
          <cell r="AR1022" t="str">
            <v/>
          </cell>
          <cell r="AS1022" t="str">
            <v/>
          </cell>
          <cell r="AT1022" t="str">
            <v/>
          </cell>
          <cell r="AU1022" t="str">
            <v/>
          </cell>
          <cell r="AV1022" t="str">
            <v/>
          </cell>
          <cell r="AW1022" t="str">
            <v/>
          </cell>
          <cell r="AX1022" t="str">
            <v/>
          </cell>
          <cell r="AY1022" t="str">
            <v/>
          </cell>
          <cell r="AZ1022" t="str">
            <v/>
          </cell>
          <cell r="BA1022" t="str">
            <v>東京都</v>
          </cell>
          <cell r="BB1022">
            <v>0</v>
          </cell>
          <cell r="CR1022">
            <v>6644</v>
          </cell>
          <cell r="CS1022" t="str">
            <v>ﾋﾗｶﾞ ｱｷﾐﾂ</v>
          </cell>
          <cell r="CT1022" t="str">
            <v>平賀  昭光</v>
          </cell>
          <cell r="CU1022" t="str">
            <v>子育て支援課</v>
          </cell>
          <cell r="CW1022">
            <v>2655</v>
          </cell>
          <cell r="CX1022" t="str">
            <v xml:space="preserve"> </v>
          </cell>
          <cell r="CY1022" t="str">
            <v>子育て支援課長</v>
          </cell>
        </row>
        <row r="1023">
          <cell r="B1023">
            <v>3888</v>
          </cell>
          <cell r="C1023" t="str">
            <v>廣川建設(株)</v>
          </cell>
          <cell r="D1023" t="str">
            <v>0798-66-2010</v>
          </cell>
          <cell r="E1023" t="str">
            <v>663-8113</v>
          </cell>
          <cell r="F1023" t="str">
            <v>兵庫県西宮市甲子園口1-2-11</v>
          </cell>
          <cell r="G1023" t="str">
            <v>西宮市</v>
          </cell>
          <cell r="H1023" t="str">
            <v/>
          </cell>
          <cell r="I1023" t="str">
            <v>代表取締役 広川　興作</v>
          </cell>
          <cell r="J1023" t="str">
            <v>本店</v>
          </cell>
          <cell r="K1023" t="str">
            <v>0798-66-4878</v>
          </cell>
          <cell r="L1023" t="str">
            <v>eigyou@hirokawa-const.com</v>
          </cell>
          <cell r="M1023" t="str">
            <v>ﾋﾛｶﾜｹﾝｾﾂ</v>
          </cell>
          <cell r="N1023" t="str">
            <v>無</v>
          </cell>
          <cell r="O1023">
            <v>67</v>
          </cell>
          <cell r="P1023">
            <v>15</v>
          </cell>
          <cell r="Q1023">
            <v>7140000000000</v>
          </cell>
          <cell r="R1023">
            <v>45000</v>
          </cell>
          <cell r="S1023">
            <v>342141</v>
          </cell>
          <cell r="T1023">
            <v>626082</v>
          </cell>
          <cell r="V1023" t="str">
            <v>ja881255</v>
          </cell>
          <cell r="W1023" t="str">
            <v>fy876130</v>
          </cell>
          <cell r="X1023" t="str">
            <v>機電</v>
          </cell>
          <cell r="Y1023" t="str">
            <v>機</v>
          </cell>
          <cell r="Z1023" t="str">
            <v>電</v>
          </cell>
          <cell r="AA1023" t="str">
            <v>土木一式</v>
          </cell>
          <cell r="AB1023" t="str">
            <v>鋼構造物</v>
          </cell>
          <cell r="AC1023" t="str">
            <v>舗装</v>
          </cell>
          <cell r="AD1023" t="str">
            <v>造園</v>
          </cell>
          <cell r="AE1023">
            <v>43008</v>
          </cell>
          <cell r="AF1023" t="str">
            <v>光硬化工法</v>
          </cell>
          <cell r="AG1023" t="str">
            <v>土木一式</v>
          </cell>
          <cell r="AH1023" t="str">
            <v>特定</v>
          </cell>
          <cell r="AI1023">
            <v>936</v>
          </cell>
          <cell r="AJ1023">
            <v>627761</v>
          </cell>
          <cell r="AK1023" t="str">
            <v>10(10)/0/1</v>
          </cell>
          <cell r="AL1023" t="str">
            <v>鋼構造物</v>
          </cell>
          <cell r="AM1023" t="str">
            <v>特定</v>
          </cell>
          <cell r="AN1023">
            <v>675</v>
          </cell>
          <cell r="AO1023">
            <v>62</v>
          </cell>
          <cell r="AP1023" t="str">
            <v>1(1)/0/0</v>
          </cell>
          <cell r="AQ1023" t="str">
            <v>舗装</v>
          </cell>
          <cell r="AR1023" t="str">
            <v>特定</v>
          </cell>
          <cell r="AS1023">
            <v>785</v>
          </cell>
          <cell r="AT1023">
            <v>12767</v>
          </cell>
          <cell r="AU1023" t="str">
            <v>6(6)/0/0</v>
          </cell>
          <cell r="AV1023" t="str">
            <v>造園</v>
          </cell>
          <cell r="AW1023" t="str">
            <v>特定</v>
          </cell>
          <cell r="AX1023">
            <v>677</v>
          </cell>
          <cell r="AY1023">
            <v>315</v>
          </cell>
          <cell r="AZ1023" t="str">
            <v>1(1)/0/0</v>
          </cell>
          <cell r="BA1023" t="str">
            <v>兵庫県</v>
          </cell>
          <cell r="BB1023">
            <v>0</v>
          </cell>
          <cell r="CR1023">
            <v>6645</v>
          </cell>
          <cell r="CS1023" t="str">
            <v>ﾌｸｲ ｼﾞﾕﾝ</v>
          </cell>
          <cell r="CT1023" t="str">
            <v>福井  純</v>
          </cell>
          <cell r="CU1023" t="str">
            <v>都市安全企画課</v>
          </cell>
          <cell r="CW1023">
            <v>4384</v>
          </cell>
          <cell r="CX1023" t="str">
            <v xml:space="preserve"> </v>
          </cell>
          <cell r="CY1023" t="str">
            <v>都市安全企画課長</v>
          </cell>
        </row>
        <row r="1024">
          <cell r="B1024">
            <v>3891</v>
          </cell>
          <cell r="C1024" t="str">
            <v>平錦建設(株)</v>
          </cell>
          <cell r="D1024" t="str">
            <v>079-222-4405</v>
          </cell>
          <cell r="E1024" t="str">
            <v>670-0932</v>
          </cell>
          <cell r="F1024" t="str">
            <v>兵庫県姫路市下寺町101</v>
          </cell>
          <cell r="G1024" t="str">
            <v>姫路市</v>
          </cell>
          <cell r="H1024" t="str">
            <v/>
          </cell>
          <cell r="I1024" t="str">
            <v>代表取締役 勝間　功雄</v>
          </cell>
          <cell r="J1024" t="str">
            <v>本店</v>
          </cell>
          <cell r="K1024" t="str">
            <v>079-222-3784</v>
          </cell>
          <cell r="L1024" t="str">
            <v>k-harano@hiranishiki.co.jp</v>
          </cell>
          <cell r="M1024" t="str">
            <v>ﾋﾗﾆｼｷｹﾝｾﾂ</v>
          </cell>
          <cell r="N1024" t="str">
            <v>無</v>
          </cell>
          <cell r="O1024">
            <v>66</v>
          </cell>
          <cell r="P1024">
            <v>82</v>
          </cell>
          <cell r="Q1024">
            <v>6140001061229</v>
          </cell>
          <cell r="R1024">
            <v>48000</v>
          </cell>
          <cell r="S1024">
            <v>1451345</v>
          </cell>
          <cell r="T1024">
            <v>4822335</v>
          </cell>
          <cell r="V1024" t="str">
            <v>ed752589</v>
          </cell>
          <cell r="W1024" t="str">
            <v>fx665000</v>
          </cell>
          <cell r="X1024" t="str">
            <v>土建と管舗浚園水解</v>
          </cell>
          <cell r="Y1024" t="str">
            <v/>
          </cell>
          <cell r="Z1024" t="str">
            <v>土建と管舗浚園水解</v>
          </cell>
          <cell r="AA1024" t="str">
            <v>建築一式</v>
          </cell>
          <cell r="AB1024" t="str">
            <v>土木一式</v>
          </cell>
          <cell r="AC1024" t="str">
            <v>管</v>
          </cell>
          <cell r="AD1024" t="str">
            <v>解体</v>
          </cell>
          <cell r="AE1024">
            <v>43301</v>
          </cell>
          <cell r="AF1024" t="str">
            <v>希望しない</v>
          </cell>
          <cell r="AG1024" t="str">
            <v>建築一式</v>
          </cell>
          <cell r="AH1024" t="str">
            <v>特定</v>
          </cell>
          <cell r="AI1024">
            <v>1100</v>
          </cell>
          <cell r="AJ1024">
            <v>3370804</v>
          </cell>
          <cell r="AK1024" t="str">
            <v>15(15)/0/15</v>
          </cell>
          <cell r="AL1024" t="str">
            <v>土木一式</v>
          </cell>
          <cell r="AM1024" t="str">
            <v>特定</v>
          </cell>
          <cell r="AN1024">
            <v>1039</v>
          </cell>
          <cell r="AO1024">
            <v>1020821</v>
          </cell>
          <cell r="AP1024" t="str">
            <v>18(17)/1/16</v>
          </cell>
          <cell r="AQ1024" t="str">
            <v>管</v>
          </cell>
          <cell r="AR1024" t="str">
            <v>特定</v>
          </cell>
          <cell r="AS1024">
            <v>838</v>
          </cell>
          <cell r="AT1024">
            <v>79441</v>
          </cell>
          <cell r="AU1024" t="str">
            <v>4(4)/2/0</v>
          </cell>
          <cell r="AV1024" t="str">
            <v>解体</v>
          </cell>
          <cell r="AW1024" t="str">
            <v>特定</v>
          </cell>
          <cell r="AX1024">
            <v>867</v>
          </cell>
          <cell r="AY1024">
            <v>26360</v>
          </cell>
          <cell r="AZ1024" t="str">
            <v>9(9)/0/0</v>
          </cell>
          <cell r="BA1024" t="str">
            <v>兵庫県</v>
          </cell>
          <cell r="BB1024">
            <v>0</v>
          </cell>
          <cell r="CR1024">
            <v>6646</v>
          </cell>
          <cell r="CS1024" t="str">
            <v>ﾌﾙﾀﾁ ﾔｽｼ</v>
          </cell>
          <cell r="CT1024" t="str">
            <v>古舘  靖</v>
          </cell>
          <cell r="CU1024" t="str">
            <v>国保年金課</v>
          </cell>
          <cell r="CW1024">
            <v>2788</v>
          </cell>
          <cell r="CX1024" t="str">
            <v xml:space="preserve"> </v>
          </cell>
          <cell r="CY1024" t="str">
            <v>国保年金課長</v>
          </cell>
        </row>
        <row r="1025">
          <cell r="B1025">
            <v>3896</v>
          </cell>
          <cell r="C1025" t="str">
            <v>日和建設(株)</v>
          </cell>
          <cell r="D1025" t="str">
            <v>072-999-3871</v>
          </cell>
          <cell r="E1025" t="str">
            <v>581-0845</v>
          </cell>
          <cell r="F1025" t="str">
            <v>大阪府八尾市上之島町北6-21-1</v>
          </cell>
          <cell r="G1025" t="str">
            <v>八尾市</v>
          </cell>
          <cell r="H1025" t="str">
            <v/>
          </cell>
          <cell r="I1025" t="str">
            <v>代表取締役 山下　共子</v>
          </cell>
          <cell r="J1025" t="str">
            <v>本店</v>
          </cell>
          <cell r="K1025" t="str">
            <v>072-999-3874</v>
          </cell>
          <cell r="L1025" t="str">
            <v>info@hiyori-kensetsu.jp</v>
          </cell>
          <cell r="M1025" t="str">
            <v>ﾋﾖﾘｹﾝｾﾂ</v>
          </cell>
          <cell r="N1025" t="str">
            <v>無</v>
          </cell>
          <cell r="O1025">
            <v>32</v>
          </cell>
          <cell r="P1025">
            <v>9</v>
          </cell>
          <cell r="Q1025">
            <v>9122001019866</v>
          </cell>
          <cell r="R1025">
            <v>40000</v>
          </cell>
          <cell r="S1025">
            <v>141503</v>
          </cell>
          <cell r="T1025">
            <v>789163</v>
          </cell>
          <cell r="V1025" t="str">
            <v>hu899916</v>
          </cell>
          <cell r="W1025" t="str">
            <v>uy381510</v>
          </cell>
          <cell r="X1025" t="str">
            <v>土建大と石屋管タ鋼鉄舗浚板ガ塗防内熱園具水解</v>
          </cell>
          <cell r="Y1025" t="str">
            <v/>
          </cell>
          <cell r="Z1025" t="str">
            <v>土建大と石屋管タ鋼鉄舗浚板ガ塗防内熱園具水解</v>
          </cell>
          <cell r="AA1025" t="str">
            <v>建築一式</v>
          </cell>
          <cell r="AB1025" t="str">
            <v>解体</v>
          </cell>
          <cell r="AC1025" t="str">
            <v>土木一式</v>
          </cell>
          <cell r="AD1025" t="str">
            <v>水道施設</v>
          </cell>
          <cell r="AE1025">
            <v>43251</v>
          </cell>
          <cell r="AF1025" t="str">
            <v>希望しない</v>
          </cell>
          <cell r="AG1025" t="str">
            <v>建築一式</v>
          </cell>
          <cell r="AH1025" t="str">
            <v>特定</v>
          </cell>
          <cell r="AI1025">
            <v>914</v>
          </cell>
          <cell r="AJ1025">
            <v>605925</v>
          </cell>
          <cell r="AK1025" t="str">
            <v>5(5)/0/2</v>
          </cell>
          <cell r="AL1025" t="str">
            <v>解体</v>
          </cell>
          <cell r="AM1025" t="str">
            <v>特定</v>
          </cell>
          <cell r="AN1025">
            <v>744</v>
          </cell>
          <cell r="AO1025">
            <v>9418</v>
          </cell>
          <cell r="AP1025" t="str">
            <v>3(3)/0/0</v>
          </cell>
          <cell r="AQ1025" t="str">
            <v>土木一式</v>
          </cell>
          <cell r="AR1025" t="str">
            <v>特定</v>
          </cell>
          <cell r="AS1025">
            <v>857</v>
          </cell>
          <cell r="AT1025">
            <v>168594</v>
          </cell>
          <cell r="AU1025" t="str">
            <v>5(5)/0/2</v>
          </cell>
          <cell r="AV1025" t="str">
            <v>水道施設</v>
          </cell>
          <cell r="AW1025" t="str">
            <v>特定</v>
          </cell>
          <cell r="AX1025">
            <v>669</v>
          </cell>
          <cell r="AY1025" t="str">
            <v/>
          </cell>
          <cell r="AZ1025" t="str">
            <v>0(0)/0/0</v>
          </cell>
          <cell r="BA1025" t="str">
            <v>大阪府</v>
          </cell>
          <cell r="BB1025" t="str">
            <v>北川ビル１階</v>
          </cell>
          <cell r="CR1025">
            <v>6647</v>
          </cell>
          <cell r="CS1025" t="str">
            <v>ﾏｴｶﾜ ｶｽﾞｼ</v>
          </cell>
          <cell r="CT1025" t="str">
            <v>前川  和司</v>
          </cell>
          <cell r="CU1025" t="str">
            <v>会計室</v>
          </cell>
          <cell r="CW1025">
            <v>3409</v>
          </cell>
          <cell r="CX1025" t="str">
            <v xml:space="preserve"> </v>
          </cell>
          <cell r="CY1025" t="str">
            <v>会計室長</v>
          </cell>
        </row>
        <row r="1026">
          <cell r="B1026">
            <v>3897</v>
          </cell>
          <cell r="C1026" t="str">
            <v>廣岡屋商事(株)</v>
          </cell>
          <cell r="D1026" t="str">
            <v>0798-33-0303</v>
          </cell>
          <cell r="E1026" t="str">
            <v>662-0916</v>
          </cell>
          <cell r="F1026" t="str">
            <v>兵庫県西宮市戸田町3‐29</v>
          </cell>
          <cell r="G1026" t="str">
            <v>西宮市</v>
          </cell>
          <cell r="H1026" t="str">
            <v/>
          </cell>
          <cell r="I1026" t="str">
            <v>代表取締役 橘　伸治</v>
          </cell>
          <cell r="J1026" t="str">
            <v>本店</v>
          </cell>
          <cell r="K1026" t="str">
            <v>0798-33-0324</v>
          </cell>
          <cell r="L1026" t="str">
            <v>info@hata-pole.com</v>
          </cell>
          <cell r="M1026" t="str">
            <v>ﾋﾛｵｶﾔｼｮｳｼﾞ</v>
          </cell>
          <cell r="N1026" t="str">
            <v>無</v>
          </cell>
          <cell r="O1026">
            <v>31</v>
          </cell>
          <cell r="P1026">
            <v>6</v>
          </cell>
          <cell r="Q1026">
            <v>3140001070117</v>
          </cell>
          <cell r="R1026">
            <v>10000</v>
          </cell>
          <cell r="S1026">
            <v>35971</v>
          </cell>
          <cell r="T1026">
            <v>172917</v>
          </cell>
          <cell r="V1026" t="str">
            <v>jn546211</v>
          </cell>
          <cell r="W1026" t="str">
            <v>mb932731</v>
          </cell>
          <cell r="X1026" t="str">
            <v>と鋼</v>
          </cell>
          <cell r="Y1026" t="str">
            <v>と鋼</v>
          </cell>
          <cell r="Z1026" t="str">
            <v/>
          </cell>
          <cell r="AA1026" t="str">
            <v>とび土工</v>
          </cell>
          <cell r="AB1026" t="str">
            <v>鋼構造物</v>
          </cell>
          <cell r="AC1026" t="str">
            <v/>
          </cell>
          <cell r="AD1026" t="str">
            <v/>
          </cell>
          <cell r="AE1026">
            <v>43100</v>
          </cell>
          <cell r="AF1026" t="str">
            <v>希望しない</v>
          </cell>
          <cell r="AG1026" t="str">
            <v>とび土工</v>
          </cell>
          <cell r="AH1026" t="str">
            <v>一般</v>
          </cell>
          <cell r="AI1026">
            <v>631</v>
          </cell>
          <cell r="AJ1026">
            <v>65072</v>
          </cell>
          <cell r="AK1026" t="str">
            <v>0(0)/0/1</v>
          </cell>
          <cell r="AL1026" t="str">
            <v>鋼構造物</v>
          </cell>
          <cell r="AM1026" t="str">
            <v>一般</v>
          </cell>
          <cell r="AN1026">
            <v>625</v>
          </cell>
          <cell r="AO1026">
            <v>55083</v>
          </cell>
          <cell r="AP1026" t="str">
            <v>0(0)/0/1</v>
          </cell>
          <cell r="AQ1026" t="str">
            <v/>
          </cell>
          <cell r="AR1026" t="str">
            <v/>
          </cell>
          <cell r="AS1026" t="str">
            <v/>
          </cell>
          <cell r="AT1026" t="str">
            <v/>
          </cell>
          <cell r="AU1026" t="str">
            <v/>
          </cell>
          <cell r="AV1026" t="str">
            <v/>
          </cell>
          <cell r="AW1026" t="str">
            <v/>
          </cell>
          <cell r="AX1026" t="str">
            <v/>
          </cell>
          <cell r="AY1026" t="str">
            <v/>
          </cell>
          <cell r="AZ1026" t="str">
            <v/>
          </cell>
          <cell r="BA1026" t="str">
            <v>兵庫県</v>
          </cell>
          <cell r="BB1026">
            <v>0</v>
          </cell>
          <cell r="CR1026">
            <v>6648</v>
          </cell>
          <cell r="CS1026" t="str">
            <v>ﾏｴﾀﾞ ｴﾘｶ</v>
          </cell>
          <cell r="CT1026" t="str">
            <v>前田  絵里香</v>
          </cell>
          <cell r="CU1026" t="str">
            <v>市民税課</v>
          </cell>
          <cell r="CW1026">
            <v>2315</v>
          </cell>
          <cell r="CX1026" t="str">
            <v xml:space="preserve"> </v>
          </cell>
          <cell r="CY1026" t="str">
            <v>市民税課長</v>
          </cell>
        </row>
        <row r="1027">
          <cell r="B1027">
            <v>3899</v>
          </cell>
          <cell r="C1027" t="str">
            <v>(株)平野組</v>
          </cell>
          <cell r="D1027" t="str">
            <v>079-239-4804</v>
          </cell>
          <cell r="E1027" t="str">
            <v>671-1102</v>
          </cell>
          <cell r="F1027" t="str">
            <v>兵庫県姫路市広畑区蒲田5-1715</v>
          </cell>
          <cell r="G1027" t="str">
            <v>姫路市</v>
          </cell>
          <cell r="H1027" t="str">
            <v/>
          </cell>
          <cell r="I1027" t="str">
            <v>代表取締役 平野　勝也</v>
          </cell>
          <cell r="J1027" t="str">
            <v>本店</v>
          </cell>
          <cell r="K1027" t="str">
            <v>079-239-1264</v>
          </cell>
          <cell r="L1027" t="str">
            <v>honsya@hiranogumi.jp</v>
          </cell>
          <cell r="M1027" t="str">
            <v>ﾋﾗﾉｸﾞﾐ</v>
          </cell>
          <cell r="N1027" t="str">
            <v>無</v>
          </cell>
          <cell r="O1027">
            <v>55</v>
          </cell>
          <cell r="P1027">
            <v>74</v>
          </cell>
          <cell r="Q1027">
            <v>7140001061228</v>
          </cell>
          <cell r="R1027">
            <v>40800</v>
          </cell>
          <cell r="S1027">
            <v>1598142</v>
          </cell>
          <cell r="T1027">
            <v>2528383</v>
          </cell>
          <cell r="V1027" t="str">
            <v>cx617295</v>
          </cell>
          <cell r="W1027" t="str">
            <v>we746084</v>
          </cell>
          <cell r="X1027" t="str">
            <v>土と管鋼舗浚塗園水解</v>
          </cell>
          <cell r="Y1027" t="str">
            <v/>
          </cell>
          <cell r="Z1027" t="str">
            <v>土と管鋼舗浚塗園水解</v>
          </cell>
          <cell r="AA1027" t="str">
            <v>土木一式</v>
          </cell>
          <cell r="AB1027" t="str">
            <v>管</v>
          </cell>
          <cell r="AC1027" t="str">
            <v>舗装</v>
          </cell>
          <cell r="AD1027" t="str">
            <v>水道施設</v>
          </cell>
          <cell r="AE1027">
            <v>43100</v>
          </cell>
          <cell r="AF1027" t="str">
            <v>希望する</v>
          </cell>
          <cell r="AG1027" t="str">
            <v>土木一式</v>
          </cell>
          <cell r="AH1027" t="str">
            <v>特定</v>
          </cell>
          <cell r="AI1027">
            <v>1089</v>
          </cell>
          <cell r="AJ1027">
            <v>1155702</v>
          </cell>
          <cell r="AK1027" t="str">
            <v>31(30)/4/15</v>
          </cell>
          <cell r="AL1027" t="str">
            <v>管</v>
          </cell>
          <cell r="AM1027" t="str">
            <v>特定</v>
          </cell>
          <cell r="AN1027">
            <v>811</v>
          </cell>
          <cell r="AO1027">
            <v>38309</v>
          </cell>
          <cell r="AP1027" t="str">
            <v>1(1)/0/1</v>
          </cell>
          <cell r="AQ1027" t="str">
            <v>舗装</v>
          </cell>
          <cell r="AR1027" t="str">
            <v>特定</v>
          </cell>
          <cell r="AS1027">
            <v>1075</v>
          </cell>
          <cell r="AT1027">
            <v>1096035</v>
          </cell>
          <cell r="AU1027" t="str">
            <v>26(25)/5/10</v>
          </cell>
          <cell r="AV1027" t="str">
            <v>水道施設</v>
          </cell>
          <cell r="AW1027" t="str">
            <v>特定</v>
          </cell>
          <cell r="AX1027">
            <v>802</v>
          </cell>
          <cell r="AY1027">
            <v>14088</v>
          </cell>
          <cell r="AZ1027" t="str">
            <v>1(1)/0/2</v>
          </cell>
          <cell r="BA1027" t="str">
            <v>兵庫県</v>
          </cell>
          <cell r="BB1027">
            <v>0</v>
          </cell>
          <cell r="CR1027">
            <v>6649</v>
          </cell>
          <cell r="CS1027" t="str">
            <v>ﾔｽﾀﾞ ﾕｶ</v>
          </cell>
          <cell r="CT1027" t="str">
            <v>安田  由佳</v>
          </cell>
          <cell r="CU1027" t="str">
            <v>後期医療福祉課</v>
          </cell>
          <cell r="CW1027">
            <v>2792</v>
          </cell>
          <cell r="CX1027" t="str">
            <v xml:space="preserve"> </v>
          </cell>
          <cell r="CY1027" t="str">
            <v>後期医療福祉課長</v>
          </cell>
        </row>
        <row r="1028">
          <cell r="B1028">
            <v>3900</v>
          </cell>
          <cell r="C1028" t="str">
            <v>(株)日立プラントメカニクス</v>
          </cell>
          <cell r="D1028" t="str">
            <v>06-6271-1720</v>
          </cell>
          <cell r="E1028" t="str">
            <v>541-0053</v>
          </cell>
          <cell r="F1028" t="str">
            <v>大阪府大阪市中央区本町一丁目8番12号</v>
          </cell>
          <cell r="G1028" t="str">
            <v>下松市</v>
          </cell>
          <cell r="H1028" t="str">
            <v>関西支店</v>
          </cell>
          <cell r="I1028" t="str">
            <v>支店長 中尾　俊明</v>
          </cell>
          <cell r="J1028" t="str">
            <v>山口県下松市</v>
          </cell>
          <cell r="K1028" t="str">
            <v>06-6271-1720</v>
          </cell>
          <cell r="L1028" t="str">
            <v>yoshiko.inoue.ty@hitachi.com</v>
          </cell>
          <cell r="M1028" t="str">
            <v>ﾋﾀﾁﾌﾟﾗﾝﾄﾒｶﾆｸｽ</v>
          </cell>
          <cell r="N1028" t="str">
            <v>有</v>
          </cell>
          <cell r="O1028">
            <v>25</v>
          </cell>
          <cell r="P1028">
            <v>683</v>
          </cell>
          <cell r="Q1028">
            <v>2250001009781</v>
          </cell>
          <cell r="R1028">
            <v>450000</v>
          </cell>
          <cell r="S1028">
            <v>4620772</v>
          </cell>
          <cell r="T1028">
            <v>20162018</v>
          </cell>
          <cell r="V1028" t="str">
            <v>ye382554</v>
          </cell>
          <cell r="W1028" t="str">
            <v>bs269630</v>
          </cell>
          <cell r="X1028" t="str">
            <v>(機)機</v>
          </cell>
          <cell r="Y1028" t="str">
            <v>(機)</v>
          </cell>
          <cell r="Z1028" t="str">
            <v>機</v>
          </cell>
          <cell r="AA1028" t="str">
            <v>機械器具</v>
          </cell>
          <cell r="AB1028" t="str">
            <v/>
          </cell>
          <cell r="AC1028" t="str">
            <v/>
          </cell>
          <cell r="AD1028" t="str">
            <v/>
          </cell>
          <cell r="AE1028">
            <v>43190</v>
          </cell>
          <cell r="AF1028" t="str">
            <v>希望しない</v>
          </cell>
          <cell r="AG1028" t="str">
            <v>機械器具</v>
          </cell>
          <cell r="AH1028" t="str">
            <v>特定</v>
          </cell>
          <cell r="AI1028">
            <v>1381</v>
          </cell>
          <cell r="AJ1028">
            <v>6822663</v>
          </cell>
          <cell r="AK1028" t="str">
            <v>0(0)/0/31</v>
          </cell>
          <cell r="AL1028" t="str">
            <v/>
          </cell>
          <cell r="AM1028" t="str">
            <v/>
          </cell>
          <cell r="AN1028" t="str">
            <v/>
          </cell>
          <cell r="AO1028" t="str">
            <v/>
          </cell>
          <cell r="AP1028" t="str">
            <v/>
          </cell>
          <cell r="AQ1028" t="str">
            <v/>
          </cell>
          <cell r="AR1028" t="str">
            <v/>
          </cell>
          <cell r="AS1028" t="str">
            <v/>
          </cell>
          <cell r="AT1028" t="str">
            <v/>
          </cell>
          <cell r="AU1028" t="str">
            <v/>
          </cell>
          <cell r="AV1028" t="str">
            <v/>
          </cell>
          <cell r="AW1028" t="str">
            <v/>
          </cell>
          <cell r="AX1028" t="str">
            <v/>
          </cell>
          <cell r="AY1028" t="str">
            <v/>
          </cell>
          <cell r="AZ1028" t="str">
            <v/>
          </cell>
          <cell r="BA1028" t="str">
            <v>山口県</v>
          </cell>
          <cell r="BB1028">
            <v>0</v>
          </cell>
          <cell r="CR1028">
            <v>6650</v>
          </cell>
          <cell r="CS1028" t="str">
            <v>ﾐﾔｻﾞｷ ﾖｼﾉﾘ</v>
          </cell>
          <cell r="CT1028" t="str">
            <v>宮﨑  芳典</v>
          </cell>
          <cell r="CU1028" t="str">
            <v>危機管理室</v>
          </cell>
          <cell r="CW1028">
            <v>3712</v>
          </cell>
          <cell r="CX1028" t="str">
            <v xml:space="preserve"> </v>
          </cell>
          <cell r="CY1028" t="str">
            <v>社会教育課長</v>
          </cell>
        </row>
        <row r="1029">
          <cell r="B1029">
            <v>3901</v>
          </cell>
          <cell r="C1029" t="str">
            <v>(株)ヒラカワ</v>
          </cell>
          <cell r="D1029" t="str">
            <v>06-6458-8687</v>
          </cell>
          <cell r="E1029" t="str">
            <v>531-0077</v>
          </cell>
          <cell r="F1029" t="str">
            <v>大阪府大阪市北区大淀北1-9-5</v>
          </cell>
          <cell r="G1029" t="str">
            <v>大阪市</v>
          </cell>
          <cell r="H1029" t="str">
            <v/>
          </cell>
          <cell r="I1029" t="str">
            <v>代表取締役社長 平川　晋一</v>
          </cell>
          <cell r="J1029" t="str">
            <v>本店</v>
          </cell>
          <cell r="K1029" t="str">
            <v>06-6458-8691</v>
          </cell>
          <cell r="L1029" t="str">
            <v>k_ito@hirakawag.co.jp</v>
          </cell>
          <cell r="M1029" t="str">
            <v>ﾋﾗｶﾜ</v>
          </cell>
          <cell r="N1029" t="str">
            <v>無</v>
          </cell>
          <cell r="O1029">
            <v>67</v>
          </cell>
          <cell r="P1029">
            <v>303</v>
          </cell>
          <cell r="Q1029">
            <v>6120001069538</v>
          </cell>
          <cell r="R1029">
            <v>90000</v>
          </cell>
          <cell r="S1029">
            <v>1095133</v>
          </cell>
          <cell r="T1029">
            <v>6316535</v>
          </cell>
          <cell r="V1029" t="str">
            <v>yj590292</v>
          </cell>
          <cell r="W1029" t="str">
            <v>hs552417</v>
          </cell>
          <cell r="X1029" t="str">
            <v>管機</v>
          </cell>
          <cell r="Y1029" t="str">
            <v>管機</v>
          </cell>
          <cell r="Z1029" t="str">
            <v/>
          </cell>
          <cell r="AA1029" t="str">
            <v>機械器具</v>
          </cell>
          <cell r="AB1029" t="str">
            <v>管</v>
          </cell>
          <cell r="AC1029" t="str">
            <v/>
          </cell>
          <cell r="AD1029" t="str">
            <v/>
          </cell>
          <cell r="AE1029">
            <v>43190</v>
          </cell>
          <cell r="AF1029" t="str">
            <v>希望しない</v>
          </cell>
          <cell r="AG1029" t="str">
            <v>機械器具</v>
          </cell>
          <cell r="AH1029" t="str">
            <v>一般</v>
          </cell>
          <cell r="AI1029">
            <v>1009</v>
          </cell>
          <cell r="AJ1029">
            <v>1018117</v>
          </cell>
          <cell r="AK1029" t="str">
            <v>0(0)/0/132</v>
          </cell>
          <cell r="AL1029" t="str">
            <v>管</v>
          </cell>
          <cell r="AM1029" t="str">
            <v>一般</v>
          </cell>
          <cell r="AN1029">
            <v>757</v>
          </cell>
          <cell r="AO1029">
            <v>152079</v>
          </cell>
          <cell r="AP1029" t="str">
            <v>5(4)/0/29</v>
          </cell>
          <cell r="AQ1029" t="str">
            <v/>
          </cell>
          <cell r="AR1029" t="str">
            <v/>
          </cell>
          <cell r="AS1029" t="str">
            <v/>
          </cell>
          <cell r="AT1029" t="str">
            <v/>
          </cell>
          <cell r="AU1029" t="str">
            <v/>
          </cell>
          <cell r="AV1029" t="str">
            <v/>
          </cell>
          <cell r="AW1029" t="str">
            <v/>
          </cell>
          <cell r="AX1029" t="str">
            <v/>
          </cell>
          <cell r="AY1029" t="str">
            <v/>
          </cell>
          <cell r="AZ1029" t="str">
            <v/>
          </cell>
          <cell r="BA1029" t="str">
            <v>大阪府</v>
          </cell>
          <cell r="BB1029">
            <v>0</v>
          </cell>
          <cell r="CR1029">
            <v>6651</v>
          </cell>
          <cell r="CS1029" t="str">
            <v>ﾑﾗｶﾐ ﾁｴ</v>
          </cell>
          <cell r="CT1029" t="str">
            <v>村上  稚恵</v>
          </cell>
          <cell r="CU1029" t="str">
            <v>農業政策課</v>
          </cell>
          <cell r="CW1029">
            <v>2907</v>
          </cell>
          <cell r="CX1029" t="str">
            <v xml:space="preserve"> </v>
          </cell>
          <cell r="CY1029" t="str">
            <v>農業政策課長</v>
          </cell>
        </row>
        <row r="1030">
          <cell r="B1030">
            <v>3902</v>
          </cell>
          <cell r="C1030" t="str">
            <v>(株)日立システムズ</v>
          </cell>
          <cell r="D1030" t="str">
            <v>06-6147-2894</v>
          </cell>
          <cell r="E1030" t="str">
            <v>530-0004</v>
          </cell>
          <cell r="F1030" t="str">
            <v>大阪府大阪市北区堂島浜一丁目2番1号</v>
          </cell>
          <cell r="G1030" t="str">
            <v/>
          </cell>
          <cell r="H1030" t="str">
            <v>関西支社</v>
          </cell>
          <cell r="I1030" t="str">
            <v>支社長 山村　陽一</v>
          </cell>
          <cell r="J1030" t="str">
            <v>東京都</v>
          </cell>
          <cell r="K1030" t="str">
            <v>06-6344-3240</v>
          </cell>
          <cell r="L1030" t="str">
            <v>touroku.kansai.by@hitachi-systems.com</v>
          </cell>
          <cell r="M1030" t="str">
            <v>ﾋﾀﾁｼｽﾃﾑｽﾞ</v>
          </cell>
          <cell r="N1030" t="str">
            <v>有</v>
          </cell>
          <cell r="O1030">
            <v>53</v>
          </cell>
          <cell r="P1030">
            <v>9904</v>
          </cell>
          <cell r="Q1030">
            <v>6010700000000</v>
          </cell>
          <cell r="R1030">
            <v>19162136</v>
          </cell>
          <cell r="S1030">
            <v>139612000</v>
          </cell>
          <cell r="T1030">
            <v>393294000</v>
          </cell>
          <cell r="V1030" t="str">
            <v>fx665000</v>
          </cell>
          <cell r="W1030" t="str">
            <v>fx923515</v>
          </cell>
          <cell r="X1030" t="str">
            <v>管機</v>
          </cell>
          <cell r="Y1030" t="str">
            <v>管機</v>
          </cell>
          <cell r="Z1030" t="str">
            <v/>
          </cell>
          <cell r="AA1030" t="str">
            <v>電気</v>
          </cell>
          <cell r="AB1030" t="str">
            <v>電気通信</v>
          </cell>
          <cell r="AC1030" t="str">
            <v>管</v>
          </cell>
          <cell r="AD1030" t="str">
            <v>とび土工</v>
          </cell>
          <cell r="AE1030">
            <v>43190</v>
          </cell>
          <cell r="AF1030" t="str">
            <v>希望しない</v>
          </cell>
          <cell r="AG1030" t="str">
            <v>電気</v>
          </cell>
          <cell r="AH1030" t="str">
            <v>特定</v>
          </cell>
          <cell r="AI1030">
            <v>1492</v>
          </cell>
          <cell r="AJ1030">
            <v>3032463</v>
          </cell>
          <cell r="AK1030" t="str">
            <v>105(47)/23/202</v>
          </cell>
          <cell r="AL1030" t="str">
            <v>電気通信</v>
          </cell>
          <cell r="AM1030" t="str">
            <v>特定</v>
          </cell>
          <cell r="AN1030">
            <v>1481</v>
          </cell>
          <cell r="AO1030">
            <v>9095377</v>
          </cell>
          <cell r="AP1030" t="str">
            <v>0(0)/0/156</v>
          </cell>
          <cell r="AQ1030" t="str">
            <v>管</v>
          </cell>
          <cell r="AR1030" t="str">
            <v>特定</v>
          </cell>
          <cell r="AS1030">
            <v>1286</v>
          </cell>
          <cell r="AT1030">
            <v>282224</v>
          </cell>
          <cell r="AU1030" t="str">
            <v>17(11)/19/0</v>
          </cell>
          <cell r="AV1030" t="str">
            <v>とび土工</v>
          </cell>
          <cell r="AW1030" t="str">
            <v>特定</v>
          </cell>
          <cell r="AX1030">
            <v>1203</v>
          </cell>
          <cell r="AY1030">
            <v>62598</v>
          </cell>
          <cell r="AZ1030" t="str">
            <v>13(10)/0/0</v>
          </cell>
          <cell r="BA1030" t="str">
            <v>東京都</v>
          </cell>
          <cell r="BB1030">
            <v>0</v>
          </cell>
          <cell r="CR1030">
            <v>6652</v>
          </cell>
          <cell r="CS1030" t="str">
            <v>ﾔﾏｼﾀ ﾘﾖｳｽｹ</v>
          </cell>
          <cell r="CT1030" t="str">
            <v>山下  亮輔</v>
          </cell>
          <cell r="CU1030" t="str">
            <v>介護保険課</v>
          </cell>
          <cell r="CW1030">
            <v>2716</v>
          </cell>
          <cell r="CX1030" t="str">
            <v xml:space="preserve"> </v>
          </cell>
          <cell r="CY1030" t="str">
            <v>介護保険課長</v>
          </cell>
        </row>
        <row r="1031">
          <cell r="B1031">
            <v>3903</v>
          </cell>
          <cell r="C1031" t="str">
            <v>(株)Ｂ・Ｍ・Ｋ</v>
          </cell>
          <cell r="D1031" t="str">
            <v>06-6491-5969</v>
          </cell>
          <cell r="E1031" t="str">
            <v>661-0961</v>
          </cell>
          <cell r="F1031" t="str">
            <v>兵庫県尼崎市戸ﾉ内町1-2-9</v>
          </cell>
          <cell r="G1031" t="str">
            <v>尼崎市</v>
          </cell>
          <cell r="H1031" t="str">
            <v/>
          </cell>
          <cell r="I1031" t="str">
            <v>代表取締役 大月　浩司</v>
          </cell>
          <cell r="J1031" t="str">
            <v>本店</v>
          </cell>
          <cell r="K1031" t="str">
            <v>050-3661-2254</v>
          </cell>
          <cell r="L1031" t="str">
            <v>kouji-ootuki@bmk..ne.jp</v>
          </cell>
          <cell r="M1031" t="str">
            <v>ﾋﾞｰｴﾑｹｰ</v>
          </cell>
          <cell r="N1031" t="str">
            <v>無</v>
          </cell>
          <cell r="O1031">
            <v>4</v>
          </cell>
          <cell r="P1031">
            <v>5</v>
          </cell>
          <cell r="Q1031">
            <v>6140001090797</v>
          </cell>
          <cell r="R1031">
            <v>1000</v>
          </cell>
          <cell r="S1031">
            <v>1970</v>
          </cell>
          <cell r="T1031">
            <v>59632</v>
          </cell>
          <cell r="V1031" t="str">
            <v>mv121066</v>
          </cell>
          <cell r="W1031" t="str">
            <v>yu110165</v>
          </cell>
          <cell r="X1031" t="str">
            <v>土と石鋼舗浚水</v>
          </cell>
          <cell r="Y1031" t="str">
            <v>土と石鋼舗浚水</v>
          </cell>
          <cell r="Z1031" t="str">
            <v/>
          </cell>
          <cell r="AA1031" t="str">
            <v>土木一式</v>
          </cell>
          <cell r="AB1031" t="str">
            <v/>
          </cell>
          <cell r="AC1031" t="str">
            <v/>
          </cell>
          <cell r="AD1031" t="str">
            <v/>
          </cell>
          <cell r="AE1031">
            <v>43190</v>
          </cell>
          <cell r="AF1031" t="str">
            <v>希望しない</v>
          </cell>
          <cell r="AG1031" t="str">
            <v>土木一式</v>
          </cell>
          <cell r="AH1031" t="str">
            <v>一般</v>
          </cell>
          <cell r="AI1031">
            <v>566</v>
          </cell>
          <cell r="AJ1031">
            <v>53876</v>
          </cell>
          <cell r="AK1031" t="str">
            <v>0(0)/1/2</v>
          </cell>
          <cell r="AL1031" t="str">
            <v/>
          </cell>
          <cell r="AM1031" t="str">
            <v/>
          </cell>
          <cell r="AN1031" t="str">
            <v/>
          </cell>
          <cell r="AO1031" t="str">
            <v/>
          </cell>
          <cell r="AP1031" t="str">
            <v/>
          </cell>
          <cell r="AQ1031" t="str">
            <v/>
          </cell>
          <cell r="AR1031" t="str">
            <v/>
          </cell>
          <cell r="AS1031" t="str">
            <v/>
          </cell>
          <cell r="AT1031" t="str">
            <v/>
          </cell>
          <cell r="AU1031" t="str">
            <v/>
          </cell>
          <cell r="AV1031" t="str">
            <v/>
          </cell>
          <cell r="AW1031" t="str">
            <v/>
          </cell>
          <cell r="AX1031" t="str">
            <v/>
          </cell>
          <cell r="AY1031" t="str">
            <v/>
          </cell>
          <cell r="AZ1031" t="str">
            <v/>
          </cell>
          <cell r="BA1031" t="str">
            <v>兵庫県</v>
          </cell>
          <cell r="BB1031">
            <v>0</v>
          </cell>
          <cell r="CR1031">
            <v>6653</v>
          </cell>
          <cell r="CS1031" t="str">
            <v>ﾃﾗｳﾁ ﾐｺ</v>
          </cell>
          <cell r="CT1031" t="str">
            <v>寺内  みこ</v>
          </cell>
          <cell r="CU1031" t="str">
            <v>学校改革・学事課</v>
          </cell>
          <cell r="CW1031">
            <v>3636</v>
          </cell>
          <cell r="CX1031" t="str">
            <v xml:space="preserve"> </v>
          </cell>
          <cell r="CY1031" t="str">
            <v>学校改革・学事課長</v>
          </cell>
        </row>
        <row r="1032">
          <cell r="B1032">
            <v>3904</v>
          </cell>
          <cell r="C1032" t="str">
            <v>(株)日立プラントサービス</v>
          </cell>
          <cell r="D1032" t="str">
            <v>06-6266-1963</v>
          </cell>
          <cell r="E1032" t="str">
            <v>541-0053</v>
          </cell>
          <cell r="F1032" t="str">
            <v>大阪府大阪市中央区本町1-8-12</v>
          </cell>
          <cell r="G1032" t="str">
            <v/>
          </cell>
          <cell r="H1032" t="str">
            <v>関西支店</v>
          </cell>
          <cell r="I1032" t="str">
            <v>支店長 越智　徹也</v>
          </cell>
          <cell r="J1032" t="str">
            <v>東京都</v>
          </cell>
          <cell r="K1032" t="str">
            <v>06-6266-9747</v>
          </cell>
          <cell r="L1032" t="str">
            <v>nyuusatu.kansai.bu@hitachi.com</v>
          </cell>
          <cell r="M1032" t="str">
            <v>ﾋﾀﾁﾌﾟﾗﾝﾄｻｰﾋﾞｽ</v>
          </cell>
          <cell r="N1032" t="str">
            <v>有</v>
          </cell>
          <cell r="O1032">
            <v>46</v>
          </cell>
          <cell r="P1032">
            <v>974</v>
          </cell>
          <cell r="Q1032">
            <v>5013301030602</v>
          </cell>
          <cell r="R1032">
            <v>3000000</v>
          </cell>
          <cell r="S1032">
            <v>14126154</v>
          </cell>
          <cell r="T1032">
            <v>71629759</v>
          </cell>
          <cell r="V1032" t="str">
            <v>xi146847</v>
          </cell>
          <cell r="W1032" t="str">
            <v>lh112033</v>
          </cell>
          <cell r="X1032" t="str">
            <v>消(清)(建)(電)(管)(塗)(機)(熱)(水)(消)土建電管塗機熱水</v>
          </cell>
          <cell r="Y1032" t="str">
            <v>消(清)(建)(電)(管)(塗)(機)(熱)(水)(消)</v>
          </cell>
          <cell r="Z1032" t="str">
            <v>土建電管塗機熱水</v>
          </cell>
          <cell r="AA1032" t="str">
            <v>機械器具</v>
          </cell>
          <cell r="AB1032" t="str">
            <v>管</v>
          </cell>
          <cell r="AC1032" t="str">
            <v>電気</v>
          </cell>
          <cell r="AD1032" t="str">
            <v>水道施設</v>
          </cell>
          <cell r="AE1032">
            <v>43190</v>
          </cell>
          <cell r="AF1032" t="str">
            <v>希望しない</v>
          </cell>
          <cell r="AG1032" t="str">
            <v>機械器具</v>
          </cell>
          <cell r="AH1032" t="str">
            <v>特定</v>
          </cell>
          <cell r="AI1032">
            <v>1322</v>
          </cell>
          <cell r="AJ1032">
            <v>10950243</v>
          </cell>
          <cell r="AK1032" t="str">
            <v>1(0)/0/103</v>
          </cell>
          <cell r="AL1032" t="str">
            <v>管</v>
          </cell>
          <cell r="AM1032" t="str">
            <v>特定</v>
          </cell>
          <cell r="AN1032">
            <v>1633</v>
          </cell>
          <cell r="AO1032">
            <v>56244810</v>
          </cell>
          <cell r="AP1032" t="str">
            <v>357(89)/26/20</v>
          </cell>
          <cell r="AQ1032" t="str">
            <v>電気</v>
          </cell>
          <cell r="AR1032" t="str">
            <v>特定</v>
          </cell>
          <cell r="AS1032">
            <v>1256</v>
          </cell>
          <cell r="AT1032">
            <v>1638139</v>
          </cell>
          <cell r="AU1032" t="str">
            <v>64(21)/19/30</v>
          </cell>
          <cell r="AV1032" t="str">
            <v>水道施設</v>
          </cell>
          <cell r="AW1032" t="str">
            <v>特定</v>
          </cell>
          <cell r="AX1032">
            <v>1182</v>
          </cell>
          <cell r="AY1032">
            <v>313194</v>
          </cell>
          <cell r="AZ1032" t="str">
            <v>62(34)/16/12</v>
          </cell>
          <cell r="BA1032" t="str">
            <v>東京都</v>
          </cell>
          <cell r="BB1032">
            <v>0</v>
          </cell>
          <cell r="CR1032">
            <v>6654</v>
          </cell>
          <cell r="CS1032" t="str">
            <v>ﾐｼﾏ ﾔｽｺ</v>
          </cell>
          <cell r="CT1032" t="str">
            <v>三島  靖子</v>
          </cell>
          <cell r="CU1032" t="str">
            <v>市民課</v>
          </cell>
          <cell r="CW1032">
            <v>2640</v>
          </cell>
          <cell r="CX1032" t="str">
            <v xml:space="preserve"> </v>
          </cell>
          <cell r="CY1032" t="str">
            <v>市民課長</v>
          </cell>
        </row>
        <row r="1033">
          <cell r="B1033">
            <v>3905</v>
          </cell>
          <cell r="C1033" t="str">
            <v>(有)兵庫つまり抜きセンター</v>
          </cell>
          <cell r="D1033" t="str">
            <v>0795-22-6662</v>
          </cell>
          <cell r="E1033" t="str">
            <v>677-0044</v>
          </cell>
          <cell r="F1033" t="str">
            <v>兵庫県西脇市上野428-24</v>
          </cell>
          <cell r="G1033" t="str">
            <v>西脇市</v>
          </cell>
          <cell r="H1033" t="str">
            <v/>
          </cell>
          <cell r="I1033" t="str">
            <v>代表取締役 白川　保彦</v>
          </cell>
          <cell r="J1033" t="str">
            <v>本店</v>
          </cell>
          <cell r="K1033" t="str">
            <v>0795-23-7362</v>
          </cell>
          <cell r="L1033" t="str">
            <v>h-t-s-1027-y-s@tulip.sannet.ne.jp</v>
          </cell>
          <cell r="M1033" t="str">
            <v>ﾋｮｳｺﾞﾂﾏﾘﾇｷｾﾝﾀｰ</v>
          </cell>
          <cell r="N1033" t="str">
            <v>無</v>
          </cell>
          <cell r="O1033">
            <v>20</v>
          </cell>
          <cell r="P1033">
            <v>4</v>
          </cell>
          <cell r="Q1033">
            <v>4140002061428</v>
          </cell>
          <cell r="R1033">
            <v>5000</v>
          </cell>
          <cell r="S1033">
            <v>15105</v>
          </cell>
          <cell r="T1033">
            <v>75300</v>
          </cell>
          <cell r="V1033" t="str">
            <v>ig165927</v>
          </cell>
          <cell r="W1033" t="str">
            <v>me141662</v>
          </cell>
          <cell r="X1033" t="str">
            <v>土と石管鋼舗浚水</v>
          </cell>
          <cell r="Y1033" t="str">
            <v>土と石管鋼舗浚水</v>
          </cell>
          <cell r="Z1033" t="str">
            <v/>
          </cell>
          <cell r="AA1033" t="str">
            <v>浚渫</v>
          </cell>
          <cell r="AB1033" t="str">
            <v>土木一式</v>
          </cell>
          <cell r="AC1033" t="str">
            <v>管</v>
          </cell>
          <cell r="AD1033" t="str">
            <v>とび土工</v>
          </cell>
          <cell r="AE1033">
            <v>43281</v>
          </cell>
          <cell r="AF1033" t="str">
            <v>希望する</v>
          </cell>
          <cell r="AG1033" t="str">
            <v>浚渫</v>
          </cell>
          <cell r="AH1033" t="str">
            <v>一般</v>
          </cell>
          <cell r="AI1033">
            <v>610</v>
          </cell>
          <cell r="AJ1033">
            <v>25873</v>
          </cell>
          <cell r="AK1033" t="str">
            <v>0(0)/1/0</v>
          </cell>
          <cell r="AL1033" t="str">
            <v>土木一式</v>
          </cell>
          <cell r="AM1033" t="str">
            <v>一般</v>
          </cell>
          <cell r="AN1033">
            <v>613</v>
          </cell>
          <cell r="AO1033">
            <v>20498</v>
          </cell>
          <cell r="AP1033" t="str">
            <v>0(0)/2/0</v>
          </cell>
          <cell r="AQ1033" t="str">
            <v>管</v>
          </cell>
          <cell r="AR1033" t="str">
            <v>一般</v>
          </cell>
          <cell r="AS1033">
            <v>571</v>
          </cell>
          <cell r="AT1033">
            <v>6370</v>
          </cell>
          <cell r="AU1033" t="str">
            <v>0(0)/1/0</v>
          </cell>
          <cell r="AV1033" t="str">
            <v>とび土工</v>
          </cell>
          <cell r="AW1033" t="str">
            <v>一般</v>
          </cell>
          <cell r="AX1033">
            <v>540</v>
          </cell>
          <cell r="AY1033" t="str">
            <v/>
          </cell>
          <cell r="AZ1033" t="str">
            <v>0(0)/0/0</v>
          </cell>
          <cell r="BA1033" t="str">
            <v>兵庫県</v>
          </cell>
          <cell r="BB1033">
            <v>0</v>
          </cell>
          <cell r="CR1033">
            <v>6655</v>
          </cell>
          <cell r="CS1033" t="str">
            <v>ｴｸﾞﾁ ﾏｻﾀｶ</v>
          </cell>
          <cell r="CT1033" t="str">
            <v>江口  昌孝</v>
          </cell>
          <cell r="CU1033" t="str">
            <v>こども福祉課</v>
          </cell>
          <cell r="CW1033">
            <v>2668</v>
          </cell>
          <cell r="CX1033" t="str">
            <v xml:space="preserve"> </v>
          </cell>
          <cell r="CY1033" t="str">
            <v>こども福祉課長</v>
          </cell>
        </row>
        <row r="1034">
          <cell r="B1034">
            <v>3921</v>
          </cell>
          <cell r="C1034" t="str">
            <v>福井建設(株)</v>
          </cell>
          <cell r="D1034" t="str">
            <v>078-806-8778</v>
          </cell>
          <cell r="E1034" t="str">
            <v>651-0087</v>
          </cell>
          <cell r="F1034" t="str">
            <v>兵庫県神戸市中央区御幸通6-1-4真田ﾋﾞﾙ4F</v>
          </cell>
          <cell r="G1034" t="str">
            <v>養父市</v>
          </cell>
          <cell r="H1034" t="str">
            <v>神戸支店</v>
          </cell>
          <cell r="I1034" t="str">
            <v>支店長 西村　博晃</v>
          </cell>
          <cell r="J1034" t="str">
            <v>兵庫県養父市</v>
          </cell>
          <cell r="K1034" t="str">
            <v>078-222-0312</v>
          </cell>
          <cell r="L1034" t="str">
            <v>eigyou@h-fukui.co.jp</v>
          </cell>
          <cell r="M1034" t="str">
            <v>ﾌｸｲｹﾝｾﾂ</v>
          </cell>
          <cell r="N1034" t="str">
            <v>有</v>
          </cell>
          <cell r="O1034">
            <v>58</v>
          </cell>
          <cell r="P1034">
            <v>111</v>
          </cell>
          <cell r="Q1034">
            <v>3140001046595</v>
          </cell>
          <cell r="R1034">
            <v>81000</v>
          </cell>
          <cell r="S1034">
            <v>2446224</v>
          </cell>
          <cell r="T1034">
            <v>8139207</v>
          </cell>
          <cell r="V1034" t="str">
            <v>jg891407</v>
          </cell>
          <cell r="W1034" t="str">
            <v>fe224436</v>
          </cell>
          <cell r="X1034" t="str">
            <v>(建)(大)(左)(と)(石)(屋)(タ)(鋼)(鉄)(板)(ガ)(塗)(防)(内)(具)土建大と石屋電管タ鋼鉄舗浚板ガ塗防内園具</v>
          </cell>
          <cell r="Y1034" t="str">
            <v>(建)(大)(左)(と)(石)(屋)(タ)(鋼)(鉄)(板)(ガ)(塗)(防)(内)(具)</v>
          </cell>
          <cell r="Z1034" t="str">
            <v>土建大と石屋電管タ鋼鉄舗浚板ガ塗防内園具</v>
          </cell>
          <cell r="AA1034" t="str">
            <v>建築一式</v>
          </cell>
          <cell r="AB1034" t="str">
            <v>とび土工</v>
          </cell>
          <cell r="AC1034" t="str">
            <v>鋼構造物</v>
          </cell>
          <cell r="AD1034" t="str">
            <v/>
          </cell>
          <cell r="AE1034">
            <v>43281</v>
          </cell>
          <cell r="AF1034" t="str">
            <v>希望しない</v>
          </cell>
          <cell r="AG1034" t="str">
            <v>建築一式</v>
          </cell>
          <cell r="AH1034" t="str">
            <v>特定</v>
          </cell>
          <cell r="AI1034">
            <v>1134</v>
          </cell>
          <cell r="AJ1034">
            <v>4466563</v>
          </cell>
          <cell r="AK1034" t="str">
            <v>27(23)/14/5</v>
          </cell>
          <cell r="AL1034" t="str">
            <v>とび土工</v>
          </cell>
          <cell r="AM1034" t="str">
            <v>特定</v>
          </cell>
          <cell r="AN1034">
            <v>889</v>
          </cell>
          <cell r="AO1034">
            <v>24769</v>
          </cell>
          <cell r="AP1034" t="str">
            <v>19(17)/0/0</v>
          </cell>
          <cell r="AQ1034" t="str">
            <v>鋼構造物</v>
          </cell>
          <cell r="AR1034" t="str">
            <v>特定</v>
          </cell>
          <cell r="AS1034">
            <v>752</v>
          </cell>
          <cell r="AT1034" t="str">
            <v/>
          </cell>
          <cell r="AU1034" t="str">
            <v>5(2)/0/0</v>
          </cell>
          <cell r="AV1034" t="str">
            <v/>
          </cell>
          <cell r="AW1034" t="str">
            <v/>
          </cell>
          <cell r="AX1034" t="str">
            <v/>
          </cell>
          <cell r="AY1034" t="str">
            <v/>
          </cell>
          <cell r="AZ1034" t="str">
            <v/>
          </cell>
          <cell r="BA1034" t="str">
            <v>兵庫県</v>
          </cell>
          <cell r="BB1034">
            <v>0</v>
          </cell>
          <cell r="CR1034">
            <v>6657</v>
          </cell>
          <cell r="CS1034" t="str">
            <v>ｾﾉｵ ｻﾜｺ</v>
          </cell>
          <cell r="CT1034" t="str">
            <v>妹尾  佐和子</v>
          </cell>
          <cell r="CU1034" t="str">
            <v>障害福祉課</v>
          </cell>
          <cell r="CW1034">
            <v>2546</v>
          </cell>
          <cell r="CX1034" t="str">
            <v xml:space="preserve"> </v>
          </cell>
          <cell r="CY1034" t="str">
            <v>障害福祉課長</v>
          </cell>
        </row>
        <row r="1035">
          <cell r="B1035">
            <v>3922</v>
          </cell>
          <cell r="C1035" t="str">
            <v>(株)福島製作所</v>
          </cell>
          <cell r="D1035" t="str">
            <v>06-6368-5750</v>
          </cell>
          <cell r="E1035" t="str">
            <v>564-0052</v>
          </cell>
          <cell r="F1035" t="str">
            <v>大阪府吹田市広芝町5-37</v>
          </cell>
          <cell r="G1035" t="str">
            <v>福島市</v>
          </cell>
          <cell r="H1035" t="str">
            <v>大阪営業所</v>
          </cell>
          <cell r="I1035" t="str">
            <v>大阪営業所所長 佐藤　功</v>
          </cell>
          <cell r="J1035" t="str">
            <v>福島県福島市</v>
          </cell>
          <cell r="K1035" t="str">
            <v>06-6368-5751</v>
          </cell>
          <cell r="L1035" t="str">
            <v>kawasaki@fukusei.co.jp</v>
          </cell>
          <cell r="M1035" t="str">
            <v>ﾌｸｼﾏｾｲｻｸｼｮ</v>
          </cell>
          <cell r="N1035" t="str">
            <v>有</v>
          </cell>
          <cell r="O1035">
            <v>53</v>
          </cell>
          <cell r="P1035">
            <v>198</v>
          </cell>
          <cell r="Q1035">
            <v>9380001001430</v>
          </cell>
          <cell r="R1035">
            <v>490000</v>
          </cell>
          <cell r="S1035">
            <v>4316088</v>
          </cell>
          <cell r="T1035">
            <v>4548507</v>
          </cell>
          <cell r="V1035" t="str">
            <v>ww736051</v>
          </cell>
          <cell r="W1035" t="str">
            <v>qm771153</v>
          </cell>
          <cell r="X1035" t="str">
            <v>と電鋼機(機)</v>
          </cell>
          <cell r="Y1035" t="str">
            <v>と電鋼機(機)</v>
          </cell>
          <cell r="Z1035" t="str">
            <v/>
          </cell>
          <cell r="AA1035" t="str">
            <v>機械器具</v>
          </cell>
          <cell r="AB1035" t="str">
            <v/>
          </cell>
          <cell r="AC1035" t="str">
            <v/>
          </cell>
          <cell r="AD1035" t="str">
            <v/>
          </cell>
          <cell r="AE1035">
            <v>43190</v>
          </cell>
          <cell r="AF1035" t="str">
            <v>希望しない</v>
          </cell>
          <cell r="AG1035" t="str">
            <v>機械器具</v>
          </cell>
          <cell r="AH1035" t="str">
            <v>一般</v>
          </cell>
          <cell r="AI1035">
            <v>960</v>
          </cell>
          <cell r="AJ1035">
            <v>323711</v>
          </cell>
          <cell r="AK1035" t="str">
            <v>1(0)/0/46</v>
          </cell>
          <cell r="AL1035" t="str">
            <v/>
          </cell>
          <cell r="AM1035" t="str">
            <v/>
          </cell>
          <cell r="AN1035" t="str">
            <v/>
          </cell>
          <cell r="AO1035" t="str">
            <v/>
          </cell>
          <cell r="AP1035" t="str">
            <v/>
          </cell>
          <cell r="AQ1035" t="str">
            <v/>
          </cell>
          <cell r="AR1035" t="str">
            <v/>
          </cell>
          <cell r="AS1035" t="str">
            <v/>
          </cell>
          <cell r="AT1035" t="str">
            <v/>
          </cell>
          <cell r="AU1035" t="str">
            <v/>
          </cell>
          <cell r="AV1035" t="str">
            <v/>
          </cell>
          <cell r="AW1035" t="str">
            <v/>
          </cell>
          <cell r="AX1035" t="str">
            <v/>
          </cell>
          <cell r="AY1035" t="str">
            <v/>
          </cell>
          <cell r="AZ1035" t="str">
            <v/>
          </cell>
          <cell r="BA1035" t="str">
            <v>福島県</v>
          </cell>
          <cell r="BB1035">
            <v>0</v>
          </cell>
          <cell r="CR1035">
            <v>6658</v>
          </cell>
          <cell r="CS1035" t="str">
            <v>ﾀｶﾏﾂ ｲｸﾖ</v>
          </cell>
          <cell r="CT1035" t="str">
            <v>髙松  育代</v>
          </cell>
          <cell r="CU1035" t="str">
            <v>生活支援課</v>
          </cell>
          <cell r="CW1035">
            <v>2523</v>
          </cell>
          <cell r="CX1035" t="str">
            <v xml:space="preserve"> </v>
          </cell>
          <cell r="CY1035" t="str">
            <v>生活支援課長</v>
          </cell>
        </row>
        <row r="1036">
          <cell r="B1036">
            <v>3923</v>
          </cell>
          <cell r="C1036" t="str">
            <v>(株)福田組</v>
          </cell>
          <cell r="D1036" t="str">
            <v>06-6377-1171</v>
          </cell>
          <cell r="E1036" t="str">
            <v>531-0072</v>
          </cell>
          <cell r="F1036" t="str">
            <v>大阪府大阪市北区豊崎5丁目4番9号</v>
          </cell>
          <cell r="G1036" t="str">
            <v>新潟県</v>
          </cell>
          <cell r="H1036" t="str">
            <v>大阪支店</v>
          </cell>
          <cell r="I1036" t="str">
            <v>執行役員支店長 清水　浩</v>
          </cell>
          <cell r="J1036" t="str">
            <v>新潟県新潟市</v>
          </cell>
          <cell r="K1036" t="str">
            <v>06-6377-1178</v>
          </cell>
          <cell r="L1036" t="str">
            <v/>
          </cell>
          <cell r="M1036" t="str">
            <v>ﾌｸﾀﾞｸﾞﾐ</v>
          </cell>
          <cell r="N1036" t="str">
            <v>有</v>
          </cell>
          <cell r="O1036">
            <v>68</v>
          </cell>
          <cell r="P1036">
            <v>895</v>
          </cell>
          <cell r="Q1036">
            <v>9110001004880</v>
          </cell>
          <cell r="R1036">
            <v>5158408</v>
          </cell>
          <cell r="S1036">
            <v>35930638</v>
          </cell>
          <cell r="T1036">
            <v>109541793</v>
          </cell>
          <cell r="V1036" t="str">
            <v>nd815132</v>
          </cell>
          <cell r="W1036" t="str">
            <v>ba420716</v>
          </cell>
          <cell r="X1036" t="str">
            <v>(大)(石)(屋)(電)(管)(鋼)(鉄)(舗)(浚)(板)(ガ)(塗)(内)(機)(井)(具)(解)屋電管鋼鉄舗浚板ガ塗内機井具解(大)(石)</v>
          </cell>
          <cell r="Y1036" t="str">
            <v>(大)(石)(屋)(電)(管)(鋼)(鉄)(舗)(浚)(板)(ガ)(塗)(内)(機)(井)(具)(解)</v>
          </cell>
          <cell r="Z1036" t="str">
            <v>屋電管鋼鉄舗浚板ガ塗内機井具解(大)(石)</v>
          </cell>
          <cell r="AA1036">
            <v>1</v>
          </cell>
          <cell r="AB1036" t="str">
            <v>土木一式</v>
          </cell>
          <cell r="AC1036" t="str">
            <v>建築一式</v>
          </cell>
          <cell r="AD1036" t="str">
            <v>水道施設</v>
          </cell>
          <cell r="AE1036" t="str">
            <v>38(32)</v>
          </cell>
          <cell r="AF1036" t="str">
            <v/>
          </cell>
          <cell r="AG1036">
            <v>1</v>
          </cell>
          <cell r="AH1036" t="str">
            <v/>
          </cell>
          <cell r="AI1036" t="str">
            <v/>
          </cell>
          <cell r="AJ1036">
            <v>1</v>
          </cell>
          <cell r="AK1036" t="str">
            <v>//1</v>
          </cell>
          <cell r="AL1036" t="str">
            <v>土木一式</v>
          </cell>
          <cell r="AM1036" t="str">
            <v>特定</v>
          </cell>
          <cell r="AN1036">
            <v>1640</v>
          </cell>
          <cell r="AO1036">
            <v>28437457</v>
          </cell>
          <cell r="AP1036" t="str">
            <v>267(233)/17/4</v>
          </cell>
          <cell r="AQ1036" t="str">
            <v>建築一式</v>
          </cell>
          <cell r="AR1036" t="str">
            <v>特定</v>
          </cell>
          <cell r="AS1036">
            <v>1766</v>
          </cell>
          <cell r="AT1036">
            <v>78571683</v>
          </cell>
          <cell r="AU1036" t="str">
            <v>296(267)/1/12</v>
          </cell>
          <cell r="AV1036" t="str">
            <v>水道施設</v>
          </cell>
          <cell r="AW1036" t="str">
            <v>特定</v>
          </cell>
          <cell r="AX1036">
            <v>1353</v>
          </cell>
          <cell r="AY1036">
            <v>788829</v>
          </cell>
          <cell r="AZ1036" t="str">
            <v>153(140)/12/0</v>
          </cell>
          <cell r="BA1036" t="str">
            <v>新潟県</v>
          </cell>
          <cell r="BB1036">
            <v>0</v>
          </cell>
          <cell r="CR1036">
            <v>6659</v>
          </cell>
          <cell r="CS1036" t="str">
            <v>ﾂﾎﾞﾀ ｹｲｺ</v>
          </cell>
          <cell r="CT1036" t="str">
            <v>坪田  桂子</v>
          </cell>
          <cell r="CU1036" t="str">
            <v>生活支援課</v>
          </cell>
          <cell r="CW1036">
            <v>2593</v>
          </cell>
          <cell r="CX1036" t="str">
            <v xml:space="preserve"> </v>
          </cell>
          <cell r="CY1036" t="str">
            <v>生活支援課長</v>
          </cell>
        </row>
        <row r="1037">
          <cell r="B1037">
            <v>3928</v>
          </cell>
          <cell r="C1037" t="str">
            <v>富国工業(株)</v>
          </cell>
          <cell r="D1037" t="str">
            <v>0797-86-6066</v>
          </cell>
          <cell r="E1037" t="str">
            <v>669-1132</v>
          </cell>
          <cell r="F1037" t="str">
            <v>兵庫県西宮市名塩南台3-20-66</v>
          </cell>
          <cell r="G1037" t="str">
            <v>神戸市</v>
          </cell>
          <cell r="H1037" t="str">
            <v>西宮営業所</v>
          </cell>
          <cell r="I1037" t="str">
            <v>所長 森岡　賢二</v>
          </cell>
          <cell r="J1037" t="str">
            <v>兵庫県神戸市</v>
          </cell>
          <cell r="K1037" t="str">
            <v>0797-63-2157</v>
          </cell>
          <cell r="L1037" t="str">
            <v>traffic-dep@fukoku-kk.com</v>
          </cell>
          <cell r="M1037" t="str">
            <v>ﾌｺｸｺｳｷﾞｮｳ</v>
          </cell>
          <cell r="N1037" t="str">
            <v>有</v>
          </cell>
          <cell r="O1037">
            <v>52</v>
          </cell>
          <cell r="P1037">
            <v>25</v>
          </cell>
          <cell r="Q1037">
            <v>7140001015357</v>
          </cell>
          <cell r="R1037">
            <v>50000</v>
          </cell>
          <cell r="S1037">
            <v>829634</v>
          </cell>
          <cell r="T1037">
            <v>1301536</v>
          </cell>
          <cell r="V1037" t="str">
            <v>qb484218</v>
          </cell>
          <cell r="W1037" t="str">
            <v>dk179826</v>
          </cell>
          <cell r="X1037" t="str">
            <v>(清)(と)(鋼)(舗)(塗)土建と鋼舗塗園</v>
          </cell>
          <cell r="Y1037" t="str">
            <v>(清)(と)(鋼)(舗)(塗)</v>
          </cell>
          <cell r="Z1037" t="str">
            <v>土建と鋼舗塗園</v>
          </cell>
          <cell r="AA1037" t="str">
            <v>とび土工</v>
          </cell>
          <cell r="AB1037" t="str">
            <v>土木一式</v>
          </cell>
          <cell r="AC1037" t="str">
            <v>塗装</v>
          </cell>
          <cell r="AD1037" t="str">
            <v>鋼構造物</v>
          </cell>
          <cell r="AE1037">
            <v>43281</v>
          </cell>
          <cell r="AF1037" t="str">
            <v>希望しない</v>
          </cell>
          <cell r="AG1037" t="str">
            <v>とび土工</v>
          </cell>
          <cell r="AH1037" t="str">
            <v/>
          </cell>
          <cell r="AI1037">
            <v>904</v>
          </cell>
          <cell r="AJ1037">
            <v>367329</v>
          </cell>
          <cell r="AK1037" t="str">
            <v>8(6)/2/0</v>
          </cell>
          <cell r="AL1037" t="str">
            <v>土木一式</v>
          </cell>
          <cell r="AM1037" t="str">
            <v/>
          </cell>
          <cell r="AN1037">
            <v>865</v>
          </cell>
          <cell r="AO1037">
            <v>90363</v>
          </cell>
          <cell r="AP1037" t="str">
            <v>9(7)/2/0</v>
          </cell>
          <cell r="AQ1037" t="str">
            <v>塗装</v>
          </cell>
          <cell r="AR1037" t="str">
            <v/>
          </cell>
          <cell r="AS1037">
            <v>807</v>
          </cell>
          <cell r="AT1037">
            <v>110826</v>
          </cell>
          <cell r="AU1037" t="str">
            <v>1(1)/3/0</v>
          </cell>
          <cell r="AV1037" t="str">
            <v>鋼構造物</v>
          </cell>
          <cell r="AW1037" t="str">
            <v/>
          </cell>
          <cell r="AX1037">
            <v>799</v>
          </cell>
          <cell r="AY1037">
            <v>155080</v>
          </cell>
          <cell r="AZ1037" t="str">
            <v>1(1)/0/0</v>
          </cell>
          <cell r="BA1037" t="str">
            <v>兵庫県</v>
          </cell>
          <cell r="BB1037">
            <v>0</v>
          </cell>
          <cell r="CR1037">
            <v>6660</v>
          </cell>
          <cell r="CS1037" t="str">
            <v>ﾅｶｶﾞﾜ ﾕｳｽｹ</v>
          </cell>
          <cell r="CT1037" t="str">
            <v>中川  雄介</v>
          </cell>
          <cell r="CU1037" t="str">
            <v>生活支援課</v>
          </cell>
          <cell r="CW1037">
            <v>2597</v>
          </cell>
          <cell r="CX1037" t="str">
            <v xml:space="preserve"> </v>
          </cell>
          <cell r="CY1037" t="str">
            <v>生活支援課長</v>
          </cell>
        </row>
        <row r="1038">
          <cell r="B1038">
            <v>3930</v>
          </cell>
          <cell r="C1038" t="str">
            <v>藤井電機(株)</v>
          </cell>
          <cell r="D1038" t="str">
            <v>078-412-1755</v>
          </cell>
          <cell r="E1038" t="str">
            <v>658-0027</v>
          </cell>
          <cell r="F1038" t="str">
            <v>兵庫県神戸市東灘区青木5-5-27</v>
          </cell>
          <cell r="G1038" t="str">
            <v>朝来市</v>
          </cell>
          <cell r="H1038" t="str">
            <v>神戸支社</v>
          </cell>
          <cell r="I1038" t="str">
            <v>支社長 村崎　孝司</v>
          </cell>
          <cell r="J1038" t="str">
            <v>兵庫県朝来市</v>
          </cell>
          <cell r="K1038" t="str">
            <v>078-412-1770</v>
          </cell>
          <cell r="L1038" t="str">
            <v>nyuusatsu@fudec.co.jp</v>
          </cell>
          <cell r="M1038" t="str">
            <v>ﾌｼﾞｲﾃﾞﾝｷ</v>
          </cell>
          <cell r="N1038" t="str">
            <v>有</v>
          </cell>
          <cell r="O1038">
            <v>53</v>
          </cell>
          <cell r="P1038">
            <v>97</v>
          </cell>
          <cell r="Q1038">
            <v>3140001046884</v>
          </cell>
          <cell r="R1038">
            <v>50000</v>
          </cell>
          <cell r="S1038">
            <v>2939734</v>
          </cell>
          <cell r="T1038">
            <v>4752082</v>
          </cell>
          <cell r="V1038" t="str">
            <v>vf748927</v>
          </cell>
          <cell r="W1038" t="str">
            <v>zr350277</v>
          </cell>
          <cell r="X1038" t="str">
            <v>浚(大)(舗)舗</v>
          </cell>
          <cell r="Y1038" t="str">
            <v>浚(大)(舗)</v>
          </cell>
          <cell r="Z1038" t="str">
            <v>舗</v>
          </cell>
          <cell r="AA1038" t="str">
            <v/>
          </cell>
          <cell r="AB1038">
            <v>1165</v>
          </cell>
          <cell r="AC1038" t="str">
            <v/>
          </cell>
          <cell r="AD1038" t="str">
            <v/>
          </cell>
          <cell r="AE1038" t="str">
            <v/>
          </cell>
          <cell r="AF1038" t="str">
            <v>27(18)</v>
          </cell>
          <cell r="AG1038" t="str">
            <v/>
          </cell>
          <cell r="AH1038" t="str">
            <v/>
          </cell>
          <cell r="AI1038" t="str">
            <v/>
          </cell>
          <cell r="AJ1038" t="str">
            <v/>
          </cell>
          <cell r="AK1038" t="str">
            <v/>
          </cell>
          <cell r="AL1038">
            <v>1165</v>
          </cell>
          <cell r="AM1038">
            <v>4525904</v>
          </cell>
          <cell r="AN1038" t="str">
            <v>27(18)</v>
          </cell>
          <cell r="AO1038">
            <v>11</v>
          </cell>
          <cell r="AP1038" t="str">
            <v>13//</v>
          </cell>
          <cell r="AQ1038" t="str">
            <v/>
          </cell>
          <cell r="AR1038" t="str">
            <v/>
          </cell>
          <cell r="AS1038" t="str">
            <v>()</v>
          </cell>
          <cell r="AT1038" t="str">
            <v/>
          </cell>
          <cell r="AU1038" t="str">
            <v/>
          </cell>
          <cell r="AV1038" t="str">
            <v/>
          </cell>
          <cell r="AW1038" t="str">
            <v/>
          </cell>
          <cell r="AX1038" t="str">
            <v>()</v>
          </cell>
          <cell r="AY1038" t="str">
            <v/>
          </cell>
          <cell r="AZ1038" t="str">
            <v/>
          </cell>
          <cell r="BA1038" t="str">
            <v>兵庫県</v>
          </cell>
          <cell r="BB1038">
            <v>0</v>
          </cell>
          <cell r="CR1038">
            <v>6661</v>
          </cell>
          <cell r="CS1038" t="str">
            <v>ﾌｼﾞｲ ﾀｸﾐ</v>
          </cell>
          <cell r="CT1038" t="str">
            <v>藤井  卓美</v>
          </cell>
          <cell r="CU1038" t="str">
            <v>生活支援課</v>
          </cell>
          <cell r="CW1038">
            <v>2599</v>
          </cell>
          <cell r="CX1038" t="str">
            <v xml:space="preserve"> </v>
          </cell>
          <cell r="CY1038" t="str">
            <v>生活支援課長</v>
          </cell>
        </row>
        <row r="1039">
          <cell r="B1039">
            <v>3932</v>
          </cell>
          <cell r="C1039" t="str">
            <v>ヤマハサウンドシステム(株)</v>
          </cell>
          <cell r="D1039" t="str">
            <v>06-6301-7263</v>
          </cell>
          <cell r="E1039" t="str">
            <v>532-0011</v>
          </cell>
          <cell r="F1039" t="str">
            <v>大阪府大阪市淀川区西中島4-7-18</v>
          </cell>
          <cell r="G1039" t="str">
            <v/>
          </cell>
          <cell r="H1039" t="str">
            <v>大阪営業所</v>
          </cell>
          <cell r="I1039" t="str">
            <v>所長 岸本　一史</v>
          </cell>
          <cell r="J1039" t="str">
            <v>東京都</v>
          </cell>
          <cell r="K1039" t="str">
            <v>06-6301-7269</v>
          </cell>
          <cell r="L1039" t="str">
            <v>tokyo-div@yamaha-ss.jp</v>
          </cell>
          <cell r="M1039" t="str">
            <v>ﾔﾏﾊｻｳﾝﾄﾞｼｽﾃﾑ</v>
          </cell>
          <cell r="N1039" t="str">
            <v>有</v>
          </cell>
          <cell r="O1039">
            <v>55</v>
          </cell>
          <cell r="P1039">
            <v>163</v>
          </cell>
          <cell r="Q1039">
            <v>3010001027922</v>
          </cell>
          <cell r="R1039">
            <v>49600</v>
          </cell>
          <cell r="S1039">
            <v>3133345</v>
          </cell>
          <cell r="T1039">
            <v>6208895</v>
          </cell>
          <cell r="V1039" t="str">
            <v>dm916800</v>
          </cell>
          <cell r="W1039" t="str">
            <v>ye244970</v>
          </cell>
          <cell r="X1039" t="str">
            <v>(通)通</v>
          </cell>
          <cell r="Y1039" t="str">
            <v>(通)</v>
          </cell>
          <cell r="Z1039" t="str">
            <v>通</v>
          </cell>
          <cell r="AA1039" t="str">
            <v>電気通信</v>
          </cell>
          <cell r="AB1039" t="str">
            <v/>
          </cell>
          <cell r="AC1039" t="str">
            <v/>
          </cell>
          <cell r="AD1039" t="str">
            <v/>
          </cell>
          <cell r="AE1039">
            <v>43190</v>
          </cell>
          <cell r="AF1039" t="str">
            <v/>
          </cell>
          <cell r="AG1039" t="str">
            <v>電気通信</v>
          </cell>
          <cell r="AH1039" t="str">
            <v>特定</v>
          </cell>
          <cell r="AI1039">
            <v>1132</v>
          </cell>
          <cell r="AJ1039">
            <v>5209365</v>
          </cell>
          <cell r="AK1039" t="str">
            <v>0(0)/0/61</v>
          </cell>
          <cell r="AL1039" t="str">
            <v/>
          </cell>
          <cell r="AM1039" t="str">
            <v/>
          </cell>
          <cell r="AN1039" t="str">
            <v/>
          </cell>
          <cell r="AO1039" t="str">
            <v/>
          </cell>
          <cell r="AP1039" t="str">
            <v/>
          </cell>
          <cell r="AQ1039" t="str">
            <v/>
          </cell>
          <cell r="AR1039" t="str">
            <v/>
          </cell>
          <cell r="AS1039" t="str">
            <v/>
          </cell>
          <cell r="AT1039" t="str">
            <v/>
          </cell>
          <cell r="AU1039" t="str">
            <v/>
          </cell>
          <cell r="AV1039" t="str">
            <v/>
          </cell>
          <cell r="AW1039" t="str">
            <v/>
          </cell>
          <cell r="AX1039" t="str">
            <v/>
          </cell>
          <cell r="AY1039" t="str">
            <v/>
          </cell>
          <cell r="AZ1039" t="str">
            <v/>
          </cell>
          <cell r="BA1039" t="str">
            <v>東京都</v>
          </cell>
          <cell r="BB1039">
            <v>0</v>
          </cell>
          <cell r="CR1039">
            <v>6662</v>
          </cell>
          <cell r="CS1039" t="str">
            <v>ﾏﾙﾔﾏ ﾀｶｵｷ</v>
          </cell>
          <cell r="CT1039" t="str">
            <v>丸山  孝興</v>
          </cell>
          <cell r="CU1039" t="str">
            <v>こども家庭課</v>
          </cell>
          <cell r="CW1039">
            <v>4396</v>
          </cell>
          <cell r="CX1039" t="str">
            <v>主査</v>
          </cell>
          <cell r="CY1039" t="str">
            <v>こども家庭課長</v>
          </cell>
        </row>
        <row r="1040">
          <cell r="B1040">
            <v>3934</v>
          </cell>
          <cell r="C1040" t="str">
            <v>(株)藤木工務店</v>
          </cell>
          <cell r="D1040" t="str">
            <v>078-855-8063</v>
          </cell>
          <cell r="E1040" t="str">
            <v>651-0083</v>
          </cell>
          <cell r="F1040" t="str">
            <v>兵庫県神戸市中央区浜辺通4-1-23-601</v>
          </cell>
          <cell r="G1040" t="str">
            <v>大阪市</v>
          </cell>
          <cell r="H1040" t="str">
            <v>神戸営業所</v>
          </cell>
          <cell r="I1040" t="str">
            <v>所長 田中　章康</v>
          </cell>
          <cell r="J1040" t="str">
            <v>大阪府大阪市</v>
          </cell>
          <cell r="K1040" t="str">
            <v>078-855-8064</v>
          </cell>
          <cell r="L1040" t="str">
            <v>y-furukawa@fujiki.co.jp</v>
          </cell>
          <cell r="M1040" t="str">
            <v>ﾌｼﾞｷｺｳﾑﾃﾝ</v>
          </cell>
          <cell r="N1040" t="str">
            <v>有</v>
          </cell>
          <cell r="O1040">
            <v>68</v>
          </cell>
          <cell r="P1040">
            <v>366</v>
          </cell>
          <cell r="Q1040">
            <v>8120001077539</v>
          </cell>
          <cell r="R1040">
            <v>4694612</v>
          </cell>
          <cell r="S1040">
            <v>16651464</v>
          </cell>
          <cell r="T1040">
            <v>32018280</v>
          </cell>
          <cell r="V1040" t="str">
            <v>ty970700</v>
          </cell>
          <cell r="W1040" t="str">
            <v>vq364675</v>
          </cell>
          <cell r="X1040" t="str">
            <v>(建)(大)(左)(と)(石)(屋)(タ)(鋼)(鉄)(板)(ガ)(塗)(防)(内)(熱)(具)土建大と石屋電管タ鋼鉄舗板ガ塗防内熱具水</v>
          </cell>
          <cell r="Y1040" t="str">
            <v>(建)(大)(左)(と)(石)(屋)(タ)(鋼)(鉄)(板)(ガ)(塗)(防)(内)(熱)(具)</v>
          </cell>
          <cell r="Z1040" t="str">
            <v>土建大と石屋電管タ鋼鉄舗板ガ塗防内熱具水</v>
          </cell>
          <cell r="AA1040" t="str">
            <v>建築一式</v>
          </cell>
          <cell r="AB1040" t="str">
            <v/>
          </cell>
          <cell r="AC1040" t="str">
            <v/>
          </cell>
          <cell r="AD1040" t="str">
            <v/>
          </cell>
          <cell r="AE1040">
            <v>43190</v>
          </cell>
          <cell r="AF1040" t="str">
            <v>希望しない</v>
          </cell>
          <cell r="AG1040" t="str">
            <v>建築一式</v>
          </cell>
          <cell r="AH1040" t="str">
            <v>特定</v>
          </cell>
          <cell r="AI1040">
            <v>1602</v>
          </cell>
          <cell r="AJ1040">
            <v>32895849</v>
          </cell>
          <cell r="AK1040" t="str">
            <v>197(147)/15/21</v>
          </cell>
          <cell r="AL1040" t="str">
            <v/>
          </cell>
          <cell r="AM1040" t="str">
            <v/>
          </cell>
          <cell r="AN1040" t="str">
            <v/>
          </cell>
          <cell r="AO1040" t="str">
            <v/>
          </cell>
          <cell r="AP1040" t="str">
            <v/>
          </cell>
          <cell r="AQ1040" t="str">
            <v/>
          </cell>
          <cell r="AR1040" t="str">
            <v/>
          </cell>
          <cell r="AS1040" t="str">
            <v/>
          </cell>
          <cell r="AT1040" t="str">
            <v/>
          </cell>
          <cell r="AU1040" t="str">
            <v/>
          </cell>
          <cell r="AV1040" t="str">
            <v/>
          </cell>
          <cell r="AW1040" t="str">
            <v/>
          </cell>
          <cell r="AX1040" t="str">
            <v/>
          </cell>
          <cell r="AY1040" t="str">
            <v/>
          </cell>
          <cell r="AZ1040" t="str">
            <v/>
          </cell>
          <cell r="BA1040" t="str">
            <v>大阪府</v>
          </cell>
          <cell r="BB1040">
            <v>0</v>
          </cell>
          <cell r="CR1040">
            <v>6663</v>
          </cell>
          <cell r="CS1040" t="str">
            <v>ﾓﾘﾀ ﾋﾛｼ</v>
          </cell>
          <cell r="CT1040" t="str">
            <v>森田  浩史</v>
          </cell>
          <cell r="CU1040" t="str">
            <v>営繕課</v>
          </cell>
          <cell r="CW1040">
            <v>4397</v>
          </cell>
          <cell r="CX1040" t="str">
            <v xml:space="preserve"> </v>
          </cell>
          <cell r="CY1040" t="str">
            <v>営繕課長</v>
          </cell>
        </row>
        <row r="1041">
          <cell r="B1041">
            <v>3936</v>
          </cell>
          <cell r="C1041" t="str">
            <v>(株)富士グリーンテック</v>
          </cell>
          <cell r="D1041" t="str">
            <v>06-6538-8461</v>
          </cell>
          <cell r="E1041" t="str">
            <v>550-0011</v>
          </cell>
          <cell r="F1041" t="str">
            <v>大阪府大阪市西区阿波座1-13-13</v>
          </cell>
          <cell r="G1041" t="str">
            <v>甲府市</v>
          </cell>
          <cell r="H1041" t="str">
            <v>西日本支店</v>
          </cell>
          <cell r="I1041" t="str">
            <v>支店長 田中　義一</v>
          </cell>
          <cell r="J1041" t="str">
            <v>山梨県甲府市</v>
          </cell>
          <cell r="K1041" t="str">
            <v>06-6538-8462</v>
          </cell>
          <cell r="L1041" t="str">
            <v>fujigtw@cyber.ocn.ne.jp</v>
          </cell>
          <cell r="M1041" t="str">
            <v>ﾌｼﾞｸﾞﾘｰﾝﾃｯｸ</v>
          </cell>
          <cell r="N1041" t="str">
            <v>有</v>
          </cell>
          <cell r="O1041">
            <v>18</v>
          </cell>
          <cell r="P1041">
            <v>88</v>
          </cell>
          <cell r="Q1041">
            <v>2090001000773</v>
          </cell>
          <cell r="R1041">
            <v>90000</v>
          </cell>
          <cell r="S1041">
            <v>387040</v>
          </cell>
          <cell r="T1041">
            <v>4234417</v>
          </cell>
          <cell r="V1041" t="str">
            <v>qv284030</v>
          </cell>
          <cell r="W1041" t="str">
            <v>wa260328</v>
          </cell>
          <cell r="X1041" t="str">
            <v>(清)(と)(石)(鋼)(舗)(浚)(塗)(園)(水)土と石鋼舗浚塗園水</v>
          </cell>
          <cell r="Y1041" t="str">
            <v>(清)(と)(石)(鋼)(舗)(浚)(塗)(園)(水)</v>
          </cell>
          <cell r="Z1041" t="str">
            <v>土と石鋼舗浚塗園水</v>
          </cell>
          <cell r="AA1041" t="str">
            <v>土木一式</v>
          </cell>
          <cell r="AB1041" t="str">
            <v>造園</v>
          </cell>
          <cell r="AC1041" t="str">
            <v>舗装</v>
          </cell>
          <cell r="AD1041" t="str">
            <v>とび土工</v>
          </cell>
          <cell r="AE1041">
            <v>43190</v>
          </cell>
          <cell r="AF1041" t="str">
            <v>希望しない</v>
          </cell>
          <cell r="AG1041" t="str">
            <v>土木一式</v>
          </cell>
          <cell r="AH1041" t="str">
            <v>特定</v>
          </cell>
          <cell r="AI1041">
            <v>962</v>
          </cell>
          <cell r="AJ1041">
            <v>195400</v>
          </cell>
          <cell r="AK1041" t="str">
            <v>42(31)/9/12</v>
          </cell>
          <cell r="AL1041" t="str">
            <v>造園</v>
          </cell>
          <cell r="AM1041" t="str">
            <v>特定</v>
          </cell>
          <cell r="AN1041">
            <v>1040</v>
          </cell>
          <cell r="AO1041">
            <v>1542833</v>
          </cell>
          <cell r="AP1041" t="str">
            <v>37(29)/7/8</v>
          </cell>
          <cell r="AQ1041" t="str">
            <v>舗装</v>
          </cell>
          <cell r="AR1041" t="str">
            <v>特定</v>
          </cell>
          <cell r="AS1041">
            <v>943</v>
          </cell>
          <cell r="AT1041">
            <v>1899585</v>
          </cell>
          <cell r="AU1041" t="str">
            <v>8(7)/1/0</v>
          </cell>
          <cell r="AV1041" t="str">
            <v>とび土工</v>
          </cell>
          <cell r="AW1041" t="str">
            <v>特定</v>
          </cell>
          <cell r="AX1041">
            <v>746</v>
          </cell>
          <cell r="AY1041">
            <v>68410</v>
          </cell>
          <cell r="AZ1041" t="str">
            <v>1(0)/1/0</v>
          </cell>
          <cell r="BA1041" t="str">
            <v>山梨県</v>
          </cell>
          <cell r="BB1041">
            <v>0</v>
          </cell>
          <cell r="CR1041">
            <v>6664</v>
          </cell>
          <cell r="CS1041" t="str">
            <v>ﾔﾏﾓﾄ ｼﾕｳｻｸ</v>
          </cell>
          <cell r="CT1041" t="str">
            <v>山本  修作</v>
          </cell>
          <cell r="CU1041" t="str">
            <v>施設課</v>
          </cell>
          <cell r="CW1041">
            <v>4398</v>
          </cell>
          <cell r="CX1041" t="str">
            <v xml:space="preserve"> </v>
          </cell>
          <cell r="CY1041" t="str">
            <v>営繕課長</v>
          </cell>
        </row>
        <row r="1042">
          <cell r="B1042">
            <v>3937</v>
          </cell>
          <cell r="C1042" t="str">
            <v>富士建設工業(株)</v>
          </cell>
          <cell r="D1042" t="str">
            <v>025-255-4161</v>
          </cell>
          <cell r="E1042" t="str">
            <v>950-3102</v>
          </cell>
          <cell r="F1042" t="str">
            <v>新潟県新潟市北区島見町3307-16</v>
          </cell>
          <cell r="G1042" t="str">
            <v>新潟市</v>
          </cell>
          <cell r="H1042" t="str">
            <v/>
          </cell>
          <cell r="I1042" t="str">
            <v>代表取締役 鳴海　利彦</v>
          </cell>
          <cell r="J1042" t="str">
            <v>本店</v>
          </cell>
          <cell r="K1042" t="str">
            <v>025-255-3301</v>
          </cell>
          <cell r="L1042" t="str">
            <v>oosaka1@fuji-kasouro.co.jp</v>
          </cell>
          <cell r="M1042" t="str">
            <v>ﾌｼﾞｹﾝｾﾂｺｳｷﾞｮｳ</v>
          </cell>
          <cell r="N1042" t="str">
            <v>無</v>
          </cell>
          <cell r="O1042">
            <v>52</v>
          </cell>
          <cell r="P1042">
            <v>448</v>
          </cell>
          <cell r="Q1042">
            <v>3110001004787</v>
          </cell>
          <cell r="R1042">
            <v>56000</v>
          </cell>
          <cell r="S1042">
            <v>2829889</v>
          </cell>
          <cell r="T1042">
            <v>6930119</v>
          </cell>
          <cell r="V1042" t="str">
            <v>sr449122</v>
          </cell>
          <cell r="W1042" t="str">
            <v>hf300565</v>
          </cell>
          <cell r="X1042" t="str">
            <v>建電管タ機</v>
          </cell>
          <cell r="Y1042" t="str">
            <v/>
          </cell>
          <cell r="Z1042" t="str">
            <v>建電管タ機</v>
          </cell>
          <cell r="AA1042" t="str">
            <v>機械器具</v>
          </cell>
          <cell r="AB1042" t="str">
            <v>タイル</v>
          </cell>
          <cell r="AC1042" t="str">
            <v/>
          </cell>
          <cell r="AD1042" t="str">
            <v/>
          </cell>
          <cell r="AE1042">
            <v>43281</v>
          </cell>
          <cell r="AF1042" t="str">
            <v/>
          </cell>
          <cell r="AG1042" t="str">
            <v>機械器具</v>
          </cell>
          <cell r="AH1042" t="str">
            <v>特定</v>
          </cell>
          <cell r="AI1042">
            <v>1100</v>
          </cell>
          <cell r="AJ1042">
            <v>2539855</v>
          </cell>
          <cell r="AK1042" t="str">
            <v>0(0)/0/40</v>
          </cell>
          <cell r="AL1042" t="str">
            <v>タイル</v>
          </cell>
          <cell r="AM1042" t="str">
            <v>特定</v>
          </cell>
          <cell r="AN1042">
            <v>1040</v>
          </cell>
          <cell r="AO1042">
            <v>849025</v>
          </cell>
          <cell r="AP1042" t="str">
            <v>2(2)/3/22</v>
          </cell>
          <cell r="AQ1042" t="str">
            <v/>
          </cell>
          <cell r="AR1042" t="str">
            <v/>
          </cell>
          <cell r="AS1042" t="str">
            <v/>
          </cell>
          <cell r="AT1042" t="str">
            <v/>
          </cell>
          <cell r="AU1042" t="str">
            <v/>
          </cell>
          <cell r="AV1042" t="str">
            <v/>
          </cell>
          <cell r="AW1042" t="str">
            <v/>
          </cell>
          <cell r="AX1042" t="str">
            <v/>
          </cell>
          <cell r="AY1042" t="str">
            <v/>
          </cell>
          <cell r="AZ1042" t="str">
            <v/>
          </cell>
          <cell r="BA1042" t="str">
            <v>新潟県</v>
          </cell>
          <cell r="BB1042">
            <v>0</v>
          </cell>
          <cell r="CR1042">
            <v>6665</v>
          </cell>
          <cell r="CS1042" t="str">
            <v>ｵｶﾀﾞ ﾄｼﾋﾛ</v>
          </cell>
          <cell r="CT1042" t="str">
            <v>岡田  敏浩</v>
          </cell>
          <cell r="CU1042" t="str">
            <v>環境保全課</v>
          </cell>
          <cell r="CW1042">
            <v>2828</v>
          </cell>
          <cell r="CX1042" t="str">
            <v xml:space="preserve"> </v>
          </cell>
          <cell r="CY1042" t="str">
            <v>環境保全課長</v>
          </cell>
        </row>
        <row r="1043">
          <cell r="B1043">
            <v>3939</v>
          </cell>
          <cell r="C1043" t="str">
            <v>不二サッシ(株)</v>
          </cell>
          <cell r="D1043" t="str">
            <v>06-6635-4127</v>
          </cell>
          <cell r="E1043" t="str">
            <v>556-0017</v>
          </cell>
          <cell r="F1043" t="str">
            <v>大阪府大阪市浪速区湊町1-4-38</v>
          </cell>
          <cell r="G1043" t="str">
            <v/>
          </cell>
          <cell r="H1043" t="str">
            <v>大阪支店</v>
          </cell>
          <cell r="I1043" t="str">
            <v>支店長 大原　芳昭</v>
          </cell>
          <cell r="J1043" t="str">
            <v>東京都</v>
          </cell>
          <cell r="K1043" t="str">
            <v>06-6635-4142</v>
          </cell>
          <cell r="L1043" t="str">
            <v>saki-hasegawa@fujisash.net</v>
          </cell>
          <cell r="M1043" t="str">
            <v>ﾌｼﾞｻｯｼ</v>
          </cell>
          <cell r="N1043" t="str">
            <v>有</v>
          </cell>
          <cell r="O1043">
            <v>63</v>
          </cell>
          <cell r="P1043">
            <v>865</v>
          </cell>
          <cell r="Q1043">
            <v>7020001070117</v>
          </cell>
          <cell r="R1043">
            <v>1709609</v>
          </cell>
          <cell r="S1043">
            <v>12744000</v>
          </cell>
          <cell r="T1043">
            <v>98137000</v>
          </cell>
          <cell r="V1043" t="str">
            <v>rs786175</v>
          </cell>
          <cell r="W1043" t="str">
            <v>ve853418</v>
          </cell>
          <cell r="X1043" t="str">
            <v>建と屋電タ鋼板ガ塗内機具(ガ)(塗)(具)</v>
          </cell>
          <cell r="Y1043" t="str">
            <v>建と屋電タ鋼板ガ塗内機具(ガ)(塗)(具)</v>
          </cell>
          <cell r="Z1043" t="str">
            <v/>
          </cell>
          <cell r="AA1043" t="str">
            <v>建具</v>
          </cell>
          <cell r="AB1043" t="str">
            <v/>
          </cell>
          <cell r="AC1043" t="str">
            <v/>
          </cell>
          <cell r="AD1043" t="str">
            <v/>
          </cell>
          <cell r="AE1043">
            <v>43190</v>
          </cell>
          <cell r="AF1043" t="str">
            <v>希望しない</v>
          </cell>
          <cell r="AG1043" t="str">
            <v>建具</v>
          </cell>
          <cell r="AH1043" t="str">
            <v>一般</v>
          </cell>
          <cell r="AI1043">
            <v>1409</v>
          </cell>
          <cell r="AJ1043">
            <v>39990385</v>
          </cell>
          <cell r="AK1043" t="str">
            <v>56(1)/183/18</v>
          </cell>
          <cell r="AL1043" t="str">
            <v/>
          </cell>
          <cell r="AM1043" t="str">
            <v/>
          </cell>
          <cell r="AN1043" t="str">
            <v/>
          </cell>
          <cell r="AO1043" t="str">
            <v/>
          </cell>
          <cell r="AP1043" t="str">
            <v/>
          </cell>
          <cell r="AQ1043" t="str">
            <v/>
          </cell>
          <cell r="AR1043" t="str">
            <v/>
          </cell>
          <cell r="AS1043" t="str">
            <v/>
          </cell>
          <cell r="AT1043" t="str">
            <v/>
          </cell>
          <cell r="AU1043" t="str">
            <v/>
          </cell>
          <cell r="AV1043" t="str">
            <v/>
          </cell>
          <cell r="AW1043" t="str">
            <v/>
          </cell>
          <cell r="AX1043" t="str">
            <v/>
          </cell>
          <cell r="AY1043" t="str">
            <v/>
          </cell>
          <cell r="AZ1043" t="str">
            <v/>
          </cell>
          <cell r="BA1043" t="str">
            <v>東京都</v>
          </cell>
          <cell r="BB1043" t="str">
            <v>東京日産西五反田ビル</v>
          </cell>
          <cell r="CR1043">
            <v>6666</v>
          </cell>
          <cell r="CS1043" t="str">
            <v>ﾊﾗﾀﾞ ｵｻﾑ</v>
          </cell>
          <cell r="CT1043" t="str">
            <v>原田  修</v>
          </cell>
          <cell r="CU1043" t="str">
            <v>みどり自然課</v>
          </cell>
          <cell r="CW1043">
            <v>4400</v>
          </cell>
          <cell r="CX1043" t="str">
            <v xml:space="preserve"> </v>
          </cell>
          <cell r="CY1043" t="str">
            <v>みどり自然課長</v>
          </cell>
        </row>
        <row r="1044">
          <cell r="B1044">
            <v>3940</v>
          </cell>
          <cell r="C1044" t="str">
            <v>藤澤産業(株)</v>
          </cell>
          <cell r="D1044" t="str">
            <v>06-6339-5025</v>
          </cell>
          <cell r="E1044" t="str">
            <v>564-0045</v>
          </cell>
          <cell r="F1044" t="str">
            <v xml:space="preserve">大阪府吹田市金田町16-9 </v>
          </cell>
          <cell r="G1044" t="str">
            <v>吹田市</v>
          </cell>
          <cell r="H1044" t="str">
            <v/>
          </cell>
          <cell r="I1044" t="str">
            <v>代表取締役 藤澤　栄治</v>
          </cell>
          <cell r="J1044" t="str">
            <v>本店</v>
          </cell>
          <cell r="K1044" t="str">
            <v>06-6339-5026</v>
          </cell>
          <cell r="L1044" t="str">
            <v>eco@hujisawa.co.jp</v>
          </cell>
          <cell r="M1044" t="str">
            <v>ﾌｼﾞｻﾜｻﾝｷﾞｮｳ</v>
          </cell>
          <cell r="N1044" t="str">
            <v>無</v>
          </cell>
          <cell r="O1044">
            <v>43</v>
          </cell>
          <cell r="P1044">
            <v>10</v>
          </cell>
          <cell r="Q1044">
            <v>3120901008259</v>
          </cell>
          <cell r="R1044">
            <v>10000</v>
          </cell>
          <cell r="S1044">
            <v>49507</v>
          </cell>
          <cell r="T1044">
            <v>158840</v>
          </cell>
          <cell r="V1044" t="str">
            <v>hp287728</v>
          </cell>
          <cell r="W1044" t="str">
            <v>ym540449</v>
          </cell>
          <cell r="X1044" t="str">
            <v>土と管浚水</v>
          </cell>
          <cell r="Y1044" t="str">
            <v>土と管浚水</v>
          </cell>
          <cell r="Z1044" t="str">
            <v/>
          </cell>
          <cell r="AA1044" t="str">
            <v>浚渫</v>
          </cell>
          <cell r="AB1044" t="str">
            <v>土木一式</v>
          </cell>
          <cell r="AC1044" t="str">
            <v>管</v>
          </cell>
          <cell r="AD1044" t="str">
            <v>とび土工</v>
          </cell>
          <cell r="AE1044">
            <v>43281</v>
          </cell>
          <cell r="AF1044" t="str">
            <v>希望する</v>
          </cell>
          <cell r="AG1044" t="str">
            <v>浚渫</v>
          </cell>
          <cell r="AH1044" t="str">
            <v>一般</v>
          </cell>
          <cell r="AI1044">
            <v>666</v>
          </cell>
          <cell r="AJ1044">
            <v>452</v>
          </cell>
          <cell r="AK1044" t="str">
            <v>0(1)/2/3</v>
          </cell>
          <cell r="AL1044" t="str">
            <v>土木一式</v>
          </cell>
          <cell r="AM1044" t="str">
            <v>一般</v>
          </cell>
          <cell r="AN1044">
            <v>645</v>
          </cell>
          <cell r="AO1044">
            <v>397</v>
          </cell>
          <cell r="AP1044" t="str">
            <v>1(0)/0/1</v>
          </cell>
          <cell r="AQ1044" t="str">
            <v>管</v>
          </cell>
          <cell r="AR1044" t="str">
            <v>一般</v>
          </cell>
          <cell r="AS1044">
            <v>640</v>
          </cell>
          <cell r="AT1044">
            <v>398</v>
          </cell>
          <cell r="AU1044" t="str">
            <v>0(0)/1/3</v>
          </cell>
          <cell r="AV1044" t="str">
            <v>とび土工</v>
          </cell>
          <cell r="AW1044" t="str">
            <v>一般</v>
          </cell>
          <cell r="AX1044">
            <v>630</v>
          </cell>
          <cell r="AY1044">
            <v>404</v>
          </cell>
          <cell r="AZ1044" t="str">
            <v>0(0)/0/0</v>
          </cell>
          <cell r="BA1044" t="str">
            <v>大阪府</v>
          </cell>
          <cell r="BB1044">
            <v>0</v>
          </cell>
          <cell r="CR1044">
            <v>6667</v>
          </cell>
          <cell r="CS1044" t="str">
            <v>ｲﾉｳｴ ｶｽﾞﾐ</v>
          </cell>
          <cell r="CT1044" t="str">
            <v>井上  和美</v>
          </cell>
          <cell r="CU1044" t="str">
            <v>保育課</v>
          </cell>
          <cell r="CW1044" t="str">
            <v xml:space="preserve"> </v>
          </cell>
          <cell r="CX1044" t="str">
            <v xml:space="preserve"> </v>
          </cell>
          <cell r="CY1044" t="str">
            <v>保育課長</v>
          </cell>
        </row>
        <row r="1045">
          <cell r="B1045">
            <v>3941</v>
          </cell>
          <cell r="C1045" t="str">
            <v>富士産業(株)</v>
          </cell>
          <cell r="D1045" t="str">
            <v>06-4703-2345</v>
          </cell>
          <cell r="E1045" t="str">
            <v>559-0034</v>
          </cell>
          <cell r="F1045" t="str">
            <v>大阪府大阪市住之江区南港北2-1-10</v>
          </cell>
          <cell r="G1045" t="str">
            <v>大阪市</v>
          </cell>
          <cell r="H1045" t="str">
            <v/>
          </cell>
          <cell r="I1045" t="str">
            <v>代表取締役 栗田　隆志</v>
          </cell>
          <cell r="J1045" t="str">
            <v>本店</v>
          </cell>
          <cell r="K1045" t="str">
            <v>06-4703-1188</v>
          </cell>
          <cell r="L1045" t="str">
            <v>soumu@fuji-sangyou.co.jp</v>
          </cell>
          <cell r="M1045" t="str">
            <v>ﾌｼﾞｻﾝｷﾞｮｳ</v>
          </cell>
          <cell r="N1045" t="str">
            <v>無</v>
          </cell>
          <cell r="O1045">
            <v>38</v>
          </cell>
          <cell r="P1045">
            <v>151</v>
          </cell>
          <cell r="Q1045">
            <v>8120001088619</v>
          </cell>
          <cell r="R1045">
            <v>99000</v>
          </cell>
          <cell r="S1045">
            <v>714609</v>
          </cell>
          <cell r="T1045">
            <v>5639256</v>
          </cell>
          <cell r="V1045" t="str">
            <v>jr626495</v>
          </cell>
          <cell r="W1045" t="str">
            <v>nv999402</v>
          </cell>
          <cell r="X1045" t="str">
            <v>建大と石屋タ鋼鉄板ガ塗防内熱具</v>
          </cell>
          <cell r="Y1045" t="str">
            <v/>
          </cell>
          <cell r="Z1045" t="str">
            <v>建大と石屋タ鋼鉄板ガ塗防内熱具</v>
          </cell>
          <cell r="AA1045" t="str">
            <v>建築一式</v>
          </cell>
          <cell r="AB1045" t="str">
            <v/>
          </cell>
          <cell r="AC1045" t="str">
            <v/>
          </cell>
          <cell r="AD1045" t="str">
            <v/>
          </cell>
          <cell r="AE1045">
            <v>43210</v>
          </cell>
          <cell r="AF1045" t="str">
            <v/>
          </cell>
          <cell r="AG1045" t="str">
            <v>建築一式</v>
          </cell>
          <cell r="AH1045" t="str">
            <v>特定</v>
          </cell>
          <cell r="AI1045">
            <v>1098</v>
          </cell>
          <cell r="AJ1045">
            <v>2547744</v>
          </cell>
          <cell r="AK1045" t="str">
            <v>16(15)/4/48</v>
          </cell>
          <cell r="AL1045" t="str">
            <v/>
          </cell>
          <cell r="AM1045" t="str">
            <v/>
          </cell>
          <cell r="AN1045" t="str">
            <v/>
          </cell>
          <cell r="AO1045" t="str">
            <v/>
          </cell>
          <cell r="AP1045" t="str">
            <v/>
          </cell>
          <cell r="AQ1045" t="str">
            <v/>
          </cell>
          <cell r="AR1045" t="str">
            <v/>
          </cell>
          <cell r="AS1045" t="str">
            <v/>
          </cell>
          <cell r="AT1045" t="str">
            <v/>
          </cell>
          <cell r="AU1045" t="str">
            <v/>
          </cell>
          <cell r="AV1045" t="str">
            <v/>
          </cell>
          <cell r="AW1045" t="str">
            <v/>
          </cell>
          <cell r="AX1045" t="str">
            <v/>
          </cell>
          <cell r="AY1045" t="str">
            <v/>
          </cell>
          <cell r="AZ1045" t="str">
            <v/>
          </cell>
          <cell r="BA1045" t="str">
            <v>大阪府</v>
          </cell>
          <cell r="BB1045">
            <v>0</v>
          </cell>
          <cell r="CR1045">
            <v>6668</v>
          </cell>
          <cell r="CS1045" t="str">
            <v>ｲﾏﾅｶ ｶｵﾘ</v>
          </cell>
          <cell r="CT1045" t="str">
            <v>今仲  香織</v>
          </cell>
          <cell r="CU1045" t="str">
            <v>保育課</v>
          </cell>
          <cell r="CW1045" t="str">
            <v xml:space="preserve"> </v>
          </cell>
          <cell r="CX1045" t="str">
            <v xml:space="preserve"> </v>
          </cell>
          <cell r="CY1045" t="str">
            <v>保育課長</v>
          </cell>
        </row>
        <row r="1046">
          <cell r="B1046">
            <v>3945</v>
          </cell>
          <cell r="C1046" t="str">
            <v>(株)フジタ</v>
          </cell>
          <cell r="D1046" t="str">
            <v>078-331-9414</v>
          </cell>
          <cell r="E1046" t="str">
            <v>650-0033</v>
          </cell>
          <cell r="F1046" t="str">
            <v>兵庫県神戸市中央区江戸町95</v>
          </cell>
          <cell r="G1046" t="str">
            <v/>
          </cell>
          <cell r="H1046" t="str">
            <v>神戸総合営業所</v>
          </cell>
          <cell r="I1046" t="str">
            <v>所長 齊藤　隆之</v>
          </cell>
          <cell r="J1046" t="str">
            <v>東京都</v>
          </cell>
          <cell r="K1046" t="str">
            <v>078-331-9417</v>
          </cell>
          <cell r="L1046" t="str">
            <v>koknyusatu06@fujita.co.jp</v>
          </cell>
          <cell r="M1046" t="str">
            <v>ﾌｼﾞﾀ</v>
          </cell>
          <cell r="N1046" t="str">
            <v>有</v>
          </cell>
          <cell r="O1046">
            <v>68</v>
          </cell>
          <cell r="P1046">
            <v>3418</v>
          </cell>
          <cell r="Q1046">
            <v>8011001039242</v>
          </cell>
          <cell r="R1046">
            <v>14002000</v>
          </cell>
          <cell r="S1046">
            <v>80021000</v>
          </cell>
          <cell r="T1046">
            <v>430639000</v>
          </cell>
          <cell r="V1046" t="str">
            <v>yg294566</v>
          </cell>
          <cell r="W1046" t="str">
            <v>jr472114</v>
          </cell>
          <cell r="X1046" t="str">
            <v>(清)(建)(と)(鋼)(舗)(浚)(内)(園)(水)土建大と石屋電管タ鋼鉄舗浚板ガ塗防内機熱園具水</v>
          </cell>
          <cell r="Y1046" t="str">
            <v>(清)(建)(と)(鋼)(舗)(浚)(内)(園)(水)</v>
          </cell>
          <cell r="Z1046" t="str">
            <v>土建大と石屋電管タ鋼鉄舗浚板ガ塗防内機熱園具水</v>
          </cell>
          <cell r="AA1046" t="str">
            <v>土木一式</v>
          </cell>
          <cell r="AB1046" t="str">
            <v>建築一式</v>
          </cell>
          <cell r="AC1046" t="str">
            <v>水道施設</v>
          </cell>
          <cell r="AD1046" t="str">
            <v>鋼構造物</v>
          </cell>
          <cell r="AE1046">
            <v>43388</v>
          </cell>
          <cell r="AF1046" t="str">
            <v/>
          </cell>
          <cell r="AG1046" t="str">
            <v>土木一式</v>
          </cell>
          <cell r="AH1046" t="str">
            <v>特定</v>
          </cell>
          <cell r="AI1046">
            <v>1888</v>
          </cell>
          <cell r="AJ1046">
            <v>81390588</v>
          </cell>
          <cell r="AK1046" t="str">
            <v>664(538)/0/7</v>
          </cell>
          <cell r="AL1046" t="str">
            <v>建築一式</v>
          </cell>
          <cell r="AM1046" t="str">
            <v>特定</v>
          </cell>
          <cell r="AN1046">
            <v>1942</v>
          </cell>
          <cell r="AO1046">
            <v>286307958</v>
          </cell>
          <cell r="AP1046" t="str">
            <v>1064(727)/22/15</v>
          </cell>
          <cell r="AQ1046" t="str">
            <v>水道施設</v>
          </cell>
          <cell r="AR1046" t="str">
            <v>特定</v>
          </cell>
          <cell r="AS1046">
            <v>1602</v>
          </cell>
          <cell r="AT1046">
            <v>8857706</v>
          </cell>
          <cell r="AU1046" t="str">
            <v>242(200)/0/0</v>
          </cell>
          <cell r="AV1046" t="str">
            <v>鋼構造物</v>
          </cell>
          <cell r="AW1046" t="str">
            <v>特定</v>
          </cell>
          <cell r="AX1046">
            <v>1314</v>
          </cell>
          <cell r="AY1046" t="str">
            <v/>
          </cell>
          <cell r="AZ1046" t="str">
            <v>742(457)/0/0</v>
          </cell>
          <cell r="BA1046" t="str">
            <v>東京都</v>
          </cell>
          <cell r="BB1046">
            <v>0</v>
          </cell>
          <cell r="CR1046">
            <v>6669</v>
          </cell>
          <cell r="CS1046" t="str">
            <v>ｲﾉｳｴ ﾀｶｺ</v>
          </cell>
          <cell r="CT1046" t="str">
            <v>井上  貴子</v>
          </cell>
          <cell r="CU1046" t="str">
            <v>保育課</v>
          </cell>
          <cell r="CW1046" t="str">
            <v xml:space="preserve"> </v>
          </cell>
          <cell r="CX1046" t="str">
            <v xml:space="preserve"> </v>
          </cell>
          <cell r="CY1046" t="str">
            <v>保育課長</v>
          </cell>
        </row>
        <row r="1047">
          <cell r="B1047">
            <v>3947</v>
          </cell>
          <cell r="C1047" t="str">
            <v>フジタ道路(株)</v>
          </cell>
          <cell r="D1047" t="str">
            <v>06-6363-0961</v>
          </cell>
          <cell r="E1047" t="str">
            <v>530-0047</v>
          </cell>
          <cell r="F1047" t="str">
            <v>大阪府大阪市北区西天満5-6-4</v>
          </cell>
          <cell r="G1047" t="str">
            <v/>
          </cell>
          <cell r="H1047" t="str">
            <v>大阪支店</v>
          </cell>
          <cell r="I1047" t="str">
            <v>執行役員支店長 白上　雅俊</v>
          </cell>
          <cell r="J1047" t="str">
            <v>東京都</v>
          </cell>
          <cell r="K1047" t="str">
            <v>06-6363-1426</v>
          </cell>
          <cell r="L1047" t="str">
            <v>freo001@fujitaroad.co.jp</v>
          </cell>
          <cell r="M1047" t="str">
            <v>ﾌｼﾞﾀﾄﾞｳﾛ</v>
          </cell>
          <cell r="N1047" t="str">
            <v>有</v>
          </cell>
          <cell r="O1047">
            <v>55</v>
          </cell>
          <cell r="P1047">
            <v>220</v>
          </cell>
          <cell r="Q1047">
            <v>7010001034923</v>
          </cell>
          <cell r="R1047">
            <v>100000</v>
          </cell>
          <cell r="S1047">
            <v>2952514</v>
          </cell>
          <cell r="T1047">
            <v>16652719</v>
          </cell>
          <cell r="V1047" t="str">
            <v>kf586594</v>
          </cell>
          <cell r="W1047" t="str">
            <v>sf629436</v>
          </cell>
          <cell r="X1047" t="str">
            <v>土建と石電鋼舗浚塗園水解</v>
          </cell>
          <cell r="Y1047" t="str">
            <v/>
          </cell>
          <cell r="Z1047" t="str">
            <v>土建と石電鋼舗浚塗園水解</v>
          </cell>
          <cell r="AA1047" t="str">
            <v>舗装</v>
          </cell>
          <cell r="AB1047" t="str">
            <v>土木一式</v>
          </cell>
          <cell r="AC1047" t="str">
            <v/>
          </cell>
          <cell r="AD1047" t="str">
            <v/>
          </cell>
          <cell r="AE1047">
            <v>43190</v>
          </cell>
          <cell r="AF1047" t="str">
            <v>希望しない</v>
          </cell>
          <cell r="AG1047" t="str">
            <v>舗装</v>
          </cell>
          <cell r="AH1047" t="str">
            <v>特定</v>
          </cell>
          <cell r="AI1047">
            <v>1360</v>
          </cell>
          <cell r="AJ1047">
            <v>11795655</v>
          </cell>
          <cell r="AK1047" t="str">
            <v>140(123)/10/14</v>
          </cell>
          <cell r="AL1047" t="str">
            <v>土木一式</v>
          </cell>
          <cell r="AM1047" t="str">
            <v>特定</v>
          </cell>
          <cell r="AN1047">
            <v>1215</v>
          </cell>
          <cell r="AO1047">
            <v>1235961</v>
          </cell>
          <cell r="AP1047" t="str">
            <v>134(117)/10/5</v>
          </cell>
          <cell r="AQ1047" t="str">
            <v/>
          </cell>
          <cell r="AR1047" t="str">
            <v/>
          </cell>
          <cell r="AS1047" t="str">
            <v/>
          </cell>
          <cell r="AT1047" t="str">
            <v/>
          </cell>
          <cell r="AU1047" t="str">
            <v/>
          </cell>
          <cell r="AV1047" t="str">
            <v/>
          </cell>
          <cell r="AW1047" t="str">
            <v/>
          </cell>
          <cell r="AX1047" t="str">
            <v/>
          </cell>
          <cell r="AY1047" t="str">
            <v/>
          </cell>
          <cell r="AZ1047" t="str">
            <v/>
          </cell>
          <cell r="BA1047" t="str">
            <v>東京都</v>
          </cell>
          <cell r="BB1047">
            <v>0</v>
          </cell>
          <cell r="CR1047">
            <v>6670</v>
          </cell>
          <cell r="CS1047" t="str">
            <v>ｶﾜｻｷ ﾕｷｺ</v>
          </cell>
          <cell r="CT1047" t="str">
            <v>川﨑  由紀子</v>
          </cell>
          <cell r="CU1047" t="str">
            <v>保育課</v>
          </cell>
          <cell r="CW1047" t="str">
            <v xml:space="preserve"> </v>
          </cell>
          <cell r="CX1047" t="str">
            <v xml:space="preserve"> </v>
          </cell>
          <cell r="CY1047" t="str">
            <v>保育課長</v>
          </cell>
        </row>
        <row r="1048">
          <cell r="B1048">
            <v>3948</v>
          </cell>
          <cell r="C1048" t="str">
            <v>富士通(株)</v>
          </cell>
          <cell r="D1048" t="str">
            <v>06-6920-5627</v>
          </cell>
          <cell r="E1048" t="str">
            <v>540-8514</v>
          </cell>
          <cell r="F1048" t="str">
            <v>大阪府大阪市中央区城見2-2-6(富士通関西ｼｽﾃﾑﾗﾎﾞﾗﾄﾘ)</v>
          </cell>
          <cell r="G1048" t="str">
            <v/>
          </cell>
          <cell r="H1048" t="str">
            <v>関西支社</v>
          </cell>
          <cell r="I1048" t="str">
            <v>支社長 川西　洋一</v>
          </cell>
          <cell r="J1048" t="str">
            <v>東京都</v>
          </cell>
          <cell r="K1048" t="str">
            <v>06-6920-5631</v>
          </cell>
          <cell r="L1048" t="str">
            <v>fiss-kansai-kobe@dl.jp.fujitsu.com</v>
          </cell>
          <cell r="M1048" t="str">
            <v>ﾌｼﾞﾂｳ</v>
          </cell>
          <cell r="N1048" t="str">
            <v>有</v>
          </cell>
          <cell r="O1048">
            <v>68</v>
          </cell>
          <cell r="P1048">
            <v>32969</v>
          </cell>
          <cell r="Q1048">
            <v>1020001071491</v>
          </cell>
          <cell r="R1048">
            <v>324625075</v>
          </cell>
          <cell r="S1048">
            <v>810670000</v>
          </cell>
          <cell r="T1048">
            <v>4098379000</v>
          </cell>
          <cell r="V1048" t="str">
            <v>gw819064</v>
          </cell>
          <cell r="W1048" t="str">
            <v>xm598429</v>
          </cell>
          <cell r="X1048" t="str">
            <v>(電)(通)建電管内機通</v>
          </cell>
          <cell r="Y1048" t="str">
            <v>(電)(通)</v>
          </cell>
          <cell r="Z1048" t="str">
            <v>建電管内機通</v>
          </cell>
          <cell r="AA1048" t="str">
            <v>電気通信</v>
          </cell>
          <cell r="AB1048" t="str">
            <v>電気</v>
          </cell>
          <cell r="AC1048" t="str">
            <v/>
          </cell>
          <cell r="AD1048" t="str">
            <v/>
          </cell>
          <cell r="AE1048">
            <v>43190</v>
          </cell>
          <cell r="AF1048" t="str">
            <v>希望しない</v>
          </cell>
          <cell r="AG1048" t="str">
            <v>電気通信</v>
          </cell>
          <cell r="AH1048" t="str">
            <v>特定</v>
          </cell>
          <cell r="AI1048">
            <v>1606</v>
          </cell>
          <cell r="AJ1048">
            <v>15413734</v>
          </cell>
          <cell r="AK1048" t="str">
            <v>2(2)/0/396</v>
          </cell>
          <cell r="AL1048" t="str">
            <v>電気</v>
          </cell>
          <cell r="AM1048" t="str">
            <v>特定</v>
          </cell>
          <cell r="AN1048">
            <v>1368</v>
          </cell>
          <cell r="AO1048">
            <v>194839</v>
          </cell>
          <cell r="AP1048" t="str">
            <v>110(78)/14/0</v>
          </cell>
          <cell r="AQ1048" t="str">
            <v/>
          </cell>
          <cell r="AR1048" t="str">
            <v/>
          </cell>
          <cell r="AS1048" t="str">
            <v/>
          </cell>
          <cell r="AT1048" t="str">
            <v/>
          </cell>
          <cell r="AU1048" t="str">
            <v/>
          </cell>
          <cell r="AV1048" t="str">
            <v/>
          </cell>
          <cell r="AW1048" t="str">
            <v/>
          </cell>
          <cell r="AX1048" t="str">
            <v/>
          </cell>
          <cell r="AY1048" t="str">
            <v/>
          </cell>
          <cell r="AZ1048" t="str">
            <v/>
          </cell>
          <cell r="BA1048" t="str">
            <v>東京都</v>
          </cell>
          <cell r="BB1048">
            <v>0</v>
          </cell>
          <cell r="CR1048">
            <v>6671</v>
          </cell>
          <cell r="CS1048" t="str">
            <v>ｺﾊﾞﾀ ﾄﾓﾔ</v>
          </cell>
          <cell r="CT1048" t="str">
            <v>小畑  智哉</v>
          </cell>
          <cell r="CU1048" t="str">
            <v>保育課</v>
          </cell>
          <cell r="CW1048" t="str">
            <v xml:space="preserve"> </v>
          </cell>
          <cell r="CX1048" t="str">
            <v xml:space="preserve"> </v>
          </cell>
          <cell r="CY1048" t="str">
            <v>保育課長</v>
          </cell>
        </row>
        <row r="1049">
          <cell r="B1049">
            <v>3949</v>
          </cell>
          <cell r="C1049" t="str">
            <v>(株)富士通エフサス</v>
          </cell>
          <cell r="D1049" t="str">
            <v>06-6755-4200</v>
          </cell>
          <cell r="E1049" t="str">
            <v>540-0001</v>
          </cell>
          <cell r="F1049" t="str">
            <v>大阪府大阪市中央区城見2-2-22</v>
          </cell>
          <cell r="G1049" t="str">
            <v/>
          </cell>
          <cell r="H1049" t="str">
            <v>西日本ビジネス本部</v>
          </cell>
          <cell r="I1049" t="str">
            <v>本部長 小栁　誠二</v>
          </cell>
          <cell r="J1049" t="str">
            <v>東京都</v>
          </cell>
          <cell r="K1049" t="str">
            <v>06-6945-6170</v>
          </cell>
          <cell r="L1049" t="str">
            <v>proj-kobejititai@ml.fsas.fujitsu.com</v>
          </cell>
          <cell r="M1049" t="str">
            <v>ﾌｼﾞﾂｳｴﾌｻｽ</v>
          </cell>
          <cell r="N1049" t="str">
            <v>有</v>
          </cell>
          <cell r="O1049">
            <v>29</v>
          </cell>
          <cell r="P1049">
            <v>4642</v>
          </cell>
          <cell r="Q1049">
            <v>8010401056384</v>
          </cell>
          <cell r="R1049">
            <v>9401750</v>
          </cell>
          <cell r="S1049">
            <v>47659000</v>
          </cell>
          <cell r="T1049">
            <v>255083000</v>
          </cell>
          <cell r="V1049" t="str">
            <v>jv565585</v>
          </cell>
          <cell r="W1049" t="str">
            <v>mw901865</v>
          </cell>
          <cell r="X1049" t="str">
            <v>(電)(通)</v>
          </cell>
          <cell r="Y1049" t="str">
            <v>(電)(通)</v>
          </cell>
          <cell r="Z1049" t="str">
            <v/>
          </cell>
          <cell r="AA1049" t="str">
            <v/>
          </cell>
          <cell r="AB1049" t="str">
            <v/>
          </cell>
          <cell r="AC1049" t="str">
            <v/>
          </cell>
          <cell r="AD1049" t="str">
            <v/>
          </cell>
          <cell r="AE1049" t="str">
            <v/>
          </cell>
          <cell r="AF1049" t="str">
            <v/>
          </cell>
          <cell r="AG1049" t="str">
            <v/>
          </cell>
          <cell r="AH1049" t="str">
            <v/>
          </cell>
          <cell r="AI1049" t="str">
            <v/>
          </cell>
          <cell r="AJ1049" t="str">
            <v/>
          </cell>
          <cell r="AK1049" t="str">
            <v/>
          </cell>
          <cell r="AL1049" t="str">
            <v/>
          </cell>
          <cell r="AM1049" t="str">
            <v/>
          </cell>
          <cell r="AN1049" t="str">
            <v/>
          </cell>
          <cell r="AO1049" t="str">
            <v/>
          </cell>
          <cell r="AP1049" t="str">
            <v/>
          </cell>
          <cell r="AQ1049" t="str">
            <v/>
          </cell>
          <cell r="AR1049" t="str">
            <v/>
          </cell>
          <cell r="AS1049" t="str">
            <v/>
          </cell>
          <cell r="AT1049" t="str">
            <v/>
          </cell>
          <cell r="AU1049" t="str">
            <v/>
          </cell>
          <cell r="AV1049" t="str">
            <v/>
          </cell>
          <cell r="AW1049" t="str">
            <v/>
          </cell>
          <cell r="AX1049" t="str">
            <v/>
          </cell>
          <cell r="AY1049" t="str">
            <v/>
          </cell>
          <cell r="AZ1049" t="str">
            <v/>
          </cell>
          <cell r="BA1049" t="str">
            <v>東京都</v>
          </cell>
          <cell r="BB1049" t="str">
            <v>（登記上：神奈川県川崎市中原区中丸子１３－２）</v>
          </cell>
          <cell r="CR1049">
            <v>6672</v>
          </cell>
          <cell r="CS1049" t="str">
            <v>ｼﾞﾝﾉｳ ﾖｳｺ</v>
          </cell>
          <cell r="CT1049" t="str">
            <v>神納  陽子</v>
          </cell>
          <cell r="CU1049" t="str">
            <v>保育課</v>
          </cell>
          <cell r="CW1049" t="str">
            <v xml:space="preserve"> </v>
          </cell>
          <cell r="CX1049" t="str">
            <v xml:space="preserve"> </v>
          </cell>
          <cell r="CY1049" t="str">
            <v>保育課長</v>
          </cell>
        </row>
        <row r="1050">
          <cell r="B1050">
            <v>3950</v>
          </cell>
          <cell r="C1050" t="str">
            <v>(株)富士通ゼネラル</v>
          </cell>
          <cell r="D1050" t="str">
            <v>072-333-9000</v>
          </cell>
          <cell r="E1050" t="str">
            <v>580-0004</v>
          </cell>
          <cell r="F1050" t="str">
            <v>大阪府松原市西野々2-1-45</v>
          </cell>
          <cell r="G1050" t="str">
            <v>川崎市</v>
          </cell>
          <cell r="H1050" t="str">
            <v>近畿情報通信ネットワーク営業部</v>
          </cell>
          <cell r="I1050" t="str">
            <v>部長 西浦　靖暁</v>
          </cell>
          <cell r="J1050" t="str">
            <v>神奈川県川崎市</v>
          </cell>
          <cell r="K1050" t="str">
            <v>072-333-9966</v>
          </cell>
          <cell r="L1050" t="str">
            <v>kpub-sales@fujitsu-general.com</v>
          </cell>
          <cell r="M1050" t="str">
            <v>ﾌｼﾞﾂｳｾﾞﾈﾗﾙ</v>
          </cell>
          <cell r="N1050" t="str">
            <v>有</v>
          </cell>
          <cell r="O1050">
            <v>56</v>
          </cell>
          <cell r="P1050">
            <v>2379</v>
          </cell>
          <cell r="Q1050">
            <v>6020001066941</v>
          </cell>
          <cell r="R1050">
            <v>18089000</v>
          </cell>
          <cell r="S1050">
            <v>84487000</v>
          </cell>
          <cell r="T1050">
            <v>262340000</v>
          </cell>
          <cell r="V1050" t="str">
            <v>qa843118</v>
          </cell>
          <cell r="W1050" t="str">
            <v>me309367</v>
          </cell>
          <cell r="X1050" t="str">
            <v>通</v>
          </cell>
          <cell r="Y1050" t="str">
            <v/>
          </cell>
          <cell r="Z1050" t="str">
            <v>通</v>
          </cell>
          <cell r="AA1050" t="str">
            <v>電気通信</v>
          </cell>
          <cell r="AB1050" t="str">
            <v/>
          </cell>
          <cell r="AC1050" t="str">
            <v/>
          </cell>
          <cell r="AD1050" t="str">
            <v/>
          </cell>
          <cell r="AE1050">
            <v>43190</v>
          </cell>
          <cell r="AF1050" t="str">
            <v/>
          </cell>
          <cell r="AG1050" t="str">
            <v>電気通信</v>
          </cell>
          <cell r="AH1050" t="str">
            <v>特定</v>
          </cell>
          <cell r="AI1050">
            <v>1425</v>
          </cell>
          <cell r="AJ1050">
            <v>6558500</v>
          </cell>
          <cell r="AK1050" t="str">
            <v>0(0)/0/220</v>
          </cell>
          <cell r="AL1050" t="str">
            <v/>
          </cell>
          <cell r="AM1050" t="str">
            <v/>
          </cell>
          <cell r="AN1050" t="str">
            <v/>
          </cell>
          <cell r="AO1050" t="str">
            <v/>
          </cell>
          <cell r="AP1050" t="str">
            <v/>
          </cell>
          <cell r="AQ1050" t="str">
            <v/>
          </cell>
          <cell r="AR1050" t="str">
            <v/>
          </cell>
          <cell r="AS1050" t="str">
            <v/>
          </cell>
          <cell r="AT1050" t="str">
            <v/>
          </cell>
          <cell r="AU1050" t="str">
            <v/>
          </cell>
          <cell r="AV1050" t="str">
            <v/>
          </cell>
          <cell r="AW1050" t="str">
            <v/>
          </cell>
          <cell r="AX1050" t="str">
            <v/>
          </cell>
          <cell r="AY1050" t="str">
            <v/>
          </cell>
          <cell r="AZ1050" t="str">
            <v/>
          </cell>
          <cell r="BA1050" t="str">
            <v>神奈川県</v>
          </cell>
          <cell r="BB1050">
            <v>0</v>
          </cell>
          <cell r="CR1050">
            <v>6673</v>
          </cell>
          <cell r="CS1050" t="str">
            <v>ﾂﾁｴ ﾘﾅ</v>
          </cell>
          <cell r="CT1050" t="str">
            <v>土江  里奈</v>
          </cell>
          <cell r="CU1050" t="str">
            <v>保育課</v>
          </cell>
          <cell r="CW1050" t="str">
            <v xml:space="preserve"> </v>
          </cell>
          <cell r="CX1050" t="str">
            <v xml:space="preserve"> </v>
          </cell>
          <cell r="CY1050" t="str">
            <v>保育課長</v>
          </cell>
        </row>
        <row r="1051">
          <cell r="B1051">
            <v>3951</v>
          </cell>
          <cell r="C1051" t="str">
            <v>富士通ネットワークソリューションズ(株)</v>
          </cell>
          <cell r="D1051" t="str">
            <v>078-371-5110</v>
          </cell>
          <cell r="E1051" t="str">
            <v>650-0044</v>
          </cell>
          <cell r="F1051" t="str">
            <v>兵庫県神戸市中央区東川崎町1-7-4</v>
          </cell>
          <cell r="G1051" t="str">
            <v>横浜市</v>
          </cell>
          <cell r="H1051" t="str">
            <v>神戸営業所</v>
          </cell>
          <cell r="I1051" t="str">
            <v>神戸営業所長　 川上　等</v>
          </cell>
          <cell r="J1051" t="str">
            <v>神奈川県横浜市</v>
          </cell>
          <cell r="K1051" t="str">
            <v>078-371-5150</v>
          </cell>
          <cell r="L1051" t="str">
            <v>fnets-publicgroup@dl.jp.fujitsu.com</v>
          </cell>
          <cell r="M1051" t="str">
            <v>ﾌｼﾞﾂｳﾈﾂﾄﾜ-ｸｿﾘﾕ-ｼﾖﾝｽﾞ</v>
          </cell>
          <cell r="N1051" t="str">
            <v>有</v>
          </cell>
          <cell r="O1051">
            <v>20</v>
          </cell>
          <cell r="P1051">
            <v>1505</v>
          </cell>
          <cell r="Q1051">
            <v>7020000000000</v>
          </cell>
          <cell r="R1051">
            <v>3942150</v>
          </cell>
          <cell r="S1051">
            <v>14132875</v>
          </cell>
          <cell r="T1051">
            <v>55016872</v>
          </cell>
          <cell r="V1051" t="str">
            <v>pc551148</v>
          </cell>
          <cell r="W1051" t="str">
            <v>dn453922</v>
          </cell>
          <cell r="X1051" t="str">
            <v>通</v>
          </cell>
          <cell r="Y1051" t="str">
            <v/>
          </cell>
          <cell r="Z1051" t="str">
            <v>通</v>
          </cell>
          <cell r="AA1051" t="str">
            <v>電気通信</v>
          </cell>
          <cell r="AB1051" t="str">
            <v/>
          </cell>
          <cell r="AC1051" t="str">
            <v/>
          </cell>
          <cell r="AD1051" t="str">
            <v/>
          </cell>
          <cell r="AE1051">
            <v>43190</v>
          </cell>
          <cell r="AF1051" t="str">
            <v>希望しない</v>
          </cell>
          <cell r="AG1051" t="str">
            <v>電気通信</v>
          </cell>
          <cell r="AH1051" t="str">
            <v>特定</v>
          </cell>
          <cell r="AI1051">
            <v>1403</v>
          </cell>
          <cell r="AJ1051">
            <v>18554215</v>
          </cell>
          <cell r="AK1051" t="str">
            <v>1(1)/0/791</v>
          </cell>
          <cell r="AL1051" t="str">
            <v/>
          </cell>
          <cell r="AM1051" t="str">
            <v/>
          </cell>
          <cell r="AN1051" t="str">
            <v/>
          </cell>
          <cell r="AO1051" t="str">
            <v/>
          </cell>
          <cell r="AP1051" t="str">
            <v/>
          </cell>
          <cell r="AQ1051" t="str">
            <v/>
          </cell>
          <cell r="AR1051" t="str">
            <v/>
          </cell>
          <cell r="AS1051" t="str">
            <v/>
          </cell>
          <cell r="AT1051" t="str">
            <v/>
          </cell>
          <cell r="AU1051" t="str">
            <v/>
          </cell>
          <cell r="AV1051" t="str">
            <v/>
          </cell>
          <cell r="AW1051" t="str">
            <v/>
          </cell>
          <cell r="AX1051" t="str">
            <v/>
          </cell>
          <cell r="AY1051" t="str">
            <v/>
          </cell>
          <cell r="AZ1051" t="str">
            <v/>
          </cell>
          <cell r="BA1051" t="str">
            <v>神奈川県</v>
          </cell>
          <cell r="BB1051">
            <v>0</v>
          </cell>
          <cell r="CR1051">
            <v>6674</v>
          </cell>
          <cell r="CS1051" t="str">
            <v>ﾆｼｵ ﾕｷ</v>
          </cell>
          <cell r="CT1051" t="str">
            <v>西尾　友希</v>
          </cell>
          <cell r="CU1051" t="str">
            <v>こども福祉課</v>
          </cell>
          <cell r="CW1051" t="str">
            <v xml:space="preserve"> </v>
          </cell>
          <cell r="CX1051" t="str">
            <v xml:space="preserve"> </v>
          </cell>
          <cell r="CY1051" t="str">
            <v>こども福祉課長</v>
          </cell>
        </row>
        <row r="1052">
          <cell r="B1052">
            <v>3952</v>
          </cell>
          <cell r="C1052" t="str">
            <v>富士通Ｊａｐａｎ（株）　</v>
          </cell>
          <cell r="D1052" t="str">
            <v>06-4802-8881</v>
          </cell>
          <cell r="E1052" t="str">
            <v>531-0072</v>
          </cell>
          <cell r="F1052" t="str">
            <v>大阪府大阪市北区豊崎5-4-9</v>
          </cell>
          <cell r="G1052" t="str">
            <v/>
          </cell>
          <cell r="H1052" t="str">
            <v>コンストラクション事業本部　ICTビジネス統括部　関西ビジネス部</v>
          </cell>
          <cell r="I1052" t="str">
            <v>部長 小西　和幸</v>
          </cell>
          <cell r="J1052" t="str">
            <v>東京都</v>
          </cell>
          <cell r="K1052" t="str">
            <v>06-6374-3703</v>
          </cell>
          <cell r="L1052" t="str">
            <v>fjm-kansai-buppin@dl.jp.fujitsu.com</v>
          </cell>
          <cell r="M1052" t="str">
            <v>ﾌｼﾞﾂｳｼﾞｬﾊﾟﾝ</v>
          </cell>
          <cell r="N1052" t="str">
            <v>有</v>
          </cell>
          <cell r="O1052">
            <v>71</v>
          </cell>
          <cell r="P1052">
            <v>3387</v>
          </cell>
          <cell r="Q1052">
            <v>5010001006767</v>
          </cell>
          <cell r="R1052">
            <v>12220000</v>
          </cell>
          <cell r="S1052">
            <v>29102935</v>
          </cell>
          <cell r="T1052">
            <v>199949131</v>
          </cell>
          <cell r="V1052" t="str">
            <v>zs795706</v>
          </cell>
          <cell r="W1052" t="str">
            <v>fe132520</v>
          </cell>
          <cell r="X1052" t="str">
            <v>電管(建)(電)(内)(通)建内通</v>
          </cell>
          <cell r="Y1052" t="str">
            <v>電管(建)(電)(内)(通)</v>
          </cell>
          <cell r="Z1052" t="str">
            <v>建内通</v>
          </cell>
          <cell r="AA1052" t="str">
            <v>電気通信</v>
          </cell>
          <cell r="AB1052" t="str">
            <v>電気</v>
          </cell>
          <cell r="AC1052" t="str">
            <v>内装仕上</v>
          </cell>
          <cell r="AD1052" t="str">
            <v/>
          </cell>
          <cell r="AE1052">
            <v>43190</v>
          </cell>
          <cell r="AF1052" t="str">
            <v>希望しない</v>
          </cell>
          <cell r="AG1052" t="str">
            <v>電気通信</v>
          </cell>
          <cell r="AH1052" t="str">
            <v>特定</v>
          </cell>
          <cell r="AI1052">
            <v>1337</v>
          </cell>
          <cell r="AJ1052">
            <v>13081469</v>
          </cell>
          <cell r="AK1052" t="str">
            <v>0(0)/0/149</v>
          </cell>
          <cell r="AL1052" t="str">
            <v>電気</v>
          </cell>
          <cell r="AM1052" t="str">
            <v>一般</v>
          </cell>
          <cell r="AN1052">
            <v>1126</v>
          </cell>
          <cell r="AO1052">
            <v>179671</v>
          </cell>
          <cell r="AP1052" t="str">
            <v>33(26)/27/44</v>
          </cell>
          <cell r="AQ1052" t="str">
            <v>内装仕上</v>
          </cell>
          <cell r="AR1052" t="str">
            <v>特定</v>
          </cell>
          <cell r="AS1052">
            <v>1020</v>
          </cell>
          <cell r="AT1052">
            <v>180186</v>
          </cell>
          <cell r="AU1052" t="str">
            <v>4(3)/4/3</v>
          </cell>
          <cell r="AV1052" t="str">
            <v/>
          </cell>
          <cell r="AW1052" t="str">
            <v/>
          </cell>
          <cell r="AX1052" t="str">
            <v/>
          </cell>
          <cell r="AY1052" t="str">
            <v/>
          </cell>
          <cell r="AZ1052" t="str">
            <v/>
          </cell>
          <cell r="BA1052" t="str">
            <v>東京都</v>
          </cell>
          <cell r="BB1052">
            <v>0</v>
          </cell>
          <cell r="CR1052">
            <v>6675</v>
          </cell>
          <cell r="CS1052" t="str">
            <v>ﾆｼﾑﾗ ﾓﾄｼ</v>
          </cell>
          <cell r="CT1052" t="str">
            <v>西村  元志</v>
          </cell>
          <cell r="CU1052" t="str">
            <v>保育課</v>
          </cell>
          <cell r="CW1052" t="str">
            <v xml:space="preserve"> </v>
          </cell>
          <cell r="CX1052" t="str">
            <v xml:space="preserve"> </v>
          </cell>
          <cell r="CY1052" t="str">
            <v>保育課長</v>
          </cell>
        </row>
        <row r="1053">
          <cell r="B1053">
            <v>3953</v>
          </cell>
          <cell r="C1053" t="str">
            <v>フジテック(株)</v>
          </cell>
          <cell r="D1053" t="str">
            <v>072-622-8151</v>
          </cell>
          <cell r="E1053" t="str">
            <v>567-8510</v>
          </cell>
          <cell r="F1053" t="str">
            <v>大阪府茨木市庄1-28-10</v>
          </cell>
          <cell r="G1053" t="str">
            <v>彦根市</v>
          </cell>
          <cell r="H1053" t="str">
            <v>近畿統括本部</v>
          </cell>
          <cell r="I1053" t="str">
            <v>近畿統括本部長 杉山　健一</v>
          </cell>
          <cell r="J1053" t="str">
            <v>滋賀県彦根市</v>
          </cell>
          <cell r="K1053" t="str">
            <v>072-622-3697</v>
          </cell>
          <cell r="L1053" t="str">
            <v>kosuke.fujitani@jp.fujitec.com</v>
          </cell>
          <cell r="M1053" t="str">
            <v>ﾌｼﾞﾃｯｸ</v>
          </cell>
          <cell r="N1053" t="str">
            <v>有</v>
          </cell>
          <cell r="O1053">
            <v>70</v>
          </cell>
          <cell r="P1053">
            <v>2923</v>
          </cell>
          <cell r="Q1053">
            <v>3160001009212</v>
          </cell>
          <cell r="R1053">
            <v>12533933</v>
          </cell>
          <cell r="S1053">
            <v>48350938</v>
          </cell>
          <cell r="T1053">
            <v>177128000</v>
          </cell>
          <cell r="V1053" t="str">
            <v>ya993600</v>
          </cell>
          <cell r="W1053" t="str">
            <v>rq360320</v>
          </cell>
          <cell r="X1053" t="str">
            <v>(建)(機)建機</v>
          </cell>
          <cell r="Y1053" t="str">
            <v>(建)(機)</v>
          </cell>
          <cell r="Z1053" t="str">
            <v>建機</v>
          </cell>
          <cell r="AA1053" t="str">
            <v>機械器具</v>
          </cell>
          <cell r="AB1053" t="str">
            <v/>
          </cell>
          <cell r="AC1053" t="str">
            <v/>
          </cell>
          <cell r="AD1053" t="str">
            <v/>
          </cell>
          <cell r="AE1053">
            <v>43190</v>
          </cell>
          <cell r="AF1053" t="str">
            <v/>
          </cell>
          <cell r="AG1053" t="str">
            <v>機械器具</v>
          </cell>
          <cell r="AH1053" t="str">
            <v>特定</v>
          </cell>
          <cell r="AI1053">
            <v>1573</v>
          </cell>
          <cell r="AJ1053">
            <v>32708817</v>
          </cell>
          <cell r="AK1053" t="str">
            <v>0(0)/0/554</v>
          </cell>
          <cell r="AL1053" t="str">
            <v/>
          </cell>
          <cell r="AM1053" t="str">
            <v/>
          </cell>
          <cell r="AN1053" t="str">
            <v/>
          </cell>
          <cell r="AO1053" t="str">
            <v/>
          </cell>
          <cell r="AP1053" t="str">
            <v/>
          </cell>
          <cell r="AQ1053" t="str">
            <v/>
          </cell>
          <cell r="AR1053" t="str">
            <v/>
          </cell>
          <cell r="AS1053" t="str">
            <v/>
          </cell>
          <cell r="AT1053" t="str">
            <v/>
          </cell>
          <cell r="AU1053" t="str">
            <v/>
          </cell>
          <cell r="AV1053" t="str">
            <v/>
          </cell>
          <cell r="AW1053" t="str">
            <v/>
          </cell>
          <cell r="AX1053" t="str">
            <v/>
          </cell>
          <cell r="AY1053" t="str">
            <v/>
          </cell>
          <cell r="AZ1053" t="str">
            <v/>
          </cell>
          <cell r="BA1053" t="str">
            <v>滋賀県</v>
          </cell>
          <cell r="BB1053">
            <v>0</v>
          </cell>
          <cell r="CR1053">
            <v>6677</v>
          </cell>
          <cell r="CS1053" t="str">
            <v>ﾓﾘﾓﾄ ｶｽﾞﾅ</v>
          </cell>
          <cell r="CT1053" t="str">
            <v>森本  和奈</v>
          </cell>
          <cell r="CU1053" t="str">
            <v>保育課</v>
          </cell>
          <cell r="CW1053" t="str">
            <v xml:space="preserve"> </v>
          </cell>
          <cell r="CX1053" t="str">
            <v xml:space="preserve"> </v>
          </cell>
          <cell r="CY1053" t="str">
            <v>保育課長</v>
          </cell>
        </row>
        <row r="1054">
          <cell r="B1054">
            <v>3955</v>
          </cell>
          <cell r="C1054" t="str">
            <v>富士電機(株)</v>
          </cell>
          <cell r="D1054" t="str">
            <v>06-7166-7300</v>
          </cell>
          <cell r="E1054" t="str">
            <v>530-0011</v>
          </cell>
          <cell r="F1054" t="str">
            <v>大阪府大阪市北区大深町3-1</v>
          </cell>
          <cell r="G1054" t="str">
            <v/>
          </cell>
          <cell r="H1054" t="str">
            <v>関西支社</v>
          </cell>
          <cell r="I1054" t="str">
            <v>支社長 久米　穂高</v>
          </cell>
          <cell r="J1054" t="str">
            <v>東京都</v>
          </cell>
          <cell r="K1054" t="str">
            <v>06-7166-7399</v>
          </cell>
          <cell r="L1054" t="str">
            <v/>
          </cell>
          <cell r="M1054" t="str">
            <v>ﾌｼﾞﾃﾞﾝｷ</v>
          </cell>
          <cell r="N1054" t="str">
            <v>有</v>
          </cell>
          <cell r="O1054">
            <v>61</v>
          </cell>
          <cell r="P1054">
            <v>11770</v>
          </cell>
          <cell r="Q1054">
            <v>9020001071492</v>
          </cell>
          <cell r="R1054">
            <v>47586067</v>
          </cell>
          <cell r="S1054">
            <v>252408754</v>
          </cell>
          <cell r="T1054">
            <v>571101121</v>
          </cell>
          <cell r="V1054" t="str">
            <v>qb863423</v>
          </cell>
          <cell r="W1054" t="str">
            <v>mm887745</v>
          </cell>
          <cell r="X1054" t="str">
            <v>消(電)(機)(通)土建大と石屋電管タ鋼鉄板ガ塗防内機熱通具水清</v>
          </cell>
          <cell r="Y1054" t="str">
            <v>消(電)(機)(通)</v>
          </cell>
          <cell r="Z1054" t="str">
            <v>土建大と石屋電管タ鋼鉄板ガ塗防内機熱通具水清</v>
          </cell>
          <cell r="AA1054" t="str">
            <v>電気</v>
          </cell>
          <cell r="AB1054" t="str">
            <v>電気通信</v>
          </cell>
          <cell r="AC1054" t="str">
            <v>機械器具</v>
          </cell>
          <cell r="AD1054" t="str">
            <v/>
          </cell>
          <cell r="AE1054">
            <v>43190</v>
          </cell>
          <cell r="AF1054" t="str">
            <v/>
          </cell>
          <cell r="AG1054" t="str">
            <v>電気</v>
          </cell>
          <cell r="AH1054" t="str">
            <v>特定</v>
          </cell>
          <cell r="AI1054">
            <v>1943</v>
          </cell>
          <cell r="AJ1054">
            <v>89536879</v>
          </cell>
          <cell r="AK1054" t="str">
            <v>1418(784)/137/206</v>
          </cell>
          <cell r="AL1054" t="str">
            <v>電気通信</v>
          </cell>
          <cell r="AM1054" t="str">
            <v>特定</v>
          </cell>
          <cell r="AN1054">
            <v>1491</v>
          </cell>
          <cell r="AO1054">
            <v>6665154</v>
          </cell>
          <cell r="AP1054" t="str">
            <v>9(3)/0/133</v>
          </cell>
          <cell r="AQ1054" t="str">
            <v>機械器具</v>
          </cell>
          <cell r="AR1054" t="str">
            <v>特定</v>
          </cell>
          <cell r="AS1054">
            <v>1437</v>
          </cell>
          <cell r="AT1054">
            <v>3463694</v>
          </cell>
          <cell r="AU1054" t="str">
            <v>6(1)/0/135</v>
          </cell>
          <cell r="AV1054" t="str">
            <v/>
          </cell>
          <cell r="AW1054" t="str">
            <v/>
          </cell>
          <cell r="AX1054" t="str">
            <v/>
          </cell>
          <cell r="AY1054" t="str">
            <v/>
          </cell>
          <cell r="AZ1054" t="str">
            <v/>
          </cell>
          <cell r="BA1054" t="str">
            <v>東京都</v>
          </cell>
          <cell r="BB1054">
            <v>0</v>
          </cell>
          <cell r="CR1054">
            <v>6678</v>
          </cell>
          <cell r="CS1054" t="str">
            <v>ﾌｼﾞﾜﾗ ｱﾝﾅ</v>
          </cell>
          <cell r="CT1054" t="str">
            <v>藤原  安菜</v>
          </cell>
          <cell r="CU1054" t="str">
            <v>保育課</v>
          </cell>
          <cell r="CW1054" t="str">
            <v xml:space="preserve"> </v>
          </cell>
          <cell r="CX1054" t="str">
            <v xml:space="preserve"> </v>
          </cell>
          <cell r="CY1054" t="str">
            <v>保育課長</v>
          </cell>
        </row>
        <row r="1055">
          <cell r="B1055">
            <v>3960</v>
          </cell>
          <cell r="C1055" t="str">
            <v>不二熱学工業(株)</v>
          </cell>
          <cell r="D1055" t="str">
            <v>066-6261-2436</v>
          </cell>
          <cell r="E1055" t="str">
            <v>542-0081</v>
          </cell>
          <cell r="F1055" t="str">
            <v>大阪府大阪市中央区南船場2-1-1</v>
          </cell>
          <cell r="G1055" t="str">
            <v>大阪市</v>
          </cell>
          <cell r="H1055" t="str">
            <v/>
          </cell>
          <cell r="I1055" t="str">
            <v>代表取締役 近藤　康之</v>
          </cell>
          <cell r="J1055" t="str">
            <v>本店</v>
          </cell>
          <cell r="K1055" t="str">
            <v>06-6261-8307</v>
          </cell>
          <cell r="L1055" t="str">
            <v>sales-hm@fujinetsu.co.jp</v>
          </cell>
          <cell r="M1055" t="str">
            <v>ﾌｼﾞﾈﾂｶﾞｸｺｳｷﾞｮｳ</v>
          </cell>
          <cell r="N1055" t="str">
            <v>無</v>
          </cell>
          <cell r="O1055">
            <v>65</v>
          </cell>
          <cell r="P1055">
            <v>224</v>
          </cell>
          <cell r="Q1055">
            <v>4120001077542</v>
          </cell>
          <cell r="R1055">
            <v>200000</v>
          </cell>
          <cell r="S1055">
            <v>3466366</v>
          </cell>
          <cell r="T1055">
            <v>10986912</v>
          </cell>
          <cell r="V1055" t="str">
            <v>zh946267</v>
          </cell>
          <cell r="W1055" t="str">
            <v>ru438687</v>
          </cell>
          <cell r="X1055" t="str">
            <v>管</v>
          </cell>
          <cell r="Y1055" t="str">
            <v/>
          </cell>
          <cell r="Z1055" t="str">
            <v>管</v>
          </cell>
          <cell r="AA1055" t="str">
            <v>管</v>
          </cell>
          <cell r="AB1055" t="str">
            <v/>
          </cell>
          <cell r="AC1055" t="str">
            <v/>
          </cell>
          <cell r="AD1055" t="str">
            <v/>
          </cell>
          <cell r="AE1055">
            <v>43008</v>
          </cell>
          <cell r="AF1055" t="str">
            <v/>
          </cell>
          <cell r="AG1055" t="str">
            <v>管</v>
          </cell>
          <cell r="AH1055" t="str">
            <v>特定</v>
          </cell>
          <cell r="AI1055">
            <v>1503</v>
          </cell>
          <cell r="AJ1055">
            <v>10914209</v>
          </cell>
          <cell r="AK1055" t="str">
            <v>104(101)/28/4</v>
          </cell>
          <cell r="AL1055" t="str">
            <v/>
          </cell>
          <cell r="AM1055" t="str">
            <v/>
          </cell>
          <cell r="AN1055" t="str">
            <v/>
          </cell>
          <cell r="AO1055" t="str">
            <v/>
          </cell>
          <cell r="AP1055" t="str">
            <v/>
          </cell>
          <cell r="AQ1055" t="str">
            <v/>
          </cell>
          <cell r="AR1055" t="str">
            <v/>
          </cell>
          <cell r="AS1055" t="str">
            <v/>
          </cell>
          <cell r="AT1055" t="str">
            <v/>
          </cell>
          <cell r="AU1055" t="str">
            <v/>
          </cell>
          <cell r="AV1055" t="str">
            <v/>
          </cell>
          <cell r="AW1055" t="str">
            <v/>
          </cell>
          <cell r="AX1055" t="str">
            <v/>
          </cell>
          <cell r="AY1055" t="str">
            <v/>
          </cell>
          <cell r="AZ1055" t="str">
            <v/>
          </cell>
          <cell r="BA1055" t="str">
            <v>大阪府</v>
          </cell>
          <cell r="BB1055">
            <v>0</v>
          </cell>
          <cell r="CR1055">
            <v>6679</v>
          </cell>
          <cell r="CS1055" t="str">
            <v>ﾐﾀ ｼｵﾘ</v>
          </cell>
          <cell r="CT1055" t="str">
            <v>見田  梓織</v>
          </cell>
          <cell r="CU1055" t="str">
            <v>保育課</v>
          </cell>
          <cell r="CW1055" t="str">
            <v xml:space="preserve"> </v>
          </cell>
          <cell r="CX1055" t="str">
            <v xml:space="preserve"> </v>
          </cell>
          <cell r="CY1055" t="str">
            <v>保育課長</v>
          </cell>
        </row>
        <row r="1056">
          <cell r="B1056">
            <v>3961</v>
          </cell>
          <cell r="C1056" t="str">
            <v>不二熱学サービス(株)</v>
          </cell>
          <cell r="D1056" t="str">
            <v>078-806-0250</v>
          </cell>
          <cell r="E1056" t="str">
            <v>657-0845</v>
          </cell>
          <cell r="F1056" t="str">
            <v>兵庫県神戸市灘区岩屋中町4-2-7</v>
          </cell>
          <cell r="G1056" t="str">
            <v>大阪市</v>
          </cell>
          <cell r="H1056" t="str">
            <v>神戸支店</v>
          </cell>
          <cell r="I1056" t="str">
            <v>支店長 大豊　真一郎</v>
          </cell>
          <cell r="J1056" t="str">
            <v>大阪府大阪市</v>
          </cell>
          <cell r="K1056" t="str">
            <v>078-806-0251</v>
          </cell>
          <cell r="L1056" t="str">
            <v>k_misaki@fujinetsusc.com</v>
          </cell>
          <cell r="M1056" t="str">
            <v>ﾌｼﾞﾈﾂｶﾞｸｻｰﾋﾞｽ</v>
          </cell>
          <cell r="N1056" t="str">
            <v>有</v>
          </cell>
          <cell r="O1056">
            <v>39</v>
          </cell>
          <cell r="P1056">
            <v>102</v>
          </cell>
          <cell r="Q1056">
            <v>8120001046980</v>
          </cell>
          <cell r="R1056">
            <v>96520</v>
          </cell>
          <cell r="S1056">
            <v>612499</v>
          </cell>
          <cell r="T1056">
            <v>2347652</v>
          </cell>
          <cell r="V1056" t="str">
            <v>kb257252</v>
          </cell>
          <cell r="W1056" t="str">
            <v>yt935537</v>
          </cell>
          <cell r="X1056" t="str">
            <v>(管)管</v>
          </cell>
          <cell r="Y1056" t="str">
            <v>(管)</v>
          </cell>
          <cell r="Z1056" t="str">
            <v>管</v>
          </cell>
          <cell r="AA1056" t="str">
            <v>管</v>
          </cell>
          <cell r="AB1056" t="str">
            <v/>
          </cell>
          <cell r="AC1056" t="str">
            <v/>
          </cell>
          <cell r="AD1056" t="str">
            <v/>
          </cell>
          <cell r="AE1056">
            <v>43459</v>
          </cell>
          <cell r="AF1056" t="str">
            <v>希望しない</v>
          </cell>
          <cell r="AG1056" t="str">
            <v>管</v>
          </cell>
          <cell r="AH1056" t="str">
            <v>特定</v>
          </cell>
          <cell r="AI1056">
            <v>998</v>
          </cell>
          <cell r="AJ1056">
            <v>662295</v>
          </cell>
          <cell r="AK1056" t="str">
            <v>27(25)/0/0</v>
          </cell>
          <cell r="AL1056" t="str">
            <v/>
          </cell>
          <cell r="AM1056" t="str">
            <v/>
          </cell>
          <cell r="AN1056" t="str">
            <v/>
          </cell>
          <cell r="AO1056" t="str">
            <v/>
          </cell>
          <cell r="AP1056" t="str">
            <v/>
          </cell>
          <cell r="AQ1056" t="str">
            <v/>
          </cell>
          <cell r="AR1056" t="str">
            <v/>
          </cell>
          <cell r="AS1056" t="str">
            <v/>
          </cell>
          <cell r="AT1056" t="str">
            <v/>
          </cell>
          <cell r="AU1056" t="str">
            <v/>
          </cell>
          <cell r="AV1056" t="str">
            <v/>
          </cell>
          <cell r="AW1056" t="str">
            <v/>
          </cell>
          <cell r="AX1056" t="str">
            <v/>
          </cell>
          <cell r="AY1056" t="str">
            <v/>
          </cell>
          <cell r="AZ1056" t="str">
            <v/>
          </cell>
          <cell r="BA1056" t="str">
            <v>大阪府</v>
          </cell>
          <cell r="BB1056" t="str">
            <v>フェニックス南船場７階</v>
          </cell>
          <cell r="CR1056">
            <v>6714</v>
          </cell>
          <cell r="CS1056" t="str">
            <v>ｲﾜﾓﾄ ｼﾕｳｼﾞ</v>
          </cell>
          <cell r="CT1056" t="str">
            <v>岩本  修二</v>
          </cell>
          <cell r="CU1056" t="str">
            <v>総務課</v>
          </cell>
          <cell r="CW1056" t="str">
            <v xml:space="preserve"> </v>
          </cell>
          <cell r="CX1056" t="str">
            <v xml:space="preserve"> </v>
          </cell>
          <cell r="CY1056" t="str">
            <v>総務課長</v>
          </cell>
        </row>
        <row r="1057">
          <cell r="B1057">
            <v>3962</v>
          </cell>
          <cell r="C1057" t="str">
            <v>藤野興業(株)</v>
          </cell>
          <cell r="D1057" t="str">
            <v>078-586-2559</v>
          </cell>
          <cell r="E1057" t="str">
            <v>651-1202</v>
          </cell>
          <cell r="F1057" t="str">
            <v>兵庫県神戸市北区花山中尾台1-10-15</v>
          </cell>
          <cell r="G1057" t="str">
            <v>富田林市</v>
          </cell>
          <cell r="H1057" t="str">
            <v>神戸支店</v>
          </cell>
          <cell r="I1057" t="str">
            <v>支店長　 佐藤　謙一</v>
          </cell>
          <cell r="J1057" t="str">
            <v>大阪府富田林市</v>
          </cell>
          <cell r="K1057" t="str">
            <v>078-583-9034</v>
          </cell>
          <cell r="L1057" t="str">
            <v>kinoshita-toru@fujino-kougyo.co.jp</v>
          </cell>
          <cell r="M1057" t="str">
            <v>ﾌｼﾞﾉｺｳｷﾞﾖｳ</v>
          </cell>
          <cell r="N1057" t="str">
            <v>有</v>
          </cell>
          <cell r="O1057">
            <v>41</v>
          </cell>
          <cell r="P1057">
            <v>105</v>
          </cell>
          <cell r="Q1057">
            <v>6120100000000</v>
          </cell>
          <cell r="R1057">
            <v>92000</v>
          </cell>
          <cell r="S1057">
            <v>3283052</v>
          </cell>
          <cell r="T1057">
            <v>2211663</v>
          </cell>
          <cell r="V1057" t="str">
            <v>mz391483</v>
          </cell>
          <cell r="W1057" t="str">
            <v>vx270736</v>
          </cell>
          <cell r="X1057" t="str">
            <v>(管)管</v>
          </cell>
          <cell r="Y1057" t="str">
            <v>(管)</v>
          </cell>
          <cell r="Z1057" t="str">
            <v>管</v>
          </cell>
          <cell r="AA1057" t="str">
            <v>土木一式</v>
          </cell>
          <cell r="AB1057" t="str">
            <v>浚渫</v>
          </cell>
          <cell r="AC1057" t="str">
            <v/>
          </cell>
          <cell r="AD1057" t="str">
            <v/>
          </cell>
          <cell r="AE1057">
            <v>43190</v>
          </cell>
          <cell r="AF1057" t="str">
            <v>ＳＰＲ工法</v>
          </cell>
          <cell r="AG1057" t="str">
            <v>土木一式</v>
          </cell>
          <cell r="AH1057" t="str">
            <v>特定</v>
          </cell>
          <cell r="AI1057">
            <v>1093</v>
          </cell>
          <cell r="AJ1057">
            <v>886634</v>
          </cell>
          <cell r="AK1057" t="str">
            <v>12(11)/12/63</v>
          </cell>
          <cell r="AL1057" t="str">
            <v>浚渫</v>
          </cell>
          <cell r="AM1057" t="str">
            <v>特定</v>
          </cell>
          <cell r="AN1057">
            <v>895</v>
          </cell>
          <cell r="AO1057">
            <v>18493</v>
          </cell>
          <cell r="AP1057" t="str">
            <v>4(3)/2/4</v>
          </cell>
          <cell r="AQ1057" t="str">
            <v/>
          </cell>
          <cell r="AR1057" t="str">
            <v/>
          </cell>
          <cell r="AS1057" t="str">
            <v/>
          </cell>
          <cell r="AT1057" t="str">
            <v/>
          </cell>
          <cell r="AU1057" t="str">
            <v/>
          </cell>
          <cell r="AV1057" t="str">
            <v/>
          </cell>
          <cell r="AW1057" t="str">
            <v/>
          </cell>
          <cell r="AX1057" t="str">
            <v/>
          </cell>
          <cell r="AY1057" t="str">
            <v/>
          </cell>
          <cell r="AZ1057" t="str">
            <v/>
          </cell>
          <cell r="BA1057" t="str">
            <v>大阪府</v>
          </cell>
          <cell r="BB1057">
            <v>0</v>
          </cell>
          <cell r="CR1057">
            <v>6715</v>
          </cell>
          <cell r="CS1057" t="str">
            <v>ｲｼﾀﾞ ｼﾝｺﾞ</v>
          </cell>
          <cell r="CT1057" t="str">
            <v>石田  真悟</v>
          </cell>
          <cell r="CU1057" t="str">
            <v>給与制度課</v>
          </cell>
          <cell r="CW1057">
            <v>2425</v>
          </cell>
          <cell r="CX1057" t="str">
            <v xml:space="preserve"> </v>
          </cell>
          <cell r="CY1057" t="str">
            <v>給与制度課長</v>
          </cell>
        </row>
        <row r="1058">
          <cell r="B1058">
            <v>3963</v>
          </cell>
          <cell r="C1058" t="str">
            <v>(株)冨士濃商会</v>
          </cell>
          <cell r="D1058" t="str">
            <v>06-6621-2555</v>
          </cell>
          <cell r="E1058" t="str">
            <v>545-0012</v>
          </cell>
          <cell r="F1058" t="str">
            <v>大阪府大阪市阿倍野区桃ヶ池町2-6-8</v>
          </cell>
          <cell r="G1058" t="str">
            <v>大阪市</v>
          </cell>
          <cell r="H1058" t="str">
            <v/>
          </cell>
          <cell r="I1058" t="str">
            <v>代表取締役 藤野　勝彦</v>
          </cell>
          <cell r="J1058" t="str">
            <v>本店</v>
          </cell>
          <cell r="K1058" t="str">
            <v>06-6621-3810</v>
          </cell>
          <cell r="L1058" t="str">
            <v>mtfuji@smile.ocn.ne.jp</v>
          </cell>
          <cell r="M1058" t="str">
            <v>ﾌｼﾞﾉｼｮｳｶｲ</v>
          </cell>
          <cell r="N1058" t="str">
            <v>無</v>
          </cell>
          <cell r="O1058">
            <v>59</v>
          </cell>
          <cell r="P1058">
            <v>5</v>
          </cell>
          <cell r="Q1058">
            <v>7120001006325</v>
          </cell>
          <cell r="R1058">
            <v>20000</v>
          </cell>
          <cell r="S1058">
            <v>418</v>
          </cell>
          <cell r="T1058">
            <v>128064</v>
          </cell>
          <cell r="V1058" t="str">
            <v>ue290440</v>
          </cell>
          <cell r="W1058" t="str">
            <v>ce773290</v>
          </cell>
          <cell r="X1058" t="str">
            <v>土建と舗機園</v>
          </cell>
          <cell r="Y1058" t="str">
            <v>土建と舗機園</v>
          </cell>
          <cell r="Z1058" t="str">
            <v/>
          </cell>
          <cell r="AA1058" t="str">
            <v>造園</v>
          </cell>
          <cell r="AB1058" t="str">
            <v>とび土工</v>
          </cell>
          <cell r="AC1058" t="str">
            <v>舗装</v>
          </cell>
          <cell r="AD1058" t="str">
            <v>土木一式</v>
          </cell>
          <cell r="AE1058">
            <v>43343</v>
          </cell>
          <cell r="AF1058" t="str">
            <v>希望しない</v>
          </cell>
          <cell r="AG1058" t="str">
            <v>造園</v>
          </cell>
          <cell r="AH1058" t="str">
            <v>一般</v>
          </cell>
          <cell r="AI1058">
            <v>646</v>
          </cell>
          <cell r="AJ1058">
            <v>15703</v>
          </cell>
          <cell r="AK1058" t="str">
            <v>0(0)/1/0</v>
          </cell>
          <cell r="AL1058" t="str">
            <v>とび土工</v>
          </cell>
          <cell r="AM1058" t="str">
            <v>一般</v>
          </cell>
          <cell r="AN1058">
            <v>666</v>
          </cell>
          <cell r="AO1058">
            <v>25289</v>
          </cell>
          <cell r="AP1058" t="str">
            <v>0(0)/1/1</v>
          </cell>
          <cell r="AQ1058" t="str">
            <v>舗装</v>
          </cell>
          <cell r="AR1058" t="str">
            <v>一般</v>
          </cell>
          <cell r="AS1058">
            <v>612</v>
          </cell>
          <cell r="AT1058">
            <v>4585</v>
          </cell>
          <cell r="AU1058" t="str">
            <v>0(0)/0/0</v>
          </cell>
          <cell r="AV1058" t="str">
            <v>土木一式</v>
          </cell>
          <cell r="AW1058" t="str">
            <v>一般</v>
          </cell>
          <cell r="AX1058">
            <v>604</v>
          </cell>
          <cell r="AY1058" t="str">
            <v/>
          </cell>
          <cell r="AZ1058" t="str">
            <v>1(0)/0/1</v>
          </cell>
          <cell r="BA1058" t="str">
            <v>大阪府</v>
          </cell>
          <cell r="BB1058">
            <v>0</v>
          </cell>
          <cell r="CR1058">
            <v>6720</v>
          </cell>
          <cell r="CS1058" t="str">
            <v>ｲｹﾁ ﾋﾄﾐ</v>
          </cell>
          <cell r="CT1058" t="str">
            <v>池知  瞳</v>
          </cell>
          <cell r="CU1058" t="str">
            <v>収納管理課</v>
          </cell>
          <cell r="CW1058">
            <v>2349</v>
          </cell>
          <cell r="CX1058" t="str">
            <v xml:space="preserve"> </v>
          </cell>
          <cell r="CY1058" t="str">
            <v>収納管理課長</v>
          </cell>
        </row>
        <row r="1059">
          <cell r="B1059">
            <v>3966</v>
          </cell>
          <cell r="C1059" t="str">
            <v>藤本電業(株)</v>
          </cell>
          <cell r="D1059" t="str">
            <v>06-6334-8581</v>
          </cell>
          <cell r="E1059" t="str">
            <v>561-0812</v>
          </cell>
          <cell r="F1059" t="str">
            <v>大阪府豊中市北条町1-29-15</v>
          </cell>
          <cell r="G1059" t="str">
            <v>豊中市</v>
          </cell>
          <cell r="H1059" t="str">
            <v/>
          </cell>
          <cell r="I1059" t="str">
            <v>代表取締役　 藤本　大造</v>
          </cell>
          <cell r="J1059" t="str">
            <v>本店</v>
          </cell>
          <cell r="K1059" t="str">
            <v>06-6332-6400</v>
          </cell>
          <cell r="L1059" t="str">
            <v>nakamura@fujimoto-e.com</v>
          </cell>
          <cell r="M1059" t="str">
            <v>ﾌｼﾞﾓﾄﾃﾞﾝｷﾞﾖｳ</v>
          </cell>
          <cell r="N1059" t="str">
            <v>無</v>
          </cell>
          <cell r="O1059">
            <v>52</v>
          </cell>
          <cell r="P1059">
            <v>108</v>
          </cell>
          <cell r="Q1059">
            <v>4120900000000</v>
          </cell>
          <cell r="R1059">
            <v>100000</v>
          </cell>
          <cell r="S1059">
            <v>695732</v>
          </cell>
          <cell r="T1059">
            <v>4190021</v>
          </cell>
          <cell r="V1059" t="str">
            <v>qm771153</v>
          </cell>
          <cell r="W1059" t="str">
            <v>kb257252</v>
          </cell>
          <cell r="X1059" t="str">
            <v>土建と舗機園</v>
          </cell>
          <cell r="Y1059" t="str">
            <v>土建と舗機園</v>
          </cell>
          <cell r="Z1059" t="str">
            <v/>
          </cell>
          <cell r="AA1059">
            <v>1032159</v>
          </cell>
          <cell r="AB1059">
            <v>4438</v>
          </cell>
          <cell r="AC1059">
            <v>165904</v>
          </cell>
          <cell r="AD1059">
            <v>879972</v>
          </cell>
          <cell r="AE1059">
            <v>42277</v>
          </cell>
          <cell r="AF1059" t="str">
            <v>希望しない</v>
          </cell>
          <cell r="AG1059">
            <v>1032159</v>
          </cell>
          <cell r="AH1059" t="str">
            <v>9(7)</v>
          </cell>
          <cell r="AI1059">
            <v>7</v>
          </cell>
          <cell r="AJ1059">
            <v>14</v>
          </cell>
          <cell r="AK1059" t="str">
            <v>土木一式/特定/725</v>
          </cell>
          <cell r="AL1059">
            <v>4438</v>
          </cell>
          <cell r="AM1059" t="str">
            <v>8(5)</v>
          </cell>
          <cell r="AN1059">
            <v>2</v>
          </cell>
          <cell r="AO1059">
            <v>5</v>
          </cell>
          <cell r="AP1059" t="str">
            <v>鋼構造物/特定/783</v>
          </cell>
          <cell r="AQ1059">
            <v>165904</v>
          </cell>
          <cell r="AR1059" t="str">
            <v>1(1)</v>
          </cell>
          <cell r="AS1059" t="str">
            <v/>
          </cell>
          <cell r="AT1059">
            <v>12</v>
          </cell>
          <cell r="AU1059" t="str">
            <v>電気通信/一般/809</v>
          </cell>
          <cell r="AV1059">
            <v>879972</v>
          </cell>
          <cell r="AW1059" t="str">
            <v>0(0)</v>
          </cell>
          <cell r="AX1059" t="str">
            <v/>
          </cell>
          <cell r="AY1059">
            <v>2</v>
          </cell>
          <cell r="AZ1059" t="str">
            <v>43190/有/希望しない</v>
          </cell>
          <cell r="BA1059" t="str">
            <v>大阪府</v>
          </cell>
          <cell r="BB1059">
            <v>0</v>
          </cell>
          <cell r="CR1059">
            <v>6721</v>
          </cell>
          <cell r="CS1059" t="str">
            <v>ｲｼﾞﾘ ｹｲｺ</v>
          </cell>
          <cell r="CT1059" t="str">
            <v>井尻  景子</v>
          </cell>
          <cell r="CU1059" t="str">
            <v>同和・人権推進課</v>
          </cell>
          <cell r="CW1059">
            <v>2181</v>
          </cell>
          <cell r="CX1059" t="str">
            <v xml:space="preserve"> </v>
          </cell>
          <cell r="CY1059" t="str">
            <v>同和・人権推進課長</v>
          </cell>
        </row>
        <row r="1060">
          <cell r="B1060">
            <v>3969</v>
          </cell>
          <cell r="C1060" t="str">
            <v>扶桑電通(株)</v>
          </cell>
          <cell r="D1060" t="str">
            <v>06-6266-3800</v>
          </cell>
          <cell r="E1060" t="str">
            <v>541-0051</v>
          </cell>
          <cell r="F1060" t="str">
            <v>大阪府大阪市中央区備後町2-6-8</v>
          </cell>
          <cell r="G1060" t="str">
            <v/>
          </cell>
          <cell r="H1060" t="str">
            <v>関西支店</v>
          </cell>
          <cell r="I1060" t="str">
            <v>執行役員支店長 北　拓兒</v>
          </cell>
          <cell r="J1060" t="str">
            <v>東京都</v>
          </cell>
          <cell r="K1060" t="str">
            <v>06-6266-3797</v>
          </cell>
          <cell r="L1060" t="str">
            <v>ffc6238@fusodentsu.co.jp</v>
          </cell>
          <cell r="M1060" t="str">
            <v>ﾌｿｳﾃﾞﾝﾂｳ</v>
          </cell>
          <cell r="N1060" t="str">
            <v>有</v>
          </cell>
          <cell r="O1060">
            <v>67</v>
          </cell>
          <cell r="P1060">
            <v>960</v>
          </cell>
          <cell r="Q1060">
            <v>6010001055706</v>
          </cell>
          <cell r="R1060">
            <v>1083500</v>
          </cell>
          <cell r="S1060">
            <v>7602923</v>
          </cell>
          <cell r="T1060">
            <v>35937535</v>
          </cell>
          <cell r="V1060" t="str">
            <v>ee628919</v>
          </cell>
          <cell r="W1060" t="str">
            <v>ug757379</v>
          </cell>
          <cell r="X1060" t="str">
            <v>(通)電通</v>
          </cell>
          <cell r="Y1060" t="str">
            <v>(通)</v>
          </cell>
          <cell r="Z1060" t="str">
            <v>電通</v>
          </cell>
          <cell r="AA1060" t="str">
            <v>電気通信</v>
          </cell>
          <cell r="AB1060" t="str">
            <v/>
          </cell>
          <cell r="AC1060" t="str">
            <v/>
          </cell>
          <cell r="AD1060" t="str">
            <v/>
          </cell>
          <cell r="AE1060">
            <v>43008</v>
          </cell>
          <cell r="AF1060" t="str">
            <v>希望しない</v>
          </cell>
          <cell r="AG1060" t="str">
            <v>電気通信</v>
          </cell>
          <cell r="AH1060" t="str">
            <v>特定</v>
          </cell>
          <cell r="AI1060">
            <v>1305</v>
          </cell>
          <cell r="AJ1060">
            <v>15936454</v>
          </cell>
          <cell r="AK1060" t="str">
            <v>0(0)/0/126</v>
          </cell>
          <cell r="AL1060" t="str">
            <v/>
          </cell>
          <cell r="AM1060" t="str">
            <v/>
          </cell>
          <cell r="AN1060" t="str">
            <v/>
          </cell>
          <cell r="AO1060" t="str">
            <v/>
          </cell>
          <cell r="AP1060" t="str">
            <v/>
          </cell>
          <cell r="AQ1060" t="str">
            <v/>
          </cell>
          <cell r="AR1060" t="str">
            <v/>
          </cell>
          <cell r="AS1060" t="str">
            <v/>
          </cell>
          <cell r="AT1060" t="str">
            <v/>
          </cell>
          <cell r="AU1060" t="str">
            <v/>
          </cell>
          <cell r="AV1060" t="str">
            <v/>
          </cell>
          <cell r="AW1060" t="str">
            <v/>
          </cell>
          <cell r="AX1060" t="str">
            <v/>
          </cell>
          <cell r="AY1060" t="str">
            <v/>
          </cell>
          <cell r="AZ1060" t="str">
            <v/>
          </cell>
          <cell r="BA1060" t="str">
            <v>東京都</v>
          </cell>
          <cell r="BB1060" t="str">
            <v>汐留イーストサイドビル</v>
          </cell>
          <cell r="CR1060">
            <v>6722</v>
          </cell>
          <cell r="CS1060" t="str">
            <v>ｲｿﾔﾏ ｱｷﾋﾛ</v>
          </cell>
          <cell r="CT1060" t="str">
            <v>磯山  昭博</v>
          </cell>
          <cell r="CU1060" t="str">
            <v>スポーツ振興課</v>
          </cell>
          <cell r="CW1060">
            <v>3741</v>
          </cell>
          <cell r="CX1060" t="str">
            <v xml:space="preserve"> </v>
          </cell>
          <cell r="CY1060" t="str">
            <v>スポーツ振興課長</v>
          </cell>
        </row>
        <row r="1061">
          <cell r="B1061">
            <v>3970</v>
          </cell>
          <cell r="C1061" t="str">
            <v>(株)双葉669</v>
          </cell>
          <cell r="D1061" t="str">
            <v>0795-82-0036</v>
          </cell>
          <cell r="E1061" t="str">
            <v>669-3572</v>
          </cell>
          <cell r="F1061" t="str">
            <v>兵庫県丹波市氷上町谷村897-1</v>
          </cell>
          <cell r="G1061" t="str">
            <v>丹波市</v>
          </cell>
          <cell r="H1061" t="str">
            <v/>
          </cell>
          <cell r="I1061" t="str">
            <v>代表取締役 角田　壽郎</v>
          </cell>
          <cell r="J1061" t="str">
            <v>本店</v>
          </cell>
          <cell r="K1061" t="str">
            <v>0795-82-1457</v>
          </cell>
          <cell r="L1061" t="str">
            <v>yasuhiro.k@futaba-corp.jp</v>
          </cell>
          <cell r="M1061" t="str">
            <v>ﾌﾀﾊﾞ</v>
          </cell>
          <cell r="N1061" t="str">
            <v>無</v>
          </cell>
          <cell r="O1061">
            <v>53</v>
          </cell>
          <cell r="P1061">
            <v>19</v>
          </cell>
          <cell r="Q1061">
            <v>9140001041302</v>
          </cell>
          <cell r="R1061">
            <v>50000</v>
          </cell>
          <cell r="S1061">
            <v>420204</v>
          </cell>
          <cell r="T1061">
            <v>775028</v>
          </cell>
          <cell r="V1061" t="str">
            <v>vw971599</v>
          </cell>
          <cell r="W1061" t="str">
            <v>zz720052</v>
          </cell>
          <cell r="X1061" t="str">
            <v>通土電舗機水解</v>
          </cell>
          <cell r="Y1061" t="str">
            <v>通</v>
          </cell>
          <cell r="Z1061" t="str">
            <v>土電舗機水解</v>
          </cell>
          <cell r="AA1061" t="str">
            <v>機械器具</v>
          </cell>
          <cell r="AB1061" t="str">
            <v>電気</v>
          </cell>
          <cell r="AC1061" t="str">
            <v/>
          </cell>
          <cell r="AD1061" t="str">
            <v/>
          </cell>
          <cell r="AE1061">
            <v>43312</v>
          </cell>
          <cell r="AF1061" t="str">
            <v/>
          </cell>
          <cell r="AG1061" t="str">
            <v>機械器具</v>
          </cell>
          <cell r="AH1061" t="str">
            <v>特定</v>
          </cell>
          <cell r="AI1061">
            <v>918</v>
          </cell>
          <cell r="AJ1061">
            <v>620364</v>
          </cell>
          <cell r="AK1061" t="str">
            <v>0(0)/0/13</v>
          </cell>
          <cell r="AL1061" t="str">
            <v>電気</v>
          </cell>
          <cell r="AM1061" t="str">
            <v>特定</v>
          </cell>
          <cell r="AN1061">
            <v>842</v>
          </cell>
          <cell r="AO1061">
            <v>29334</v>
          </cell>
          <cell r="AP1061" t="str">
            <v>4(4)/2/5</v>
          </cell>
          <cell r="AQ1061" t="str">
            <v/>
          </cell>
          <cell r="AR1061" t="str">
            <v/>
          </cell>
          <cell r="AS1061" t="str">
            <v/>
          </cell>
          <cell r="AT1061" t="str">
            <v/>
          </cell>
          <cell r="AU1061" t="str">
            <v/>
          </cell>
          <cell r="AV1061" t="str">
            <v/>
          </cell>
          <cell r="AW1061" t="str">
            <v/>
          </cell>
          <cell r="AX1061" t="str">
            <v/>
          </cell>
          <cell r="AY1061" t="str">
            <v/>
          </cell>
          <cell r="AZ1061" t="str">
            <v/>
          </cell>
          <cell r="BA1061" t="str">
            <v>兵庫県</v>
          </cell>
          <cell r="BB1061">
            <v>0</v>
          </cell>
          <cell r="CR1061">
            <v>6723</v>
          </cell>
          <cell r="CS1061" t="str">
            <v>ｲﾁｲ ｱｷﾄｼ</v>
          </cell>
          <cell r="CT1061" t="str">
            <v>一井  章利</v>
          </cell>
          <cell r="CU1061" t="str">
            <v>地域・高年福祉課</v>
          </cell>
          <cell r="CW1061">
            <v>4405</v>
          </cell>
          <cell r="CX1061" t="str">
            <v xml:space="preserve"> </v>
          </cell>
          <cell r="CY1061" t="str">
            <v>地域・高年福祉課長</v>
          </cell>
        </row>
        <row r="1062">
          <cell r="B1062">
            <v>3971</v>
          </cell>
          <cell r="C1062" t="str">
            <v>(株)不動テトラ</v>
          </cell>
          <cell r="D1062" t="str">
            <v>078-261-3212</v>
          </cell>
          <cell r="E1062" t="str">
            <v>651-0084</v>
          </cell>
          <cell r="F1062" t="str">
            <v>兵庫県神戸市中央区磯辺通2-2-3</v>
          </cell>
          <cell r="G1062" t="str">
            <v/>
          </cell>
          <cell r="H1062" t="str">
            <v>神戸営業所</v>
          </cell>
          <cell r="I1062" t="str">
            <v>所長 貝塚谷　喜次</v>
          </cell>
          <cell r="J1062" t="str">
            <v>東京都</v>
          </cell>
          <cell r="K1062" t="str">
            <v>078-261-3244</v>
          </cell>
          <cell r="L1062" t="str">
            <v>fu03001@fudotetra.co.jp</v>
          </cell>
          <cell r="M1062" t="str">
            <v>ﾌﾄﾞｳﾃﾄﾗ</v>
          </cell>
          <cell r="N1062" t="str">
            <v>有</v>
          </cell>
          <cell r="O1062">
            <v>68</v>
          </cell>
          <cell r="P1062">
            <v>736</v>
          </cell>
          <cell r="Q1062">
            <v>4010001141053</v>
          </cell>
          <cell r="R1062">
            <v>5000000</v>
          </cell>
          <cell r="S1062">
            <v>24109737</v>
          </cell>
          <cell r="T1062">
            <v>62805000</v>
          </cell>
          <cell r="V1062" t="str">
            <v>wt561170</v>
          </cell>
          <cell r="W1062" t="str">
            <v>uh654392</v>
          </cell>
          <cell r="X1062" t="str">
            <v>(清)(と)(石)(鋼)(舗)(浚)(塗)(水)(解)土建大と石屋電管タ鋼舗浚塗防内園水解</v>
          </cell>
          <cell r="Y1062" t="str">
            <v>(清)(と)(石)(鋼)(舗)(浚)(塗)(水)(解)</v>
          </cell>
          <cell r="Z1062" t="str">
            <v>土建大と石屋電管タ鋼舗浚塗防内園水解</v>
          </cell>
          <cell r="AA1062" t="str">
            <v>土木一式</v>
          </cell>
          <cell r="AB1062" t="str">
            <v>水道施設</v>
          </cell>
          <cell r="AC1062" t="str">
            <v>とび土工</v>
          </cell>
          <cell r="AD1062" t="str">
            <v>浚渫</v>
          </cell>
          <cell r="AE1062">
            <v>43190</v>
          </cell>
          <cell r="AF1062" t="str">
            <v>希望する</v>
          </cell>
          <cell r="AG1062" t="str">
            <v>土木一式</v>
          </cell>
          <cell r="AH1062" t="str">
            <v>特定</v>
          </cell>
          <cell r="AI1062">
            <v>1610</v>
          </cell>
          <cell r="AJ1062">
            <v>23684665</v>
          </cell>
          <cell r="AK1062" t="str">
            <v>445(194)/15/12</v>
          </cell>
          <cell r="AL1062" t="str">
            <v>水道施設</v>
          </cell>
          <cell r="AM1062" t="str">
            <v>特定</v>
          </cell>
          <cell r="AN1062">
            <v>1245</v>
          </cell>
          <cell r="AO1062">
            <v>444582</v>
          </cell>
          <cell r="AP1062" t="str">
            <v>54(29)/0/0</v>
          </cell>
          <cell r="AQ1062" t="str">
            <v>とび土工</v>
          </cell>
          <cell r="AR1062" t="str">
            <v>特定</v>
          </cell>
          <cell r="AS1062">
            <v>1555</v>
          </cell>
          <cell r="AT1062">
            <v>28171781</v>
          </cell>
          <cell r="AU1062" t="str">
            <v>220(105)/13/0</v>
          </cell>
          <cell r="AV1062" t="str">
            <v>浚渫</v>
          </cell>
          <cell r="AW1062" t="str">
            <v>特定</v>
          </cell>
          <cell r="AX1062">
            <v>1297</v>
          </cell>
          <cell r="AY1062">
            <v>875948</v>
          </cell>
          <cell r="AZ1062" t="str">
            <v>94(35)/1/0</v>
          </cell>
          <cell r="BA1062" t="str">
            <v>東京都</v>
          </cell>
          <cell r="BB1062">
            <v>0</v>
          </cell>
          <cell r="CR1062">
            <v>6724</v>
          </cell>
          <cell r="CS1062" t="str">
            <v>ﾀﾏｲ ｱﾕﾐ</v>
          </cell>
          <cell r="CT1062" t="str">
            <v>玉井  亜由美</v>
          </cell>
          <cell r="CU1062" t="str">
            <v>都市安全企画課</v>
          </cell>
          <cell r="CW1062">
            <v>2158</v>
          </cell>
          <cell r="CX1062" t="str">
            <v xml:space="preserve"> </v>
          </cell>
          <cell r="CY1062" t="str">
            <v>都市安全企画課長</v>
          </cell>
        </row>
        <row r="1063">
          <cell r="B1063">
            <v>3972</v>
          </cell>
          <cell r="C1063" t="str">
            <v>ＨＫ電気工業(株)</v>
          </cell>
          <cell r="D1063" t="str">
            <v>078-792-1111</v>
          </cell>
          <cell r="E1063" t="str">
            <v>654-0103</v>
          </cell>
          <cell r="F1063" t="str">
            <v>兵庫県神戸市須磨区白川台3-38-65</v>
          </cell>
          <cell r="G1063" t="str">
            <v>神戸市</v>
          </cell>
          <cell r="H1063" t="str">
            <v/>
          </cell>
          <cell r="I1063" t="str">
            <v>代表取締役 福島　正章</v>
          </cell>
          <cell r="J1063" t="str">
            <v>本店</v>
          </cell>
          <cell r="K1063" t="str">
            <v>078-792-4444</v>
          </cell>
          <cell r="L1063" t="str">
            <v>office@hkei.jp</v>
          </cell>
          <cell r="M1063" t="str">
            <v>ﾌﾅｷﾃﾞﾝｷｺｳｷﾞｮｳ</v>
          </cell>
          <cell r="N1063" t="str">
            <v>無</v>
          </cell>
          <cell r="O1063">
            <v>58</v>
          </cell>
          <cell r="P1063">
            <v>25</v>
          </cell>
          <cell r="Q1063">
            <v>5140001017891</v>
          </cell>
          <cell r="R1063">
            <v>40000</v>
          </cell>
          <cell r="S1063">
            <v>565917</v>
          </cell>
          <cell r="T1063">
            <v>460554</v>
          </cell>
          <cell r="V1063" t="str">
            <v>ne176539</v>
          </cell>
          <cell r="W1063" t="str">
            <v>fr726498</v>
          </cell>
          <cell r="X1063" t="str">
            <v>土と鋼舗水電</v>
          </cell>
          <cell r="Y1063" t="str">
            <v>土と鋼舗水</v>
          </cell>
          <cell r="Z1063" t="str">
            <v>電</v>
          </cell>
          <cell r="AA1063" t="str">
            <v>電気</v>
          </cell>
          <cell r="AB1063" t="str">
            <v>土木一式</v>
          </cell>
          <cell r="AC1063" t="str">
            <v/>
          </cell>
          <cell r="AD1063" t="str">
            <v/>
          </cell>
          <cell r="AE1063">
            <v>42998</v>
          </cell>
          <cell r="AF1063" t="str">
            <v>希望しない</v>
          </cell>
          <cell r="AG1063" t="str">
            <v>電気</v>
          </cell>
          <cell r="AH1063" t="str">
            <v>特定</v>
          </cell>
          <cell r="AI1063">
            <v>898</v>
          </cell>
          <cell r="AJ1063">
            <v>510126</v>
          </cell>
          <cell r="AK1063" t="str">
            <v>2(1)/4/6</v>
          </cell>
          <cell r="AL1063" t="str">
            <v>土木一式</v>
          </cell>
          <cell r="AM1063" t="str">
            <v>一般</v>
          </cell>
          <cell r="AN1063">
            <v>677</v>
          </cell>
          <cell r="AO1063" t="str">
            <v/>
          </cell>
          <cell r="AP1063" t="str">
            <v>()/1/</v>
          </cell>
          <cell r="AQ1063" t="str">
            <v/>
          </cell>
          <cell r="AR1063" t="str">
            <v/>
          </cell>
          <cell r="AS1063" t="str">
            <v/>
          </cell>
          <cell r="AT1063" t="str">
            <v/>
          </cell>
          <cell r="AU1063" t="str">
            <v/>
          </cell>
          <cell r="AV1063" t="str">
            <v/>
          </cell>
          <cell r="AW1063" t="str">
            <v/>
          </cell>
          <cell r="AX1063" t="str">
            <v/>
          </cell>
          <cell r="AY1063" t="str">
            <v/>
          </cell>
          <cell r="AZ1063" t="str">
            <v/>
          </cell>
          <cell r="BA1063" t="str">
            <v>兵庫県</v>
          </cell>
          <cell r="BB1063">
            <v>0</v>
          </cell>
          <cell r="CR1063">
            <v>6725</v>
          </cell>
          <cell r="CS1063" t="str">
            <v>ｸﾆﾏﾂ ﾖｼﾐ</v>
          </cell>
          <cell r="CT1063" t="str">
            <v>國松  芳実</v>
          </cell>
          <cell r="CU1063" t="str">
            <v>こども若者企画課</v>
          </cell>
          <cell r="CW1063">
            <v>3730</v>
          </cell>
          <cell r="CX1063" t="str">
            <v xml:space="preserve"> </v>
          </cell>
          <cell r="CY1063" t="str">
            <v>こども若者企画課長</v>
          </cell>
        </row>
        <row r="1064">
          <cell r="B1064">
            <v>3976</v>
          </cell>
          <cell r="C1064" t="str">
            <v>古河電池(株)</v>
          </cell>
          <cell r="D1064" t="str">
            <v>06-7634-7551</v>
          </cell>
          <cell r="E1064" t="str">
            <v>541-0048</v>
          </cell>
          <cell r="F1064" t="str">
            <v>大阪府大阪市中央区瓦町4-2-14</v>
          </cell>
          <cell r="G1064" t="str">
            <v>横浜市</v>
          </cell>
          <cell r="H1064" t="str">
            <v>関西支社</v>
          </cell>
          <cell r="I1064" t="str">
            <v>支社長 有田　淳之介</v>
          </cell>
          <cell r="J1064" t="str">
            <v>神奈川県横浜市</v>
          </cell>
          <cell r="K1064" t="str">
            <v>06-7634-7553</v>
          </cell>
          <cell r="L1064" t="str">
            <v/>
          </cell>
          <cell r="M1064" t="str">
            <v>ﾌﾙｶﾜﾃﾞﾝﾁ</v>
          </cell>
          <cell r="N1064" t="str">
            <v>有</v>
          </cell>
          <cell r="O1064">
            <v>67</v>
          </cell>
          <cell r="P1064">
            <v>1160</v>
          </cell>
          <cell r="Q1064">
            <v>7020001010527</v>
          </cell>
          <cell r="R1064">
            <v>1640000</v>
          </cell>
          <cell r="S1064">
            <v>23295000</v>
          </cell>
          <cell r="T1064">
            <v>60536000</v>
          </cell>
          <cell r="V1064" t="str">
            <v>tc714919</v>
          </cell>
          <cell r="W1064" t="str">
            <v>zy977778</v>
          </cell>
          <cell r="X1064" t="str">
            <v>機通(電)(機)(通)電</v>
          </cell>
          <cell r="Y1064" t="str">
            <v>機通(電)(機)(通)</v>
          </cell>
          <cell r="Z1064" t="str">
            <v>電</v>
          </cell>
          <cell r="AA1064" t="str">
            <v>電気</v>
          </cell>
          <cell r="AB1064" t="str">
            <v>電気通信</v>
          </cell>
          <cell r="AC1064" t="str">
            <v>機械器具</v>
          </cell>
          <cell r="AD1064" t="str">
            <v/>
          </cell>
          <cell r="AE1064">
            <v>43189</v>
          </cell>
          <cell r="AF1064" t="str">
            <v>希望しない</v>
          </cell>
          <cell r="AG1064" t="str">
            <v>電気</v>
          </cell>
          <cell r="AH1064" t="str">
            <v>特定</v>
          </cell>
          <cell r="AI1064">
            <v>1334</v>
          </cell>
          <cell r="AJ1064">
            <v>4195900</v>
          </cell>
          <cell r="AK1064" t="str">
            <v>59(54)/12/18</v>
          </cell>
          <cell r="AL1064" t="str">
            <v>電気通信</v>
          </cell>
          <cell r="AM1064" t="str">
            <v>一般</v>
          </cell>
          <cell r="AN1064">
            <v>1107</v>
          </cell>
          <cell r="AO1064">
            <v>375946</v>
          </cell>
          <cell r="AP1064" t="str">
            <v>0(0)/0/46</v>
          </cell>
          <cell r="AQ1064" t="str">
            <v>機械器具</v>
          </cell>
          <cell r="AR1064" t="str">
            <v>一般</v>
          </cell>
          <cell r="AS1064">
            <v>946</v>
          </cell>
          <cell r="AT1064">
            <v>15200</v>
          </cell>
          <cell r="AU1064" t="str">
            <v>0(0)/0/5</v>
          </cell>
          <cell r="AV1064" t="str">
            <v/>
          </cell>
          <cell r="AW1064" t="str">
            <v/>
          </cell>
          <cell r="AX1064" t="str">
            <v/>
          </cell>
          <cell r="AY1064" t="str">
            <v/>
          </cell>
          <cell r="AZ1064" t="str">
            <v/>
          </cell>
          <cell r="BA1064" t="str">
            <v>神奈川県</v>
          </cell>
          <cell r="BB1064">
            <v>0</v>
          </cell>
          <cell r="CR1064">
            <v>6726</v>
          </cell>
          <cell r="CS1064" t="str">
            <v>ｺﾏﾂ ｱﾘｻ</v>
          </cell>
          <cell r="CT1064" t="str">
            <v>小松  亜里紗</v>
          </cell>
          <cell r="CU1064" t="str">
            <v>市民課</v>
          </cell>
          <cell r="CW1064">
            <v>2625</v>
          </cell>
          <cell r="CX1064" t="str">
            <v xml:space="preserve"> </v>
          </cell>
          <cell r="CY1064" t="str">
            <v>市民課長</v>
          </cell>
        </row>
        <row r="1065">
          <cell r="B1065">
            <v>3980</v>
          </cell>
          <cell r="C1065" t="str">
            <v>(株)伏見工業</v>
          </cell>
          <cell r="D1065" t="str">
            <v>078-926-6531</v>
          </cell>
          <cell r="E1065" t="str">
            <v>651-2148</v>
          </cell>
          <cell r="F1065" t="str">
            <v>兵庫県神戸市西区長畑町9-2</v>
          </cell>
          <cell r="G1065" t="str">
            <v>神戸市</v>
          </cell>
          <cell r="H1065" t="str">
            <v/>
          </cell>
          <cell r="I1065" t="str">
            <v>代表取締役　 菊田　浩輔</v>
          </cell>
          <cell r="J1065" t="str">
            <v>本店</v>
          </cell>
          <cell r="K1065" t="str">
            <v>078-920-3223</v>
          </cell>
          <cell r="L1065" t="str">
            <v>fushimikogyo@ia5.itukeeper.ne.jp</v>
          </cell>
          <cell r="M1065" t="str">
            <v>ﾌｼﾐｺｳｷﾞﾖｳ</v>
          </cell>
          <cell r="N1065" t="str">
            <v>無</v>
          </cell>
          <cell r="O1065">
            <v>19</v>
          </cell>
          <cell r="P1065">
            <v>14</v>
          </cell>
          <cell r="Q1065">
            <v>4140000000000</v>
          </cell>
          <cell r="R1065">
            <v>21500</v>
          </cell>
          <cell r="S1065">
            <v>149408</v>
          </cell>
          <cell r="T1065">
            <v>695264</v>
          </cell>
          <cell r="V1065" t="str">
            <v>bx513712</v>
          </cell>
          <cell r="W1065" t="str">
            <v>fw914914</v>
          </cell>
          <cell r="X1065" t="str">
            <v>機通(電)(機)(通)電</v>
          </cell>
          <cell r="Y1065" t="str">
            <v>機通(電)(機)(通)</v>
          </cell>
          <cell r="Z1065" t="str">
            <v>電</v>
          </cell>
          <cell r="AA1065" t="str">
            <v>防水</v>
          </cell>
          <cell r="AB1065" t="str">
            <v>塗装</v>
          </cell>
          <cell r="AC1065" t="str">
            <v>建築一式</v>
          </cell>
          <cell r="AD1065" t="str">
            <v/>
          </cell>
          <cell r="AE1065">
            <v>43281</v>
          </cell>
          <cell r="AF1065" t="str">
            <v>希望しない</v>
          </cell>
          <cell r="AG1065" t="str">
            <v>防水</v>
          </cell>
          <cell r="AH1065" t="str">
            <v>一般</v>
          </cell>
          <cell r="AI1065">
            <v>748</v>
          </cell>
          <cell r="AJ1065">
            <v>564038</v>
          </cell>
          <cell r="AK1065" t="str">
            <v>0(0)/3/4</v>
          </cell>
          <cell r="AL1065" t="str">
            <v>塗装</v>
          </cell>
          <cell r="AM1065" t="str">
            <v>一般</v>
          </cell>
          <cell r="AN1065">
            <v>682</v>
          </cell>
          <cell r="AO1065">
            <v>81995</v>
          </cell>
          <cell r="AP1065" t="str">
            <v>0(0)/3/0</v>
          </cell>
          <cell r="AQ1065" t="str">
            <v>建築一式</v>
          </cell>
          <cell r="AR1065" t="str">
            <v>一般</v>
          </cell>
          <cell r="AS1065">
            <v>644</v>
          </cell>
          <cell r="AT1065">
            <v>49231</v>
          </cell>
          <cell r="AU1065" t="str">
            <v>0(0)/1/0</v>
          </cell>
          <cell r="AV1065" t="str">
            <v/>
          </cell>
          <cell r="AW1065" t="str">
            <v/>
          </cell>
          <cell r="AX1065" t="str">
            <v/>
          </cell>
          <cell r="AY1065" t="str">
            <v/>
          </cell>
          <cell r="AZ1065" t="str">
            <v/>
          </cell>
          <cell r="BA1065" t="str">
            <v>兵庫県</v>
          </cell>
          <cell r="BB1065">
            <v>0</v>
          </cell>
          <cell r="CR1065">
            <v>6727</v>
          </cell>
          <cell r="CS1065" t="str">
            <v>ｻﾄｳ ﾕｲ</v>
          </cell>
          <cell r="CT1065" t="str">
            <v>佐藤  佑衣</v>
          </cell>
          <cell r="CU1065" t="str">
            <v>環境保全課</v>
          </cell>
          <cell r="CW1065">
            <v>2830</v>
          </cell>
          <cell r="CX1065" t="str">
            <v xml:space="preserve"> </v>
          </cell>
          <cell r="CY1065" t="str">
            <v>環境保全課長</v>
          </cell>
        </row>
        <row r="1066">
          <cell r="B1066">
            <v>3981</v>
          </cell>
          <cell r="C1066" t="str">
            <v>富士装飾(株)</v>
          </cell>
          <cell r="D1066" t="str">
            <v>06-6431-6731</v>
          </cell>
          <cell r="F1066" t="str">
            <v>兵庫県尼崎市武庫之荘5-35-22</v>
          </cell>
          <cell r="G1066" t="str">
            <v>尼崎市</v>
          </cell>
          <cell r="H1066" t="str">
            <v/>
          </cell>
          <cell r="I1066" t="str">
            <v>代表取締役社長　 藤下　昌利</v>
          </cell>
          <cell r="J1066" t="str">
            <v>本店</v>
          </cell>
          <cell r="K1066" t="str">
            <v>06-6431-6734</v>
          </cell>
          <cell r="L1066" t="str">
            <v>info@fujiso.net</v>
          </cell>
          <cell r="M1066" t="str">
            <v>ﾌｼﾞｿｳｼﾖｸｶﾌﾞｼｷｶﾞｲｼﾔ</v>
          </cell>
          <cell r="N1066" t="str">
            <v>無</v>
          </cell>
          <cell r="O1066">
            <v>31</v>
          </cell>
          <cell r="P1066">
            <v>4</v>
          </cell>
          <cell r="Q1066">
            <v>3140000000000</v>
          </cell>
          <cell r="R1066">
            <v>10000</v>
          </cell>
          <cell r="S1066">
            <v>10000</v>
          </cell>
          <cell r="T1066">
            <v>64132</v>
          </cell>
          <cell r="V1066" t="str">
            <v>be790340</v>
          </cell>
          <cell r="W1066" t="str">
            <v>ym904915</v>
          </cell>
          <cell r="X1066" t="str">
            <v>機通(電)(機)(通)電</v>
          </cell>
          <cell r="Y1066" t="str">
            <v>機通(電)(機)(通)</v>
          </cell>
          <cell r="Z1066" t="str">
            <v>電</v>
          </cell>
          <cell r="AA1066" t="str">
            <v>建築一式</v>
          </cell>
          <cell r="AB1066" t="str">
            <v>内装仕上</v>
          </cell>
          <cell r="AC1066" t="str">
            <v/>
          </cell>
          <cell r="AD1066" t="str">
            <v/>
          </cell>
          <cell r="AE1066">
            <v>43220</v>
          </cell>
          <cell r="AF1066" t="str">
            <v>希望しない</v>
          </cell>
          <cell r="AG1066" t="str">
            <v>建築一式</v>
          </cell>
          <cell r="AH1066" t="str">
            <v>一般</v>
          </cell>
          <cell r="AI1066">
            <v>602</v>
          </cell>
          <cell r="AJ1066">
            <v>27679</v>
          </cell>
          <cell r="AK1066" t="str">
            <v>1(1)/0/</v>
          </cell>
          <cell r="AL1066" t="str">
            <v>内装仕上</v>
          </cell>
          <cell r="AM1066" t="str">
            <v>一般</v>
          </cell>
          <cell r="AN1066">
            <v>603</v>
          </cell>
          <cell r="AO1066">
            <v>39686</v>
          </cell>
          <cell r="AP1066" t="str">
            <v>1(1)/0/0</v>
          </cell>
          <cell r="AQ1066" t="str">
            <v/>
          </cell>
          <cell r="AR1066" t="str">
            <v/>
          </cell>
          <cell r="AS1066" t="str">
            <v/>
          </cell>
          <cell r="AT1066" t="str">
            <v/>
          </cell>
          <cell r="AU1066" t="str">
            <v/>
          </cell>
          <cell r="AV1066" t="str">
            <v/>
          </cell>
          <cell r="AW1066" t="str">
            <v/>
          </cell>
          <cell r="AX1066" t="str">
            <v/>
          </cell>
          <cell r="AY1066" t="str">
            <v/>
          </cell>
          <cell r="AZ1066" t="str">
            <v/>
          </cell>
          <cell r="BA1066" t="str">
            <v>兵庫県</v>
          </cell>
          <cell r="BB1066">
            <v>0</v>
          </cell>
          <cell r="CR1066">
            <v>6728</v>
          </cell>
          <cell r="CS1066" t="str">
            <v>ﾏｴﾀﾞ ｻｷ</v>
          </cell>
          <cell r="CT1066" t="str">
            <v>前田  紗希</v>
          </cell>
          <cell r="CU1066" t="str">
            <v>環境保全課</v>
          </cell>
          <cell r="CW1066">
            <v>4636</v>
          </cell>
          <cell r="CX1066" t="str">
            <v xml:space="preserve"> </v>
          </cell>
          <cell r="CY1066" t="str">
            <v>環境保全課長</v>
          </cell>
        </row>
        <row r="1067">
          <cell r="B1067">
            <v>3982</v>
          </cell>
          <cell r="C1067" t="str">
            <v>(株)福島組</v>
          </cell>
          <cell r="D1067" t="str">
            <v>079-552-0161</v>
          </cell>
          <cell r="E1067" t="str">
            <v>669-2334</v>
          </cell>
          <cell r="F1067" t="str">
            <v>兵庫県篠山市西新町188番地</v>
          </cell>
          <cell r="G1067" t="str">
            <v>篠山市</v>
          </cell>
          <cell r="H1067" t="str">
            <v/>
          </cell>
          <cell r="I1067" t="str">
            <v>代表取締役 福島　剛</v>
          </cell>
          <cell r="J1067" t="str">
            <v>本店</v>
          </cell>
          <cell r="K1067" t="str">
            <v>079-552-5500</v>
          </cell>
          <cell r="L1067" t="str">
            <v>k.matsuda@kk-fukushimagumi.co.jp</v>
          </cell>
          <cell r="M1067" t="str">
            <v>ﾌｸｼﾏｸﾞﾐ</v>
          </cell>
          <cell r="N1067" t="str">
            <v>無</v>
          </cell>
          <cell r="O1067">
            <v>64</v>
          </cell>
          <cell r="P1067">
            <v>11</v>
          </cell>
          <cell r="Q1067">
            <v>8140001041831</v>
          </cell>
          <cell r="R1067">
            <v>20000</v>
          </cell>
          <cell r="S1067">
            <v>206719</v>
          </cell>
          <cell r="T1067">
            <v>348483</v>
          </cell>
          <cell r="V1067" t="str">
            <v>hg461092</v>
          </cell>
          <cell r="W1067" t="str">
            <v>nb666039</v>
          </cell>
          <cell r="X1067" t="str">
            <v>建土と舗園水解</v>
          </cell>
          <cell r="Y1067" t="str">
            <v>建</v>
          </cell>
          <cell r="Z1067" t="str">
            <v>土と舗園水解</v>
          </cell>
          <cell r="AA1067" t="str">
            <v>土木一式</v>
          </cell>
          <cell r="AB1067" t="str">
            <v>舗装</v>
          </cell>
          <cell r="AC1067" t="str">
            <v/>
          </cell>
          <cell r="AD1067" t="str">
            <v/>
          </cell>
          <cell r="AE1067">
            <v>43281</v>
          </cell>
          <cell r="AF1067" t="str">
            <v>希望しない</v>
          </cell>
          <cell r="AG1067" t="str">
            <v>土木一式</v>
          </cell>
          <cell r="AH1067" t="str">
            <v>特定</v>
          </cell>
          <cell r="AI1067">
            <v>819</v>
          </cell>
          <cell r="AJ1067">
            <v>225517</v>
          </cell>
          <cell r="AK1067" t="str">
            <v>3(3)/3/1</v>
          </cell>
          <cell r="AL1067" t="str">
            <v>舗装</v>
          </cell>
          <cell r="AM1067" t="str">
            <v>特定</v>
          </cell>
          <cell r="AN1067">
            <v>778</v>
          </cell>
          <cell r="AO1067">
            <v>61390</v>
          </cell>
          <cell r="AP1067" t="str">
            <v>4(4)/3/1</v>
          </cell>
          <cell r="AQ1067" t="str">
            <v/>
          </cell>
          <cell r="AR1067" t="str">
            <v/>
          </cell>
          <cell r="AS1067" t="str">
            <v/>
          </cell>
          <cell r="AT1067" t="str">
            <v/>
          </cell>
          <cell r="AU1067" t="str">
            <v/>
          </cell>
          <cell r="AV1067" t="str">
            <v/>
          </cell>
          <cell r="AW1067" t="str">
            <v/>
          </cell>
          <cell r="AX1067" t="str">
            <v/>
          </cell>
          <cell r="AY1067" t="str">
            <v/>
          </cell>
          <cell r="AZ1067" t="str">
            <v/>
          </cell>
          <cell r="BA1067" t="str">
            <v>兵庫県</v>
          </cell>
          <cell r="BB1067">
            <v>0</v>
          </cell>
          <cell r="CR1067">
            <v>6729</v>
          </cell>
          <cell r="CS1067" t="str">
            <v>ﾀｹﾀﾞ ﾁｶ</v>
          </cell>
          <cell r="CT1067" t="str">
            <v>武田  知佳</v>
          </cell>
          <cell r="CU1067" t="str">
            <v>図書館</v>
          </cell>
          <cell r="CW1067">
            <v>5108</v>
          </cell>
          <cell r="CX1067" t="str">
            <v xml:space="preserve"> </v>
          </cell>
          <cell r="CY1067" t="str">
            <v>図書館長</v>
          </cell>
        </row>
        <row r="1068">
          <cell r="B1068">
            <v>3984</v>
          </cell>
          <cell r="C1068" t="str">
            <v>(株)藤井工業</v>
          </cell>
          <cell r="D1068" t="str">
            <v>072-863-5140</v>
          </cell>
          <cell r="E1068" t="str">
            <v>575-0036</v>
          </cell>
          <cell r="F1068" t="str">
            <v>大阪府四條畷市雁屋南町18-27</v>
          </cell>
          <cell r="G1068" t="str">
            <v>四條畷市</v>
          </cell>
          <cell r="H1068" t="str">
            <v/>
          </cell>
          <cell r="I1068" t="str">
            <v>代表取締役 藤井　勝彦</v>
          </cell>
          <cell r="J1068" t="str">
            <v>本店</v>
          </cell>
          <cell r="K1068" t="str">
            <v>072-863-5141</v>
          </cell>
          <cell r="L1068" t="str">
            <v>info@fujiikogyo.jp</v>
          </cell>
          <cell r="M1068" t="str">
            <v>ﾌｼﾞｲｺｳｷﾞｮｳ</v>
          </cell>
          <cell r="N1068" t="str">
            <v>無</v>
          </cell>
          <cell r="O1068">
            <v>19</v>
          </cell>
          <cell r="P1068">
            <v>44</v>
          </cell>
          <cell r="Q1068">
            <v>3122001016638</v>
          </cell>
          <cell r="R1068">
            <v>95000</v>
          </cell>
          <cell r="S1068">
            <v>291714</v>
          </cell>
          <cell r="T1068">
            <v>2933679</v>
          </cell>
          <cell r="V1068" t="str">
            <v>bm228347</v>
          </cell>
          <cell r="W1068" t="str">
            <v>cf555319</v>
          </cell>
          <cell r="X1068" t="str">
            <v>土建大と石屋タ鋼鉄舗板ガ塗防内熱具水解</v>
          </cell>
          <cell r="Y1068" t="str">
            <v/>
          </cell>
          <cell r="Z1068" t="str">
            <v>土建大と石屋タ鋼鉄舗板ガ塗防内熱具水解</v>
          </cell>
          <cell r="AA1068" t="str">
            <v>防水</v>
          </cell>
          <cell r="AB1068" t="str">
            <v>塗装</v>
          </cell>
          <cell r="AC1068" t="str">
            <v>建築一式</v>
          </cell>
          <cell r="AD1068" t="str">
            <v>土木一式</v>
          </cell>
          <cell r="AE1068">
            <v>43008</v>
          </cell>
          <cell r="AF1068" t="str">
            <v>希望しない</v>
          </cell>
          <cell r="AG1068" t="str">
            <v>防水</v>
          </cell>
          <cell r="AH1068" t="str">
            <v>特定</v>
          </cell>
          <cell r="AI1068">
            <v>826</v>
          </cell>
          <cell r="AJ1068">
            <v>261160</v>
          </cell>
          <cell r="AK1068" t="str">
            <v>4(3)/4/5</v>
          </cell>
          <cell r="AL1068" t="str">
            <v>塗装</v>
          </cell>
          <cell r="AM1068" t="str">
            <v>特定</v>
          </cell>
          <cell r="AN1068">
            <v>811</v>
          </cell>
          <cell r="AO1068">
            <v>278352</v>
          </cell>
          <cell r="AP1068" t="str">
            <v>5(4)/0/2</v>
          </cell>
          <cell r="AQ1068" t="str">
            <v>建築一式</v>
          </cell>
          <cell r="AR1068" t="str">
            <v>特定</v>
          </cell>
          <cell r="AS1068">
            <v>976</v>
          </cell>
          <cell r="AT1068">
            <v>2173940</v>
          </cell>
          <cell r="AU1068" t="str">
            <v>13(11)/4/12</v>
          </cell>
          <cell r="AV1068" t="str">
            <v>土木一式</v>
          </cell>
          <cell r="AW1068" t="str">
            <v>特定</v>
          </cell>
          <cell r="AX1068">
            <v>706</v>
          </cell>
          <cell r="AY1068">
            <v>6775</v>
          </cell>
          <cell r="AZ1068" t="str">
            <v>3(2)/1/4</v>
          </cell>
          <cell r="BA1068" t="str">
            <v>大阪府</v>
          </cell>
          <cell r="BB1068">
            <v>0</v>
          </cell>
          <cell r="CR1068">
            <v>6730</v>
          </cell>
          <cell r="CS1068" t="str">
            <v>ﾀｹﾉ ｽｽﾞｶ</v>
          </cell>
          <cell r="CT1068" t="str">
            <v>武野  鈴佳</v>
          </cell>
          <cell r="CU1068" t="str">
            <v>こども福祉課</v>
          </cell>
          <cell r="CW1068">
            <v>2687</v>
          </cell>
          <cell r="CX1068" t="str">
            <v xml:space="preserve"> </v>
          </cell>
          <cell r="CY1068" t="str">
            <v>こども福祉課長</v>
          </cell>
        </row>
        <row r="1069">
          <cell r="B1069">
            <v>3988</v>
          </cell>
          <cell r="C1069" t="str">
            <v>福田土木工業(株)</v>
          </cell>
          <cell r="D1069" t="str">
            <v>06-6416-6048</v>
          </cell>
          <cell r="E1069" t="str">
            <v>660-0095</v>
          </cell>
          <cell r="F1069" t="str">
            <v>兵庫県尼崎市大浜町2-11</v>
          </cell>
          <cell r="G1069" t="str">
            <v>尼崎市</v>
          </cell>
          <cell r="H1069" t="str">
            <v/>
          </cell>
          <cell r="I1069" t="str">
            <v>代表取締役 福田　仁一</v>
          </cell>
          <cell r="J1069" t="str">
            <v>本店</v>
          </cell>
          <cell r="K1069" t="str">
            <v>06-6419-0130</v>
          </cell>
          <cell r="L1069" t="str">
            <v>fukuda-doboku@vega.ocn.ne.jp</v>
          </cell>
          <cell r="M1069" t="str">
            <v>ﾌｸﾀﾞﾄﾞﾎﾞｸｺｳｷﾞｮｳ</v>
          </cell>
          <cell r="N1069" t="str">
            <v>無</v>
          </cell>
          <cell r="O1069">
            <v>45</v>
          </cell>
          <cell r="P1069">
            <v>14</v>
          </cell>
          <cell r="Q1069">
            <v>2140001051068</v>
          </cell>
          <cell r="R1069">
            <v>65000</v>
          </cell>
          <cell r="S1069">
            <v>269118</v>
          </cell>
          <cell r="T1069">
            <v>1034402</v>
          </cell>
          <cell r="V1069" t="str">
            <v>dw911647</v>
          </cell>
          <cell r="W1069" t="str">
            <v>hy226720</v>
          </cell>
          <cell r="X1069" t="str">
            <v>園土と鋼舗浚水</v>
          </cell>
          <cell r="Y1069" t="str">
            <v>園</v>
          </cell>
          <cell r="Z1069" t="str">
            <v>土と鋼舗浚水</v>
          </cell>
          <cell r="AA1069" t="str">
            <v>土木一式</v>
          </cell>
          <cell r="AB1069" t="str">
            <v>舗装</v>
          </cell>
          <cell r="AC1069" t="str">
            <v>浚渫</v>
          </cell>
          <cell r="AD1069" t="str">
            <v>鋼構造物</v>
          </cell>
          <cell r="AE1069">
            <v>43220</v>
          </cell>
          <cell r="AF1069" t="str">
            <v>希望する</v>
          </cell>
          <cell r="AG1069" t="str">
            <v>土木一式</v>
          </cell>
          <cell r="AH1069" t="str">
            <v>特定</v>
          </cell>
          <cell r="AI1069">
            <v>963</v>
          </cell>
          <cell r="AJ1069">
            <v>823031</v>
          </cell>
          <cell r="AK1069" t="str">
            <v>7(7)/2/4</v>
          </cell>
          <cell r="AL1069" t="str">
            <v>舗装</v>
          </cell>
          <cell r="AM1069" t="str">
            <v>特定</v>
          </cell>
          <cell r="AN1069">
            <v>897</v>
          </cell>
          <cell r="AO1069">
            <v>156293</v>
          </cell>
          <cell r="AP1069" t="str">
            <v>7(7)/2/3</v>
          </cell>
          <cell r="AQ1069" t="str">
            <v>浚渫</v>
          </cell>
          <cell r="AR1069" t="str">
            <v>特定</v>
          </cell>
          <cell r="AS1069">
            <v>693</v>
          </cell>
          <cell r="AT1069">
            <v>1297</v>
          </cell>
          <cell r="AU1069" t="str">
            <v>0(0)/0/0</v>
          </cell>
          <cell r="AV1069" t="str">
            <v>鋼構造物</v>
          </cell>
          <cell r="AW1069" t="str">
            <v>特定</v>
          </cell>
          <cell r="AX1069">
            <v>690</v>
          </cell>
          <cell r="AY1069">
            <v>616</v>
          </cell>
          <cell r="AZ1069" t="str">
            <v>0(0)/0/0</v>
          </cell>
          <cell r="BA1069" t="str">
            <v>兵庫県</v>
          </cell>
          <cell r="BB1069">
            <v>0</v>
          </cell>
          <cell r="CR1069">
            <v>6731</v>
          </cell>
          <cell r="CS1069" t="str">
            <v>ﾀﾅｶ ﾒｲ</v>
          </cell>
          <cell r="CT1069" t="str">
            <v>田中  明依</v>
          </cell>
          <cell r="CU1069" t="str">
            <v>国保年金課</v>
          </cell>
          <cell r="CW1069">
            <v>2757</v>
          </cell>
          <cell r="CX1069" t="str">
            <v xml:space="preserve"> </v>
          </cell>
          <cell r="CY1069" t="str">
            <v>国保年金課長</v>
          </cell>
        </row>
        <row r="1070">
          <cell r="B1070">
            <v>3989</v>
          </cell>
          <cell r="C1070" t="str">
            <v>平尾電工(株)</v>
          </cell>
          <cell r="D1070" t="str">
            <v>06-6419-5678</v>
          </cell>
          <cell r="E1070" t="str">
            <v>660-0055</v>
          </cell>
          <cell r="F1070" t="str">
            <v>兵庫県尼崎市稲葉元町2-4-9</v>
          </cell>
          <cell r="G1070" t="str">
            <v>尼崎市</v>
          </cell>
          <cell r="H1070" t="str">
            <v/>
          </cell>
          <cell r="I1070" t="str">
            <v>代表取締役 平尾　秀樹</v>
          </cell>
          <cell r="J1070" t="str">
            <v>本店</v>
          </cell>
          <cell r="K1070" t="str">
            <v>06-6419-8877</v>
          </cell>
          <cell r="L1070" t="str">
            <v>soumu-ogawa@hiraodenko.co.jp</v>
          </cell>
          <cell r="M1070" t="str">
            <v>ﾋﾗｵﾃﾞﾝｺｳ</v>
          </cell>
          <cell r="N1070" t="str">
            <v>無</v>
          </cell>
          <cell r="O1070">
            <v>36</v>
          </cell>
          <cell r="P1070">
            <v>21</v>
          </cell>
          <cell r="Q1070">
            <v>3140001050936</v>
          </cell>
          <cell r="R1070">
            <v>50000</v>
          </cell>
          <cell r="S1070">
            <v>303348</v>
          </cell>
          <cell r="T1070">
            <v>890227</v>
          </cell>
          <cell r="V1070" t="str">
            <v>sj869127</v>
          </cell>
          <cell r="W1070" t="str">
            <v>mq205235</v>
          </cell>
          <cell r="X1070" t="str">
            <v>消電</v>
          </cell>
          <cell r="Y1070" t="str">
            <v>消</v>
          </cell>
          <cell r="Z1070" t="str">
            <v>電</v>
          </cell>
          <cell r="AA1070" t="str">
            <v>電気</v>
          </cell>
          <cell r="AB1070" t="str">
            <v>消防施設</v>
          </cell>
          <cell r="AC1070" t="str">
            <v/>
          </cell>
          <cell r="AD1070" t="str">
            <v/>
          </cell>
          <cell r="AE1070">
            <v>43524</v>
          </cell>
          <cell r="AF1070" t="str">
            <v>希望しない</v>
          </cell>
          <cell r="AG1070" t="str">
            <v>電気</v>
          </cell>
          <cell r="AH1070" t="str">
            <v>特定</v>
          </cell>
          <cell r="AI1070">
            <v>980</v>
          </cell>
          <cell r="AJ1070">
            <v>1061633</v>
          </cell>
          <cell r="AK1070" t="str">
            <v>7(5)/3/5</v>
          </cell>
          <cell r="AL1070" t="str">
            <v>消防施設</v>
          </cell>
          <cell r="AM1070" t="str">
            <v>一般</v>
          </cell>
          <cell r="AN1070">
            <v>758</v>
          </cell>
          <cell r="AO1070">
            <v>9885</v>
          </cell>
          <cell r="AP1070" t="str">
            <v>0(0)/6/0</v>
          </cell>
          <cell r="AQ1070" t="str">
            <v/>
          </cell>
          <cell r="AR1070" t="str">
            <v/>
          </cell>
          <cell r="AS1070" t="str">
            <v/>
          </cell>
          <cell r="AT1070" t="str">
            <v/>
          </cell>
          <cell r="AU1070" t="str">
            <v/>
          </cell>
          <cell r="AV1070" t="str">
            <v/>
          </cell>
          <cell r="AW1070" t="str">
            <v/>
          </cell>
          <cell r="AX1070" t="str">
            <v/>
          </cell>
          <cell r="AY1070" t="str">
            <v/>
          </cell>
          <cell r="AZ1070" t="str">
            <v/>
          </cell>
          <cell r="BA1070" t="str">
            <v>兵庫県</v>
          </cell>
        </row>
        <row r="1071">
          <cell r="B1071">
            <v>3990</v>
          </cell>
          <cell r="C1071" t="str">
            <v>文化シヤッターサービス(株)</v>
          </cell>
          <cell r="D1071" t="str">
            <v>06-6782-6343</v>
          </cell>
          <cell r="E1071" t="str">
            <v>577-0012</v>
          </cell>
          <cell r="F1071" t="str">
            <v>大阪府東大阪市長田東1-3-28</v>
          </cell>
          <cell r="G1071" t="str">
            <v/>
          </cell>
          <cell r="H1071" t="str">
            <v>関西サービス支店</v>
          </cell>
          <cell r="I1071" t="str">
            <v>支店長 服部　光一</v>
          </cell>
          <cell r="J1071" t="str">
            <v>東京都</v>
          </cell>
          <cell r="K1071" t="str">
            <v>06-6782-6322</v>
          </cell>
          <cell r="L1071" t="str">
            <v>soumu@service.bunka-s.co.jp</v>
          </cell>
          <cell r="M1071" t="str">
            <v>ﾌﾞﾝｶｼﾔｯﾀｰｻｰﾋﾞｽ</v>
          </cell>
          <cell r="N1071" t="str">
            <v>有</v>
          </cell>
          <cell r="O1071">
            <v>24</v>
          </cell>
          <cell r="P1071">
            <v>1058</v>
          </cell>
          <cell r="Q1071">
            <v>3010001088964</v>
          </cell>
          <cell r="R1071">
            <v>110000</v>
          </cell>
          <cell r="S1071">
            <v>5686685</v>
          </cell>
          <cell r="T1071">
            <v>21034854</v>
          </cell>
          <cell r="V1071" t="str">
            <v>zo120867</v>
          </cell>
          <cell r="W1071" t="str">
            <v>lb132230</v>
          </cell>
          <cell r="X1071" t="str">
            <v>消電</v>
          </cell>
          <cell r="Y1071" t="str">
            <v>消</v>
          </cell>
          <cell r="Z1071" t="str">
            <v>電</v>
          </cell>
          <cell r="AA1071" t="str">
            <v>建具</v>
          </cell>
          <cell r="AB1071" t="str">
            <v>内装仕上</v>
          </cell>
          <cell r="AC1071" t="str">
            <v/>
          </cell>
          <cell r="AD1071" t="str">
            <v/>
          </cell>
          <cell r="AE1071">
            <v>43190</v>
          </cell>
          <cell r="AF1071" t="str">
            <v/>
          </cell>
          <cell r="AG1071" t="str">
            <v>建具</v>
          </cell>
          <cell r="AH1071" t="str">
            <v>一般</v>
          </cell>
          <cell r="AI1071">
            <v>1325</v>
          </cell>
          <cell r="AJ1071">
            <v>14613718</v>
          </cell>
          <cell r="AK1071" t="str">
            <v>4(0)/266/184</v>
          </cell>
          <cell r="AL1071" t="str">
            <v>内装仕上</v>
          </cell>
          <cell r="AM1071" t="str">
            <v>一般</v>
          </cell>
          <cell r="AN1071">
            <v>1103</v>
          </cell>
          <cell r="AO1071">
            <v>523066</v>
          </cell>
          <cell r="AP1071" t="str">
            <v>4(0)/266/0</v>
          </cell>
          <cell r="AQ1071" t="str">
            <v/>
          </cell>
          <cell r="AR1071" t="str">
            <v/>
          </cell>
          <cell r="AS1071" t="str">
            <v/>
          </cell>
          <cell r="AT1071" t="str">
            <v/>
          </cell>
          <cell r="AU1071" t="str">
            <v/>
          </cell>
          <cell r="AV1071" t="str">
            <v/>
          </cell>
          <cell r="AW1071" t="str">
            <v/>
          </cell>
          <cell r="AX1071" t="str">
            <v/>
          </cell>
          <cell r="AY1071" t="str">
            <v/>
          </cell>
          <cell r="AZ1071" t="str">
            <v/>
          </cell>
          <cell r="BA1071" t="str">
            <v>東京都</v>
          </cell>
          <cell r="BB1071">
            <v>0</v>
          </cell>
          <cell r="CR1071">
            <v>6656</v>
          </cell>
          <cell r="CS1071" t="str">
            <v>ｼｹﾞﾉﾌﾞ ﾐﾂﾋﾛ</v>
          </cell>
          <cell r="CT1071" t="str">
            <v>重信  光寛</v>
          </cell>
          <cell r="CU1071" t="str">
            <v>生活支援課</v>
          </cell>
          <cell r="CW1071">
            <v>2504</v>
          </cell>
          <cell r="CX1071" t="str">
            <v xml:space="preserve"> </v>
          </cell>
          <cell r="CY1071" t="str">
            <v>生活支援課長</v>
          </cell>
        </row>
        <row r="1072">
          <cell r="B1072">
            <v>3991</v>
          </cell>
          <cell r="C1072" t="str">
            <v>双葉電気工業(株)</v>
          </cell>
          <cell r="D1072" t="str">
            <v>06-6481-0834</v>
          </cell>
          <cell r="E1072" t="str">
            <v>660-0814</v>
          </cell>
          <cell r="F1072" t="str">
            <v>兵庫県尼崎市杭瀬本町2-7-1</v>
          </cell>
          <cell r="G1072" t="str">
            <v>尼崎市</v>
          </cell>
          <cell r="H1072" t="str">
            <v/>
          </cell>
          <cell r="I1072" t="str">
            <v>代表取締役 杉原　祥公</v>
          </cell>
          <cell r="J1072" t="str">
            <v>本店</v>
          </cell>
          <cell r="K1072" t="str">
            <v>06-6481-0836</v>
          </cell>
          <cell r="L1072" t="str">
            <v>futaba.e@violin.ocn.ne.jp</v>
          </cell>
          <cell r="M1072" t="str">
            <v>ﾌﾀﾊﾞﾃﾞﾝｷｺｳｷﾞｮｳ</v>
          </cell>
          <cell r="N1072" t="str">
            <v>無</v>
          </cell>
          <cell r="O1072">
            <v>45</v>
          </cell>
          <cell r="P1072">
            <v>5</v>
          </cell>
          <cell r="Q1072">
            <v>7140001051096</v>
          </cell>
          <cell r="R1072">
            <v>10000</v>
          </cell>
          <cell r="S1072">
            <v>20641</v>
          </cell>
          <cell r="T1072">
            <v>114963</v>
          </cell>
          <cell r="V1072" t="str">
            <v>se225639</v>
          </cell>
          <cell r="W1072" t="str">
            <v>nr558171</v>
          </cell>
          <cell r="X1072" t="str">
            <v>電</v>
          </cell>
          <cell r="Y1072" t="str">
            <v>電</v>
          </cell>
          <cell r="Z1072" t="str">
            <v/>
          </cell>
          <cell r="AA1072" t="str">
            <v>電気</v>
          </cell>
          <cell r="AB1072" t="str">
            <v/>
          </cell>
          <cell r="AC1072" t="str">
            <v/>
          </cell>
          <cell r="AD1072" t="str">
            <v/>
          </cell>
          <cell r="AE1072">
            <v>43069</v>
          </cell>
          <cell r="AF1072" t="str">
            <v>希望しない</v>
          </cell>
          <cell r="AG1072" t="str">
            <v>電気</v>
          </cell>
          <cell r="AH1072" t="str">
            <v>一般</v>
          </cell>
          <cell r="AI1072">
            <v>720</v>
          </cell>
          <cell r="AJ1072">
            <v>108827</v>
          </cell>
          <cell r="AK1072" t="str">
            <v>2(2)/1/1</v>
          </cell>
          <cell r="AL1072" t="str">
            <v/>
          </cell>
          <cell r="AM1072" t="str">
            <v/>
          </cell>
          <cell r="AN1072" t="str">
            <v/>
          </cell>
          <cell r="AO1072" t="str">
            <v/>
          </cell>
          <cell r="AP1072" t="str">
            <v/>
          </cell>
          <cell r="AQ1072" t="str">
            <v/>
          </cell>
          <cell r="AR1072" t="str">
            <v/>
          </cell>
          <cell r="AS1072" t="str">
            <v/>
          </cell>
          <cell r="AT1072" t="str">
            <v/>
          </cell>
          <cell r="AU1072" t="str">
            <v/>
          </cell>
          <cell r="AV1072" t="str">
            <v/>
          </cell>
          <cell r="AW1072" t="str">
            <v/>
          </cell>
          <cell r="AX1072" t="str">
            <v/>
          </cell>
          <cell r="AY1072" t="str">
            <v/>
          </cell>
          <cell r="AZ1072" t="str">
            <v/>
          </cell>
          <cell r="BA1072" t="str">
            <v>兵庫県</v>
          </cell>
          <cell r="BB1072">
            <v>0</v>
          </cell>
          <cell r="CR1072">
            <v>6733</v>
          </cell>
          <cell r="CS1072" t="str">
            <v>ﾅｶﾉ ﾋﾛﾐ</v>
          </cell>
          <cell r="CT1072" t="str">
            <v>中野  宏美</v>
          </cell>
          <cell r="CU1072" t="str">
            <v>工務課</v>
          </cell>
          <cell r="CW1072" t="str">
            <v xml:space="preserve"> </v>
          </cell>
          <cell r="CX1072" t="str">
            <v xml:space="preserve"> </v>
          </cell>
          <cell r="CY1072" t="str">
            <v>工務課長</v>
          </cell>
        </row>
        <row r="1073">
          <cell r="B1073">
            <v>3992</v>
          </cell>
          <cell r="C1073" t="str">
            <v>不二電気工事(株)</v>
          </cell>
          <cell r="D1073" t="str">
            <v>06-6431-1131</v>
          </cell>
          <cell r="E1073" t="str">
            <v>661-0035</v>
          </cell>
          <cell r="F1073" t="str">
            <v>兵庫県尼崎市武庫之荘6-24-16</v>
          </cell>
          <cell r="G1073" t="str">
            <v>尼崎市</v>
          </cell>
          <cell r="H1073" t="str">
            <v/>
          </cell>
          <cell r="I1073" t="str">
            <v>代表取締役 藤田　文基</v>
          </cell>
          <cell r="J1073" t="str">
            <v>本店</v>
          </cell>
          <cell r="K1073" t="str">
            <v>06-6431-1425</v>
          </cell>
          <cell r="L1073" t="str">
            <v>hq@fews.co.jp</v>
          </cell>
          <cell r="M1073" t="str">
            <v>ﾌｼﾞﾃﾞﾝｷｺｳｼﾞ</v>
          </cell>
          <cell r="N1073" t="str">
            <v>無</v>
          </cell>
          <cell r="O1073">
            <v>48</v>
          </cell>
          <cell r="P1073">
            <v>28</v>
          </cell>
          <cell r="Q1073">
            <v>4140001051000</v>
          </cell>
          <cell r="R1073">
            <v>50000</v>
          </cell>
          <cell r="S1073">
            <v>99444</v>
          </cell>
          <cell r="T1073">
            <v>849779</v>
          </cell>
          <cell r="V1073" t="str">
            <v>wy671976</v>
          </cell>
          <cell r="W1073" t="str">
            <v>tc434963</v>
          </cell>
          <cell r="X1073" t="str">
            <v>管消電</v>
          </cell>
          <cell r="Y1073" t="str">
            <v>管消</v>
          </cell>
          <cell r="Z1073" t="str">
            <v>電</v>
          </cell>
          <cell r="AA1073" t="str">
            <v>電気</v>
          </cell>
          <cell r="AB1073" t="str">
            <v>管</v>
          </cell>
          <cell r="AC1073" t="str">
            <v>消防施設</v>
          </cell>
          <cell r="AD1073" t="str">
            <v/>
          </cell>
          <cell r="AE1073">
            <v>42916</v>
          </cell>
          <cell r="AF1073" t="str">
            <v>希望しない</v>
          </cell>
          <cell r="AG1073" t="str">
            <v>電気</v>
          </cell>
          <cell r="AH1073" t="str">
            <v>特定</v>
          </cell>
          <cell r="AI1073">
            <v>927</v>
          </cell>
          <cell r="AJ1073">
            <v>661367</v>
          </cell>
          <cell r="AK1073" t="str">
            <v>6(6)/2/3</v>
          </cell>
          <cell r="AL1073" t="str">
            <v>管</v>
          </cell>
          <cell r="AM1073" t="str">
            <v>一般</v>
          </cell>
          <cell r="AN1073">
            <v>781</v>
          </cell>
          <cell r="AO1073">
            <v>105552</v>
          </cell>
          <cell r="AP1073" t="str">
            <v>0(0)/0/1</v>
          </cell>
          <cell r="AQ1073" t="str">
            <v>消防施設</v>
          </cell>
          <cell r="AR1073" t="str">
            <v>一般</v>
          </cell>
          <cell r="AS1073">
            <v>688</v>
          </cell>
          <cell r="AT1073">
            <v>1184</v>
          </cell>
          <cell r="AU1073" t="str">
            <v>0(0)/2/0</v>
          </cell>
          <cell r="AV1073" t="str">
            <v/>
          </cell>
          <cell r="AW1073" t="str">
            <v/>
          </cell>
          <cell r="AX1073" t="str">
            <v/>
          </cell>
          <cell r="AY1073" t="str">
            <v/>
          </cell>
          <cell r="AZ1073" t="str">
            <v/>
          </cell>
          <cell r="BA1073" t="str">
            <v>兵庫県</v>
          </cell>
          <cell r="BB1073">
            <v>0</v>
          </cell>
          <cell r="CR1073">
            <v>6734</v>
          </cell>
          <cell r="CS1073" t="str">
            <v>ﾉｸﾞﾁ ｼﾝｺﾞ</v>
          </cell>
          <cell r="CT1073" t="str">
            <v>野口  晋吾</v>
          </cell>
          <cell r="CU1073" t="str">
            <v>地域・高年福祉課</v>
          </cell>
          <cell r="CW1073">
            <v>2227</v>
          </cell>
          <cell r="CX1073" t="str">
            <v xml:space="preserve"> </v>
          </cell>
          <cell r="CY1073" t="str">
            <v>財政企画課長</v>
          </cell>
        </row>
        <row r="1074">
          <cell r="B1074">
            <v>3994</v>
          </cell>
          <cell r="C1074" t="str">
            <v>(株)フソウ</v>
          </cell>
          <cell r="D1074" t="str">
            <v>06-6479-1671</v>
          </cell>
          <cell r="E1074" t="str">
            <v>550-0004</v>
          </cell>
          <cell r="F1074" t="str">
            <v>大阪府大阪市西区靭本町1-4-12</v>
          </cell>
          <cell r="G1074" t="str">
            <v>大阪市</v>
          </cell>
          <cell r="H1074" t="str">
            <v>大阪支社</v>
          </cell>
          <cell r="I1074" t="str">
            <v>支社長 神内　伸一</v>
          </cell>
          <cell r="J1074" t="str">
            <v>東京都</v>
          </cell>
          <cell r="K1074" t="str">
            <v>06-6479-1631</v>
          </cell>
          <cell r="L1074" t="str">
            <v>kobe@fuso-inc.co.jp</v>
          </cell>
          <cell r="M1074" t="str">
            <v>ﾌｿｳ</v>
          </cell>
          <cell r="N1074" t="str">
            <v>有</v>
          </cell>
          <cell r="O1074">
            <v>66</v>
          </cell>
          <cell r="P1074">
            <v>516</v>
          </cell>
          <cell r="Q1074">
            <v>9010001055694</v>
          </cell>
          <cell r="R1074">
            <v>3000000</v>
          </cell>
          <cell r="S1074">
            <v>30363821</v>
          </cell>
          <cell r="T1074">
            <v>48438978</v>
          </cell>
          <cell r="V1074" t="str">
            <v>jv430584</v>
          </cell>
          <cell r="W1074" t="str">
            <v>bm228347</v>
          </cell>
          <cell r="X1074" t="str">
            <v>(清)(建)(電)(管)(鋼)(浚)(機)(水)(清)土建電管鋼浚機水清</v>
          </cell>
          <cell r="Y1074" t="str">
            <v>(清)(建)(電)(管)(鋼)(浚)(機)(水)(清)</v>
          </cell>
          <cell r="Z1074" t="str">
            <v>土建電管鋼浚機水清</v>
          </cell>
          <cell r="AA1074" t="str">
            <v>水道施設</v>
          </cell>
          <cell r="AB1074" t="str">
            <v>機械器具</v>
          </cell>
          <cell r="AC1074" t="str">
            <v>鋼構造物</v>
          </cell>
          <cell r="AD1074" t="str">
            <v>土木一式</v>
          </cell>
          <cell r="AE1074">
            <v>43251</v>
          </cell>
          <cell r="AF1074" t="str">
            <v>希望しない</v>
          </cell>
          <cell r="AG1074" t="str">
            <v>水道施設</v>
          </cell>
          <cell r="AH1074" t="str">
            <v>特定</v>
          </cell>
          <cell r="AI1074">
            <v>1442</v>
          </cell>
          <cell r="AJ1074">
            <v>5827539</v>
          </cell>
          <cell r="AK1074" t="str">
            <v>137(127)/2/4</v>
          </cell>
          <cell r="AL1074" t="str">
            <v>機械器具</v>
          </cell>
          <cell r="AM1074" t="str">
            <v>特定</v>
          </cell>
          <cell r="AN1074">
            <v>1367</v>
          </cell>
          <cell r="AO1074">
            <v>9884670</v>
          </cell>
          <cell r="AP1074" t="str">
            <v>0(0)/0/78</v>
          </cell>
          <cell r="AQ1074" t="str">
            <v>鋼構造物</v>
          </cell>
          <cell r="AR1074" t="str">
            <v>特定</v>
          </cell>
          <cell r="AS1074">
            <v>1269</v>
          </cell>
          <cell r="AT1074">
            <v>822811</v>
          </cell>
          <cell r="AU1074" t="str">
            <v>43(39)/0/0</v>
          </cell>
          <cell r="AV1074" t="str">
            <v>土木一式</v>
          </cell>
          <cell r="AW1074" t="str">
            <v>特定</v>
          </cell>
          <cell r="AX1074">
            <v>1330</v>
          </cell>
          <cell r="AY1074">
            <v>2260168</v>
          </cell>
          <cell r="AZ1074" t="str">
            <v>49(44)/5/1</v>
          </cell>
          <cell r="BA1074" t="str">
            <v>東京都</v>
          </cell>
          <cell r="BB1074">
            <v>0</v>
          </cell>
          <cell r="CR1074">
            <v>6735</v>
          </cell>
          <cell r="CS1074" t="str">
            <v>ﾊｾｶﾞﾜ ｶﾅ</v>
          </cell>
          <cell r="CT1074" t="str">
            <v>長谷川  加奈</v>
          </cell>
          <cell r="CU1074" t="str">
            <v>図書館</v>
          </cell>
          <cell r="CW1074">
            <v>5109</v>
          </cell>
          <cell r="CX1074" t="str">
            <v xml:space="preserve"> </v>
          </cell>
          <cell r="CY1074" t="str">
            <v>図書館長</v>
          </cell>
        </row>
        <row r="1075">
          <cell r="B1075">
            <v>3995</v>
          </cell>
          <cell r="C1075" t="str">
            <v>富士古河Ｅ＆Ｃ(株)</v>
          </cell>
          <cell r="D1075" t="str">
            <v>078-651-3731</v>
          </cell>
          <cell r="E1075" t="str">
            <v>652-0882</v>
          </cell>
          <cell r="F1075" t="str">
            <v>兵庫県神戸市兵庫区芦原通4-1-17</v>
          </cell>
          <cell r="G1075" t="str">
            <v>川崎市</v>
          </cell>
          <cell r="H1075" t="str">
            <v>神戸営業所</v>
          </cell>
          <cell r="I1075" t="str">
            <v>所長 池田　和彦</v>
          </cell>
          <cell r="J1075" t="str">
            <v>神奈川県川崎市</v>
          </cell>
          <cell r="K1075" t="str">
            <v>078-651-3733</v>
          </cell>
          <cell r="L1075" t="str">
            <v>fk_kansai@gaea.ocn.ne.jp</v>
          </cell>
          <cell r="M1075" t="str">
            <v>ﾌｼﾞﾌﾙｶﾜｲｰｱﾝﾄﾞｼｰ</v>
          </cell>
          <cell r="N1075" t="str">
            <v>有</v>
          </cell>
          <cell r="O1075">
            <v>60</v>
          </cell>
          <cell r="P1075">
            <v>1124</v>
          </cell>
          <cell r="Q1075">
            <v>6020001077096</v>
          </cell>
          <cell r="R1075">
            <v>1970000</v>
          </cell>
          <cell r="S1075">
            <v>18165314</v>
          </cell>
          <cell r="T1075">
            <v>69754906</v>
          </cell>
          <cell r="V1075" t="str">
            <v>fw914914</v>
          </cell>
          <cell r="W1075" t="str">
            <v>xv146252</v>
          </cell>
          <cell r="X1075" t="str">
            <v>機(電)(管)土建と電管鋼内通園水消</v>
          </cell>
          <cell r="Y1075" t="str">
            <v>機(電)(管)</v>
          </cell>
          <cell r="Z1075" t="str">
            <v>土建と電管鋼内通園水消</v>
          </cell>
          <cell r="AA1075" t="str">
            <v>電気</v>
          </cell>
          <cell r="AB1075" t="str">
            <v>管</v>
          </cell>
          <cell r="AC1075" t="str">
            <v/>
          </cell>
          <cell r="AD1075" t="str">
            <v/>
          </cell>
          <cell r="AE1075">
            <v>43190</v>
          </cell>
          <cell r="AF1075" t="str">
            <v/>
          </cell>
          <cell r="AG1075" t="str">
            <v>電気</v>
          </cell>
          <cell r="AH1075" t="str">
            <v>特定</v>
          </cell>
          <cell r="AI1075">
            <v>1648</v>
          </cell>
          <cell r="AJ1075">
            <v>39885041</v>
          </cell>
          <cell r="AK1075" t="str">
            <v>385(165)/52/25</v>
          </cell>
          <cell r="AL1075" t="str">
            <v>管</v>
          </cell>
          <cell r="AM1075" t="str">
            <v>特定</v>
          </cell>
          <cell r="AN1075">
            <v>1577</v>
          </cell>
          <cell r="AO1075">
            <v>21656853</v>
          </cell>
          <cell r="AP1075" t="str">
            <v>283(115)/58/18</v>
          </cell>
          <cell r="AQ1075" t="str">
            <v/>
          </cell>
          <cell r="AR1075" t="str">
            <v/>
          </cell>
          <cell r="AS1075" t="str">
            <v/>
          </cell>
          <cell r="AT1075" t="str">
            <v/>
          </cell>
          <cell r="AU1075" t="str">
            <v/>
          </cell>
          <cell r="AV1075" t="str">
            <v/>
          </cell>
          <cell r="AW1075" t="str">
            <v/>
          </cell>
          <cell r="AX1075" t="str">
            <v/>
          </cell>
          <cell r="AY1075" t="str">
            <v/>
          </cell>
          <cell r="AZ1075" t="str">
            <v/>
          </cell>
          <cell r="BA1075" t="str">
            <v>神奈川県</v>
          </cell>
          <cell r="BB1075">
            <v>0</v>
          </cell>
          <cell r="CR1075">
            <v>6736</v>
          </cell>
          <cell r="CS1075" t="str">
            <v>ﾌｼﾞﾜﾗ ﾕﾐ</v>
          </cell>
          <cell r="CT1075" t="str">
            <v>藤原  由美</v>
          </cell>
          <cell r="CU1075" t="str">
            <v>障害福祉課</v>
          </cell>
          <cell r="CW1075">
            <v>2949</v>
          </cell>
          <cell r="CX1075" t="str">
            <v xml:space="preserve"> </v>
          </cell>
          <cell r="CY1075" t="str">
            <v>障害福祉課長</v>
          </cell>
        </row>
        <row r="1076">
          <cell r="B1076">
            <v>3996</v>
          </cell>
          <cell r="C1076" t="str">
            <v>富国建設(株)</v>
          </cell>
          <cell r="D1076" t="str">
            <v>06-6344-0259</v>
          </cell>
          <cell r="E1076" t="str">
            <v>530-0004</v>
          </cell>
          <cell r="F1076" t="str">
            <v>大阪府大阪市北区堂島浜1‐4‐4</v>
          </cell>
          <cell r="G1076" t="str">
            <v>大阪市</v>
          </cell>
          <cell r="H1076" t="str">
            <v/>
          </cell>
          <cell r="I1076" t="str">
            <v>代表取締役社長 大林　泰典</v>
          </cell>
          <cell r="J1076" t="str">
            <v>本店</v>
          </cell>
          <cell r="K1076" t="str">
            <v>06-6344-0234</v>
          </cell>
          <cell r="L1076" t="str">
            <v>takenaka-koichi@fukoku-kensetsu.co.jp</v>
          </cell>
          <cell r="M1076" t="str">
            <v>ﾌｺｸｹﾝｾﾂ</v>
          </cell>
          <cell r="N1076" t="str">
            <v>無</v>
          </cell>
          <cell r="O1076">
            <v>52</v>
          </cell>
          <cell r="P1076">
            <v>70</v>
          </cell>
          <cell r="Q1076">
            <v>8120001069718</v>
          </cell>
          <cell r="R1076">
            <v>100000</v>
          </cell>
          <cell r="S1076">
            <v>1408452</v>
          </cell>
          <cell r="T1076">
            <v>4256220</v>
          </cell>
          <cell r="V1076" t="str">
            <v>sw002457</v>
          </cell>
          <cell r="W1076" t="str">
            <v>fr576421</v>
          </cell>
          <cell r="X1076" t="str">
            <v>土建大と石屋タ鋼鉄舗板ガ塗防内具水</v>
          </cell>
          <cell r="Y1076" t="str">
            <v/>
          </cell>
          <cell r="Z1076" t="str">
            <v>土建大と石屋タ鋼鉄舗板ガ塗防内具水</v>
          </cell>
          <cell r="AA1076" t="str">
            <v>建築一式</v>
          </cell>
          <cell r="AB1076" t="str">
            <v/>
          </cell>
          <cell r="AC1076" t="str">
            <v/>
          </cell>
          <cell r="AD1076" t="str">
            <v/>
          </cell>
          <cell r="AE1076">
            <v>43008</v>
          </cell>
          <cell r="AF1076" t="str">
            <v>希望しない</v>
          </cell>
          <cell r="AG1076" t="str">
            <v>建築一式</v>
          </cell>
          <cell r="AH1076" t="str">
            <v>特定</v>
          </cell>
          <cell r="AI1076">
            <v>1136</v>
          </cell>
          <cell r="AJ1076">
            <v>4256220</v>
          </cell>
          <cell r="AK1076" t="str">
            <v>41(39)/2/11</v>
          </cell>
          <cell r="AL1076" t="str">
            <v/>
          </cell>
          <cell r="AM1076" t="str">
            <v/>
          </cell>
          <cell r="AN1076" t="str">
            <v/>
          </cell>
          <cell r="AO1076" t="str">
            <v/>
          </cell>
          <cell r="AP1076" t="str">
            <v/>
          </cell>
          <cell r="AQ1076" t="str">
            <v/>
          </cell>
          <cell r="AR1076" t="str">
            <v/>
          </cell>
          <cell r="AS1076" t="str">
            <v/>
          </cell>
          <cell r="AT1076" t="str">
            <v/>
          </cell>
          <cell r="AU1076" t="str">
            <v/>
          </cell>
          <cell r="AV1076" t="str">
            <v/>
          </cell>
          <cell r="AW1076" t="str">
            <v/>
          </cell>
          <cell r="AX1076" t="str">
            <v/>
          </cell>
          <cell r="AY1076" t="str">
            <v/>
          </cell>
          <cell r="AZ1076" t="str">
            <v/>
          </cell>
          <cell r="BA1076" t="str">
            <v>大阪府</v>
          </cell>
          <cell r="BB1076" t="str">
            <v>アクア堂島東館１３階</v>
          </cell>
          <cell r="CR1076">
            <v>6737</v>
          </cell>
          <cell r="CS1076" t="str">
            <v>ﾏﾂｳﾗ ﾐﾅﾐ</v>
          </cell>
          <cell r="CT1076" t="str">
            <v>松浦  美波</v>
          </cell>
          <cell r="CU1076" t="str">
            <v>市民税課</v>
          </cell>
          <cell r="CW1076">
            <v>2317</v>
          </cell>
          <cell r="CX1076" t="str">
            <v xml:space="preserve"> </v>
          </cell>
          <cell r="CY1076" t="str">
            <v>市民税課長</v>
          </cell>
        </row>
        <row r="1077">
          <cell r="B1077">
            <v>3999</v>
          </cell>
          <cell r="C1077" t="str">
            <v>文化シヤッター(株)</v>
          </cell>
          <cell r="D1077" t="str">
            <v>06-6498-8177</v>
          </cell>
          <cell r="E1077" t="str">
            <v>661-0965</v>
          </cell>
          <cell r="F1077" t="str">
            <v>兵庫県尼崎市次屋2-1-3</v>
          </cell>
          <cell r="G1077" t="str">
            <v/>
          </cell>
          <cell r="H1077" t="str">
            <v>尼崎営業所</v>
          </cell>
          <cell r="I1077" t="str">
            <v>所長 塩田　敦史</v>
          </cell>
          <cell r="J1077" t="str">
            <v>東京都</v>
          </cell>
          <cell r="K1077" t="str">
            <v>06-6498-8170</v>
          </cell>
          <cell r="L1077" t="str">
            <v/>
          </cell>
          <cell r="M1077" t="str">
            <v>ﾌﾞﾝｶｼﾔｯﾀｰ</v>
          </cell>
          <cell r="N1077" t="str">
            <v>有</v>
          </cell>
          <cell r="O1077">
            <v>46</v>
          </cell>
          <cell r="P1077">
            <v>2655</v>
          </cell>
          <cell r="Q1077">
            <v>3010001088907</v>
          </cell>
          <cell r="R1077">
            <v>15051596</v>
          </cell>
          <cell r="S1077">
            <v>58214350</v>
          </cell>
          <cell r="T1077">
            <v>88082793</v>
          </cell>
          <cell r="V1077" t="str">
            <v>vy187031</v>
          </cell>
          <cell r="W1077" t="str">
            <v>ff116494</v>
          </cell>
          <cell r="X1077" t="str">
            <v>大左石屋電タ板ガ塗防内熱園具消(大)(左)(石)(屋)(タ)(板)(ガ)(塗)(防)(内)(熱)(具)建と鋼鉄</v>
          </cell>
          <cell r="Y1077" t="str">
            <v>大左石屋電タ板ガ塗防内熱園具消(大)(左)(石)(屋)(タ)(板)(ガ)(塗)(防)(内)(熱)(具)</v>
          </cell>
          <cell r="Z1077" t="str">
            <v>建と鋼鉄</v>
          </cell>
          <cell r="AA1077" t="str">
            <v>建具</v>
          </cell>
          <cell r="AB1077" t="str">
            <v>内装仕上</v>
          </cell>
          <cell r="AC1077" t="str">
            <v/>
          </cell>
          <cell r="AD1077" t="str">
            <v/>
          </cell>
          <cell r="AE1077">
            <v>43190</v>
          </cell>
          <cell r="AF1077" t="str">
            <v>希望しない</v>
          </cell>
          <cell r="AG1077" t="str">
            <v>建具</v>
          </cell>
          <cell r="AH1077" t="str">
            <v>一般</v>
          </cell>
          <cell r="AI1077">
            <v>1718</v>
          </cell>
          <cell r="AJ1077">
            <v>79648656</v>
          </cell>
          <cell r="AK1077" t="str">
            <v>47(9)/650/128</v>
          </cell>
          <cell r="AL1077" t="str">
            <v>内装仕上</v>
          </cell>
          <cell r="AM1077" t="str">
            <v>一般</v>
          </cell>
          <cell r="AN1077">
            <v>1481</v>
          </cell>
          <cell r="AO1077">
            <v>6792115</v>
          </cell>
          <cell r="AP1077" t="str">
            <v>48(8)/655/41</v>
          </cell>
          <cell r="AQ1077" t="str">
            <v/>
          </cell>
          <cell r="AR1077" t="str">
            <v/>
          </cell>
          <cell r="AS1077" t="str">
            <v/>
          </cell>
          <cell r="AT1077" t="str">
            <v/>
          </cell>
          <cell r="AU1077" t="str">
            <v/>
          </cell>
          <cell r="AV1077" t="str">
            <v/>
          </cell>
          <cell r="AW1077" t="str">
            <v/>
          </cell>
          <cell r="AX1077" t="str">
            <v/>
          </cell>
          <cell r="AY1077" t="str">
            <v/>
          </cell>
          <cell r="AZ1077" t="str">
            <v/>
          </cell>
          <cell r="BA1077" t="str">
            <v>東京都</v>
          </cell>
          <cell r="BB1077">
            <v>0</v>
          </cell>
          <cell r="CR1077">
            <v>6738</v>
          </cell>
          <cell r="CS1077" t="str">
            <v>ﾑﾗｶﾐ ｼﾕｳｲﾁﾛｳ</v>
          </cell>
          <cell r="CT1077" t="str">
            <v>村上  修一郎</v>
          </cell>
          <cell r="CU1077" t="str">
            <v>生活支援課</v>
          </cell>
          <cell r="CW1077">
            <v>2585</v>
          </cell>
          <cell r="CX1077" t="str">
            <v xml:space="preserve"> </v>
          </cell>
          <cell r="CY1077" t="str">
            <v>生活支援課長</v>
          </cell>
        </row>
        <row r="1078">
          <cell r="B1078">
            <v>4011</v>
          </cell>
          <cell r="C1078" t="str">
            <v>(株)ベイ・コミュニケーションズ</v>
          </cell>
          <cell r="D1078" t="str">
            <v>06-6450-1179</v>
          </cell>
          <cell r="E1078" t="str">
            <v>553-0001</v>
          </cell>
          <cell r="F1078" t="str">
            <v>大阪府大阪市福島区海老江1-1-31</v>
          </cell>
          <cell r="G1078" t="str">
            <v>大阪市</v>
          </cell>
          <cell r="H1078" t="str">
            <v/>
          </cell>
          <cell r="I1078" t="str">
            <v>代表取締役社長 竹間　郁夫</v>
          </cell>
          <cell r="J1078" t="str">
            <v>本店</v>
          </cell>
          <cell r="K1078" t="str">
            <v>06-6450-1181</v>
          </cell>
          <cell r="L1078" t="str">
            <v>takemura.k@baycom.jp</v>
          </cell>
          <cell r="M1078" t="str">
            <v>ﾍﾞｲ･ｺﾐｭﾆｹｰｼｮﾝｽﾞ</v>
          </cell>
          <cell r="N1078" t="str">
            <v>有</v>
          </cell>
          <cell r="O1078">
            <v>25</v>
          </cell>
          <cell r="P1078">
            <v>257</v>
          </cell>
          <cell r="Q1078">
            <v>8120001035166</v>
          </cell>
          <cell r="R1078">
            <v>4000000</v>
          </cell>
          <cell r="S1078">
            <v>13985446</v>
          </cell>
          <cell r="T1078">
            <v>16940654</v>
          </cell>
          <cell r="V1078" t="str">
            <v>yg564505</v>
          </cell>
          <cell r="W1078" t="str">
            <v>ea991647</v>
          </cell>
          <cell r="X1078" t="str">
            <v/>
          </cell>
          <cell r="Y1078" t="str">
            <v/>
          </cell>
          <cell r="Z1078" t="str">
            <v/>
          </cell>
          <cell r="AA1078" t="str">
            <v>電気通信</v>
          </cell>
          <cell r="AB1078" t="str">
            <v/>
          </cell>
          <cell r="AC1078" t="str">
            <v/>
          </cell>
          <cell r="AD1078" t="str">
            <v/>
          </cell>
          <cell r="AE1078">
            <v>43190</v>
          </cell>
          <cell r="AF1078" t="str">
            <v>希望しない</v>
          </cell>
          <cell r="AG1078" t="str">
            <v>電気通信</v>
          </cell>
          <cell r="AH1078" t="str">
            <v>一般</v>
          </cell>
          <cell r="AI1078">
            <v>904</v>
          </cell>
          <cell r="AJ1078">
            <v>72567</v>
          </cell>
          <cell r="AK1078" t="str">
            <v/>
          </cell>
          <cell r="AL1078" t="str">
            <v/>
          </cell>
          <cell r="AM1078" t="str">
            <v/>
          </cell>
          <cell r="AN1078" t="str">
            <v/>
          </cell>
          <cell r="AO1078" t="str">
            <v/>
          </cell>
          <cell r="AP1078" t="str">
            <v/>
          </cell>
          <cell r="AQ1078" t="str">
            <v/>
          </cell>
          <cell r="AR1078" t="str">
            <v/>
          </cell>
          <cell r="AS1078" t="str">
            <v/>
          </cell>
          <cell r="AT1078" t="str">
            <v/>
          </cell>
          <cell r="AU1078" t="str">
            <v/>
          </cell>
          <cell r="AV1078" t="str">
            <v/>
          </cell>
          <cell r="AW1078" t="str">
            <v/>
          </cell>
          <cell r="AX1078" t="str">
            <v/>
          </cell>
          <cell r="AY1078" t="str">
            <v/>
          </cell>
          <cell r="AZ1078" t="str">
            <v/>
          </cell>
          <cell r="BA1078" t="str">
            <v>大阪府</v>
          </cell>
          <cell r="BB1078" t="str">
            <v>阪神野田センタービルディング</v>
          </cell>
          <cell r="CR1078">
            <v>6739</v>
          </cell>
          <cell r="CS1078" t="str">
            <v>ﾔﾏﾓﾄ ｲﾂﾐ</v>
          </cell>
          <cell r="CT1078" t="str">
            <v>山本  逸美</v>
          </cell>
          <cell r="CU1078" t="str">
            <v>図書館</v>
          </cell>
          <cell r="CW1078" t="str">
            <v>783-2775</v>
          </cell>
          <cell r="CX1078" t="str">
            <v xml:space="preserve"> </v>
          </cell>
          <cell r="CY1078" t="str">
            <v>図書館長</v>
          </cell>
        </row>
        <row r="1079">
          <cell r="B1079">
            <v>4022</v>
          </cell>
          <cell r="C1079" t="str">
            <v>平和興業(株)</v>
          </cell>
          <cell r="D1079" t="str">
            <v>06-6672-0216</v>
          </cell>
          <cell r="E1079" t="str">
            <v>559-0007</v>
          </cell>
          <cell r="F1079" t="str">
            <v>大阪府大阪市住之江区粉浜西1-2-6</v>
          </cell>
          <cell r="G1079" t="str">
            <v>大阪市</v>
          </cell>
          <cell r="H1079" t="str">
            <v/>
          </cell>
          <cell r="I1079" t="str">
            <v>代表取締役 米澤　勉</v>
          </cell>
          <cell r="J1079" t="str">
            <v>本店</v>
          </cell>
          <cell r="K1079" t="str">
            <v>06-6675-5316</v>
          </cell>
          <cell r="L1079" t="str">
            <v>heiwakou@pearl.ocn.ne.jp</v>
          </cell>
          <cell r="M1079" t="str">
            <v>ﾍｲﾜｺｳｷﾞｮｳ</v>
          </cell>
          <cell r="N1079" t="str">
            <v>無</v>
          </cell>
          <cell r="O1079">
            <v>52</v>
          </cell>
          <cell r="P1079">
            <v>274</v>
          </cell>
          <cell r="Q1079">
            <v>9120001031610</v>
          </cell>
          <cell r="R1079">
            <v>33000</v>
          </cell>
          <cell r="S1079">
            <v>1741910</v>
          </cell>
          <cell r="T1079">
            <v>2443637</v>
          </cell>
          <cell r="V1079" t="str">
            <v>ke256205</v>
          </cell>
          <cell r="W1079" t="str">
            <v>yd778256</v>
          </cell>
          <cell r="X1079" t="str">
            <v>電機消土と管舗浚塗水</v>
          </cell>
          <cell r="Y1079" t="str">
            <v>電機消</v>
          </cell>
          <cell r="Z1079" t="str">
            <v>土と管舗浚塗水</v>
          </cell>
          <cell r="AA1079" t="str">
            <v>土木一式</v>
          </cell>
          <cell r="AB1079" t="str">
            <v>管</v>
          </cell>
          <cell r="AC1079" t="str">
            <v>とび土工</v>
          </cell>
          <cell r="AD1079" t="str">
            <v>舗装</v>
          </cell>
          <cell r="AE1079">
            <v>43190</v>
          </cell>
          <cell r="AF1079" t="str">
            <v>希望する</v>
          </cell>
          <cell r="AG1079" t="str">
            <v>土木一式</v>
          </cell>
          <cell r="AH1079" t="str">
            <v>特定</v>
          </cell>
          <cell r="AI1079">
            <v>925</v>
          </cell>
          <cell r="AJ1079">
            <v>178905</v>
          </cell>
          <cell r="AK1079" t="str">
            <v>6(4)/1/0</v>
          </cell>
          <cell r="AL1079" t="str">
            <v>管</v>
          </cell>
          <cell r="AM1079" t="str">
            <v>特定</v>
          </cell>
          <cell r="AN1079">
            <v>911</v>
          </cell>
          <cell r="AO1079">
            <v>138689</v>
          </cell>
          <cell r="AP1079" t="str">
            <v>5(4)/2/0</v>
          </cell>
          <cell r="AQ1079" t="str">
            <v>とび土工</v>
          </cell>
          <cell r="AR1079" t="str">
            <v>特定</v>
          </cell>
          <cell r="AS1079">
            <v>801</v>
          </cell>
          <cell r="AT1079">
            <v>3466</v>
          </cell>
          <cell r="AU1079" t="str">
            <v>4(2)/2/0</v>
          </cell>
          <cell r="AV1079" t="str">
            <v>舗装</v>
          </cell>
          <cell r="AW1079" t="str">
            <v>特定</v>
          </cell>
          <cell r="AX1079">
            <v>773</v>
          </cell>
          <cell r="AY1079">
            <v>1737</v>
          </cell>
          <cell r="AZ1079" t="str">
            <v>1(1)/4/1</v>
          </cell>
          <cell r="BA1079" t="str">
            <v>大阪府</v>
          </cell>
          <cell r="BB1079">
            <v>0</v>
          </cell>
          <cell r="CR1079">
            <v>6740</v>
          </cell>
          <cell r="CS1079" t="str">
            <v>ﾕﾓﾄ ﾁｶ</v>
          </cell>
          <cell r="CT1079" t="str">
            <v>由本  知香</v>
          </cell>
          <cell r="CU1079" t="str">
            <v>図書館</v>
          </cell>
          <cell r="CW1079">
            <v>5104</v>
          </cell>
          <cell r="CX1079" t="str">
            <v xml:space="preserve"> </v>
          </cell>
          <cell r="CY1079" t="str">
            <v>図書館長</v>
          </cell>
        </row>
        <row r="1080">
          <cell r="B1080">
            <v>4024</v>
          </cell>
          <cell r="C1080" t="str">
            <v>(株)平成建設</v>
          </cell>
          <cell r="D1080" t="str">
            <v>06-6430-7233</v>
          </cell>
          <cell r="E1080" t="str">
            <v>660-0095</v>
          </cell>
          <cell r="F1080" t="str">
            <v>兵庫県尼崎市大浜町2-11-3</v>
          </cell>
          <cell r="G1080" t="str">
            <v>尼崎市</v>
          </cell>
          <cell r="H1080" t="str">
            <v/>
          </cell>
          <cell r="I1080" t="str">
            <v>代表取締役 福田　源一</v>
          </cell>
          <cell r="J1080" t="str">
            <v>本店</v>
          </cell>
          <cell r="K1080" t="str">
            <v>06-6430-7233</v>
          </cell>
          <cell r="L1080" t="str">
            <v>heiseikensetu@chorus.ocn.ne.jp</v>
          </cell>
          <cell r="M1080" t="str">
            <v>ﾍｲｾｲｹﾝｾﾂ</v>
          </cell>
          <cell r="N1080" t="str">
            <v>無</v>
          </cell>
          <cell r="O1080">
            <v>14</v>
          </cell>
          <cell r="P1080">
            <v>5</v>
          </cell>
          <cell r="Q1080">
            <v>2140001079844</v>
          </cell>
          <cell r="R1080">
            <v>40000</v>
          </cell>
          <cell r="S1080">
            <v>45034</v>
          </cell>
          <cell r="T1080">
            <v>426281</v>
          </cell>
          <cell r="V1080" t="str">
            <v>cn754832</v>
          </cell>
          <cell r="W1080" t="str">
            <v>gt514343</v>
          </cell>
          <cell r="X1080" t="str">
            <v>土と石鋼舗浚水</v>
          </cell>
          <cell r="Y1080" t="str">
            <v/>
          </cell>
          <cell r="Z1080" t="str">
            <v>土と石鋼舗浚水</v>
          </cell>
          <cell r="AA1080" t="str">
            <v>土木一式</v>
          </cell>
          <cell r="AB1080" t="str">
            <v>舗装</v>
          </cell>
          <cell r="AC1080" t="str">
            <v>浚渫</v>
          </cell>
          <cell r="AD1080" t="str">
            <v>鋼構造物</v>
          </cell>
          <cell r="AE1080">
            <v>43039</v>
          </cell>
          <cell r="AF1080" t="str">
            <v>希望する</v>
          </cell>
          <cell r="AG1080" t="str">
            <v>土木一式</v>
          </cell>
          <cell r="AH1080" t="str">
            <v>特定</v>
          </cell>
          <cell r="AI1080">
            <v>792</v>
          </cell>
          <cell r="AJ1080">
            <v>251426</v>
          </cell>
          <cell r="AK1080" t="str">
            <v>3(3)/0/0</v>
          </cell>
          <cell r="AL1080" t="str">
            <v>舗装</v>
          </cell>
          <cell r="AM1080" t="str">
            <v>特定</v>
          </cell>
          <cell r="AN1080">
            <v>732</v>
          </cell>
          <cell r="AO1080">
            <v>46836</v>
          </cell>
          <cell r="AP1080" t="str">
            <v>3(3)/0/0</v>
          </cell>
          <cell r="AQ1080" t="str">
            <v>浚渫</v>
          </cell>
          <cell r="AR1080" t="str">
            <v>特定</v>
          </cell>
          <cell r="AS1080">
            <v>608</v>
          </cell>
          <cell r="AT1080" t="str">
            <v/>
          </cell>
          <cell r="AU1080" t="str">
            <v>0(0)/0/0</v>
          </cell>
          <cell r="AV1080" t="str">
            <v>鋼構造物</v>
          </cell>
          <cell r="AW1080" t="str">
            <v>特定</v>
          </cell>
          <cell r="AX1080">
            <v>608</v>
          </cell>
          <cell r="AY1080" t="str">
            <v/>
          </cell>
          <cell r="AZ1080" t="str">
            <v>0(0)/0/0</v>
          </cell>
          <cell r="BA1080" t="str">
            <v>兵庫県</v>
          </cell>
          <cell r="BB1080">
            <v>0</v>
          </cell>
          <cell r="CR1080">
            <v>6741</v>
          </cell>
          <cell r="CS1080" t="str">
            <v>ｳﾁｶﾞｷ ｱﾔ</v>
          </cell>
          <cell r="CT1080" t="str">
            <v>内垣  亜弥</v>
          </cell>
          <cell r="CU1080" t="str">
            <v>国際・平和課</v>
          </cell>
          <cell r="CW1080">
            <v>2173</v>
          </cell>
          <cell r="CX1080" t="str">
            <v xml:space="preserve"> </v>
          </cell>
          <cell r="CY1080" t="str">
            <v>国際・平和課長</v>
          </cell>
        </row>
        <row r="1081">
          <cell r="B1081">
            <v>4026</v>
          </cell>
          <cell r="C1081" t="str">
            <v>(株)ベルテック</v>
          </cell>
          <cell r="D1081" t="str">
            <v>06-6651-9194</v>
          </cell>
          <cell r="E1081" t="str">
            <v>557-0054</v>
          </cell>
          <cell r="F1081" t="str">
            <v>大阪府大阪市西成区千本中2-12-20</v>
          </cell>
          <cell r="G1081" t="str">
            <v>大阪市</v>
          </cell>
          <cell r="H1081" t="str">
            <v/>
          </cell>
          <cell r="I1081" t="str">
            <v>代表取締役 松田　良治</v>
          </cell>
          <cell r="J1081" t="str">
            <v>本店</v>
          </cell>
          <cell r="K1081" t="str">
            <v>06-6651-9058</v>
          </cell>
          <cell r="L1081" t="str">
            <v>soumu@e-vertec.co.jp</v>
          </cell>
          <cell r="M1081" t="str">
            <v>ﾍﾞﾙﾃｯｸ</v>
          </cell>
          <cell r="N1081" t="str">
            <v>無</v>
          </cell>
          <cell r="O1081">
            <v>24</v>
          </cell>
          <cell r="P1081">
            <v>44</v>
          </cell>
          <cell r="Q1081">
            <v>2120001004259</v>
          </cell>
          <cell r="R1081">
            <v>50000</v>
          </cell>
          <cell r="S1081">
            <v>420144</v>
          </cell>
          <cell r="T1081">
            <v>4369393</v>
          </cell>
          <cell r="V1081" t="str">
            <v>ug175206</v>
          </cell>
          <cell r="W1081" t="str">
            <v>uw125766</v>
          </cell>
          <cell r="X1081" t="str">
            <v>建と屋電鋼板塗防内</v>
          </cell>
          <cell r="Y1081" t="str">
            <v>建と屋電鋼板塗防内</v>
          </cell>
          <cell r="Z1081" t="str">
            <v/>
          </cell>
          <cell r="AA1081" t="str">
            <v>防水</v>
          </cell>
          <cell r="AB1081" t="str">
            <v>電気</v>
          </cell>
          <cell r="AC1081" t="str">
            <v/>
          </cell>
          <cell r="AD1081" t="str">
            <v/>
          </cell>
          <cell r="AE1081">
            <v>43179</v>
          </cell>
          <cell r="AF1081" t="str">
            <v>希望しない</v>
          </cell>
          <cell r="AG1081" t="str">
            <v>防水</v>
          </cell>
          <cell r="AH1081" t="str">
            <v>一般</v>
          </cell>
          <cell r="AI1081">
            <v>925</v>
          </cell>
          <cell r="AJ1081">
            <v>4361793</v>
          </cell>
          <cell r="AK1081" t="str">
            <v>2(1)/5/11</v>
          </cell>
          <cell r="AL1081" t="str">
            <v>電気</v>
          </cell>
          <cell r="AM1081" t="str">
            <v>一般</v>
          </cell>
          <cell r="AN1081">
            <v>633</v>
          </cell>
          <cell r="AO1081" t="str">
            <v/>
          </cell>
          <cell r="AP1081" t="str">
            <v>1(1)/1/1</v>
          </cell>
          <cell r="AQ1081" t="str">
            <v/>
          </cell>
          <cell r="AR1081" t="str">
            <v/>
          </cell>
          <cell r="AS1081" t="str">
            <v/>
          </cell>
          <cell r="AT1081" t="str">
            <v/>
          </cell>
          <cell r="AU1081" t="str">
            <v/>
          </cell>
          <cell r="AV1081" t="str">
            <v/>
          </cell>
          <cell r="AW1081" t="str">
            <v/>
          </cell>
          <cell r="AX1081" t="str">
            <v/>
          </cell>
          <cell r="AY1081" t="str">
            <v/>
          </cell>
          <cell r="AZ1081" t="str">
            <v/>
          </cell>
          <cell r="BA1081" t="str">
            <v>大阪府</v>
          </cell>
          <cell r="CR1081">
            <v>6742</v>
          </cell>
          <cell r="CS1081" t="str">
            <v>ｻｲﾄｳ ﾔｽｺ</v>
          </cell>
          <cell r="CT1081" t="str">
            <v>齊藤  泰子</v>
          </cell>
          <cell r="CU1081" t="str">
            <v>図書館</v>
          </cell>
          <cell r="CW1081" t="str">
            <v>783-2775</v>
          </cell>
          <cell r="CX1081" t="str">
            <v xml:space="preserve"> </v>
          </cell>
          <cell r="CY1081" t="str">
            <v>図書館長</v>
          </cell>
        </row>
        <row r="1082">
          <cell r="B1082">
            <v>4027</v>
          </cell>
          <cell r="C1082" t="str">
            <v>(株)ヘイワ</v>
          </cell>
          <cell r="D1082" t="str">
            <v>06-6706-1223</v>
          </cell>
          <cell r="E1082" t="str">
            <v>547-0022</v>
          </cell>
          <cell r="F1082" t="str">
            <v>大阪府大阪市平野区瓜破東6-2-6</v>
          </cell>
          <cell r="G1082" t="str">
            <v>大阪市</v>
          </cell>
          <cell r="H1082" t="str">
            <v/>
          </cell>
          <cell r="I1082" t="str">
            <v>代表取締役　 西野　勲</v>
          </cell>
          <cell r="J1082" t="str">
            <v>本店</v>
          </cell>
          <cell r="K1082" t="str">
            <v>06-6709-3721</v>
          </cell>
          <cell r="L1082" t="str">
            <v>imanaka@heiwa-1.co.jp</v>
          </cell>
          <cell r="M1082" t="str">
            <v>ﾍｲﾜ</v>
          </cell>
          <cell r="N1082" t="str">
            <v>無</v>
          </cell>
          <cell r="O1082">
            <v>32</v>
          </cell>
          <cell r="P1082">
            <v>9</v>
          </cell>
          <cell r="Q1082">
            <v>4120000000000</v>
          </cell>
          <cell r="R1082">
            <v>31000</v>
          </cell>
          <cell r="S1082">
            <v>132862</v>
          </cell>
          <cell r="T1082">
            <v>1134677</v>
          </cell>
          <cell r="V1082" t="str">
            <v>qy168399</v>
          </cell>
          <cell r="W1082" t="str">
            <v>qq102380</v>
          </cell>
          <cell r="X1082" t="str">
            <v>建と屋電鋼板塗防内</v>
          </cell>
          <cell r="Y1082" t="str">
            <v>建と屋電鋼板塗防内</v>
          </cell>
          <cell r="Z1082" t="str">
            <v/>
          </cell>
          <cell r="AA1082" t="str">
            <v>土木一式</v>
          </cell>
          <cell r="AB1082" t="str">
            <v>建築一式</v>
          </cell>
          <cell r="AC1082" t="str">
            <v>解体</v>
          </cell>
          <cell r="AD1082" t="str">
            <v>舗装</v>
          </cell>
          <cell r="AE1082">
            <v>42947</v>
          </cell>
          <cell r="AF1082" t="str">
            <v>希望しない</v>
          </cell>
          <cell r="AG1082" t="str">
            <v>土木一式</v>
          </cell>
          <cell r="AH1082" t="str">
            <v>特定</v>
          </cell>
          <cell r="AI1082">
            <v>808</v>
          </cell>
          <cell r="AJ1082">
            <v>408922</v>
          </cell>
          <cell r="AK1082" t="str">
            <v>2(1)/0/7</v>
          </cell>
          <cell r="AL1082" t="str">
            <v>建築一式</v>
          </cell>
          <cell r="AM1082" t="str">
            <v>特定</v>
          </cell>
          <cell r="AN1082">
            <v>863</v>
          </cell>
          <cell r="AO1082">
            <v>777608</v>
          </cell>
          <cell r="AP1082" t="str">
            <v>2(2)/1/2</v>
          </cell>
          <cell r="AQ1082" t="str">
            <v>解体</v>
          </cell>
          <cell r="AR1082" t="str">
            <v>特定</v>
          </cell>
          <cell r="AS1082">
            <v>765</v>
          </cell>
          <cell r="AT1082">
            <v>41828</v>
          </cell>
          <cell r="AU1082" t="str">
            <v>3(2)/0/0</v>
          </cell>
          <cell r="AV1082" t="str">
            <v>舗装</v>
          </cell>
          <cell r="AW1082" t="str">
            <v>特定</v>
          </cell>
          <cell r="AX1082">
            <v>690</v>
          </cell>
          <cell r="AY1082">
            <v>11357</v>
          </cell>
          <cell r="AZ1082" t="str">
            <v>1(1)/0/0</v>
          </cell>
          <cell r="BA1082" t="str">
            <v>大阪府</v>
          </cell>
          <cell r="CR1082">
            <v>6743</v>
          </cell>
          <cell r="CS1082" t="str">
            <v>ﾀﾅｶ ｵｵｷ</v>
          </cell>
          <cell r="CT1082" t="str">
            <v>田中  大樹</v>
          </cell>
          <cell r="CU1082" t="str">
            <v>債権管理課</v>
          </cell>
          <cell r="CW1082">
            <v>2243</v>
          </cell>
          <cell r="CX1082" t="str">
            <v xml:space="preserve"> </v>
          </cell>
          <cell r="CY1082" t="str">
            <v>債権管理課長</v>
          </cell>
        </row>
        <row r="1083">
          <cell r="B1083">
            <v>4035</v>
          </cell>
          <cell r="C1083" t="str">
            <v>ホーチキ(株)</v>
          </cell>
          <cell r="D1083" t="str">
            <v>072-966-8181</v>
          </cell>
          <cell r="E1083" t="str">
            <v>578-0921</v>
          </cell>
          <cell r="F1083" t="str">
            <v>大阪府東大阪市水走3-6-41</v>
          </cell>
          <cell r="G1083" t="str">
            <v/>
          </cell>
          <cell r="H1083" t="str">
            <v>関西支店</v>
          </cell>
          <cell r="I1083" t="str">
            <v>執行役員支店長 田中　栄一</v>
          </cell>
          <cell r="J1083" t="str">
            <v>東京都</v>
          </cell>
          <cell r="K1083" t="str">
            <v>072-966-8171</v>
          </cell>
          <cell r="L1083" t="str">
            <v>tokatsu@hochiki.co.jp</v>
          </cell>
          <cell r="M1083" t="str">
            <v>ﾎｰﾁｷ</v>
          </cell>
          <cell r="N1083" t="str">
            <v>有</v>
          </cell>
          <cell r="O1083">
            <v>65</v>
          </cell>
          <cell r="P1083">
            <v>1378</v>
          </cell>
          <cell r="Q1083">
            <v>3010701008973</v>
          </cell>
          <cell r="R1083">
            <v>3798000</v>
          </cell>
          <cell r="S1083">
            <v>26088701</v>
          </cell>
          <cell r="T1083">
            <v>75961000</v>
          </cell>
          <cell r="V1083" t="str">
            <v>ma915314</v>
          </cell>
          <cell r="W1083" t="str">
            <v>rv881593</v>
          </cell>
          <cell r="X1083" t="str">
            <v>電(電)(通)(消)管機通消</v>
          </cell>
          <cell r="Y1083" t="str">
            <v>電(電)(通)(消)</v>
          </cell>
          <cell r="Z1083" t="str">
            <v>管機通消</v>
          </cell>
          <cell r="AA1083" t="str">
            <v>消防施設</v>
          </cell>
          <cell r="AB1083" t="str">
            <v>電気通信</v>
          </cell>
          <cell r="AC1083" t="str">
            <v>電気</v>
          </cell>
          <cell r="AD1083" t="str">
            <v/>
          </cell>
          <cell r="AE1083">
            <v>43190</v>
          </cell>
          <cell r="AF1083" t="str">
            <v/>
          </cell>
          <cell r="AG1083" t="str">
            <v>消防施設</v>
          </cell>
          <cell r="AH1083" t="str">
            <v>特定</v>
          </cell>
          <cell r="AI1083">
            <v>1631</v>
          </cell>
          <cell r="AJ1083">
            <v>26345515</v>
          </cell>
          <cell r="AK1083" t="str">
            <v>0(0)/665/0</v>
          </cell>
          <cell r="AL1083" t="str">
            <v>電気通信</v>
          </cell>
          <cell r="AM1083" t="str">
            <v>特定</v>
          </cell>
          <cell r="AN1083">
            <v>1392</v>
          </cell>
          <cell r="AO1083">
            <v>7258928</v>
          </cell>
          <cell r="AP1083" t="str">
            <v>1(1)/0/116</v>
          </cell>
          <cell r="AQ1083" t="str">
            <v>電気</v>
          </cell>
          <cell r="AR1083" t="str">
            <v>一般</v>
          </cell>
          <cell r="AS1083">
            <v>1234</v>
          </cell>
          <cell r="AT1083">
            <v>277811</v>
          </cell>
          <cell r="AU1083" t="str">
            <v>29(24)/10/39</v>
          </cell>
          <cell r="AV1083" t="str">
            <v/>
          </cell>
          <cell r="AW1083" t="str">
            <v/>
          </cell>
          <cell r="AX1083" t="str">
            <v/>
          </cell>
          <cell r="AY1083" t="str">
            <v/>
          </cell>
          <cell r="AZ1083" t="str">
            <v/>
          </cell>
          <cell r="BA1083" t="str">
            <v>東京都</v>
          </cell>
          <cell r="CR1083">
            <v>6744</v>
          </cell>
          <cell r="CS1083" t="str">
            <v>ﾅｶﾉ ﾄﾓｺ</v>
          </cell>
          <cell r="CT1083" t="str">
            <v>仲野  知子</v>
          </cell>
          <cell r="CU1083" t="str">
            <v>人事研修課</v>
          </cell>
          <cell r="CW1083">
            <v>2418</v>
          </cell>
          <cell r="CX1083" t="str">
            <v xml:space="preserve"> </v>
          </cell>
          <cell r="CY1083" t="str">
            <v>人事研修課長</v>
          </cell>
        </row>
        <row r="1084">
          <cell r="B1084">
            <v>4036</v>
          </cell>
          <cell r="C1084" t="str">
            <v>ホーチキサービス(株)</v>
          </cell>
          <cell r="D1084" t="str">
            <v>06-6444-220</v>
          </cell>
          <cell r="E1084" t="str">
            <v>550-0002</v>
          </cell>
          <cell r="F1084" t="str">
            <v>大阪府大阪市西区江戸堀2-3-21</v>
          </cell>
          <cell r="G1084" t="str">
            <v>大阪市</v>
          </cell>
          <cell r="H1084" t="str">
            <v/>
          </cell>
          <cell r="I1084" t="str">
            <v>代表取締役 弓場　成裕</v>
          </cell>
          <cell r="J1084" t="str">
            <v>本店</v>
          </cell>
          <cell r="K1084" t="str">
            <v>06-6444-2228</v>
          </cell>
          <cell r="L1084" t="str">
            <v>sakamoto@hs119.jp</v>
          </cell>
          <cell r="M1084" t="str">
            <v>ﾎｰﾁｷｻｰﾋﾞｽ</v>
          </cell>
          <cell r="N1084" t="str">
            <v>無</v>
          </cell>
          <cell r="O1084">
            <v>43</v>
          </cell>
          <cell r="P1084">
            <v>6</v>
          </cell>
          <cell r="Q1084">
            <v>6120001047329</v>
          </cell>
          <cell r="R1084">
            <v>10000</v>
          </cell>
          <cell r="S1084">
            <v>168773</v>
          </cell>
          <cell r="T1084">
            <v>177938</v>
          </cell>
          <cell r="V1084" t="str">
            <v>xr260586</v>
          </cell>
          <cell r="W1084" t="str">
            <v>zw596912</v>
          </cell>
          <cell r="X1084" t="str">
            <v>電消</v>
          </cell>
          <cell r="Y1084" t="str">
            <v>電消</v>
          </cell>
          <cell r="Z1084" t="str">
            <v/>
          </cell>
          <cell r="AA1084" t="str">
            <v>消防施設</v>
          </cell>
          <cell r="AB1084" t="str">
            <v>電気</v>
          </cell>
          <cell r="AC1084" t="str">
            <v/>
          </cell>
          <cell r="AD1084" t="str">
            <v/>
          </cell>
          <cell r="AE1084">
            <v>43190</v>
          </cell>
          <cell r="AF1084" t="str">
            <v/>
          </cell>
          <cell r="AG1084" t="str">
            <v>消防施設</v>
          </cell>
          <cell r="AH1084" t="str">
            <v>一般</v>
          </cell>
          <cell r="AI1084">
            <v>649</v>
          </cell>
          <cell r="AJ1084">
            <v>52788</v>
          </cell>
          <cell r="AK1084" t="str">
            <v>0(0)/5/0</v>
          </cell>
          <cell r="AL1084" t="str">
            <v>電気</v>
          </cell>
          <cell r="AM1084" t="str">
            <v>一般</v>
          </cell>
          <cell r="AN1084">
            <v>567</v>
          </cell>
          <cell r="AO1084">
            <v>18506</v>
          </cell>
          <cell r="AP1084" t="str">
            <v>0(0)/1/1</v>
          </cell>
          <cell r="AQ1084" t="str">
            <v/>
          </cell>
          <cell r="AR1084" t="str">
            <v/>
          </cell>
          <cell r="AS1084" t="str">
            <v/>
          </cell>
          <cell r="AT1084" t="str">
            <v/>
          </cell>
          <cell r="AU1084" t="str">
            <v/>
          </cell>
          <cell r="AV1084" t="str">
            <v/>
          </cell>
          <cell r="AW1084" t="str">
            <v/>
          </cell>
          <cell r="AX1084" t="str">
            <v/>
          </cell>
          <cell r="AY1084" t="str">
            <v/>
          </cell>
          <cell r="AZ1084" t="str">
            <v/>
          </cell>
          <cell r="BA1084" t="str">
            <v>大阪府</v>
          </cell>
          <cell r="CR1084">
            <v>6745</v>
          </cell>
          <cell r="CS1084" t="str">
            <v>ﾆｼﾊﾗ ﾐｴｺ</v>
          </cell>
          <cell r="CT1084" t="str">
            <v>西原  美絵子</v>
          </cell>
          <cell r="CU1084" t="str">
            <v>福利厚生課</v>
          </cell>
          <cell r="CW1084">
            <v>2435</v>
          </cell>
          <cell r="CX1084" t="str">
            <v xml:space="preserve"> </v>
          </cell>
          <cell r="CY1084" t="str">
            <v>福利厚生課長</v>
          </cell>
        </row>
        <row r="1085">
          <cell r="B1085">
            <v>4037</v>
          </cell>
          <cell r="C1085" t="str">
            <v>(株)ホカリ</v>
          </cell>
          <cell r="D1085" t="str">
            <v>0798-71-5011</v>
          </cell>
          <cell r="E1085" t="str">
            <v>662-0863</v>
          </cell>
          <cell r="F1085" t="str">
            <v>兵庫県西宮市室川町4-20-302</v>
          </cell>
          <cell r="G1085" t="str">
            <v>西宮市</v>
          </cell>
          <cell r="H1085" t="str">
            <v/>
          </cell>
          <cell r="I1085" t="str">
            <v>代表取締役 渡部　一二</v>
          </cell>
          <cell r="J1085" t="str">
            <v>本店</v>
          </cell>
          <cell r="K1085" t="str">
            <v>0798-71-5015</v>
          </cell>
          <cell r="L1085" t="str">
            <v>aqua5015@galaxy.ocn.ne.jp</v>
          </cell>
          <cell r="M1085" t="str">
            <v>ﾎｶﾘ</v>
          </cell>
          <cell r="N1085" t="str">
            <v>無</v>
          </cell>
          <cell r="O1085" t="str">
            <v/>
          </cell>
          <cell r="P1085">
            <v>13</v>
          </cell>
          <cell r="Q1085">
            <v>5140001070321</v>
          </cell>
          <cell r="R1085">
            <v>20000</v>
          </cell>
          <cell r="S1085">
            <v>84142</v>
          </cell>
          <cell r="T1085" t="str">
            <v/>
          </cell>
          <cell r="V1085" t="str">
            <v>vy479423</v>
          </cell>
          <cell r="W1085" t="str">
            <v>bh763485</v>
          </cell>
          <cell r="X1085" t="str">
            <v>管機</v>
          </cell>
          <cell r="Y1085" t="str">
            <v>管機</v>
          </cell>
          <cell r="Z1085" t="str">
            <v/>
          </cell>
          <cell r="AA1085" t="str">
            <v>管</v>
          </cell>
          <cell r="AB1085" t="str">
            <v>機械器具</v>
          </cell>
          <cell r="AC1085" t="str">
            <v/>
          </cell>
          <cell r="AD1085" t="str">
            <v/>
          </cell>
          <cell r="AE1085">
            <v>43312</v>
          </cell>
          <cell r="AF1085" t="str">
            <v>希望しない</v>
          </cell>
          <cell r="AG1085" t="str">
            <v>管</v>
          </cell>
          <cell r="AH1085" t="str">
            <v>一般</v>
          </cell>
          <cell r="AI1085">
            <v>739</v>
          </cell>
          <cell r="AJ1085">
            <v>68143</v>
          </cell>
          <cell r="AK1085" t="str">
            <v>1(1)/1/5</v>
          </cell>
          <cell r="AL1085" t="str">
            <v>機械器具</v>
          </cell>
          <cell r="AM1085" t="str">
            <v>一般</v>
          </cell>
          <cell r="AN1085">
            <v>656</v>
          </cell>
          <cell r="AO1085">
            <v>8568</v>
          </cell>
          <cell r="AP1085" t="str">
            <v>0(0)/0/1</v>
          </cell>
          <cell r="AQ1085" t="str">
            <v/>
          </cell>
          <cell r="AR1085" t="str">
            <v/>
          </cell>
          <cell r="AS1085" t="str">
            <v/>
          </cell>
          <cell r="AT1085" t="str">
            <v/>
          </cell>
          <cell r="AU1085" t="str">
            <v/>
          </cell>
          <cell r="AV1085" t="str">
            <v/>
          </cell>
          <cell r="AW1085" t="str">
            <v/>
          </cell>
          <cell r="AX1085" t="str">
            <v/>
          </cell>
          <cell r="AY1085" t="str">
            <v/>
          </cell>
          <cell r="AZ1085" t="str">
            <v/>
          </cell>
          <cell r="BA1085" t="str">
            <v>兵庫県</v>
          </cell>
          <cell r="CR1085">
            <v>6746</v>
          </cell>
          <cell r="CS1085" t="str">
            <v>ﾐｽﾞﾀﾆ ﾄﾓﾐﾂ</v>
          </cell>
          <cell r="CT1085" t="str">
            <v>水谷  朝光</v>
          </cell>
          <cell r="CU1085" t="str">
            <v>債権管理課</v>
          </cell>
          <cell r="CW1085">
            <v>2244</v>
          </cell>
          <cell r="CX1085" t="str">
            <v xml:space="preserve"> </v>
          </cell>
          <cell r="CY1085" t="str">
            <v>債権管理課長</v>
          </cell>
        </row>
        <row r="1086">
          <cell r="B1086">
            <v>4039</v>
          </cell>
          <cell r="C1086" t="str">
            <v>北陸電気工事(株)</v>
          </cell>
          <cell r="D1086" t="str">
            <v>06-6765-6035</v>
          </cell>
          <cell r="E1086" t="str">
            <v>543-0013</v>
          </cell>
          <cell r="F1086" t="str">
            <v>大阪府大阪市天王寺区玉造本町7-19</v>
          </cell>
          <cell r="G1086" t="str">
            <v>富山市</v>
          </cell>
          <cell r="H1086" t="str">
            <v>大阪支店</v>
          </cell>
          <cell r="I1086" t="str">
            <v>取締役支店長 村木　勝仁</v>
          </cell>
          <cell r="J1086" t="str">
            <v>富山県富山市</v>
          </cell>
          <cell r="K1086" t="str">
            <v>06-6765-6040</v>
          </cell>
          <cell r="L1086" t="str">
            <v>nakano-masami@rikudenko.co.jp</v>
          </cell>
          <cell r="M1086" t="str">
            <v>ﾎｸﾘｸﾃﾞﾝｷｺｳｼﾞ</v>
          </cell>
          <cell r="N1086" t="str">
            <v>有</v>
          </cell>
          <cell r="O1086">
            <v>68</v>
          </cell>
          <cell r="P1086">
            <v>1029</v>
          </cell>
          <cell r="Q1086">
            <v>6230001003007</v>
          </cell>
          <cell r="R1086">
            <v>3328699</v>
          </cell>
          <cell r="S1086">
            <v>30993909</v>
          </cell>
          <cell r="T1086">
            <v>42196000</v>
          </cell>
          <cell r="V1086" t="str">
            <v>yw569087</v>
          </cell>
          <cell r="W1086" t="str">
            <v>pc605057</v>
          </cell>
          <cell r="X1086" t="str">
            <v>消土電管舗塗通水</v>
          </cell>
          <cell r="Y1086" t="str">
            <v>消</v>
          </cell>
          <cell r="Z1086" t="str">
            <v>土電管舗塗通水</v>
          </cell>
          <cell r="AA1086" t="str">
            <v>電気</v>
          </cell>
          <cell r="AB1086" t="str">
            <v>消防施設</v>
          </cell>
          <cell r="AC1086" t="str">
            <v/>
          </cell>
          <cell r="AD1086" t="str">
            <v/>
          </cell>
          <cell r="AE1086">
            <v>43190</v>
          </cell>
          <cell r="AF1086" t="str">
            <v>希望しない</v>
          </cell>
          <cell r="AG1086" t="str">
            <v>電気</v>
          </cell>
          <cell r="AH1086" t="str">
            <v>特定</v>
          </cell>
          <cell r="AI1086">
            <v>1644</v>
          </cell>
          <cell r="AJ1086">
            <v>34762002</v>
          </cell>
          <cell r="AK1086" t="str">
            <v>359(246)/340/5</v>
          </cell>
          <cell r="AL1086" t="str">
            <v>消防施設</v>
          </cell>
          <cell r="AM1086" t="str">
            <v>一般</v>
          </cell>
          <cell r="AN1086">
            <v>1202</v>
          </cell>
          <cell r="AO1086">
            <v>60158</v>
          </cell>
          <cell r="AP1086" t="str">
            <v>0(0)/323/0</v>
          </cell>
          <cell r="AQ1086" t="str">
            <v/>
          </cell>
          <cell r="AR1086" t="str">
            <v/>
          </cell>
          <cell r="AS1086" t="str">
            <v/>
          </cell>
          <cell r="AT1086" t="str">
            <v/>
          </cell>
          <cell r="AU1086" t="str">
            <v/>
          </cell>
          <cell r="AV1086" t="str">
            <v/>
          </cell>
          <cell r="AW1086" t="str">
            <v/>
          </cell>
          <cell r="AX1086" t="str">
            <v/>
          </cell>
          <cell r="AY1086" t="str">
            <v/>
          </cell>
          <cell r="AZ1086" t="str">
            <v/>
          </cell>
          <cell r="BA1086" t="str">
            <v>富山県</v>
          </cell>
          <cell r="CR1086">
            <v>6747</v>
          </cell>
          <cell r="CS1086" t="str">
            <v>ﾑｶｲ ﾀｹｼ</v>
          </cell>
          <cell r="CT1086" t="str">
            <v>向井  毅</v>
          </cell>
          <cell r="CU1086" t="str">
            <v>環境保全課</v>
          </cell>
          <cell r="CW1086">
            <v>4419</v>
          </cell>
          <cell r="CX1086" t="str">
            <v>主査</v>
          </cell>
          <cell r="CY1086" t="str">
            <v>環境保全課長</v>
          </cell>
        </row>
        <row r="1087">
          <cell r="B1087">
            <v>4042</v>
          </cell>
          <cell r="C1087" t="str">
            <v>堀田建設(株)</v>
          </cell>
          <cell r="D1087" t="str">
            <v>06-6430-0172</v>
          </cell>
          <cell r="E1087" t="str">
            <v>660-0862</v>
          </cell>
          <cell r="F1087" t="str">
            <v>兵庫県尼崎市開明町2丁目35-1 ｻｰｸﾙ開明ﾋﾞﾙ2階</v>
          </cell>
          <cell r="G1087" t="str">
            <v>八幡浜市</v>
          </cell>
          <cell r="H1087" t="str">
            <v>兵庫支店</v>
          </cell>
          <cell r="I1087" t="str">
            <v>支店長　 嵯峨根　昭治</v>
          </cell>
          <cell r="J1087" t="str">
            <v>愛媛県八幡浜市</v>
          </cell>
          <cell r="K1087" t="str">
            <v>06-6430-0173</v>
          </cell>
          <cell r="L1087" t="str">
            <v>miyahara@hotta-grp.co.jp</v>
          </cell>
          <cell r="M1087" t="str">
            <v>ﾎﾂﾀｹﾝｾﾂ</v>
          </cell>
          <cell r="N1087" t="str">
            <v>有</v>
          </cell>
          <cell r="O1087">
            <v>67</v>
          </cell>
          <cell r="P1087">
            <v>137</v>
          </cell>
          <cell r="Q1087">
            <v>6500000000000</v>
          </cell>
          <cell r="R1087">
            <v>208000</v>
          </cell>
          <cell r="S1087">
            <v>772867</v>
          </cell>
          <cell r="T1087">
            <v>6540750</v>
          </cell>
          <cell r="V1087" t="str">
            <v>gt514343</v>
          </cell>
          <cell r="W1087" t="str">
            <v>wv844800</v>
          </cell>
          <cell r="X1087" t="str">
            <v>消土電管舗塗通水</v>
          </cell>
          <cell r="Y1087" t="str">
            <v>消</v>
          </cell>
          <cell r="Z1087" t="str">
            <v>土電管舗塗通水</v>
          </cell>
          <cell r="AA1087" t="str">
            <v>建築一式</v>
          </cell>
          <cell r="AB1087" t="str">
            <v>鋼構造物</v>
          </cell>
          <cell r="AC1087" t="str">
            <v>とび土工</v>
          </cell>
          <cell r="AD1087" t="str">
            <v>塗装</v>
          </cell>
          <cell r="AE1087">
            <v>42978</v>
          </cell>
          <cell r="AF1087" t="str">
            <v>希望しない</v>
          </cell>
          <cell r="AG1087" t="str">
            <v>建築一式</v>
          </cell>
          <cell r="AH1087" t="str">
            <v>特定</v>
          </cell>
          <cell r="AI1087">
            <v>1085</v>
          </cell>
          <cell r="AJ1087">
            <v>2033855</v>
          </cell>
          <cell r="AK1087" t="str">
            <v>18(16)/7/3</v>
          </cell>
          <cell r="AL1087" t="str">
            <v>鋼構造物</v>
          </cell>
          <cell r="AM1087" t="str">
            <v>特定</v>
          </cell>
          <cell r="AN1087">
            <v>1011</v>
          </cell>
          <cell r="AO1087">
            <v>2195848</v>
          </cell>
          <cell r="AP1087" t="str">
            <v>13(11)/4/0</v>
          </cell>
          <cell r="AQ1087" t="str">
            <v>とび土工</v>
          </cell>
          <cell r="AR1087" t="str">
            <v>特定</v>
          </cell>
          <cell r="AS1087">
            <v>1003</v>
          </cell>
          <cell r="AT1087">
            <v>548420</v>
          </cell>
          <cell r="AU1087" t="str">
            <v>32(32)/3/0</v>
          </cell>
          <cell r="AV1087" t="str">
            <v>塗装</v>
          </cell>
          <cell r="AW1087" t="str">
            <v>特定</v>
          </cell>
          <cell r="AX1087">
            <v>715</v>
          </cell>
          <cell r="AY1087" t="str">
            <v/>
          </cell>
          <cell r="AZ1087" t="str">
            <v>0(0)/0/0</v>
          </cell>
          <cell r="BA1087" t="str">
            <v>愛媛県</v>
          </cell>
          <cell r="CR1087">
            <v>6748</v>
          </cell>
          <cell r="CS1087" t="str">
            <v>ﾅｶｿﾞﾉ ﾏﾕｺ</v>
          </cell>
          <cell r="CT1087" t="str">
            <v>中園  真由子</v>
          </cell>
          <cell r="CU1087" t="str">
            <v>生活環境課</v>
          </cell>
          <cell r="CW1087">
            <v>2814</v>
          </cell>
          <cell r="CX1087" t="str">
            <v xml:space="preserve"> </v>
          </cell>
          <cell r="CY1087" t="str">
            <v>生活環境課長</v>
          </cell>
        </row>
        <row r="1088">
          <cell r="B1088">
            <v>4044</v>
          </cell>
          <cell r="C1088" t="str">
            <v>(株)本庄商会</v>
          </cell>
          <cell r="D1088" t="str">
            <v>078-851-4291</v>
          </cell>
          <cell r="E1088" t="str">
            <v>658-0053</v>
          </cell>
          <cell r="F1088" t="str">
            <v>兵庫県神戸市東灘区住吉宮町7‐4‐1</v>
          </cell>
          <cell r="G1088" t="str">
            <v>神戸市</v>
          </cell>
          <cell r="H1088" t="str">
            <v/>
          </cell>
          <cell r="I1088" t="str">
            <v>代表取締役 下井　宏之</v>
          </cell>
          <cell r="J1088" t="str">
            <v>本店</v>
          </cell>
          <cell r="K1088" t="str">
            <v>078-851-4961</v>
          </cell>
          <cell r="L1088" t="str">
            <v>kobeeigyou@honjoh.com</v>
          </cell>
          <cell r="M1088" t="str">
            <v>ﾎﾝｼﾞｮｳｼｮｳｶｲ</v>
          </cell>
          <cell r="N1088" t="str">
            <v>無</v>
          </cell>
          <cell r="O1088">
            <v>68</v>
          </cell>
          <cell r="P1088">
            <v>41</v>
          </cell>
          <cell r="Q1088">
            <v>7140001002479</v>
          </cell>
          <cell r="R1088">
            <v>60000</v>
          </cell>
          <cell r="S1088">
            <v>523513</v>
          </cell>
          <cell r="T1088">
            <v>1416469</v>
          </cell>
          <cell r="V1088" t="str">
            <v>sb586653</v>
          </cell>
          <cell r="W1088" t="str">
            <v>er693596</v>
          </cell>
          <cell r="X1088" t="str">
            <v>消管</v>
          </cell>
          <cell r="Y1088" t="str">
            <v>消</v>
          </cell>
          <cell r="Z1088" t="str">
            <v>管</v>
          </cell>
          <cell r="AA1088" t="str">
            <v>管</v>
          </cell>
          <cell r="AB1088" t="str">
            <v>消防施設</v>
          </cell>
          <cell r="AC1088" t="str">
            <v/>
          </cell>
          <cell r="AD1088" t="str">
            <v/>
          </cell>
          <cell r="AE1088">
            <v>43039</v>
          </cell>
          <cell r="AF1088" t="str">
            <v>希望しない</v>
          </cell>
          <cell r="AG1088" t="str">
            <v>管</v>
          </cell>
          <cell r="AH1088" t="str">
            <v>特定</v>
          </cell>
          <cell r="AI1088">
            <v>1027</v>
          </cell>
          <cell r="AJ1088">
            <v>1697562</v>
          </cell>
          <cell r="AK1088" t="str">
            <v>17(14)/6/2</v>
          </cell>
          <cell r="AL1088" t="str">
            <v>消防施設</v>
          </cell>
          <cell r="AM1088" t="str">
            <v>一般</v>
          </cell>
          <cell r="AN1088">
            <v>742</v>
          </cell>
          <cell r="AO1088" t="str">
            <v/>
          </cell>
          <cell r="AP1088" t="str">
            <v>0(0)/11/0</v>
          </cell>
          <cell r="AQ1088" t="str">
            <v/>
          </cell>
          <cell r="AR1088" t="str">
            <v/>
          </cell>
          <cell r="AS1088" t="str">
            <v/>
          </cell>
          <cell r="AT1088" t="str">
            <v/>
          </cell>
          <cell r="AU1088" t="str">
            <v/>
          </cell>
          <cell r="AV1088" t="str">
            <v/>
          </cell>
          <cell r="AW1088" t="str">
            <v/>
          </cell>
          <cell r="AX1088" t="str">
            <v/>
          </cell>
          <cell r="AY1088" t="str">
            <v/>
          </cell>
          <cell r="AZ1088" t="str">
            <v/>
          </cell>
          <cell r="BA1088" t="str">
            <v>兵庫県</v>
          </cell>
          <cell r="CR1088">
            <v>6749</v>
          </cell>
          <cell r="CS1088" t="str">
            <v>ﾏﾂｳﾗ ﾋﾛｷ</v>
          </cell>
          <cell r="CT1088" t="str">
            <v>松浦  宏樹</v>
          </cell>
          <cell r="CU1088" t="str">
            <v>下水道課</v>
          </cell>
          <cell r="CW1088">
            <v>3130</v>
          </cell>
          <cell r="CX1088" t="str">
            <v xml:space="preserve"> </v>
          </cell>
          <cell r="CY1088" t="str">
            <v>下水道課長</v>
          </cell>
        </row>
        <row r="1089">
          <cell r="B1089">
            <v>4046</v>
          </cell>
          <cell r="C1089" t="str">
            <v>(株)本間組</v>
          </cell>
          <cell r="D1089" t="str">
            <v>078-271-5006</v>
          </cell>
          <cell r="E1089" t="str">
            <v>651-0087</v>
          </cell>
          <cell r="F1089" t="str">
            <v>兵庫県神戸市中央区御幸通6-1-15</v>
          </cell>
          <cell r="G1089" t="str">
            <v>新潟市</v>
          </cell>
          <cell r="H1089" t="str">
            <v>神戸営業所</v>
          </cell>
          <cell r="I1089" t="str">
            <v>所長 大越　俊彦</v>
          </cell>
          <cell r="J1089" t="str">
            <v>新潟県新潟市</v>
          </cell>
          <cell r="K1089" t="str">
            <v>078-271-5007</v>
          </cell>
          <cell r="L1089" t="str">
            <v>hnar0038@r6.dion.ne.jp</v>
          </cell>
          <cell r="M1089" t="str">
            <v>ﾎﾝﾏｸﾞﾐ</v>
          </cell>
          <cell r="N1089" t="str">
            <v>有</v>
          </cell>
          <cell r="O1089">
            <v>68</v>
          </cell>
          <cell r="P1089">
            <v>521</v>
          </cell>
          <cell r="Q1089">
            <v>6110001005155</v>
          </cell>
          <cell r="R1089">
            <v>1000000</v>
          </cell>
          <cell r="S1089">
            <v>17427786</v>
          </cell>
          <cell r="T1089">
            <v>46576183</v>
          </cell>
          <cell r="V1089" t="str">
            <v>gd845060</v>
          </cell>
          <cell r="W1089" t="str">
            <v>sj443955</v>
          </cell>
          <cell r="X1089" t="str">
            <v>(清)(建)(と)(鋼)(舗)(浚)(水)(解)土建大と石屋電管タ鋼舗浚防内園水解</v>
          </cell>
          <cell r="Y1089" t="str">
            <v>(清)(建)(と)(鋼)(舗)(浚)(水)(解)</v>
          </cell>
          <cell r="Z1089" t="str">
            <v>土建大と石屋電管タ鋼舗浚防内園水解</v>
          </cell>
          <cell r="AA1089" t="str">
            <v>土木一式</v>
          </cell>
          <cell r="AB1089" t="str">
            <v>建築一式</v>
          </cell>
          <cell r="AC1089" t="str">
            <v>浚渫</v>
          </cell>
          <cell r="AD1089" t="str">
            <v>水道施設</v>
          </cell>
          <cell r="AE1089">
            <v>43190</v>
          </cell>
          <cell r="AF1089" t="str">
            <v>希望しない</v>
          </cell>
          <cell r="AG1089" t="str">
            <v>土木一式</v>
          </cell>
          <cell r="AH1089" t="str">
            <v>特定</v>
          </cell>
          <cell r="AI1089">
            <v>1598</v>
          </cell>
          <cell r="AJ1089">
            <v>28797597</v>
          </cell>
          <cell r="AK1089" t="str">
            <v>256(198)/20/0</v>
          </cell>
          <cell r="AL1089" t="str">
            <v>建築一式</v>
          </cell>
          <cell r="AM1089" t="str">
            <v>特定</v>
          </cell>
          <cell r="AN1089">
            <v>1505</v>
          </cell>
          <cell r="AO1089">
            <v>16931448</v>
          </cell>
          <cell r="AP1089" t="str">
            <v>129(88)/2/0</v>
          </cell>
          <cell r="AQ1089" t="str">
            <v>浚渫</v>
          </cell>
          <cell r="AR1089" t="str">
            <v>特定</v>
          </cell>
          <cell r="AS1089">
            <v>1365</v>
          </cell>
          <cell r="AT1089">
            <v>1862849</v>
          </cell>
          <cell r="AU1089" t="str">
            <v>193(156)/16/0</v>
          </cell>
          <cell r="AV1089" t="str">
            <v>水道施設</v>
          </cell>
          <cell r="AW1089" t="str">
            <v>特定</v>
          </cell>
          <cell r="AX1089">
            <v>1052</v>
          </cell>
          <cell r="AY1089">
            <v>21753</v>
          </cell>
          <cell r="AZ1089" t="str">
            <v>10(7)/1/0</v>
          </cell>
          <cell r="BA1089" t="str">
            <v>新潟県</v>
          </cell>
          <cell r="CR1089">
            <v>6750</v>
          </cell>
          <cell r="CS1089" t="str">
            <v>ﾐｿﾞﾌﾞﾁ ｼｹﾞﾉﾘ</v>
          </cell>
          <cell r="CT1089" t="str">
            <v>溝渕  成典</v>
          </cell>
          <cell r="CU1089" t="str">
            <v xml:space="preserve">道路保全課 </v>
          </cell>
          <cell r="CW1089">
            <v>3056</v>
          </cell>
          <cell r="CX1089" t="str">
            <v xml:space="preserve"> </v>
          </cell>
          <cell r="CY1089" t="str">
            <v>道路保全課長</v>
          </cell>
        </row>
        <row r="1090">
          <cell r="B1090">
            <v>4048</v>
          </cell>
          <cell r="C1090" t="str">
            <v>本多電気(株)</v>
          </cell>
          <cell r="D1090" t="str">
            <v>0798-40-3005</v>
          </cell>
          <cell r="E1090" t="str">
            <v>663-8156</v>
          </cell>
          <cell r="F1090" t="str">
            <v>兵庫県西宮市甲子園網引町8-19</v>
          </cell>
          <cell r="G1090" t="str">
            <v>西宮市</v>
          </cell>
          <cell r="H1090" t="str">
            <v/>
          </cell>
          <cell r="I1090" t="str">
            <v>代表取締役 山本　悟史</v>
          </cell>
          <cell r="J1090" t="str">
            <v>本店</v>
          </cell>
          <cell r="K1090" t="str">
            <v>0798-40-3007</v>
          </cell>
          <cell r="L1090" t="str">
            <v>honda-denki@star.ocn.ne.jp</v>
          </cell>
          <cell r="M1090" t="str">
            <v>ﾎﾝﾀﾞﾃﾞﾝｷ</v>
          </cell>
          <cell r="N1090" t="str">
            <v>無</v>
          </cell>
          <cell r="O1090">
            <v>42</v>
          </cell>
          <cell r="P1090">
            <v>15</v>
          </cell>
          <cell r="Q1090">
            <v>8140001070335</v>
          </cell>
          <cell r="R1090">
            <v>20900</v>
          </cell>
          <cell r="S1090">
            <v>293302</v>
          </cell>
          <cell r="T1090">
            <v>423760</v>
          </cell>
          <cell r="V1090" t="str">
            <v>st304709</v>
          </cell>
          <cell r="W1090" t="str">
            <v>ws895838</v>
          </cell>
          <cell r="X1090" t="str">
            <v>電</v>
          </cell>
          <cell r="Y1090" t="str">
            <v/>
          </cell>
          <cell r="Z1090" t="str">
            <v>電</v>
          </cell>
          <cell r="AA1090" t="str">
            <v>電気</v>
          </cell>
          <cell r="AB1090" t="str">
            <v/>
          </cell>
          <cell r="AC1090" t="str">
            <v/>
          </cell>
          <cell r="AD1090" t="str">
            <v/>
          </cell>
          <cell r="AE1090">
            <v>42967</v>
          </cell>
          <cell r="AF1090" t="str">
            <v>希望しない</v>
          </cell>
          <cell r="AG1090" t="str">
            <v>電気</v>
          </cell>
          <cell r="AH1090" t="str">
            <v>特定</v>
          </cell>
          <cell r="AI1090">
            <v>949</v>
          </cell>
          <cell r="AJ1090">
            <v>377590</v>
          </cell>
          <cell r="AK1090" t="str">
            <v>7(7)/1/3</v>
          </cell>
          <cell r="AL1090" t="str">
            <v/>
          </cell>
          <cell r="AM1090" t="str">
            <v/>
          </cell>
          <cell r="AN1090" t="str">
            <v/>
          </cell>
          <cell r="AO1090" t="str">
            <v/>
          </cell>
          <cell r="AP1090" t="str">
            <v/>
          </cell>
          <cell r="AQ1090" t="str">
            <v/>
          </cell>
          <cell r="AR1090" t="str">
            <v/>
          </cell>
          <cell r="AS1090" t="str">
            <v/>
          </cell>
          <cell r="AT1090" t="str">
            <v/>
          </cell>
          <cell r="AU1090" t="str">
            <v/>
          </cell>
          <cell r="AV1090" t="str">
            <v/>
          </cell>
          <cell r="AW1090" t="str">
            <v/>
          </cell>
          <cell r="AX1090" t="str">
            <v/>
          </cell>
          <cell r="AY1090" t="str">
            <v/>
          </cell>
          <cell r="AZ1090" t="str">
            <v/>
          </cell>
          <cell r="BA1090" t="str">
            <v>兵庫県</v>
          </cell>
          <cell r="CR1090">
            <v>6751</v>
          </cell>
          <cell r="CS1090" t="str">
            <v>ｶﾜｼﾞﾘ ﾀｶｼ</v>
          </cell>
          <cell r="CT1090" t="str">
            <v>川尻  享</v>
          </cell>
          <cell r="CU1090" t="str">
            <v>営繕課</v>
          </cell>
          <cell r="CW1090">
            <v>4422</v>
          </cell>
          <cell r="CX1090" t="str">
            <v xml:space="preserve"> </v>
          </cell>
          <cell r="CY1090" t="str">
            <v>営繕課長</v>
          </cell>
        </row>
        <row r="1091">
          <cell r="B1091">
            <v>4052</v>
          </cell>
          <cell r="C1091" t="str">
            <v>(株)ほくつう</v>
          </cell>
          <cell r="D1091" t="str">
            <v>077-543-1113</v>
          </cell>
          <cell r="E1091" t="str">
            <v>520-2134</v>
          </cell>
          <cell r="F1091" t="str">
            <v>滋賀県大津市瀬田6-3-19</v>
          </cell>
          <cell r="G1091" t="str">
            <v>金沢市</v>
          </cell>
          <cell r="H1091" t="str">
            <v>関西支店</v>
          </cell>
          <cell r="I1091" t="str">
            <v>支店長 和田　直己</v>
          </cell>
          <cell r="J1091" t="str">
            <v>石川県金沢市</v>
          </cell>
          <cell r="K1091" t="str">
            <v>077-572-5123</v>
          </cell>
          <cell r="L1091" t="str">
            <v/>
          </cell>
          <cell r="M1091" t="str">
            <v>ﾎｸﾂｳ</v>
          </cell>
          <cell r="N1091" t="str">
            <v>有</v>
          </cell>
          <cell r="O1091">
            <v>59</v>
          </cell>
          <cell r="P1091">
            <v>549</v>
          </cell>
          <cell r="Q1091">
            <v>6220001006381</v>
          </cell>
          <cell r="R1091">
            <v>78000</v>
          </cell>
          <cell r="S1091">
            <v>11498046</v>
          </cell>
          <cell r="T1091">
            <v>16237131</v>
          </cell>
          <cell r="V1091" t="str">
            <v>fw012456</v>
          </cell>
          <cell r="W1091" t="str">
            <v>sw784625</v>
          </cell>
          <cell r="X1091" t="str">
            <v>電管消(電)(通)(消)通</v>
          </cell>
          <cell r="Y1091" t="str">
            <v>電管消(電)(通)(消)</v>
          </cell>
          <cell r="Z1091" t="str">
            <v>通</v>
          </cell>
          <cell r="AA1091" t="str">
            <v>電気通信</v>
          </cell>
          <cell r="AB1091" t="str">
            <v>消防施設</v>
          </cell>
          <cell r="AC1091" t="str">
            <v>電気</v>
          </cell>
          <cell r="AD1091" t="str">
            <v/>
          </cell>
          <cell r="AE1091">
            <v>42947</v>
          </cell>
          <cell r="AF1091" t="str">
            <v>希望しない</v>
          </cell>
          <cell r="AG1091" t="str">
            <v>電気通信</v>
          </cell>
          <cell r="AH1091" t="str">
            <v>特定</v>
          </cell>
          <cell r="AI1091">
            <v>1301</v>
          </cell>
          <cell r="AJ1091">
            <v>9566960</v>
          </cell>
          <cell r="AK1091" t="str">
            <v>0(0)/0/121</v>
          </cell>
          <cell r="AL1091" t="str">
            <v>消防施設</v>
          </cell>
          <cell r="AM1091" t="str">
            <v>一般</v>
          </cell>
          <cell r="AN1091">
            <v>1231</v>
          </cell>
          <cell r="AO1091">
            <v>1901886</v>
          </cell>
          <cell r="AP1091" t="str">
            <v>0(0)/177/0</v>
          </cell>
          <cell r="AQ1091" t="str">
            <v>電気</v>
          </cell>
          <cell r="AR1091" t="str">
            <v>一般</v>
          </cell>
          <cell r="AS1091">
            <v>1177</v>
          </cell>
          <cell r="AT1091">
            <v>271613</v>
          </cell>
          <cell r="AU1091" t="str">
            <v>90(41)/32/10</v>
          </cell>
          <cell r="AV1091" t="str">
            <v/>
          </cell>
          <cell r="AW1091" t="str">
            <v/>
          </cell>
          <cell r="AX1091" t="str">
            <v/>
          </cell>
          <cell r="AY1091" t="str">
            <v/>
          </cell>
          <cell r="AZ1091" t="str">
            <v/>
          </cell>
          <cell r="BA1091" t="str">
            <v>石川県</v>
          </cell>
          <cell r="CR1091">
            <v>6752</v>
          </cell>
          <cell r="CS1091" t="str">
            <v>ﾅｶﾑﾗ ﾔｽﾄ</v>
          </cell>
          <cell r="CT1091" t="str">
            <v>中村  康人</v>
          </cell>
          <cell r="CU1091" t="str">
            <v>営繕課</v>
          </cell>
          <cell r="CW1091">
            <v>4423</v>
          </cell>
          <cell r="CX1091" t="str">
            <v xml:space="preserve"> </v>
          </cell>
          <cell r="CY1091" t="str">
            <v>営繕課長</v>
          </cell>
        </row>
        <row r="1092">
          <cell r="B1092">
            <v>4053</v>
          </cell>
          <cell r="C1092" t="str">
            <v>報国エンジニアリング(株)</v>
          </cell>
          <cell r="D1092" t="str">
            <v>06-6336-0128</v>
          </cell>
          <cell r="E1092" t="str">
            <v>561-0827</v>
          </cell>
          <cell r="F1092" t="str">
            <v>大阪府豊中市大黒町3-5-26</v>
          </cell>
          <cell r="G1092" t="str">
            <v>豊中市</v>
          </cell>
          <cell r="H1092" t="str">
            <v/>
          </cell>
          <cell r="I1092" t="str">
            <v>代表取締役 塚本　英</v>
          </cell>
          <cell r="J1092" t="str">
            <v>本店</v>
          </cell>
          <cell r="K1092" t="str">
            <v>06-6336-4369</v>
          </cell>
          <cell r="L1092" t="str">
            <v>m-kita@hokoku-eng.com</v>
          </cell>
          <cell r="M1092" t="str">
            <v>ﾎｳｺｸｴﾝｼﾞﾆｱﾘﾝｸﾞ</v>
          </cell>
          <cell r="N1092" t="str">
            <v>無</v>
          </cell>
          <cell r="O1092">
            <v>42</v>
          </cell>
          <cell r="P1092">
            <v>159</v>
          </cell>
          <cell r="Q1092">
            <v>1120901025578</v>
          </cell>
          <cell r="R1092">
            <v>30000</v>
          </cell>
          <cell r="S1092">
            <v>693237</v>
          </cell>
          <cell r="T1092">
            <v>5494995</v>
          </cell>
          <cell r="V1092" t="str">
            <v>bv102093</v>
          </cell>
          <cell r="W1092" t="str">
            <v>qi101758</v>
          </cell>
          <cell r="X1092" t="str">
            <v>井建と</v>
          </cell>
          <cell r="Y1092" t="str">
            <v>井</v>
          </cell>
          <cell r="Z1092" t="str">
            <v>建と</v>
          </cell>
          <cell r="AA1092" t="str">
            <v>さく井</v>
          </cell>
          <cell r="AB1092" t="str">
            <v>とび土工</v>
          </cell>
          <cell r="AC1092" t="str">
            <v/>
          </cell>
          <cell r="AD1092" t="str">
            <v/>
          </cell>
          <cell r="AE1092">
            <v>43089</v>
          </cell>
          <cell r="AF1092" t="str">
            <v>希望しない</v>
          </cell>
          <cell r="AG1092" t="str">
            <v>さく井</v>
          </cell>
          <cell r="AH1092" t="str">
            <v>一般</v>
          </cell>
          <cell r="AI1092">
            <v>649</v>
          </cell>
          <cell r="AJ1092">
            <v>1830</v>
          </cell>
          <cell r="AK1092" t="str">
            <v>1()//</v>
          </cell>
          <cell r="AL1092" t="str">
            <v>とび土工</v>
          </cell>
          <cell r="AM1092" t="str">
            <v>特定</v>
          </cell>
          <cell r="AN1092">
            <v>1006</v>
          </cell>
          <cell r="AO1092">
            <v>4396300</v>
          </cell>
          <cell r="AP1092" t="str">
            <v>3()//</v>
          </cell>
          <cell r="AQ1092" t="str">
            <v/>
          </cell>
          <cell r="AR1092" t="str">
            <v/>
          </cell>
          <cell r="AS1092" t="str">
            <v/>
          </cell>
          <cell r="AT1092" t="str">
            <v/>
          </cell>
          <cell r="AU1092" t="str">
            <v/>
          </cell>
          <cell r="AV1092" t="str">
            <v/>
          </cell>
          <cell r="AW1092" t="str">
            <v/>
          </cell>
          <cell r="AX1092" t="str">
            <v/>
          </cell>
          <cell r="AY1092" t="str">
            <v/>
          </cell>
          <cell r="AZ1092" t="str">
            <v/>
          </cell>
          <cell r="BA1092" t="str">
            <v>大阪府</v>
          </cell>
          <cell r="CR1092">
            <v>6753</v>
          </cell>
          <cell r="CS1092" t="str">
            <v>ﾀﾑﾗ ﾖｼｺ</v>
          </cell>
          <cell r="CT1092" t="str">
            <v>田村  理子</v>
          </cell>
          <cell r="CU1092" t="str">
            <v>みどり自然課</v>
          </cell>
          <cell r="CW1092">
            <v>2866</v>
          </cell>
          <cell r="CX1092" t="str">
            <v xml:space="preserve"> </v>
          </cell>
          <cell r="CY1092" t="str">
            <v>みどり自然課長</v>
          </cell>
        </row>
        <row r="1093">
          <cell r="B1093">
            <v>4063</v>
          </cell>
          <cell r="C1093" t="str">
            <v>(株)前澤エンジニアリングサービス</v>
          </cell>
          <cell r="D1093" t="str">
            <v>06-4807-3320</v>
          </cell>
          <cell r="E1093" t="str">
            <v>532-0003</v>
          </cell>
          <cell r="F1093" t="str">
            <v>大阪府大阪市淀川区宮原3-5-24</v>
          </cell>
          <cell r="G1093" t="str">
            <v>川口市</v>
          </cell>
          <cell r="H1093" t="str">
            <v>大阪営業所</v>
          </cell>
          <cell r="I1093" t="str">
            <v>所長 渡邉　尚樹</v>
          </cell>
          <cell r="J1093" t="str">
            <v>埼玉県川口市</v>
          </cell>
          <cell r="K1093" t="str">
            <v>06-4807-3318</v>
          </cell>
          <cell r="L1093" t="str">
            <v>mes_osaka@maezawa.co.jp</v>
          </cell>
          <cell r="M1093" t="str">
            <v>ｻｲﾀﾏｹﾝｶﾜｸﾞﾁｼﾅｶﾁｮｳ</v>
          </cell>
          <cell r="N1093" t="str">
            <v>有</v>
          </cell>
          <cell r="O1093">
            <v>28</v>
          </cell>
          <cell r="P1093">
            <v>258</v>
          </cell>
          <cell r="Q1093">
            <v>1030001082736</v>
          </cell>
          <cell r="R1093">
            <v>80000</v>
          </cell>
          <cell r="S1093">
            <v>1505470</v>
          </cell>
          <cell r="T1093">
            <v>8125280</v>
          </cell>
          <cell r="V1093" t="str">
            <v>mh156852</v>
          </cell>
          <cell r="W1093" t="str">
            <v>bh728770</v>
          </cell>
          <cell r="X1093" t="str">
            <v>(清)(管)(鋼)(浚)(機)(水)土電管鋼浚機水</v>
          </cell>
          <cell r="Y1093" t="str">
            <v>(清)(管)(鋼)(浚)(機)(水)</v>
          </cell>
          <cell r="Z1093" t="str">
            <v>土電管鋼浚機水</v>
          </cell>
          <cell r="AA1093" t="str">
            <v>機械器具</v>
          </cell>
          <cell r="AB1093" t="str">
            <v>水道施設</v>
          </cell>
          <cell r="AC1093" t="str">
            <v>鋼構造物</v>
          </cell>
          <cell r="AD1093" t="str">
            <v>管</v>
          </cell>
          <cell r="AE1093">
            <v>43251</v>
          </cell>
          <cell r="AF1093" t="str">
            <v>希望しない</v>
          </cell>
          <cell r="AG1093" t="str">
            <v>機械器具</v>
          </cell>
          <cell r="AH1093" t="str">
            <v>特定</v>
          </cell>
          <cell r="AI1093">
            <v>1197</v>
          </cell>
          <cell r="AJ1093">
            <v>6072997</v>
          </cell>
          <cell r="AK1093" t="str">
            <v>3(0)/0/88</v>
          </cell>
          <cell r="AL1093" t="str">
            <v>水道施設</v>
          </cell>
          <cell r="AM1093" t="str">
            <v>特定</v>
          </cell>
          <cell r="AN1093">
            <v>1105</v>
          </cell>
          <cell r="AO1093">
            <v>305950</v>
          </cell>
          <cell r="AP1093" t="str">
            <v>66(59)/9/19</v>
          </cell>
          <cell r="AQ1093" t="str">
            <v>鋼構造物</v>
          </cell>
          <cell r="AR1093" t="str">
            <v>特定</v>
          </cell>
          <cell r="AS1093">
            <v>983</v>
          </cell>
          <cell r="AT1093">
            <v>27250</v>
          </cell>
          <cell r="AU1093" t="str">
            <v>29(23)/2/0</v>
          </cell>
          <cell r="AV1093" t="str">
            <v>管</v>
          </cell>
          <cell r="AW1093" t="str">
            <v>特定</v>
          </cell>
          <cell r="AX1093">
            <v>854</v>
          </cell>
          <cell r="AY1093">
            <v>440</v>
          </cell>
          <cell r="AZ1093" t="str">
            <v>8(5)/3/0</v>
          </cell>
          <cell r="BA1093" t="str">
            <v>埼玉県</v>
          </cell>
          <cell r="CR1093">
            <v>6754</v>
          </cell>
          <cell r="CS1093" t="str">
            <v>ｲﾄｳ ﾀｸ</v>
          </cell>
          <cell r="CT1093" t="str">
            <v>伊藤  択</v>
          </cell>
          <cell r="CU1093" t="str">
            <v>障害福祉課</v>
          </cell>
          <cell r="CW1093">
            <v>2950</v>
          </cell>
          <cell r="CX1093" t="str">
            <v xml:space="preserve"> </v>
          </cell>
          <cell r="CY1093" t="str">
            <v>障害福祉課長</v>
          </cell>
        </row>
        <row r="1094">
          <cell r="B1094">
            <v>4064</v>
          </cell>
          <cell r="C1094" t="str">
            <v>前澤工業(株)</v>
          </cell>
          <cell r="D1094" t="str">
            <v>06-4807-3300</v>
          </cell>
          <cell r="E1094" t="str">
            <v>532-0003</v>
          </cell>
          <cell r="F1094" t="str">
            <v>大阪府大阪市淀川区宮原3-5-24</v>
          </cell>
          <cell r="G1094" t="str">
            <v>川口市</v>
          </cell>
          <cell r="H1094" t="str">
            <v>大阪支店</v>
          </cell>
          <cell r="I1094" t="str">
            <v>支店長 渡邉　芳久</v>
          </cell>
          <cell r="J1094" t="str">
            <v>埼玉県川口市</v>
          </cell>
          <cell r="K1094" t="str">
            <v>06-4807-3309</v>
          </cell>
          <cell r="L1094" t="str">
            <v>osaka_branch@maezawa.co.jp</v>
          </cell>
          <cell r="M1094" t="str">
            <v>ﾏｴｻﾞﾜｺｳｷﾞｮｳ</v>
          </cell>
          <cell r="N1094" t="str">
            <v>有</v>
          </cell>
          <cell r="O1094">
            <v>57</v>
          </cell>
          <cell r="P1094">
            <v>691</v>
          </cell>
          <cell r="Q1094">
            <v>5010001057579</v>
          </cell>
          <cell r="R1094">
            <v>5233000</v>
          </cell>
          <cell r="S1094">
            <v>15509000</v>
          </cell>
          <cell r="T1094">
            <v>21381000</v>
          </cell>
          <cell r="V1094" t="str">
            <v>vr145923</v>
          </cell>
          <cell r="W1094" t="str">
            <v>qv431497</v>
          </cell>
          <cell r="X1094" t="str">
            <v>(清)(建)(電)(管)(鋼)(浚)(機)(水)土建と電管鋼舗浚機井水</v>
          </cell>
          <cell r="Y1094" t="str">
            <v>(清)(建)(電)(管)(鋼)(浚)(機)(水)</v>
          </cell>
          <cell r="Z1094" t="str">
            <v>土建と電管鋼舗浚機井水</v>
          </cell>
          <cell r="AA1094" t="str">
            <v>機械器具</v>
          </cell>
          <cell r="AB1094" t="str">
            <v>水道施設</v>
          </cell>
          <cell r="AC1094" t="str">
            <v>鋼構造物</v>
          </cell>
          <cell r="AD1094" t="str">
            <v>電気</v>
          </cell>
          <cell r="AE1094">
            <v>43251</v>
          </cell>
          <cell r="AF1094" t="str">
            <v/>
          </cell>
          <cell r="AG1094" t="str">
            <v>機械器具</v>
          </cell>
          <cell r="AH1094" t="str">
            <v>特定</v>
          </cell>
          <cell r="AI1094">
            <v>1269</v>
          </cell>
          <cell r="AJ1094">
            <v>6800748</v>
          </cell>
          <cell r="AK1094" t="str">
            <v>3(0)/0/107</v>
          </cell>
          <cell r="AL1094" t="str">
            <v>水道施設</v>
          </cell>
          <cell r="AM1094" t="str">
            <v>特定</v>
          </cell>
          <cell r="AN1094">
            <v>1303</v>
          </cell>
          <cell r="AO1094">
            <v>3015709</v>
          </cell>
          <cell r="AP1094" t="str">
            <v>120(10)/20/15</v>
          </cell>
          <cell r="AQ1094" t="str">
            <v>鋼構造物</v>
          </cell>
          <cell r="AR1094" t="str">
            <v>特定</v>
          </cell>
          <cell r="AS1094">
            <v>1036</v>
          </cell>
          <cell r="AT1094">
            <v>18497</v>
          </cell>
          <cell r="AU1094" t="str">
            <v>31(19)/11/0</v>
          </cell>
          <cell r="AV1094" t="str">
            <v>電気</v>
          </cell>
          <cell r="AW1094" t="str">
            <v>特定</v>
          </cell>
          <cell r="AX1094">
            <v>921</v>
          </cell>
          <cell r="AY1094" t="str">
            <v/>
          </cell>
          <cell r="AZ1094" t="str">
            <v>10(7)/2/7</v>
          </cell>
          <cell r="BA1094" t="str">
            <v>埼玉県</v>
          </cell>
          <cell r="CR1094">
            <v>6755</v>
          </cell>
          <cell r="CS1094" t="str">
            <v>ｳｴﾑﾗ ﾕｳｷ</v>
          </cell>
          <cell r="CT1094" t="str">
            <v>上村  祐基</v>
          </cell>
          <cell r="CU1094" t="str">
            <v>生活支援課</v>
          </cell>
          <cell r="CW1094">
            <v>2952</v>
          </cell>
          <cell r="CX1094" t="str">
            <v xml:space="preserve"> </v>
          </cell>
          <cell r="CY1094" t="str">
            <v>生活支援課長</v>
          </cell>
        </row>
        <row r="1095">
          <cell r="B1095">
            <v>4065</v>
          </cell>
          <cell r="C1095" t="str">
            <v>前田建設(株)</v>
          </cell>
          <cell r="D1095" t="str">
            <v>079-253-1810</v>
          </cell>
          <cell r="E1095" t="str">
            <v>671-0255</v>
          </cell>
          <cell r="F1095" t="str">
            <v>兵庫県姫路市花田町小川343-3</v>
          </cell>
          <cell r="G1095" t="str">
            <v>姫路市</v>
          </cell>
          <cell r="H1095" t="str">
            <v/>
          </cell>
          <cell r="I1095" t="str">
            <v>代表取締役 前田　正博</v>
          </cell>
          <cell r="J1095" t="str">
            <v>本店</v>
          </cell>
          <cell r="K1095" t="str">
            <v>079-252-5417</v>
          </cell>
          <cell r="L1095" t="str">
            <v>maeda.co@alpha.ocn.ne.jp</v>
          </cell>
          <cell r="M1095" t="str">
            <v>ﾏｴﾀﾞｹﾝｾﾂ</v>
          </cell>
          <cell r="N1095" t="str">
            <v>無</v>
          </cell>
          <cell r="O1095">
            <v>60</v>
          </cell>
          <cell r="P1095">
            <v>30</v>
          </cell>
          <cell r="Q1095">
            <v>1140001061571</v>
          </cell>
          <cell r="R1095">
            <v>40000</v>
          </cell>
          <cell r="S1095">
            <v>289958</v>
          </cell>
          <cell r="T1095">
            <v>458020</v>
          </cell>
          <cell r="V1095" t="str">
            <v>uh416121</v>
          </cell>
          <cell r="W1095" t="str">
            <v>zb163169</v>
          </cell>
          <cell r="X1095" t="str">
            <v>管土建と鋼舗浚塗防園水解</v>
          </cell>
          <cell r="Y1095" t="str">
            <v>管</v>
          </cell>
          <cell r="Z1095" t="str">
            <v>土建と鋼舗浚塗防園水解</v>
          </cell>
          <cell r="AA1095" t="str">
            <v>土木一式</v>
          </cell>
          <cell r="AB1095" t="str">
            <v>とび土工</v>
          </cell>
          <cell r="AC1095" t="str">
            <v>舗装</v>
          </cell>
          <cell r="AD1095" t="str">
            <v>解体</v>
          </cell>
          <cell r="AE1095">
            <v>43008</v>
          </cell>
          <cell r="AF1095" t="str">
            <v>希望しない</v>
          </cell>
          <cell r="AG1095" t="str">
            <v>土木一式</v>
          </cell>
          <cell r="AH1095" t="str">
            <v>特定</v>
          </cell>
          <cell r="AI1095">
            <v>938</v>
          </cell>
          <cell r="AJ1095">
            <v>392770</v>
          </cell>
          <cell r="AK1095" t="str">
            <v>9(9)/1/8</v>
          </cell>
          <cell r="AL1095" t="str">
            <v>とび土工</v>
          </cell>
          <cell r="AM1095" t="str">
            <v>特定</v>
          </cell>
          <cell r="AN1095">
            <v>815</v>
          </cell>
          <cell r="AO1095">
            <v>76689</v>
          </cell>
          <cell r="AP1095" t="str">
            <v>3(3)/0/4</v>
          </cell>
          <cell r="AQ1095" t="str">
            <v>舗装</v>
          </cell>
          <cell r="AR1095" t="str">
            <v>特定</v>
          </cell>
          <cell r="AS1095">
            <v>791</v>
          </cell>
          <cell r="AT1095">
            <v>22459</v>
          </cell>
          <cell r="AU1095" t="str">
            <v>4(4)/0/5</v>
          </cell>
          <cell r="AV1095" t="str">
            <v>解体</v>
          </cell>
          <cell r="AW1095" t="str">
            <v>特定</v>
          </cell>
          <cell r="AX1095">
            <v>786</v>
          </cell>
          <cell r="AY1095">
            <v>17260</v>
          </cell>
          <cell r="AZ1095" t="str">
            <v>3(3)/0/4</v>
          </cell>
          <cell r="BA1095" t="str">
            <v>兵庫県</v>
          </cell>
          <cell r="CR1095">
            <v>6756</v>
          </cell>
          <cell r="CS1095" t="str">
            <v>ｸﾛｽ ﾘｴ</v>
          </cell>
          <cell r="CT1095" t="str">
            <v>黒須  里恵</v>
          </cell>
          <cell r="CU1095" t="str">
            <v>生活支援課</v>
          </cell>
          <cell r="CW1095" t="str">
            <v xml:space="preserve"> </v>
          </cell>
          <cell r="CX1095" t="str">
            <v xml:space="preserve"> </v>
          </cell>
          <cell r="CY1095" t="str">
            <v>生活支援課長</v>
          </cell>
        </row>
        <row r="1096">
          <cell r="B1096">
            <v>4066</v>
          </cell>
          <cell r="C1096" t="str">
            <v>前田建設(株)</v>
          </cell>
          <cell r="D1096" t="str">
            <v>0795-77-0168</v>
          </cell>
          <cell r="E1096" t="str">
            <v>669-3125</v>
          </cell>
          <cell r="F1096" t="str">
            <v>兵庫県丹波市山南町池谷108</v>
          </cell>
          <cell r="G1096" t="str">
            <v>丹波市</v>
          </cell>
          <cell r="H1096" t="str">
            <v/>
          </cell>
          <cell r="I1096" t="str">
            <v>代表取締役 前田　忠</v>
          </cell>
          <cell r="J1096" t="str">
            <v>本店</v>
          </cell>
          <cell r="K1096" t="str">
            <v>0795-77-1681</v>
          </cell>
          <cell r="L1096" t="str">
            <v>info@maeda-kensetsu.co.jp</v>
          </cell>
          <cell r="M1096" t="str">
            <v>ﾏｴﾀﾞｹﾝｾﾂ</v>
          </cell>
          <cell r="N1096" t="str">
            <v>無</v>
          </cell>
          <cell r="O1096">
            <v>64</v>
          </cell>
          <cell r="P1096">
            <v>22</v>
          </cell>
          <cell r="Q1096">
            <v>1140001041326</v>
          </cell>
          <cell r="R1096">
            <v>50000</v>
          </cell>
          <cell r="S1096">
            <v>307707</v>
          </cell>
          <cell r="T1096">
            <v>1327522</v>
          </cell>
          <cell r="V1096" t="str">
            <v>vd720164</v>
          </cell>
          <cell r="W1096" t="str">
            <v>xj843354</v>
          </cell>
          <cell r="X1096" t="str">
            <v>電管通園土建大と石屋タ鋼鉄舗浚板ガ塗防内熱具水解</v>
          </cell>
          <cell r="Y1096" t="str">
            <v>電管通園</v>
          </cell>
          <cell r="Z1096" t="str">
            <v>土建大と石屋タ鋼鉄舗浚板ガ塗防内熱具水解</v>
          </cell>
          <cell r="AA1096" t="str">
            <v>建築一式</v>
          </cell>
          <cell r="AB1096" t="str">
            <v>土木一式</v>
          </cell>
          <cell r="AC1096" t="str">
            <v>管</v>
          </cell>
          <cell r="AD1096" t="str">
            <v>電気</v>
          </cell>
          <cell r="AE1096">
            <v>43281</v>
          </cell>
          <cell r="AF1096" t="str">
            <v/>
          </cell>
          <cell r="AG1096" t="str">
            <v>建築一式</v>
          </cell>
          <cell r="AH1096" t="str">
            <v>特定</v>
          </cell>
          <cell r="AI1096">
            <v>930</v>
          </cell>
          <cell r="AJ1096">
            <v>844503</v>
          </cell>
          <cell r="AK1096" t="str">
            <v>5(5)/1/6</v>
          </cell>
          <cell r="AL1096" t="str">
            <v>土木一式</v>
          </cell>
          <cell r="AM1096" t="str">
            <v>特定</v>
          </cell>
          <cell r="AN1096">
            <v>903</v>
          </cell>
          <cell r="AO1096">
            <v>352350</v>
          </cell>
          <cell r="AP1096" t="str">
            <v>6(6)/1/6</v>
          </cell>
          <cell r="AQ1096" t="str">
            <v>管</v>
          </cell>
          <cell r="AR1096" t="str">
            <v>一般</v>
          </cell>
          <cell r="AS1096">
            <v>735</v>
          </cell>
          <cell r="AT1096">
            <v>24895</v>
          </cell>
          <cell r="AU1096" t="str">
            <v/>
          </cell>
          <cell r="AV1096" t="str">
            <v>電気</v>
          </cell>
          <cell r="AW1096" t="str">
            <v>一般</v>
          </cell>
          <cell r="AX1096">
            <v>713</v>
          </cell>
          <cell r="AY1096">
            <v>9361</v>
          </cell>
          <cell r="AZ1096" t="str">
            <v>()/1/1</v>
          </cell>
          <cell r="BA1096" t="str">
            <v>兵庫県</v>
          </cell>
          <cell r="CR1096">
            <v>6757</v>
          </cell>
          <cell r="CS1096" t="str">
            <v>ﾅｶﾑﾗ ｼﾝｲﾁ</v>
          </cell>
          <cell r="CT1096" t="str">
            <v>中村  真一</v>
          </cell>
          <cell r="CU1096" t="str">
            <v>生活支援課</v>
          </cell>
          <cell r="CW1096">
            <v>2589</v>
          </cell>
          <cell r="CX1096" t="str">
            <v xml:space="preserve"> </v>
          </cell>
          <cell r="CY1096" t="str">
            <v>生活支援課長</v>
          </cell>
        </row>
        <row r="1097">
          <cell r="B1097">
            <v>4067</v>
          </cell>
          <cell r="C1097" t="str">
            <v>前田建設工業(株)</v>
          </cell>
          <cell r="D1097" t="str">
            <v>078-321-3248</v>
          </cell>
          <cell r="E1097" t="str">
            <v>650-0036</v>
          </cell>
          <cell r="F1097" t="str">
            <v>兵庫県神戸市中央区播磨町49</v>
          </cell>
          <cell r="G1097" t="str">
            <v/>
          </cell>
          <cell r="H1097" t="str">
            <v>神戸営業所</v>
          </cell>
          <cell r="I1097" t="str">
            <v>所長 松本　公一</v>
          </cell>
          <cell r="J1097" t="str">
            <v>東京都</v>
          </cell>
          <cell r="K1097" t="str">
            <v>078-333-7654</v>
          </cell>
          <cell r="L1097" t="str">
            <v>dodo.j@jcity.maeda.co.jp</v>
          </cell>
          <cell r="M1097" t="str">
            <v>ﾏｴﾀﾞｹﾝｾﾂｺｳｷﾞｮｳ</v>
          </cell>
          <cell r="N1097" t="str">
            <v>有</v>
          </cell>
          <cell r="O1097">
            <v>68</v>
          </cell>
          <cell r="P1097">
            <v>3029</v>
          </cell>
          <cell r="Q1097">
            <v>4010001008789</v>
          </cell>
          <cell r="R1097">
            <v>28463000</v>
          </cell>
          <cell r="S1097">
            <v>173618000</v>
          </cell>
          <cell r="T1097">
            <v>467724000</v>
          </cell>
          <cell r="V1097" t="str">
            <v>na926261</v>
          </cell>
          <cell r="W1097" t="str">
            <v>gu297238</v>
          </cell>
          <cell r="X1097" t="str">
            <v>(清)(建)(大)(左)(と)(石)(屋)(タ)(鋼)(鉄)(舗)(浚)(板)(ガ)(塗)(防)(内)(熱)(具)(水)土建大と石屋電管タ鋼鉄舗浚板ガ塗防内熱園具水清解</v>
          </cell>
          <cell r="Y1097" t="str">
            <v>(清)(建)(大)(左)(と)(石)(屋)(タ)(鋼)(鉄)(舗)(浚)(板)(ガ)(塗)(防)(内)(熱)(具)(水)</v>
          </cell>
          <cell r="Z1097" t="str">
            <v>土建大と石屋電管タ鋼鉄舗浚板ガ塗防内熱園具水清解</v>
          </cell>
          <cell r="AA1097" t="str">
            <v>建築一式</v>
          </cell>
          <cell r="AB1097" t="str">
            <v>土木一式</v>
          </cell>
          <cell r="AC1097" t="str">
            <v/>
          </cell>
          <cell r="AD1097" t="str">
            <v/>
          </cell>
          <cell r="AE1097">
            <v>43190</v>
          </cell>
          <cell r="AF1097" t="str">
            <v>希望する</v>
          </cell>
          <cell r="AG1097" t="str">
            <v>建築一式</v>
          </cell>
          <cell r="AH1097" t="str">
            <v>特定</v>
          </cell>
          <cell r="AI1097">
            <v>1965</v>
          </cell>
          <cell r="AJ1097">
            <v>205190325</v>
          </cell>
          <cell r="AK1097" t="str">
            <v>1031(613)/2/72</v>
          </cell>
          <cell r="AL1097" t="str">
            <v>土木一式</v>
          </cell>
          <cell r="AM1097" t="str">
            <v>特定</v>
          </cell>
          <cell r="AN1097">
            <v>1963</v>
          </cell>
          <cell r="AO1097">
            <v>127251587</v>
          </cell>
          <cell r="AP1097" t="str">
            <v>962(749)/10/16</v>
          </cell>
          <cell r="AQ1097" t="str">
            <v/>
          </cell>
          <cell r="AR1097" t="str">
            <v/>
          </cell>
          <cell r="AS1097" t="str">
            <v/>
          </cell>
          <cell r="AT1097" t="str">
            <v/>
          </cell>
          <cell r="AU1097" t="str">
            <v/>
          </cell>
          <cell r="AV1097" t="str">
            <v/>
          </cell>
          <cell r="AW1097" t="str">
            <v/>
          </cell>
          <cell r="AX1097" t="str">
            <v/>
          </cell>
          <cell r="AY1097" t="str">
            <v/>
          </cell>
          <cell r="AZ1097" t="str">
            <v/>
          </cell>
          <cell r="BA1097" t="str">
            <v>東京都</v>
          </cell>
          <cell r="CR1097">
            <v>6758</v>
          </cell>
          <cell r="CS1097" t="str">
            <v>ﾊﾗｸﾞﾁ ｼﾞﾕﾝｼﾞ</v>
          </cell>
          <cell r="CT1097" t="str">
            <v>原口  純二</v>
          </cell>
          <cell r="CU1097" t="str">
            <v>介護保険課</v>
          </cell>
          <cell r="CW1097">
            <v>2782</v>
          </cell>
          <cell r="CX1097" t="str">
            <v xml:space="preserve"> </v>
          </cell>
          <cell r="CY1097" t="str">
            <v>介護保険課長</v>
          </cell>
        </row>
        <row r="1098">
          <cell r="B1098">
            <v>4068</v>
          </cell>
          <cell r="C1098" t="str">
            <v>真柄建設(株)</v>
          </cell>
          <cell r="D1098" t="str">
            <v>06-6393-1171</v>
          </cell>
          <cell r="E1098" t="str">
            <v>532-0003</v>
          </cell>
          <cell r="F1098" t="str">
            <v>大阪府大阪市淀川区宮原4-4-63</v>
          </cell>
          <cell r="G1098" t="str">
            <v>金沢市</v>
          </cell>
          <cell r="H1098" t="str">
            <v>大阪事業部</v>
          </cell>
          <cell r="I1098" t="str">
            <v>執行役員事業部長 竹上　眞一</v>
          </cell>
          <cell r="J1098" t="str">
            <v>石川県金沢市</v>
          </cell>
          <cell r="K1098" t="str">
            <v>06-6396-6441</v>
          </cell>
          <cell r="L1098" t="str">
            <v>m12e1@magara.co.jp</v>
          </cell>
          <cell r="M1098" t="str">
            <v>ﾏｶﾞﾗｹﾝｾﾂ</v>
          </cell>
          <cell r="N1098" t="str">
            <v>有</v>
          </cell>
          <cell r="O1098">
            <v>68</v>
          </cell>
          <cell r="P1098">
            <v>230</v>
          </cell>
          <cell r="Q1098">
            <v>2220001006559</v>
          </cell>
          <cell r="R1098">
            <v>350000</v>
          </cell>
          <cell r="S1098">
            <v>14890348</v>
          </cell>
          <cell r="T1098">
            <v>21136612</v>
          </cell>
          <cell r="V1098" t="str">
            <v>af962627</v>
          </cell>
          <cell r="W1098" t="str">
            <v>xx369748</v>
          </cell>
          <cell r="X1098" t="str">
            <v>(清)(建)(大)(と)(鋼)(舗)(浚)(防)(内)(水)(解)土建大と電管鋼舗浚防内園水解</v>
          </cell>
          <cell r="Y1098" t="str">
            <v>(清)(建)(大)(と)(鋼)(舗)(浚)(防)(内)(水)(解)</v>
          </cell>
          <cell r="Z1098" t="str">
            <v>土建大と電管鋼舗浚防内園水解</v>
          </cell>
          <cell r="AA1098" t="str">
            <v>土木一式</v>
          </cell>
          <cell r="AB1098" t="str">
            <v>建築一式</v>
          </cell>
          <cell r="AC1098" t="str">
            <v/>
          </cell>
          <cell r="AD1098" t="str">
            <v/>
          </cell>
          <cell r="AE1098">
            <v>43190</v>
          </cell>
          <cell r="AF1098" t="str">
            <v>希望する</v>
          </cell>
          <cell r="AG1098" t="str">
            <v>土木一式</v>
          </cell>
          <cell r="AH1098" t="str">
            <v>特定</v>
          </cell>
          <cell r="AI1098">
            <v>1414</v>
          </cell>
          <cell r="AJ1098">
            <v>5863111</v>
          </cell>
          <cell r="AK1098" t="str">
            <v>94(91)/14/0</v>
          </cell>
          <cell r="AL1098" t="str">
            <v>建築一式</v>
          </cell>
          <cell r="AM1098" t="str">
            <v>特定</v>
          </cell>
          <cell r="AN1098">
            <v>1504</v>
          </cell>
          <cell r="AO1098">
            <v>17085193</v>
          </cell>
          <cell r="AP1098" t="str">
            <v>101(94)/10/0</v>
          </cell>
          <cell r="AQ1098" t="str">
            <v/>
          </cell>
          <cell r="AR1098" t="str">
            <v/>
          </cell>
          <cell r="AS1098" t="str">
            <v/>
          </cell>
          <cell r="AT1098" t="str">
            <v/>
          </cell>
          <cell r="AU1098" t="str">
            <v/>
          </cell>
          <cell r="AV1098" t="str">
            <v/>
          </cell>
          <cell r="AW1098" t="str">
            <v/>
          </cell>
          <cell r="AX1098" t="str">
            <v/>
          </cell>
          <cell r="AY1098" t="str">
            <v/>
          </cell>
          <cell r="AZ1098" t="str">
            <v/>
          </cell>
          <cell r="BA1098" t="str">
            <v>石川県</v>
          </cell>
          <cell r="CR1098">
            <v>6759</v>
          </cell>
          <cell r="CS1098" t="str">
            <v>ﾑﾗﾀ ﾓﾄﾋﾛ</v>
          </cell>
          <cell r="CT1098" t="str">
            <v>村田  礼浩</v>
          </cell>
          <cell r="CU1098" t="str">
            <v>生活支援課</v>
          </cell>
          <cell r="CW1098">
            <v>2642</v>
          </cell>
          <cell r="CX1098" t="str">
            <v xml:space="preserve"> </v>
          </cell>
          <cell r="CY1098" t="str">
            <v>生活支援課長</v>
          </cell>
        </row>
        <row r="1099">
          <cell r="B1099">
            <v>4069</v>
          </cell>
          <cell r="C1099" t="str">
            <v>ミザック(株)</v>
          </cell>
          <cell r="D1099" t="str">
            <v>078-599-5555</v>
          </cell>
          <cell r="E1099" t="str">
            <v>652-0812</v>
          </cell>
          <cell r="F1099" t="str">
            <v>兵庫県神戸市兵庫区湊町4-2-12</v>
          </cell>
          <cell r="G1099" t="str">
            <v>大阪市</v>
          </cell>
          <cell r="H1099" t="str">
            <v>神戸支店</v>
          </cell>
          <cell r="I1099" t="str">
            <v>支店長 山脇　智</v>
          </cell>
          <cell r="J1099" t="str">
            <v>大阪府大阪市</v>
          </cell>
          <cell r="K1099" t="str">
            <v>078-599-5562</v>
          </cell>
          <cell r="L1099" t="str">
            <v>info@mizac.co.jp</v>
          </cell>
          <cell r="M1099" t="str">
            <v>ﾏｻｷｺｳｷﾞｮｳ</v>
          </cell>
          <cell r="N1099" t="str">
            <v>有</v>
          </cell>
          <cell r="O1099">
            <v>51</v>
          </cell>
          <cell r="P1099">
            <v>117</v>
          </cell>
          <cell r="Q1099">
            <v>1120001016214</v>
          </cell>
          <cell r="R1099">
            <v>70000</v>
          </cell>
          <cell r="S1099">
            <v>318445</v>
          </cell>
          <cell r="T1099">
            <v>1607524</v>
          </cell>
          <cell r="V1099" t="str">
            <v>xk509266</v>
          </cell>
          <cell r="W1099" t="str">
            <v>re900970</v>
          </cell>
          <cell r="X1099" t="str">
            <v>電機(清)(と)(石)(鋼)(舗)(浚)(塗)土建大と石屋管タ鋼鉄舗浚板ガ塗防内熱具水</v>
          </cell>
          <cell r="Y1099" t="str">
            <v>電機(清)(と)(石)(鋼)(舗)(浚)(塗)</v>
          </cell>
          <cell r="Z1099" t="str">
            <v>土建大と石屋管タ鋼鉄舗浚板ガ塗防内熱具水</v>
          </cell>
          <cell r="AA1099" t="str">
            <v>土木一式</v>
          </cell>
          <cell r="AB1099" t="str">
            <v>機械器具</v>
          </cell>
          <cell r="AC1099" t="str">
            <v>水道施設</v>
          </cell>
          <cell r="AD1099" t="str">
            <v>浚渫</v>
          </cell>
          <cell r="AE1099">
            <v>43008</v>
          </cell>
          <cell r="AF1099" t="str">
            <v>希望する</v>
          </cell>
          <cell r="AG1099" t="str">
            <v>土木一式</v>
          </cell>
          <cell r="AH1099" t="str">
            <v>特定</v>
          </cell>
          <cell r="AI1099">
            <v>1064</v>
          </cell>
          <cell r="AJ1099">
            <v>893530</v>
          </cell>
          <cell r="AK1099" t="str">
            <v>14(11)/1/59</v>
          </cell>
          <cell r="AL1099" t="str">
            <v>機械器具</v>
          </cell>
          <cell r="AM1099" t="str">
            <v>一般</v>
          </cell>
          <cell r="AN1099">
            <v>827</v>
          </cell>
          <cell r="AO1099">
            <v>21158</v>
          </cell>
          <cell r="AP1099" t="str">
            <v>0(0)/0/11</v>
          </cell>
          <cell r="AQ1099" t="str">
            <v>水道施設</v>
          </cell>
          <cell r="AR1099" t="str">
            <v>特定</v>
          </cell>
          <cell r="AS1099">
            <v>756</v>
          </cell>
          <cell r="AT1099" t="str">
            <v/>
          </cell>
          <cell r="AU1099" t="str">
            <v>1(1)/0/0</v>
          </cell>
          <cell r="AV1099" t="str">
            <v>浚渫</v>
          </cell>
          <cell r="AW1099" t="str">
            <v>特定</v>
          </cell>
          <cell r="AX1099">
            <v>769</v>
          </cell>
          <cell r="AY1099">
            <v>7308</v>
          </cell>
          <cell r="AZ1099" t="str">
            <v>0(0)/0/0</v>
          </cell>
          <cell r="BA1099" t="str">
            <v>大阪府</v>
          </cell>
          <cell r="CR1099">
            <v>6760</v>
          </cell>
          <cell r="CS1099" t="str">
            <v>ｱｷﾔﾏ ｴﾘ</v>
          </cell>
          <cell r="CT1099" t="str">
            <v>秋山  絵梨</v>
          </cell>
          <cell r="CU1099" t="str">
            <v>健康政策課</v>
          </cell>
          <cell r="CW1099">
            <v>2988</v>
          </cell>
          <cell r="CX1099" t="str">
            <v xml:space="preserve"> </v>
          </cell>
          <cell r="CY1099" t="str">
            <v>健康政策課長</v>
          </cell>
        </row>
        <row r="1100">
          <cell r="B1100">
            <v>4071</v>
          </cell>
          <cell r="C1100" t="str">
            <v>(株)益田工務店</v>
          </cell>
          <cell r="D1100" t="str">
            <v>078-222-5211</v>
          </cell>
          <cell r="E1100" t="str">
            <v>651-0093</v>
          </cell>
          <cell r="F1100" t="str">
            <v>兵庫県神戸市中央区二宮町1‐2‐3</v>
          </cell>
          <cell r="G1100" t="str">
            <v>神戸市</v>
          </cell>
          <cell r="H1100" t="str">
            <v/>
          </cell>
          <cell r="I1100" t="str">
            <v>取締役社長 永井　完次</v>
          </cell>
          <cell r="J1100" t="str">
            <v>本店</v>
          </cell>
          <cell r="K1100" t="str">
            <v>078-222-4660</v>
          </cell>
          <cell r="L1100" t="str">
            <v>eigyou01@masuda-co.co.jp</v>
          </cell>
          <cell r="M1100" t="str">
            <v>ﾏｽﾀﾞｺｳﾑﾃﾝ</v>
          </cell>
          <cell r="N1100" t="str">
            <v>無</v>
          </cell>
          <cell r="O1100">
            <v>65</v>
          </cell>
          <cell r="P1100">
            <v>44</v>
          </cell>
          <cell r="Q1100">
            <v>8140001010919</v>
          </cell>
          <cell r="R1100">
            <v>65000</v>
          </cell>
          <cell r="S1100">
            <v>837778</v>
          </cell>
          <cell r="T1100">
            <v>3418761</v>
          </cell>
          <cell r="V1100" t="str">
            <v>vg127565</v>
          </cell>
          <cell r="W1100" t="str">
            <v>pz642195</v>
          </cell>
          <cell r="X1100" t="str">
            <v>土建と塗防</v>
          </cell>
          <cell r="Y1100" t="str">
            <v/>
          </cell>
          <cell r="Z1100" t="str">
            <v>土建と塗防</v>
          </cell>
          <cell r="AA1100" t="str">
            <v>建築一式</v>
          </cell>
          <cell r="AB1100" t="str">
            <v/>
          </cell>
          <cell r="AC1100" t="str">
            <v/>
          </cell>
          <cell r="AD1100" t="str">
            <v/>
          </cell>
          <cell r="AE1100">
            <v>43190</v>
          </cell>
          <cell r="AF1100" t="str">
            <v>希望しない</v>
          </cell>
          <cell r="AG1100" t="str">
            <v>建築一式</v>
          </cell>
          <cell r="AH1100" t="str">
            <v>特定</v>
          </cell>
          <cell r="AI1100">
            <v>1084</v>
          </cell>
          <cell r="AJ1100">
            <v>3038372</v>
          </cell>
          <cell r="AK1100" t="str">
            <v>29(29)/1/2</v>
          </cell>
          <cell r="AL1100" t="str">
            <v/>
          </cell>
          <cell r="AM1100" t="str">
            <v/>
          </cell>
          <cell r="AN1100" t="str">
            <v/>
          </cell>
          <cell r="AO1100" t="str">
            <v/>
          </cell>
          <cell r="AP1100" t="str">
            <v/>
          </cell>
          <cell r="AQ1100" t="str">
            <v/>
          </cell>
          <cell r="AR1100" t="str">
            <v/>
          </cell>
          <cell r="AS1100" t="str">
            <v/>
          </cell>
          <cell r="AT1100" t="str">
            <v/>
          </cell>
          <cell r="AU1100" t="str">
            <v/>
          </cell>
          <cell r="AV1100" t="str">
            <v/>
          </cell>
          <cell r="AW1100" t="str">
            <v/>
          </cell>
          <cell r="AX1100" t="str">
            <v/>
          </cell>
          <cell r="AY1100" t="str">
            <v/>
          </cell>
          <cell r="AZ1100" t="str">
            <v/>
          </cell>
          <cell r="BA1100" t="str">
            <v>兵庫県</v>
          </cell>
          <cell r="CR1100">
            <v>6761</v>
          </cell>
          <cell r="CS1100" t="str">
            <v>ｵｵﾀﾆ ﾕｶﾘ</v>
          </cell>
          <cell r="CT1100" t="str">
            <v>大谷  由加里</v>
          </cell>
          <cell r="CU1100" t="str">
            <v>保育課</v>
          </cell>
          <cell r="CW1100" t="str">
            <v xml:space="preserve"> </v>
          </cell>
          <cell r="CX1100" t="str">
            <v xml:space="preserve"> </v>
          </cell>
          <cell r="CY1100" t="str">
            <v>保育課長</v>
          </cell>
        </row>
        <row r="1101">
          <cell r="B1101">
            <v>4074</v>
          </cell>
          <cell r="C1101" t="str">
            <v>松井建設(株)</v>
          </cell>
          <cell r="D1101" t="str">
            <v>06-6356-5121</v>
          </cell>
          <cell r="E1101" t="str">
            <v>530-0000</v>
          </cell>
          <cell r="F1101" t="str">
            <v>大阪府大阪市北区紅梅町2-18 南森町共同ﾋﾞﾙ</v>
          </cell>
          <cell r="G1101" t="str">
            <v/>
          </cell>
          <cell r="H1101" t="str">
            <v>大阪支店</v>
          </cell>
          <cell r="I1101" t="str">
            <v>執行役員支店長　 山田　彰</v>
          </cell>
          <cell r="J1101" t="str">
            <v>東京都</v>
          </cell>
          <cell r="K1101" t="str">
            <v>06-6356-1281</v>
          </cell>
          <cell r="L1101" t="str">
            <v>oseigyobu@matsui-ken.co.jp</v>
          </cell>
          <cell r="M1101" t="str">
            <v>ﾏﾂｲｹﾝｾﾂ</v>
          </cell>
          <cell r="N1101" t="str">
            <v>有</v>
          </cell>
          <cell r="O1101">
            <v>68</v>
          </cell>
          <cell r="P1101">
            <v>726</v>
          </cell>
          <cell r="Q1101">
            <v>7010000000000</v>
          </cell>
          <cell r="R1101">
            <v>4000000</v>
          </cell>
          <cell r="S1101">
            <v>35800057</v>
          </cell>
          <cell r="T1101">
            <v>92344315</v>
          </cell>
          <cell r="V1101" t="str">
            <v>dw306145</v>
          </cell>
          <cell r="W1101" t="str">
            <v>bs535347</v>
          </cell>
          <cell r="X1101" t="str">
            <v>土建と塗防</v>
          </cell>
          <cell r="Y1101" t="str">
            <v/>
          </cell>
          <cell r="Z1101" t="str">
            <v>土建と塗防</v>
          </cell>
          <cell r="AA1101" t="str">
            <v>建築一式</v>
          </cell>
          <cell r="AB1101" t="str">
            <v>土木一式</v>
          </cell>
          <cell r="AC1101" t="str">
            <v/>
          </cell>
          <cell r="AD1101" t="str">
            <v/>
          </cell>
          <cell r="AE1101">
            <v>43190</v>
          </cell>
          <cell r="AF1101" t="str">
            <v>希望しない</v>
          </cell>
          <cell r="AG1101" t="str">
            <v>建築一式</v>
          </cell>
          <cell r="AH1101" t="str">
            <v>特定</v>
          </cell>
          <cell r="AI1101">
            <v>1792</v>
          </cell>
          <cell r="AJ1101">
            <v>85351556</v>
          </cell>
          <cell r="AK1101" t="str">
            <v>374(346)/16/84</v>
          </cell>
          <cell r="AL1101" t="str">
            <v>土木一式</v>
          </cell>
          <cell r="AM1101" t="str">
            <v>特定</v>
          </cell>
          <cell r="AN1101">
            <v>1339</v>
          </cell>
          <cell r="AO1101">
            <v>1359995</v>
          </cell>
          <cell r="AP1101" t="str">
            <v>60(59)/0/1</v>
          </cell>
          <cell r="AQ1101" t="str">
            <v/>
          </cell>
          <cell r="AR1101" t="str">
            <v/>
          </cell>
          <cell r="AS1101" t="str">
            <v/>
          </cell>
          <cell r="AT1101" t="str">
            <v/>
          </cell>
          <cell r="AU1101" t="str">
            <v/>
          </cell>
          <cell r="AV1101" t="str">
            <v/>
          </cell>
          <cell r="AW1101" t="str">
            <v/>
          </cell>
          <cell r="AX1101" t="str">
            <v/>
          </cell>
          <cell r="AY1101" t="str">
            <v/>
          </cell>
          <cell r="AZ1101" t="str">
            <v/>
          </cell>
          <cell r="BA1101" t="str">
            <v>東京都</v>
          </cell>
          <cell r="CR1101">
            <v>6762</v>
          </cell>
          <cell r="CS1101" t="str">
            <v>ｶｸｼﾖ ｻｷ</v>
          </cell>
          <cell r="CT1101" t="str">
            <v>角所  咲</v>
          </cell>
          <cell r="CU1101" t="str">
            <v>保育課</v>
          </cell>
          <cell r="CW1101" t="str">
            <v xml:space="preserve"> </v>
          </cell>
          <cell r="CX1101" t="str">
            <v xml:space="preserve"> </v>
          </cell>
          <cell r="CY1101" t="str">
            <v>保育課長</v>
          </cell>
        </row>
        <row r="1102">
          <cell r="B1102">
            <v>4082</v>
          </cell>
          <cell r="C1102" t="str">
            <v>パナソニックLSエンジニアリング(株)</v>
          </cell>
          <cell r="D1102" t="str">
            <v>06-6910-0133</v>
          </cell>
          <cell r="E1102" t="str">
            <v>540-0001</v>
          </cell>
          <cell r="F1102" t="str">
            <v>大阪府大阪市中央区城見2丁目1番61号</v>
          </cell>
          <cell r="G1102" t="str">
            <v>大阪市</v>
          </cell>
          <cell r="H1102" t="str">
            <v>近畿支店</v>
          </cell>
          <cell r="I1102" t="str">
            <v>支店長 藤澤　武</v>
          </cell>
          <cell r="J1102" t="str">
            <v>大阪府大阪市</v>
          </cell>
          <cell r="K1102" t="str">
            <v>06-6910-0141</v>
          </cell>
          <cell r="L1102" t="str">
            <v>sano.sachiyo@jp.panasonic.com</v>
          </cell>
          <cell r="M1102" t="str">
            <v>ﾊﾟﾅｿﾆﾂｸｲ-ｴｽｴﾝｼﾞﾆｱﾘﾝｸﾞ</v>
          </cell>
          <cell r="N1102" t="str">
            <v>有</v>
          </cell>
          <cell r="O1102">
            <v>37</v>
          </cell>
          <cell r="P1102">
            <v>904</v>
          </cell>
          <cell r="Q1102">
            <v>3120000000000</v>
          </cell>
          <cell r="R1102">
            <v>1115580</v>
          </cell>
          <cell r="S1102">
            <v>10521608</v>
          </cell>
          <cell r="T1102">
            <v>46161733</v>
          </cell>
          <cell r="V1102" t="str">
            <v>ry804955</v>
          </cell>
          <cell r="W1102" t="str">
            <v>dj568924</v>
          </cell>
          <cell r="X1102" t="str">
            <v>土建と塗防</v>
          </cell>
          <cell r="Y1102" t="str">
            <v/>
          </cell>
          <cell r="Z1102" t="str">
            <v>土建と塗防</v>
          </cell>
          <cell r="AA1102" t="str">
            <v>電気</v>
          </cell>
          <cell r="AB1102" t="str">
            <v>電気通信</v>
          </cell>
          <cell r="AC1102" t="str">
            <v>管</v>
          </cell>
          <cell r="AD1102" t="str">
            <v>内装仕上</v>
          </cell>
          <cell r="AE1102">
            <v>43190</v>
          </cell>
          <cell r="AF1102" t="str">
            <v>希望しない</v>
          </cell>
          <cell r="AG1102" t="str">
            <v>電気</v>
          </cell>
          <cell r="AH1102" t="str">
            <v>特定</v>
          </cell>
          <cell r="AI1102">
            <v>1519</v>
          </cell>
          <cell r="AJ1102">
            <v>23095230</v>
          </cell>
          <cell r="AK1102" t="str">
            <v>206(135)/21/46</v>
          </cell>
          <cell r="AL1102" t="str">
            <v>電気通信</v>
          </cell>
          <cell r="AM1102" t="str">
            <v>特定</v>
          </cell>
          <cell r="AN1102">
            <v>1245</v>
          </cell>
          <cell r="AO1102">
            <v>5090160</v>
          </cell>
          <cell r="AP1102" t="str">
            <v>0(0)/0/55</v>
          </cell>
          <cell r="AQ1102" t="str">
            <v>管</v>
          </cell>
          <cell r="AR1102" t="str">
            <v>特定</v>
          </cell>
          <cell r="AS1102">
            <v>1200</v>
          </cell>
          <cell r="AT1102">
            <v>952643</v>
          </cell>
          <cell r="AU1102" t="str">
            <v>22(12)/5/7</v>
          </cell>
          <cell r="AV1102" t="str">
            <v>内装仕上</v>
          </cell>
          <cell r="AW1102" t="str">
            <v>特定</v>
          </cell>
          <cell r="AX1102">
            <v>1230</v>
          </cell>
          <cell r="AY1102">
            <v>2701691</v>
          </cell>
          <cell r="AZ1102" t="str">
            <v>15(9)/10/4</v>
          </cell>
          <cell r="BA1102" t="str">
            <v>大阪府</v>
          </cell>
          <cell r="CR1102">
            <v>6763</v>
          </cell>
          <cell r="CS1102" t="str">
            <v>ｻｶﾓﾄ ﾅｵｺ</v>
          </cell>
          <cell r="CT1102" t="str">
            <v>坂本  奈緒子</v>
          </cell>
          <cell r="CU1102" t="str">
            <v>保育課</v>
          </cell>
          <cell r="CW1102" t="str">
            <v xml:space="preserve"> </v>
          </cell>
          <cell r="CX1102" t="str">
            <v xml:space="preserve"> </v>
          </cell>
          <cell r="CY1102" t="str">
            <v>保育課長</v>
          </cell>
        </row>
        <row r="1103">
          <cell r="B1103">
            <v>4084</v>
          </cell>
          <cell r="C1103" t="str">
            <v>(株)マツダ・シティーズ</v>
          </cell>
          <cell r="D1103" t="str">
            <v>06-6700-1282</v>
          </cell>
          <cell r="E1103" t="str">
            <v>547-0014</v>
          </cell>
          <cell r="F1103" t="str">
            <v>大阪府大阪市平野区長吉川辺3丁目1番14号</v>
          </cell>
          <cell r="G1103" t="str">
            <v>大阪市</v>
          </cell>
          <cell r="H1103" t="str">
            <v/>
          </cell>
          <cell r="I1103" t="str">
            <v>代表取締役 松田　吉弘</v>
          </cell>
          <cell r="J1103" t="str">
            <v>本店</v>
          </cell>
          <cell r="K1103" t="str">
            <v>06-6700-7131</v>
          </cell>
          <cell r="L1103" t="str">
            <v>matuda-03\@gamma.ocn.ne.jp</v>
          </cell>
          <cell r="M1103" t="str">
            <v>ﾏﾂﾀﾞ･ｼﾃｨｰｽﾞ</v>
          </cell>
          <cell r="N1103" t="str">
            <v>無</v>
          </cell>
          <cell r="O1103">
            <v>60</v>
          </cell>
          <cell r="P1103">
            <v>37</v>
          </cell>
          <cell r="Q1103">
            <v>9120001025372</v>
          </cell>
          <cell r="R1103">
            <v>70000</v>
          </cell>
          <cell r="S1103">
            <v>1016425</v>
          </cell>
          <cell r="T1103">
            <v>3146457</v>
          </cell>
          <cell r="V1103" t="str">
            <v>zb854172</v>
          </cell>
          <cell r="W1103" t="str">
            <v>mz343201</v>
          </cell>
          <cell r="X1103" t="str">
            <v>土建大と石屋タ鋼板ガ塗防内熱具</v>
          </cell>
          <cell r="Y1103" t="str">
            <v>土</v>
          </cell>
          <cell r="Z1103" t="str">
            <v>建大と石屋タ鋼板ガ塗防内熱具</v>
          </cell>
          <cell r="AA1103" t="str">
            <v>建築一式</v>
          </cell>
          <cell r="AB1103" t="str">
            <v/>
          </cell>
          <cell r="AC1103" t="str">
            <v/>
          </cell>
          <cell r="AD1103" t="str">
            <v/>
          </cell>
          <cell r="AE1103">
            <v>43131</v>
          </cell>
          <cell r="AF1103" t="str">
            <v>希望しない</v>
          </cell>
          <cell r="AG1103" t="str">
            <v>建築一式</v>
          </cell>
          <cell r="AH1103" t="str">
            <v>特定</v>
          </cell>
          <cell r="AI1103">
            <v>1024</v>
          </cell>
          <cell r="AJ1103">
            <v>3024167</v>
          </cell>
          <cell r="AK1103" t="str">
            <v>13(13)/5/5</v>
          </cell>
          <cell r="AL1103" t="str">
            <v/>
          </cell>
          <cell r="AM1103" t="str">
            <v/>
          </cell>
          <cell r="AN1103" t="str">
            <v/>
          </cell>
          <cell r="AO1103" t="str">
            <v/>
          </cell>
          <cell r="AP1103" t="str">
            <v/>
          </cell>
          <cell r="AQ1103" t="str">
            <v/>
          </cell>
          <cell r="AR1103" t="str">
            <v/>
          </cell>
          <cell r="AS1103" t="str">
            <v/>
          </cell>
          <cell r="AT1103" t="str">
            <v/>
          </cell>
          <cell r="AU1103" t="str">
            <v/>
          </cell>
          <cell r="AV1103" t="str">
            <v/>
          </cell>
          <cell r="AW1103" t="str">
            <v/>
          </cell>
          <cell r="AX1103" t="str">
            <v/>
          </cell>
          <cell r="AY1103" t="str">
            <v/>
          </cell>
          <cell r="AZ1103" t="str">
            <v/>
          </cell>
          <cell r="BA1103" t="str">
            <v>大阪府</v>
          </cell>
          <cell r="CR1103">
            <v>6765</v>
          </cell>
          <cell r="CS1103" t="str">
            <v>ﾊﾔｼ ﾐﾎ</v>
          </cell>
          <cell r="CT1103" t="str">
            <v>林  美帆</v>
          </cell>
          <cell r="CU1103" t="str">
            <v>保育課</v>
          </cell>
          <cell r="CW1103" t="str">
            <v xml:space="preserve"> </v>
          </cell>
          <cell r="CX1103" t="str">
            <v xml:space="preserve"> </v>
          </cell>
          <cell r="CY1103" t="str">
            <v>保育課長</v>
          </cell>
        </row>
        <row r="1104">
          <cell r="B1104">
            <v>4085</v>
          </cell>
          <cell r="C1104" t="str">
            <v>(株)松田組</v>
          </cell>
          <cell r="D1104" t="str">
            <v>0798-67-4056</v>
          </cell>
          <cell r="E1104" t="str">
            <v>663-8204</v>
          </cell>
          <cell r="F1104" t="str">
            <v>兵庫西宮高松町20-21</v>
          </cell>
          <cell r="G1104" t="str">
            <v/>
          </cell>
          <cell r="H1104" t="str">
            <v/>
          </cell>
          <cell r="I1104" t="str">
            <v>代表取締役社長　 松田　隆</v>
          </cell>
          <cell r="J1104" t="str">
            <v>本店</v>
          </cell>
          <cell r="K1104" t="str">
            <v>0798-64-1714</v>
          </cell>
          <cell r="L1104" t="str">
            <v>eigyou@matsudagumi.co.jp</v>
          </cell>
          <cell r="M1104" t="str">
            <v>ﾏﾂﾀﾞｸﾞﾐ</v>
          </cell>
          <cell r="N1104" t="str">
            <v>無</v>
          </cell>
          <cell r="O1104">
            <v>68</v>
          </cell>
          <cell r="P1104">
            <v>55</v>
          </cell>
          <cell r="Q1104">
            <v>2140000000000</v>
          </cell>
          <cell r="R1104">
            <v>72000</v>
          </cell>
          <cell r="S1104">
            <v>728762</v>
          </cell>
          <cell r="T1104">
            <v>2993485</v>
          </cell>
          <cell r="V1104" t="str">
            <v>jn966995</v>
          </cell>
          <cell r="W1104" t="str">
            <v>rm590623</v>
          </cell>
          <cell r="X1104" t="str">
            <v>土建大と石屋タ鋼板ガ塗防内熱具</v>
          </cell>
          <cell r="Y1104" t="str">
            <v>土</v>
          </cell>
          <cell r="Z1104" t="str">
            <v>建大と石屋タ鋼板ガ塗防内熱具</v>
          </cell>
          <cell r="AA1104" t="str">
            <v>建築一式</v>
          </cell>
          <cell r="AB1104" t="str">
            <v>土木一式</v>
          </cell>
          <cell r="AC1104" t="str">
            <v>舗装</v>
          </cell>
          <cell r="AD1104" t="str">
            <v>塗装</v>
          </cell>
          <cell r="AE1104">
            <v>43251</v>
          </cell>
          <cell r="AF1104" t="str">
            <v>ＳＰＲ工法</v>
          </cell>
          <cell r="AG1104" t="str">
            <v>建築一式</v>
          </cell>
          <cell r="AH1104" t="str">
            <v>特定</v>
          </cell>
          <cell r="AI1104">
            <v>1082</v>
          </cell>
          <cell r="AJ1104">
            <v>1658360</v>
          </cell>
          <cell r="AK1104" t="str">
            <v>18(17)/8/6</v>
          </cell>
          <cell r="AL1104" t="str">
            <v>土木一式</v>
          </cell>
          <cell r="AM1104" t="str">
            <v>特定</v>
          </cell>
          <cell r="AN1104">
            <v>1066</v>
          </cell>
          <cell r="AO1104">
            <v>1175844</v>
          </cell>
          <cell r="AP1104" t="str">
            <v>20(20)/1/10</v>
          </cell>
          <cell r="AQ1104" t="str">
            <v>舗装</v>
          </cell>
          <cell r="AR1104" t="str">
            <v>特定</v>
          </cell>
          <cell r="AS1104">
            <v>778</v>
          </cell>
          <cell r="AT1104">
            <v>760</v>
          </cell>
          <cell r="AU1104" t="str">
            <v>4(4)/0/0</v>
          </cell>
          <cell r="AV1104" t="str">
            <v>塗装</v>
          </cell>
          <cell r="AW1104" t="str">
            <v>特定</v>
          </cell>
          <cell r="AX1104">
            <v>726</v>
          </cell>
          <cell r="AY1104">
            <v>2092</v>
          </cell>
          <cell r="AZ1104" t="str">
            <v>0(0)/0/0</v>
          </cell>
          <cell r="BA1104" t="str">
            <v/>
          </cell>
          <cell r="CR1104">
            <v>6766</v>
          </cell>
          <cell r="CS1104" t="str">
            <v>ﾏﾂﾀﾞ ﾕｷ</v>
          </cell>
          <cell r="CT1104" t="str">
            <v>松田  侑希</v>
          </cell>
          <cell r="CU1104" t="str">
            <v>保育課</v>
          </cell>
          <cell r="CW1104" t="str">
            <v xml:space="preserve"> </v>
          </cell>
          <cell r="CX1104" t="str">
            <v xml:space="preserve"> </v>
          </cell>
          <cell r="CY1104" t="str">
            <v>保育課長</v>
          </cell>
        </row>
        <row r="1105">
          <cell r="B1105">
            <v>4086</v>
          </cell>
          <cell r="C1105" t="str">
            <v>(株)マツダ建設</v>
          </cell>
          <cell r="D1105" t="str">
            <v>079-563-4747</v>
          </cell>
          <cell r="E1105" t="str">
            <v>669-1548</v>
          </cell>
          <cell r="F1105" t="str">
            <v>兵庫県三田市池尻25</v>
          </cell>
          <cell r="G1105" t="str">
            <v>三田市</v>
          </cell>
          <cell r="H1105" t="str">
            <v/>
          </cell>
          <cell r="I1105" t="str">
            <v>代表取締役 松田　菊次</v>
          </cell>
          <cell r="J1105" t="str">
            <v>本店</v>
          </cell>
          <cell r="K1105" t="str">
            <v>079-563-7415</v>
          </cell>
          <cell r="L1105" t="str">
            <v>mailmaster@matsudak.co.jp</v>
          </cell>
          <cell r="M1105" t="str">
            <v>ﾏﾂﾀﾞｹﾝｾﾂ</v>
          </cell>
          <cell r="N1105" t="str">
            <v>無</v>
          </cell>
          <cell r="O1105">
            <v>51</v>
          </cell>
          <cell r="P1105">
            <v>6</v>
          </cell>
          <cell r="Q1105">
            <v>6140001066590</v>
          </cell>
          <cell r="R1105">
            <v>20000</v>
          </cell>
          <cell r="S1105">
            <v>115787</v>
          </cell>
          <cell r="T1105">
            <v>156041</v>
          </cell>
          <cell r="V1105" t="str">
            <v>zj370393</v>
          </cell>
          <cell r="W1105" t="str">
            <v>hv485752</v>
          </cell>
          <cell r="X1105" t="str">
            <v>建管園土舗水</v>
          </cell>
          <cell r="Y1105" t="str">
            <v>建管園</v>
          </cell>
          <cell r="Z1105" t="str">
            <v>土舗水</v>
          </cell>
          <cell r="AA1105" t="str">
            <v>土木一式</v>
          </cell>
          <cell r="AB1105" t="str">
            <v/>
          </cell>
          <cell r="AC1105" t="str">
            <v/>
          </cell>
          <cell r="AD1105" t="str">
            <v/>
          </cell>
          <cell r="AE1105">
            <v>43281</v>
          </cell>
          <cell r="AF1105" t="str">
            <v/>
          </cell>
          <cell r="AG1105" t="str">
            <v>土木一式</v>
          </cell>
          <cell r="AH1105" t="str">
            <v>特定</v>
          </cell>
          <cell r="AI1105">
            <v>850</v>
          </cell>
          <cell r="AJ1105">
            <v>104443</v>
          </cell>
          <cell r="AK1105" t="str">
            <v>5(5)/0/0</v>
          </cell>
          <cell r="AL1105" t="str">
            <v/>
          </cell>
          <cell r="AM1105" t="str">
            <v/>
          </cell>
          <cell r="AN1105" t="str">
            <v/>
          </cell>
          <cell r="AO1105" t="str">
            <v/>
          </cell>
          <cell r="AP1105" t="str">
            <v/>
          </cell>
          <cell r="AQ1105" t="str">
            <v/>
          </cell>
          <cell r="AR1105" t="str">
            <v/>
          </cell>
          <cell r="AS1105" t="str">
            <v/>
          </cell>
          <cell r="AT1105" t="str">
            <v/>
          </cell>
          <cell r="AU1105" t="str">
            <v/>
          </cell>
          <cell r="AV1105" t="str">
            <v/>
          </cell>
          <cell r="AW1105" t="str">
            <v/>
          </cell>
          <cell r="AX1105" t="str">
            <v/>
          </cell>
          <cell r="AY1105" t="str">
            <v/>
          </cell>
          <cell r="AZ1105" t="str">
            <v/>
          </cell>
          <cell r="BA1105" t="str">
            <v>兵庫県</v>
          </cell>
          <cell r="CR1105">
            <v>6767</v>
          </cell>
          <cell r="CS1105" t="str">
            <v>ﾔﾏﾓﾄ ﾕｳｺ</v>
          </cell>
          <cell r="CT1105" t="str">
            <v>山本  優子</v>
          </cell>
          <cell r="CU1105" t="str">
            <v>保育課</v>
          </cell>
          <cell r="CW1105" t="str">
            <v xml:space="preserve"> </v>
          </cell>
          <cell r="CX1105" t="str">
            <v xml:space="preserve"> </v>
          </cell>
          <cell r="CY1105" t="str">
            <v>保育課長</v>
          </cell>
        </row>
        <row r="1106">
          <cell r="B1106">
            <v>4087</v>
          </cell>
          <cell r="C1106" t="str">
            <v>(株)松村組</v>
          </cell>
          <cell r="D1106" t="str">
            <v>06-6354-8808</v>
          </cell>
          <cell r="E1106" t="str">
            <v>530-8588</v>
          </cell>
          <cell r="F1106" t="str">
            <v>大阪府大阪市北区天満1丁目3番21号</v>
          </cell>
          <cell r="G1106" t="str">
            <v>大阪市</v>
          </cell>
          <cell r="H1106" t="str">
            <v>大阪本店</v>
          </cell>
          <cell r="I1106" t="str">
            <v>取締役専務執行役員本店長 西村　正治</v>
          </cell>
          <cell r="J1106" t="str">
            <v>大阪府大阪市</v>
          </cell>
          <cell r="K1106" t="str">
            <v>06-6353-2064</v>
          </cell>
          <cell r="L1106" t="str">
            <v>osaka_denshi@matsumura-gumi.co.jp</v>
          </cell>
          <cell r="M1106" t="str">
            <v>ﾏﾂﾑﾗｸﾞﾐ</v>
          </cell>
          <cell r="N1106" t="str">
            <v>有</v>
          </cell>
          <cell r="O1106">
            <v>68</v>
          </cell>
          <cell r="P1106">
            <v>366</v>
          </cell>
          <cell r="Q1106">
            <v>7120001059694</v>
          </cell>
          <cell r="R1106">
            <v>500000</v>
          </cell>
          <cell r="S1106">
            <v>8953000</v>
          </cell>
          <cell r="T1106">
            <v>36401000</v>
          </cell>
          <cell r="V1106" t="str">
            <v>ps885666</v>
          </cell>
          <cell r="W1106" t="str">
            <v>fc196818</v>
          </cell>
          <cell r="X1106" t="str">
            <v>土建大と石屋電管タ鋼鉄舗浚板ガ塗防内熱園具水解</v>
          </cell>
          <cell r="Y1106" t="str">
            <v/>
          </cell>
          <cell r="Z1106" t="str">
            <v>土建大と石屋電管タ鋼鉄舗浚板ガ塗防内熱園具水解</v>
          </cell>
          <cell r="AA1106" t="str">
            <v>建築一式</v>
          </cell>
          <cell r="AB1106" t="str">
            <v>土木一式</v>
          </cell>
          <cell r="AC1106" t="str">
            <v>管</v>
          </cell>
          <cell r="AD1106" t="str">
            <v>とび土工</v>
          </cell>
          <cell r="AE1106">
            <v>43190</v>
          </cell>
          <cell r="AF1106" t="str">
            <v>希望する</v>
          </cell>
          <cell r="AG1106" t="str">
            <v>建築一式</v>
          </cell>
          <cell r="AH1106" t="str">
            <v>特定</v>
          </cell>
          <cell r="AI1106">
            <v>1541</v>
          </cell>
          <cell r="AJ1106">
            <v>32980955</v>
          </cell>
          <cell r="AK1106" t="str">
            <v>159(124)/3/30</v>
          </cell>
          <cell r="AL1106" t="str">
            <v>土木一式</v>
          </cell>
          <cell r="AM1106" t="str">
            <v>特定</v>
          </cell>
          <cell r="AN1106">
            <v>1292</v>
          </cell>
          <cell r="AO1106">
            <v>4498592</v>
          </cell>
          <cell r="AP1106" t="str">
            <v>38(34)/0/1</v>
          </cell>
          <cell r="AQ1106" t="str">
            <v>管</v>
          </cell>
          <cell r="AR1106" t="str">
            <v>特定</v>
          </cell>
          <cell r="AS1106">
            <v>946</v>
          </cell>
          <cell r="AT1106">
            <v>238</v>
          </cell>
          <cell r="AU1106" t="str">
            <v>11(9)/0/4</v>
          </cell>
          <cell r="AV1106" t="str">
            <v>とび土工</v>
          </cell>
          <cell r="AW1106" t="str">
            <v>特定</v>
          </cell>
          <cell r="AX1106">
            <v>941</v>
          </cell>
          <cell r="AY1106">
            <v>357</v>
          </cell>
          <cell r="AZ1106" t="str">
            <v>11(6)/0/0</v>
          </cell>
          <cell r="BA1106" t="str">
            <v>大阪府</v>
          </cell>
          <cell r="CR1106">
            <v>6768</v>
          </cell>
          <cell r="CS1106" t="str">
            <v>ﾖｼﾀﾞ ﾐｸ</v>
          </cell>
          <cell r="CT1106" t="str">
            <v>吉田  未来</v>
          </cell>
          <cell r="CU1106" t="str">
            <v>保育課</v>
          </cell>
          <cell r="CW1106" t="str">
            <v xml:space="preserve"> </v>
          </cell>
          <cell r="CX1106" t="str">
            <v xml:space="preserve"> </v>
          </cell>
          <cell r="CY1106" t="str">
            <v>保育課長</v>
          </cell>
        </row>
        <row r="1107">
          <cell r="B1107">
            <v>4088</v>
          </cell>
          <cell r="C1107" t="str">
            <v>(株)松村電機製作所</v>
          </cell>
          <cell r="D1107" t="str">
            <v>06-6352-0245</v>
          </cell>
          <cell r="E1107" t="str">
            <v>530-0043</v>
          </cell>
          <cell r="F1107" t="str">
            <v>大阪府大阪市北区天満2-12-16</v>
          </cell>
          <cell r="G1107" t="str">
            <v/>
          </cell>
          <cell r="H1107" t="str">
            <v>関西支店</v>
          </cell>
          <cell r="I1107" t="str">
            <v>支店長 冨山　博司</v>
          </cell>
          <cell r="J1107" t="str">
            <v>東京都</v>
          </cell>
          <cell r="K1107" t="str">
            <v>06-6352-2972</v>
          </cell>
          <cell r="L1107" t="str">
            <v>kansai@matsumuradenki.co.jp</v>
          </cell>
          <cell r="M1107" t="str">
            <v>ﾏﾂﾑﾗﾃﾞﾝｷｾｲｻｸｼｮ</v>
          </cell>
          <cell r="N1107" t="str">
            <v>有</v>
          </cell>
          <cell r="O1107">
            <v>59</v>
          </cell>
          <cell r="P1107">
            <v>177</v>
          </cell>
          <cell r="Q1107">
            <v>5010001007344</v>
          </cell>
          <cell r="R1107">
            <v>84000</v>
          </cell>
          <cell r="S1107">
            <v>2126756</v>
          </cell>
          <cell r="T1107">
            <v>5433859</v>
          </cell>
          <cell r="V1107" t="str">
            <v>rz733275</v>
          </cell>
          <cell r="W1107" t="str">
            <v>ag792270</v>
          </cell>
          <cell r="X1107" t="str">
            <v>機電</v>
          </cell>
          <cell r="Y1107" t="str">
            <v>機</v>
          </cell>
          <cell r="Z1107" t="str">
            <v>電</v>
          </cell>
          <cell r="AA1107" t="str">
            <v>電気</v>
          </cell>
          <cell r="AB1107" t="str">
            <v/>
          </cell>
          <cell r="AC1107" t="str">
            <v/>
          </cell>
          <cell r="AD1107" t="str">
            <v/>
          </cell>
          <cell r="AE1107">
            <v>43008</v>
          </cell>
          <cell r="AF1107" t="str">
            <v>希望しない</v>
          </cell>
          <cell r="AG1107" t="str">
            <v>電気</v>
          </cell>
          <cell r="AH1107" t="str">
            <v>特定</v>
          </cell>
          <cell r="AI1107">
            <v>1137</v>
          </cell>
          <cell r="AJ1107">
            <v>4371881</v>
          </cell>
          <cell r="AK1107" t="str">
            <v>42(41)/6/2</v>
          </cell>
          <cell r="AL1107" t="str">
            <v/>
          </cell>
          <cell r="AM1107" t="str">
            <v/>
          </cell>
          <cell r="AN1107" t="str">
            <v/>
          </cell>
          <cell r="AO1107" t="str">
            <v/>
          </cell>
          <cell r="AP1107" t="str">
            <v/>
          </cell>
          <cell r="AQ1107" t="str">
            <v/>
          </cell>
          <cell r="AR1107" t="str">
            <v/>
          </cell>
          <cell r="AS1107" t="str">
            <v/>
          </cell>
          <cell r="AT1107" t="str">
            <v/>
          </cell>
          <cell r="AU1107" t="str">
            <v/>
          </cell>
          <cell r="AV1107" t="str">
            <v/>
          </cell>
          <cell r="AW1107" t="str">
            <v/>
          </cell>
          <cell r="AX1107" t="str">
            <v/>
          </cell>
          <cell r="AY1107" t="str">
            <v/>
          </cell>
          <cell r="AZ1107" t="str">
            <v/>
          </cell>
          <cell r="BA1107" t="str">
            <v>東京都</v>
          </cell>
          <cell r="CR1107">
            <v>6769</v>
          </cell>
          <cell r="CS1107" t="str">
            <v>ｲﾀｸﾗ ﾕﾐｺ</v>
          </cell>
          <cell r="CT1107" t="str">
            <v>板倉  ゆみ子</v>
          </cell>
          <cell r="CU1107" t="str">
            <v>保育課</v>
          </cell>
          <cell r="CW1107" t="str">
            <v xml:space="preserve"> </v>
          </cell>
          <cell r="CX1107" t="str">
            <v xml:space="preserve"> </v>
          </cell>
          <cell r="CY1107" t="str">
            <v>保育課長</v>
          </cell>
        </row>
        <row r="1108">
          <cell r="B1108">
            <v>4091</v>
          </cell>
          <cell r="C1108" t="str">
            <v>松本建設(株)</v>
          </cell>
          <cell r="D1108" t="str">
            <v>078-252-8222</v>
          </cell>
          <cell r="E1108" t="str">
            <v>651-0074</v>
          </cell>
          <cell r="F1108" t="str">
            <v>兵庫県神戸市中央区南本町通2‐1‐3</v>
          </cell>
          <cell r="G1108" t="str">
            <v>神戸市</v>
          </cell>
          <cell r="H1108" t="str">
            <v/>
          </cell>
          <cell r="I1108" t="str">
            <v>代表取締役 松本　茂男</v>
          </cell>
          <cell r="J1108" t="str">
            <v>本店</v>
          </cell>
          <cell r="K1108" t="str">
            <v>078-252-4401</v>
          </cell>
          <cell r="L1108" t="str">
            <v>m.k.k1@eos.ocn.ne.jp</v>
          </cell>
          <cell r="M1108" t="str">
            <v>ﾏﾂﾓﾄｹﾝｾﾂ</v>
          </cell>
          <cell r="N1108" t="str">
            <v>無</v>
          </cell>
          <cell r="O1108">
            <v>40</v>
          </cell>
          <cell r="P1108">
            <v>8</v>
          </cell>
          <cell r="Q1108">
            <v>4140001031976</v>
          </cell>
          <cell r="R1108">
            <v>20000</v>
          </cell>
          <cell r="S1108">
            <v>635054</v>
          </cell>
          <cell r="T1108">
            <v>802982</v>
          </cell>
          <cell r="V1108" t="str">
            <v>md620675</v>
          </cell>
          <cell r="W1108" t="str">
            <v>kw197257</v>
          </cell>
          <cell r="X1108" t="str">
            <v>建土と石鋼舗浚塗水</v>
          </cell>
          <cell r="Y1108" t="str">
            <v>建</v>
          </cell>
          <cell r="Z1108" t="str">
            <v>土と石鋼舗浚塗水</v>
          </cell>
          <cell r="AA1108" t="str">
            <v>土木一式</v>
          </cell>
          <cell r="AB1108" t="str">
            <v>とび土工</v>
          </cell>
          <cell r="AC1108" t="str">
            <v>舗装</v>
          </cell>
          <cell r="AD1108" t="str">
            <v>鋼構造物</v>
          </cell>
          <cell r="AE1108">
            <v>43220</v>
          </cell>
          <cell r="AF1108" t="str">
            <v>希望する</v>
          </cell>
          <cell r="AG1108" t="str">
            <v>土木一式</v>
          </cell>
          <cell r="AH1108" t="str">
            <v>特定</v>
          </cell>
          <cell r="AI1108">
            <v>890</v>
          </cell>
          <cell r="AJ1108">
            <v>524513</v>
          </cell>
          <cell r="AK1108" t="str">
            <v>2(2)/0/0</v>
          </cell>
          <cell r="AL1108" t="str">
            <v>とび土工</v>
          </cell>
          <cell r="AM1108" t="str">
            <v>特定</v>
          </cell>
          <cell r="AN1108">
            <v>782</v>
          </cell>
          <cell r="AO1108">
            <v>92294</v>
          </cell>
          <cell r="AP1108" t="str">
            <v>1(1)/0/0</v>
          </cell>
          <cell r="AQ1108" t="str">
            <v>舗装</v>
          </cell>
          <cell r="AR1108" t="str">
            <v>特定</v>
          </cell>
          <cell r="AS1108">
            <v>815</v>
          </cell>
          <cell r="AT1108">
            <v>54131</v>
          </cell>
          <cell r="AU1108" t="str">
            <v>2(2)/1/0</v>
          </cell>
          <cell r="AV1108" t="str">
            <v>鋼構造物</v>
          </cell>
          <cell r="AW1108" t="str">
            <v>特定</v>
          </cell>
          <cell r="AX1108">
            <v>753</v>
          </cell>
          <cell r="AY1108" t="str">
            <v/>
          </cell>
          <cell r="AZ1108" t="str">
            <v>5(5)/0/0</v>
          </cell>
          <cell r="BA1108" t="str">
            <v>兵庫県</v>
          </cell>
          <cell r="CR1108">
            <v>6770</v>
          </cell>
          <cell r="CS1108" t="str">
            <v>ｷﾀﾀﾆ ﾕﾐ</v>
          </cell>
          <cell r="CT1108" t="str">
            <v>北谷　由美</v>
          </cell>
          <cell r="CU1108" t="str">
            <v>こども福祉課</v>
          </cell>
          <cell r="CW1108" t="str">
            <v xml:space="preserve"> </v>
          </cell>
          <cell r="CX1108" t="str">
            <v xml:space="preserve"> </v>
          </cell>
          <cell r="CY1108" t="str">
            <v>こども福祉課長</v>
          </cell>
        </row>
        <row r="1109">
          <cell r="B1109">
            <v>4092</v>
          </cell>
          <cell r="C1109" t="str">
            <v>(株)マトバ</v>
          </cell>
          <cell r="D1109" t="str">
            <v>06-6401-1079</v>
          </cell>
          <cell r="E1109" t="str">
            <v>660-0812</v>
          </cell>
          <cell r="F1109" t="str">
            <v>兵庫県尼崎市今福1-1-28-109</v>
          </cell>
          <cell r="G1109" t="str">
            <v>尼崎市</v>
          </cell>
          <cell r="H1109" t="str">
            <v/>
          </cell>
          <cell r="I1109" t="str">
            <v>代表取締役 的場　眞司</v>
          </cell>
          <cell r="J1109" t="str">
            <v>本店</v>
          </cell>
          <cell r="K1109" t="str">
            <v>06-6401-1110</v>
          </cell>
          <cell r="L1109" t="str">
            <v>info@matoba.biz</v>
          </cell>
          <cell r="M1109" t="str">
            <v>ﾏﾄﾊﾞ</v>
          </cell>
          <cell r="N1109" t="str">
            <v>無</v>
          </cell>
          <cell r="O1109">
            <v>20</v>
          </cell>
          <cell r="P1109">
            <v>14</v>
          </cell>
          <cell r="Q1109">
            <v>2140001051324</v>
          </cell>
          <cell r="R1109">
            <v>20000</v>
          </cell>
          <cell r="S1109">
            <v>134358</v>
          </cell>
          <cell r="T1109">
            <v>992552</v>
          </cell>
          <cell r="V1109" t="str">
            <v>cu974827</v>
          </cell>
          <cell r="W1109" t="str">
            <v>ak723467</v>
          </cell>
          <cell r="X1109" t="str">
            <v>建大左と石屋タ鋼鉄板ガ塗防内熱具</v>
          </cell>
          <cell r="Y1109" t="str">
            <v>建大左と石屋タ鋼鉄板ガ塗防内熱具</v>
          </cell>
          <cell r="Z1109" t="str">
            <v/>
          </cell>
          <cell r="AA1109" t="str">
            <v>防水</v>
          </cell>
          <cell r="AB1109" t="str">
            <v>塗装</v>
          </cell>
          <cell r="AC1109" t="str">
            <v>建築一式</v>
          </cell>
          <cell r="AD1109" t="str">
            <v/>
          </cell>
          <cell r="AE1109" t="str">
            <v>Ｈ.29.9.30</v>
          </cell>
          <cell r="AF1109" t="str">
            <v>希望しない</v>
          </cell>
          <cell r="AG1109" t="str">
            <v>防水</v>
          </cell>
          <cell r="AH1109" t="str">
            <v>一般</v>
          </cell>
          <cell r="AI1109">
            <v>833</v>
          </cell>
          <cell r="AJ1109">
            <v>893029</v>
          </cell>
          <cell r="AK1109" t="str">
            <v>2(2)/4/2</v>
          </cell>
          <cell r="AL1109" t="str">
            <v>塗装</v>
          </cell>
          <cell r="AM1109" t="str">
            <v>一般</v>
          </cell>
          <cell r="AN1109">
            <v>740</v>
          </cell>
          <cell r="AO1109">
            <v>99523</v>
          </cell>
          <cell r="AP1109" t="str">
            <v>1(1)/3/3</v>
          </cell>
          <cell r="AQ1109" t="str">
            <v>建築一式</v>
          </cell>
          <cell r="AR1109" t="str">
            <v>一般</v>
          </cell>
          <cell r="AS1109">
            <v>614</v>
          </cell>
          <cell r="AT1109" t="str">
            <v/>
          </cell>
          <cell r="AU1109" t="str">
            <v>1(1)/0/0</v>
          </cell>
          <cell r="AV1109" t="str">
            <v/>
          </cell>
          <cell r="AW1109" t="str">
            <v/>
          </cell>
          <cell r="AX1109" t="str">
            <v/>
          </cell>
          <cell r="AY1109" t="str">
            <v/>
          </cell>
          <cell r="AZ1109" t="str">
            <v/>
          </cell>
          <cell r="BA1109" t="str">
            <v>兵庫県</v>
          </cell>
          <cell r="CR1109">
            <v>6780</v>
          </cell>
          <cell r="CS1109" t="str">
            <v>ｶﾀｵｶ ﾋﾛﾉﾘ</v>
          </cell>
          <cell r="CT1109" t="str">
            <v>片岡  浩典</v>
          </cell>
          <cell r="CU1109" t="str">
            <v>工務課</v>
          </cell>
          <cell r="CW1109" t="str">
            <v xml:space="preserve"> </v>
          </cell>
          <cell r="CX1109" t="str">
            <v xml:space="preserve"> </v>
          </cell>
          <cell r="CY1109" t="str">
            <v>工務課長</v>
          </cell>
        </row>
        <row r="1110">
          <cell r="B1110">
            <v>4093</v>
          </cell>
          <cell r="C1110" t="str">
            <v>的場商事(株)</v>
          </cell>
          <cell r="D1110" t="str">
            <v>078-361-1622</v>
          </cell>
          <cell r="E1110" t="str">
            <v>650-0015</v>
          </cell>
          <cell r="F1110" t="str">
            <v>兵庫県神戸市中央区多聞通3-2-9 甲南ｽｶｲﾋﾞﾙ206</v>
          </cell>
          <cell r="G1110" t="str">
            <v>吹田市</v>
          </cell>
          <cell r="H1110" t="str">
            <v>神戸支店</v>
          </cell>
          <cell r="I1110" t="str">
            <v>取締役支店長　 的場　幸代</v>
          </cell>
          <cell r="J1110" t="str">
            <v>大阪府吹田市</v>
          </cell>
          <cell r="K1110" t="str">
            <v>078-361-1677</v>
          </cell>
          <cell r="L1110" t="str">
            <v>honsya@matoba-shoji.co.jp</v>
          </cell>
          <cell r="M1110" t="str">
            <v>ﾏﾄﾊﾞｼﾖｳｼﾞ</v>
          </cell>
          <cell r="N1110" t="str">
            <v>有</v>
          </cell>
          <cell r="O1110">
            <v>47</v>
          </cell>
          <cell r="P1110">
            <v>19</v>
          </cell>
          <cell r="Q1110">
            <v>9120900000000</v>
          </cell>
          <cell r="R1110">
            <v>30000</v>
          </cell>
          <cell r="S1110">
            <v>262575</v>
          </cell>
          <cell r="T1110">
            <v>439509</v>
          </cell>
          <cell r="V1110" t="str">
            <v>mz456375</v>
          </cell>
          <cell r="W1110" t="str">
            <v>xr612494</v>
          </cell>
          <cell r="X1110" t="str">
            <v>建大左と石屋タ鋼鉄板ガ塗防内熱具</v>
          </cell>
          <cell r="Y1110" t="str">
            <v>建大左と石屋タ鋼鉄板ガ塗防内熱具</v>
          </cell>
          <cell r="Z1110" t="str">
            <v/>
          </cell>
          <cell r="AA1110" t="str">
            <v>土木一式</v>
          </cell>
          <cell r="AB1110" t="str">
            <v>管</v>
          </cell>
          <cell r="AC1110" t="str">
            <v>浚渫</v>
          </cell>
          <cell r="AD1110" t="str">
            <v/>
          </cell>
          <cell r="AE1110">
            <v>43220</v>
          </cell>
          <cell r="AF1110" t="str">
            <v>パルテムＳＺ工法</v>
          </cell>
          <cell r="AG1110" t="str">
            <v>土木一式</v>
          </cell>
          <cell r="AH1110" t="str">
            <v>特定</v>
          </cell>
          <cell r="AI1110">
            <v>873</v>
          </cell>
          <cell r="AJ1110">
            <v>134024</v>
          </cell>
          <cell r="AK1110" t="str">
            <v>3(3)/5/4</v>
          </cell>
          <cell r="AL1110" t="str">
            <v>管</v>
          </cell>
          <cell r="AM1110" t="str">
            <v>特定</v>
          </cell>
          <cell r="AN1110">
            <v>861</v>
          </cell>
          <cell r="AO1110">
            <v>138215</v>
          </cell>
          <cell r="AP1110" t="str">
            <v>1(1)/3/9</v>
          </cell>
          <cell r="AQ1110" t="str">
            <v>浚渫</v>
          </cell>
          <cell r="AR1110" t="str">
            <v>特定</v>
          </cell>
          <cell r="AS1110">
            <v>697</v>
          </cell>
          <cell r="AT1110" t="str">
            <v/>
          </cell>
          <cell r="AU1110" t="str">
            <v>0(0)/0/0</v>
          </cell>
          <cell r="AV1110" t="str">
            <v/>
          </cell>
          <cell r="AW1110" t="str">
            <v/>
          </cell>
          <cell r="AX1110" t="str">
            <v/>
          </cell>
          <cell r="AY1110" t="str">
            <v/>
          </cell>
          <cell r="AZ1110" t="str">
            <v/>
          </cell>
          <cell r="BA1110" t="str">
            <v>大阪府</v>
          </cell>
          <cell r="CR1110">
            <v>6781</v>
          </cell>
          <cell r="CS1110" t="str">
            <v>ﾌﾙｶﾜ ｱﾂｼ</v>
          </cell>
          <cell r="CT1110" t="str">
            <v>古川  淳士</v>
          </cell>
          <cell r="CU1110" t="str">
            <v>工務課</v>
          </cell>
          <cell r="CW1110" t="str">
            <v xml:space="preserve"> </v>
          </cell>
          <cell r="CX1110" t="str">
            <v xml:space="preserve"> </v>
          </cell>
          <cell r="CY1110" t="str">
            <v>工務課長</v>
          </cell>
        </row>
        <row r="1111">
          <cell r="B1111">
            <v>4096</v>
          </cell>
          <cell r="C1111" t="str">
            <v>(株)丸島アクアシステム</v>
          </cell>
          <cell r="D1111" t="str">
            <v>06-6766-3300</v>
          </cell>
          <cell r="E1111" t="str">
            <v>540-8577</v>
          </cell>
          <cell r="F1111" t="str">
            <v>大阪府大阪市中央区谷町5-3-17</v>
          </cell>
          <cell r="G1111" t="str">
            <v>大阪市</v>
          </cell>
          <cell r="H1111" t="str">
            <v/>
          </cell>
          <cell r="I1111" t="str">
            <v>取締役社長 島岡　秀和</v>
          </cell>
          <cell r="J1111" t="str">
            <v>本店</v>
          </cell>
          <cell r="K1111" t="str">
            <v>06-6766-3311</v>
          </cell>
          <cell r="L1111" t="str">
            <v>marsima@clock.ocn.ne.jp</v>
          </cell>
          <cell r="M1111" t="str">
            <v>ﾏﾙｼﾏｱｸｱｼｽﾃﾑ</v>
          </cell>
          <cell r="N1111" t="str">
            <v>無</v>
          </cell>
          <cell r="O1111">
            <v>65</v>
          </cell>
          <cell r="P1111">
            <v>264</v>
          </cell>
          <cell r="Q1111">
            <v>9120001090020</v>
          </cell>
          <cell r="R1111">
            <v>440000</v>
          </cell>
          <cell r="S1111">
            <v>1484128</v>
          </cell>
          <cell r="T1111">
            <v>10252077</v>
          </cell>
          <cell r="V1111" t="str">
            <v>nf277753</v>
          </cell>
          <cell r="W1111" t="str">
            <v>ey314989</v>
          </cell>
          <cell r="X1111" t="str">
            <v>土管鋼機園水</v>
          </cell>
          <cell r="Y1111" t="str">
            <v/>
          </cell>
          <cell r="Z1111" t="str">
            <v>土管鋼機園水</v>
          </cell>
          <cell r="AA1111" t="str">
            <v>機械器具</v>
          </cell>
          <cell r="AB1111" t="str">
            <v>水道施設</v>
          </cell>
          <cell r="AC1111" t="str">
            <v>鋼構造物</v>
          </cell>
          <cell r="AD1111" t="str">
            <v>管</v>
          </cell>
          <cell r="AE1111">
            <v>42978</v>
          </cell>
          <cell r="AF1111" t="str">
            <v>希望しない</v>
          </cell>
          <cell r="AG1111" t="str">
            <v>機械器具</v>
          </cell>
          <cell r="AH1111" t="str">
            <v>特定</v>
          </cell>
          <cell r="AI1111">
            <v>1105</v>
          </cell>
          <cell r="AJ1111">
            <v>3597653</v>
          </cell>
          <cell r="AK1111" t="str">
            <v>0(0)/0/91</v>
          </cell>
          <cell r="AL1111" t="str">
            <v>水道施設</v>
          </cell>
          <cell r="AM1111" t="str">
            <v>特定</v>
          </cell>
          <cell r="AN1111">
            <v>1048</v>
          </cell>
          <cell r="AO1111">
            <v>408672</v>
          </cell>
          <cell r="AP1111" t="str">
            <v>43(43)/7/4</v>
          </cell>
          <cell r="AQ1111" t="str">
            <v>鋼構造物</v>
          </cell>
          <cell r="AR1111" t="str">
            <v>特定</v>
          </cell>
          <cell r="AS1111">
            <v>1240</v>
          </cell>
          <cell r="AT1111">
            <v>5822710</v>
          </cell>
          <cell r="AU1111" t="str">
            <v>106(106)/19/3</v>
          </cell>
          <cell r="AV1111" t="str">
            <v>管</v>
          </cell>
          <cell r="AW1111" t="str">
            <v>特定</v>
          </cell>
          <cell r="AX1111">
            <v>719</v>
          </cell>
          <cell r="AY1111">
            <v>715</v>
          </cell>
          <cell r="AZ1111" t="str">
            <v>0(0)/0/0</v>
          </cell>
          <cell r="BA1111" t="str">
            <v>大阪府</v>
          </cell>
          <cell r="CR1111">
            <v>6782</v>
          </cell>
          <cell r="CS1111" t="str">
            <v>ﾀﾅｶ ｷﾖﾕｷ</v>
          </cell>
          <cell r="CT1111" t="str">
            <v>田中  清行</v>
          </cell>
          <cell r="CU1111" t="str">
            <v>浄水課</v>
          </cell>
          <cell r="CW1111" t="str">
            <v xml:space="preserve"> </v>
          </cell>
          <cell r="CX1111" t="str">
            <v xml:space="preserve"> </v>
          </cell>
          <cell r="CY1111" t="str">
            <v>浄水課長</v>
          </cell>
        </row>
        <row r="1112">
          <cell r="B1112">
            <v>4097</v>
          </cell>
          <cell r="C1112" t="str">
            <v>丸十興業(株)</v>
          </cell>
          <cell r="D1112" t="str">
            <v>072-640-5266</v>
          </cell>
          <cell r="E1112" t="str">
            <v>567-0057</v>
          </cell>
          <cell r="F1112" t="str">
            <v>大阪府茨木市豊川2-5-21</v>
          </cell>
          <cell r="G1112" t="str">
            <v>茨木市</v>
          </cell>
          <cell r="H1112" t="str">
            <v/>
          </cell>
          <cell r="I1112" t="str">
            <v>代表取締役 萬徳　美香</v>
          </cell>
          <cell r="J1112" t="str">
            <v>本店</v>
          </cell>
          <cell r="K1112" t="str">
            <v>072-640-0666</v>
          </cell>
          <cell r="L1112" t="str">
            <v>maruju@cameo.plala.or.jp</v>
          </cell>
          <cell r="M1112" t="str">
            <v>ﾏﾙｼﾞｭｳｺｳｷﾞｮｳ</v>
          </cell>
          <cell r="N1112" t="str">
            <v>無</v>
          </cell>
          <cell r="O1112">
            <v>44</v>
          </cell>
          <cell r="P1112">
            <v>7</v>
          </cell>
          <cell r="Q1112">
            <v>6120901014667</v>
          </cell>
          <cell r="R1112">
            <v>10000</v>
          </cell>
          <cell r="S1112">
            <v>23393</v>
          </cell>
          <cell r="T1112">
            <v>146480</v>
          </cell>
          <cell r="V1112" t="str">
            <v>zc666803</v>
          </cell>
          <cell r="W1112" t="str">
            <v>jj131855</v>
          </cell>
          <cell r="X1112" t="str">
            <v>土と管浚</v>
          </cell>
          <cell r="Y1112" t="str">
            <v>土と管浚</v>
          </cell>
          <cell r="Z1112" t="str">
            <v/>
          </cell>
          <cell r="AA1112" t="str">
            <v>浚渫</v>
          </cell>
          <cell r="AB1112" t="str">
            <v>土木一式</v>
          </cell>
          <cell r="AC1112" t="str">
            <v>管</v>
          </cell>
          <cell r="AD1112" t="str">
            <v/>
          </cell>
          <cell r="AE1112">
            <v>43069</v>
          </cell>
          <cell r="AF1112" t="str">
            <v>希望する</v>
          </cell>
          <cell r="AG1112" t="str">
            <v>浚渫</v>
          </cell>
          <cell r="AH1112" t="str">
            <v>一般</v>
          </cell>
          <cell r="AI1112">
            <v>802</v>
          </cell>
          <cell r="AJ1112">
            <v>71879</v>
          </cell>
          <cell r="AK1112" t="str">
            <v>0(0)/2/3</v>
          </cell>
          <cell r="AL1112" t="str">
            <v>土木一式</v>
          </cell>
          <cell r="AM1112" t="str">
            <v>一般</v>
          </cell>
          <cell r="AN1112">
            <v>777</v>
          </cell>
          <cell r="AO1112">
            <v>28920</v>
          </cell>
          <cell r="AP1112" t="str">
            <v>0(0)/2/1</v>
          </cell>
          <cell r="AQ1112" t="str">
            <v>管</v>
          </cell>
          <cell r="AR1112" t="str">
            <v>一般</v>
          </cell>
          <cell r="AS1112">
            <v>694</v>
          </cell>
          <cell r="AT1112">
            <v>342</v>
          </cell>
          <cell r="AU1112" t="str">
            <v>0(0)/0/0</v>
          </cell>
          <cell r="AV1112" t="str">
            <v/>
          </cell>
          <cell r="AW1112" t="str">
            <v/>
          </cell>
          <cell r="AX1112" t="str">
            <v/>
          </cell>
          <cell r="AY1112" t="str">
            <v/>
          </cell>
          <cell r="AZ1112" t="str">
            <v/>
          </cell>
          <cell r="BA1112" t="str">
            <v>大阪府</v>
          </cell>
          <cell r="CR1112">
            <v>6823</v>
          </cell>
          <cell r="CS1112" t="str">
            <v>ﾀﾅｶ ﾖｳｺ</v>
          </cell>
          <cell r="CT1112" t="str">
            <v>田中  陽子</v>
          </cell>
          <cell r="CU1112" t="str">
            <v>市民税課</v>
          </cell>
          <cell r="CW1112">
            <v>2316</v>
          </cell>
          <cell r="CX1112" t="str">
            <v xml:space="preserve"> </v>
          </cell>
          <cell r="CY1112" t="str">
            <v>市民税課長</v>
          </cell>
        </row>
        <row r="1113">
          <cell r="B1113">
            <v>4098</v>
          </cell>
          <cell r="C1113" t="str">
            <v>丸正建設(株)</v>
          </cell>
          <cell r="D1113" t="str">
            <v>078-621-8661</v>
          </cell>
          <cell r="E1113" t="str">
            <v>653-0801</v>
          </cell>
          <cell r="F1113" t="str">
            <v>兵庫県神戸市長田区房王寺町7丁目2番7号</v>
          </cell>
          <cell r="G1113" t="str">
            <v>神戸市</v>
          </cell>
          <cell r="H1113" t="str">
            <v/>
          </cell>
          <cell r="I1113" t="str">
            <v>取締役社長 北浪　孝一</v>
          </cell>
          <cell r="J1113" t="str">
            <v>本店</v>
          </cell>
          <cell r="K1113" t="str">
            <v>078-621-8663</v>
          </cell>
          <cell r="L1113" t="str">
            <v>nyusatsu@marusyo-k.co.jp</v>
          </cell>
          <cell r="M1113" t="str">
            <v>ﾏﾙｼｮｳｹﾝｾﾂ</v>
          </cell>
          <cell r="N1113" t="str">
            <v>無</v>
          </cell>
          <cell r="O1113">
            <v>60</v>
          </cell>
          <cell r="P1113">
            <v>32</v>
          </cell>
          <cell r="Q1113">
            <v>3140001016904</v>
          </cell>
          <cell r="R1113">
            <v>50000</v>
          </cell>
          <cell r="S1113">
            <v>812788</v>
          </cell>
          <cell r="T1113">
            <v>2050604</v>
          </cell>
          <cell r="V1113" t="str">
            <v>qf391849</v>
          </cell>
          <cell r="W1113" t="str">
            <v>za750438</v>
          </cell>
          <cell r="X1113" t="str">
            <v>土建大と石タ鋼舗園</v>
          </cell>
          <cell r="Y1113" t="str">
            <v/>
          </cell>
          <cell r="Z1113" t="str">
            <v>土建大と石タ鋼舗園</v>
          </cell>
          <cell r="AA1113" t="str">
            <v>建築一式</v>
          </cell>
          <cell r="AB1113" t="str">
            <v>土木一式</v>
          </cell>
          <cell r="AC1113" t="str">
            <v/>
          </cell>
          <cell r="AD1113" t="str">
            <v/>
          </cell>
          <cell r="AE1113">
            <v>43281</v>
          </cell>
          <cell r="AF1113" t="str">
            <v>希望する</v>
          </cell>
          <cell r="AG1113" t="str">
            <v>建築一式</v>
          </cell>
          <cell r="AH1113" t="str">
            <v>特定</v>
          </cell>
          <cell r="AI1113">
            <v>1009</v>
          </cell>
          <cell r="AJ1113">
            <v>1536698</v>
          </cell>
          <cell r="AK1113" t="str">
            <v>12(10)/6/6</v>
          </cell>
          <cell r="AL1113" t="str">
            <v>土木一式</v>
          </cell>
          <cell r="AM1113" t="str">
            <v>特定</v>
          </cell>
          <cell r="AN1113">
            <v>949</v>
          </cell>
          <cell r="AO1113">
            <v>513906</v>
          </cell>
          <cell r="AP1113" t="str">
            <v>9(8)/1/16</v>
          </cell>
          <cell r="AQ1113" t="str">
            <v/>
          </cell>
          <cell r="AR1113" t="str">
            <v/>
          </cell>
          <cell r="AS1113" t="str">
            <v/>
          </cell>
          <cell r="AT1113" t="str">
            <v/>
          </cell>
          <cell r="AU1113" t="str">
            <v/>
          </cell>
          <cell r="AV1113" t="str">
            <v/>
          </cell>
          <cell r="AW1113" t="str">
            <v/>
          </cell>
          <cell r="AX1113" t="str">
            <v/>
          </cell>
          <cell r="AY1113" t="str">
            <v/>
          </cell>
          <cell r="AZ1113" t="str">
            <v/>
          </cell>
          <cell r="BA1113" t="str">
            <v>兵庫県</v>
          </cell>
          <cell r="CR1113">
            <v>6824</v>
          </cell>
          <cell r="CS1113" t="str">
            <v>ﾊﾔｼ ﾕｳﾏ</v>
          </cell>
          <cell r="CT1113" t="str">
            <v>林  佑磨</v>
          </cell>
          <cell r="CU1113" t="str">
            <v>総務課</v>
          </cell>
          <cell r="CW1113" t="str">
            <v xml:space="preserve"> </v>
          </cell>
          <cell r="CX1113" t="str">
            <v xml:space="preserve"> </v>
          </cell>
          <cell r="CY1113" t="str">
            <v>総務課長</v>
          </cell>
        </row>
        <row r="1114">
          <cell r="B1114">
            <v>4103</v>
          </cell>
          <cell r="C1114" t="str">
            <v>丸茂電機(株)</v>
          </cell>
          <cell r="D1114" t="str">
            <v>06-6312-1913</v>
          </cell>
          <cell r="E1114" t="str">
            <v>530-0047</v>
          </cell>
          <cell r="F1114" t="str">
            <v>大阪府大阪市北区西天満4-11-23</v>
          </cell>
          <cell r="G1114" t="str">
            <v/>
          </cell>
          <cell r="H1114" t="str">
            <v>大阪営業所</v>
          </cell>
          <cell r="I1114" t="str">
            <v>所長 松葉　博文</v>
          </cell>
          <cell r="J1114" t="str">
            <v>東京都</v>
          </cell>
          <cell r="K1114" t="str">
            <v>06-6315-0604</v>
          </cell>
          <cell r="L1114" t="str">
            <v>sales@marumo.co.jp</v>
          </cell>
          <cell r="M1114" t="str">
            <v>ﾏﾙﾓﾃﾞﾝｷ</v>
          </cell>
          <cell r="N1114" t="str">
            <v>有</v>
          </cell>
          <cell r="O1114">
            <v>99</v>
          </cell>
          <cell r="P1114">
            <v>197</v>
          </cell>
          <cell r="Q1114">
            <v>8010001029410</v>
          </cell>
          <cell r="R1114">
            <v>95000</v>
          </cell>
          <cell r="S1114">
            <v>8996138</v>
          </cell>
          <cell r="T1114">
            <v>6468884</v>
          </cell>
          <cell r="V1114" t="str">
            <v>ag339790</v>
          </cell>
          <cell r="W1114" t="str">
            <v>hf606176</v>
          </cell>
          <cell r="X1114" t="str">
            <v>電</v>
          </cell>
          <cell r="Y1114" t="str">
            <v/>
          </cell>
          <cell r="Z1114" t="str">
            <v>電</v>
          </cell>
          <cell r="AA1114" t="str">
            <v>電気</v>
          </cell>
          <cell r="AB1114" t="str">
            <v/>
          </cell>
          <cell r="AC1114" t="str">
            <v/>
          </cell>
          <cell r="AD1114" t="str">
            <v/>
          </cell>
          <cell r="AE1114">
            <v>43190</v>
          </cell>
          <cell r="AF1114" t="str">
            <v>希望しない</v>
          </cell>
          <cell r="AG1114" t="str">
            <v>電気</v>
          </cell>
          <cell r="AH1114" t="str">
            <v>特定</v>
          </cell>
          <cell r="AI1114">
            <v>1257</v>
          </cell>
          <cell r="AJ1114">
            <v>4129882</v>
          </cell>
          <cell r="AK1114" t="str">
            <v>55(55)/3/35</v>
          </cell>
          <cell r="AL1114" t="str">
            <v/>
          </cell>
          <cell r="AM1114" t="str">
            <v/>
          </cell>
          <cell r="AN1114" t="str">
            <v/>
          </cell>
          <cell r="AO1114" t="str">
            <v/>
          </cell>
          <cell r="AP1114" t="str">
            <v/>
          </cell>
          <cell r="AQ1114" t="str">
            <v/>
          </cell>
          <cell r="AR1114" t="str">
            <v/>
          </cell>
          <cell r="AS1114" t="str">
            <v/>
          </cell>
          <cell r="AT1114" t="str">
            <v/>
          </cell>
          <cell r="AU1114" t="str">
            <v/>
          </cell>
          <cell r="AV1114" t="str">
            <v/>
          </cell>
          <cell r="AW1114" t="str">
            <v/>
          </cell>
          <cell r="AX1114" t="str">
            <v/>
          </cell>
          <cell r="AY1114" t="str">
            <v/>
          </cell>
          <cell r="AZ1114" t="str">
            <v/>
          </cell>
          <cell r="BA1114" t="str">
            <v>東京都</v>
          </cell>
          <cell r="CR1114">
            <v>6825</v>
          </cell>
          <cell r="CS1114" t="str">
            <v>ｺｳﾌｸ ｱﾂｺ</v>
          </cell>
          <cell r="CT1114" t="str">
            <v>幸福  厚子</v>
          </cell>
          <cell r="CU1114" t="str">
            <v>国保年金課</v>
          </cell>
          <cell r="CW1114">
            <v>2789</v>
          </cell>
          <cell r="CX1114" t="str">
            <v xml:space="preserve"> </v>
          </cell>
          <cell r="CY1114" t="str">
            <v>国保年金課長</v>
          </cell>
        </row>
        <row r="1115">
          <cell r="B1115">
            <v>4104</v>
          </cell>
          <cell r="C1115" t="str">
            <v>マルヤ電気(株)</v>
          </cell>
          <cell r="D1115" t="str">
            <v>06-6327-0505</v>
          </cell>
          <cell r="E1115" t="str">
            <v>533-0012</v>
          </cell>
          <cell r="F1115" t="str">
            <v>大阪府大阪市東淀川区大道南1丁目1-4</v>
          </cell>
          <cell r="G1115" t="str">
            <v>大阪市</v>
          </cell>
          <cell r="H1115" t="str">
            <v/>
          </cell>
          <cell r="I1115" t="str">
            <v>代表取締役 丸谷　良美</v>
          </cell>
          <cell r="J1115" t="str">
            <v>本店</v>
          </cell>
          <cell r="K1115" t="str">
            <v>06-6323-2405</v>
          </cell>
          <cell r="L1115" t="str">
            <v>yoshimi.yamaguchi@maruyadenki.co.jp</v>
          </cell>
          <cell r="M1115" t="str">
            <v>ﾏﾙﾔﾃﾞﾝｷ</v>
          </cell>
          <cell r="N1115" t="str">
            <v>無</v>
          </cell>
          <cell r="O1115">
            <v>53</v>
          </cell>
          <cell r="P1115">
            <v>17</v>
          </cell>
          <cell r="Q1115">
            <v>2120001052976</v>
          </cell>
          <cell r="R1115">
            <v>20000</v>
          </cell>
          <cell r="S1115">
            <v>128996</v>
          </cell>
          <cell r="T1115">
            <v>483288998</v>
          </cell>
          <cell r="V1115" t="str">
            <v>zm929566</v>
          </cell>
          <cell r="W1115" t="str">
            <v>ty663566</v>
          </cell>
          <cell r="X1115" t="str">
            <v>土と舗通消電</v>
          </cell>
          <cell r="Y1115" t="str">
            <v>土と舗通消</v>
          </cell>
          <cell r="Z1115" t="str">
            <v>電</v>
          </cell>
          <cell r="AA1115" t="str">
            <v>電気</v>
          </cell>
          <cell r="AB1115" t="str">
            <v>電気通信</v>
          </cell>
          <cell r="AC1115" t="str">
            <v>消防施設</v>
          </cell>
          <cell r="AD1115" t="str">
            <v/>
          </cell>
          <cell r="AE1115">
            <v>43281</v>
          </cell>
          <cell r="AF1115" t="str">
            <v/>
          </cell>
          <cell r="AG1115" t="str">
            <v>電気</v>
          </cell>
          <cell r="AH1115" t="str">
            <v>特定</v>
          </cell>
          <cell r="AI1115">
            <v>891</v>
          </cell>
          <cell r="AJ1115">
            <v>386864</v>
          </cell>
          <cell r="AK1115" t="str">
            <v>4(4)/3/3</v>
          </cell>
          <cell r="AL1115" t="str">
            <v>電気通信</v>
          </cell>
          <cell r="AM1115" t="str">
            <v>一般</v>
          </cell>
          <cell r="AN1115">
            <v>789</v>
          </cell>
          <cell r="AO1115">
            <v>73315</v>
          </cell>
          <cell r="AP1115" t="str">
            <v>0(0)/0/10</v>
          </cell>
          <cell r="AQ1115" t="str">
            <v>消防施設</v>
          </cell>
          <cell r="AR1115" t="str">
            <v>一般</v>
          </cell>
          <cell r="AS1115">
            <v>730</v>
          </cell>
          <cell r="AT1115">
            <v>17898</v>
          </cell>
          <cell r="AU1115" t="str">
            <v>0(0)/2/0</v>
          </cell>
          <cell r="AV1115" t="str">
            <v/>
          </cell>
          <cell r="AW1115" t="str">
            <v/>
          </cell>
          <cell r="AX1115" t="str">
            <v/>
          </cell>
          <cell r="AY1115" t="str">
            <v/>
          </cell>
          <cell r="AZ1115" t="str">
            <v/>
          </cell>
          <cell r="BA1115" t="str">
            <v>大阪府</v>
          </cell>
          <cell r="CR1115">
            <v>6829</v>
          </cell>
          <cell r="CS1115" t="str">
            <v>ｵｷﾞﾉ ﾔｽﾋﾛ</v>
          </cell>
          <cell r="CT1115" t="str">
            <v>荻野  恭裕</v>
          </cell>
          <cell r="CU1115" t="str">
            <v>国保年金課</v>
          </cell>
          <cell r="CW1115">
            <v>2758</v>
          </cell>
          <cell r="CX1115" t="str">
            <v xml:space="preserve"> </v>
          </cell>
          <cell r="CY1115" t="str">
            <v>国保年金課長</v>
          </cell>
        </row>
        <row r="1116">
          <cell r="B1116">
            <v>4106</v>
          </cell>
          <cell r="C1116" t="str">
            <v>(株)マントク</v>
          </cell>
          <cell r="D1116" t="str">
            <v>06-6724-7671</v>
          </cell>
          <cell r="E1116" t="str">
            <v>577-0827</v>
          </cell>
          <cell r="F1116" t="str">
            <v>大阪府東大阪市衣摺4-28-18</v>
          </cell>
          <cell r="G1116" t="str">
            <v>東大阪市</v>
          </cell>
          <cell r="H1116" t="str">
            <v/>
          </cell>
          <cell r="I1116" t="str">
            <v>代表取締役 萬徳　敬一</v>
          </cell>
          <cell r="J1116" t="str">
            <v>本店</v>
          </cell>
          <cell r="K1116" t="str">
            <v>06-6724-7672</v>
          </cell>
          <cell r="L1116" t="str">
            <v>mantoku@muf.biglbe.ne.jp</v>
          </cell>
          <cell r="M1116" t="str">
            <v>ﾏﾝﾄｸ</v>
          </cell>
          <cell r="N1116" t="str">
            <v>無</v>
          </cell>
          <cell r="O1116">
            <v>28</v>
          </cell>
          <cell r="P1116">
            <v>13</v>
          </cell>
          <cell r="Q1116">
            <v>9122001009207</v>
          </cell>
          <cell r="R1116">
            <v>10000</v>
          </cell>
          <cell r="S1116">
            <v>81675</v>
          </cell>
          <cell r="T1116">
            <v>171443</v>
          </cell>
          <cell r="V1116" t="str">
            <v>bu599902</v>
          </cell>
          <cell r="W1116" t="str">
            <v>bk648693</v>
          </cell>
          <cell r="X1116" t="str">
            <v>土管浚</v>
          </cell>
          <cell r="Y1116" t="str">
            <v>土管浚</v>
          </cell>
          <cell r="Z1116" t="str">
            <v/>
          </cell>
          <cell r="AA1116" t="str">
            <v>土木一式</v>
          </cell>
          <cell r="AB1116" t="str">
            <v>管</v>
          </cell>
          <cell r="AC1116" t="str">
            <v>浚渫</v>
          </cell>
          <cell r="AD1116" t="str">
            <v/>
          </cell>
          <cell r="AE1116">
            <v>42947</v>
          </cell>
          <cell r="AF1116" t="str">
            <v>希望する</v>
          </cell>
          <cell r="AG1116" t="str">
            <v>土木一式</v>
          </cell>
          <cell r="AH1116" t="str">
            <v>一般</v>
          </cell>
          <cell r="AI1116">
            <v>766</v>
          </cell>
          <cell r="AJ1116">
            <v>115425</v>
          </cell>
          <cell r="AK1116" t="str">
            <v>()/1/2</v>
          </cell>
          <cell r="AL1116" t="str">
            <v>管</v>
          </cell>
          <cell r="AM1116" t="str">
            <v>一般</v>
          </cell>
          <cell r="AN1116">
            <v>709</v>
          </cell>
          <cell r="AO1116">
            <v>28488</v>
          </cell>
          <cell r="AP1116" t="str">
            <v>()/1/1</v>
          </cell>
          <cell r="AQ1116" t="str">
            <v>浚渫</v>
          </cell>
          <cell r="AR1116" t="str">
            <v>一般</v>
          </cell>
          <cell r="AS1116">
            <v>739</v>
          </cell>
          <cell r="AT1116">
            <v>68841</v>
          </cell>
          <cell r="AU1116" t="str">
            <v>()/0/1</v>
          </cell>
          <cell r="AV1116" t="str">
            <v/>
          </cell>
          <cell r="AW1116" t="str">
            <v/>
          </cell>
          <cell r="AX1116" t="str">
            <v/>
          </cell>
          <cell r="AY1116" t="str">
            <v/>
          </cell>
          <cell r="AZ1116" t="str">
            <v/>
          </cell>
          <cell r="BA1116" t="str">
            <v>大阪府</v>
          </cell>
          <cell r="CR1116">
            <v>6830</v>
          </cell>
          <cell r="CS1116" t="str">
            <v>ｸﾏﾀﾞ ｹｲﾀ</v>
          </cell>
          <cell r="CT1116" t="str">
            <v>熊田  啓太</v>
          </cell>
          <cell r="CU1116" t="str">
            <v>公設市場</v>
          </cell>
          <cell r="CW1116" t="str">
            <v>782-1171</v>
          </cell>
          <cell r="CX1116" t="str">
            <v xml:space="preserve"> </v>
          </cell>
          <cell r="CY1116" t="str">
            <v>農業政策長</v>
          </cell>
        </row>
        <row r="1117">
          <cell r="B1117">
            <v>4109</v>
          </cell>
          <cell r="C1117" t="str">
            <v>丸島産業(株)</v>
          </cell>
          <cell r="D1117" t="str">
            <v>06-6766-2777</v>
          </cell>
          <cell r="E1117" t="str">
            <v>540-0012</v>
          </cell>
          <cell r="F1117" t="str">
            <v>大阪府大阪市中央区谷町5-3-17</v>
          </cell>
          <cell r="G1117" t="str">
            <v>大阪市</v>
          </cell>
          <cell r="H1117" t="str">
            <v/>
          </cell>
          <cell r="I1117" t="str">
            <v>取締役社長 服部　勝哉</v>
          </cell>
          <cell r="J1117" t="str">
            <v>本店</v>
          </cell>
          <cell r="K1117" t="str">
            <v>06-6766-2788</v>
          </cell>
          <cell r="L1117" t="str">
            <v>info_marsan@marsima.co.jp</v>
          </cell>
          <cell r="M1117" t="str">
            <v>ﾏﾙｼﾏｻﾝｷﾞｮｳ</v>
          </cell>
          <cell r="N1117" t="str">
            <v>無</v>
          </cell>
          <cell r="O1117">
            <v>43</v>
          </cell>
          <cell r="P1117">
            <v>44</v>
          </cell>
          <cell r="Q1117">
            <v>2120001090019</v>
          </cell>
          <cell r="R1117">
            <v>50000</v>
          </cell>
          <cell r="S1117">
            <v>563604</v>
          </cell>
          <cell r="T1117">
            <v>1840938</v>
          </cell>
          <cell r="V1117" t="str">
            <v>ua897538</v>
          </cell>
          <cell r="W1117" t="str">
            <v>cn373764</v>
          </cell>
          <cell r="X1117" t="str">
            <v>土鋼機水</v>
          </cell>
          <cell r="Y1117" t="str">
            <v/>
          </cell>
          <cell r="Z1117" t="str">
            <v>土鋼機水</v>
          </cell>
          <cell r="AA1117" t="str">
            <v>鋼構造物</v>
          </cell>
          <cell r="AB1117" t="str">
            <v>機械器具</v>
          </cell>
          <cell r="AC1117" t="str">
            <v>水道施設</v>
          </cell>
          <cell r="AD1117" t="str">
            <v>土木一式</v>
          </cell>
          <cell r="AE1117">
            <v>43251</v>
          </cell>
          <cell r="AF1117" t="str">
            <v/>
          </cell>
          <cell r="AG1117" t="str">
            <v>鋼構造物</v>
          </cell>
          <cell r="AH1117" t="str">
            <v>特定</v>
          </cell>
          <cell r="AI1117">
            <v>1102</v>
          </cell>
          <cell r="AJ1117">
            <v>1333273</v>
          </cell>
          <cell r="AK1117" t="str">
            <v>24(23)/4/2</v>
          </cell>
          <cell r="AL1117" t="str">
            <v>機械器具</v>
          </cell>
          <cell r="AM1117" t="str">
            <v>特定</v>
          </cell>
          <cell r="AN1117">
            <v>944</v>
          </cell>
          <cell r="AO1117">
            <v>306051</v>
          </cell>
          <cell r="AP1117" t="str">
            <v>0(0)/0/22</v>
          </cell>
          <cell r="AQ1117" t="str">
            <v>水道施設</v>
          </cell>
          <cell r="AR1117" t="str">
            <v>特定</v>
          </cell>
          <cell r="AS1117">
            <v>825</v>
          </cell>
          <cell r="AT1117">
            <v>1255</v>
          </cell>
          <cell r="AU1117" t="str">
            <v>6(6)/2/0</v>
          </cell>
          <cell r="AV1117" t="str">
            <v>土木一式</v>
          </cell>
          <cell r="AW1117" t="str">
            <v>特定</v>
          </cell>
          <cell r="AX1117">
            <v>753</v>
          </cell>
          <cell r="AY1117">
            <v>1991</v>
          </cell>
          <cell r="AZ1117" t="str">
            <v>0(0)/0/0</v>
          </cell>
          <cell r="BA1117" t="str">
            <v>大阪府</v>
          </cell>
          <cell r="CR1117">
            <v>6835</v>
          </cell>
          <cell r="CS1117" t="str">
            <v>ｱｾｶﾞ ｼﾞﾕﾝ</v>
          </cell>
          <cell r="CT1117" t="str">
            <v>阿世賀  淳</v>
          </cell>
          <cell r="CU1117" t="str">
            <v>まちづくり推進課</v>
          </cell>
          <cell r="CW1117">
            <v>2110</v>
          </cell>
          <cell r="CX1117" t="str">
            <v xml:space="preserve"> </v>
          </cell>
          <cell r="CY1117" t="str">
            <v>まちづくり推進課長</v>
          </cell>
        </row>
        <row r="1118">
          <cell r="B1118">
            <v>4110</v>
          </cell>
          <cell r="C1118" t="str">
            <v>(株)松下克商店</v>
          </cell>
          <cell r="D1118" t="str">
            <v>06-6698-1720</v>
          </cell>
          <cell r="E1118" t="str">
            <v>546-0024</v>
          </cell>
          <cell r="F1118" t="str">
            <v>大阪府大阪市東住吉区公園南矢田2-13-2</v>
          </cell>
          <cell r="G1118" t="str">
            <v>大阪市</v>
          </cell>
          <cell r="H1118" t="str">
            <v/>
          </cell>
          <cell r="I1118" t="str">
            <v>代表取締役 松下　公夫</v>
          </cell>
          <cell r="J1118" t="str">
            <v>本店</v>
          </cell>
          <cell r="K1118" t="str">
            <v>06-6698-0571</v>
          </cell>
          <cell r="L1118" t="str">
            <v>minikuma@siren.ocn.ne.jp</v>
          </cell>
          <cell r="M1118" t="str">
            <v>ﾏﾂｼﾀｶﾂｼｮｳﾃﾝ</v>
          </cell>
          <cell r="N1118" t="str">
            <v>無</v>
          </cell>
          <cell r="O1118">
            <v>42</v>
          </cell>
          <cell r="P1118">
            <v>8</v>
          </cell>
          <cell r="Q1118">
            <v>7120001011110</v>
          </cell>
          <cell r="R1118">
            <v>20000</v>
          </cell>
          <cell r="S1118">
            <v>163855</v>
          </cell>
          <cell r="T1118">
            <v>310470</v>
          </cell>
          <cell r="V1118" t="str">
            <v>pv588244</v>
          </cell>
          <cell r="W1118" t="str">
            <v>ry653471</v>
          </cell>
          <cell r="X1118" t="str">
            <v>建と舗防</v>
          </cell>
          <cell r="Y1118" t="str">
            <v/>
          </cell>
          <cell r="Z1118" t="str">
            <v>建と舗防</v>
          </cell>
          <cell r="AA1118" t="str">
            <v>防水</v>
          </cell>
          <cell r="AB1118" t="str">
            <v/>
          </cell>
          <cell r="AC1118" t="str">
            <v/>
          </cell>
          <cell r="AD1118" t="str">
            <v/>
          </cell>
          <cell r="AE1118">
            <v>43190</v>
          </cell>
          <cell r="AF1118" t="str">
            <v>希望しない</v>
          </cell>
          <cell r="AG1118" t="str">
            <v>防水</v>
          </cell>
          <cell r="AH1118" t="str">
            <v>特定</v>
          </cell>
          <cell r="AI1118">
            <v>773</v>
          </cell>
          <cell r="AJ1118">
            <v>196766</v>
          </cell>
          <cell r="AK1118" t="str">
            <v>2(0)/1/0</v>
          </cell>
          <cell r="AL1118" t="str">
            <v/>
          </cell>
          <cell r="AM1118" t="str">
            <v/>
          </cell>
          <cell r="AN1118" t="str">
            <v/>
          </cell>
          <cell r="AO1118" t="str">
            <v/>
          </cell>
          <cell r="AP1118" t="str">
            <v/>
          </cell>
          <cell r="AQ1118" t="str">
            <v/>
          </cell>
          <cell r="AR1118" t="str">
            <v/>
          </cell>
          <cell r="AS1118" t="str">
            <v/>
          </cell>
          <cell r="AT1118" t="str">
            <v/>
          </cell>
          <cell r="AU1118" t="str">
            <v/>
          </cell>
          <cell r="AV1118" t="str">
            <v/>
          </cell>
          <cell r="AW1118" t="str">
            <v/>
          </cell>
          <cell r="AX1118" t="str">
            <v/>
          </cell>
          <cell r="AY1118" t="str">
            <v/>
          </cell>
          <cell r="AZ1118" t="str">
            <v/>
          </cell>
          <cell r="BA1118" t="str">
            <v>大阪府</v>
          </cell>
          <cell r="CR1118">
            <v>6836</v>
          </cell>
          <cell r="CS1118" t="str">
            <v>ｲｼﾑﾗ ｹｲ</v>
          </cell>
          <cell r="CT1118" t="str">
            <v>石村  圭</v>
          </cell>
          <cell r="CU1118" t="str">
            <v>収納管理課</v>
          </cell>
          <cell r="CW1118">
            <v>2352</v>
          </cell>
          <cell r="CX1118" t="str">
            <v xml:space="preserve"> </v>
          </cell>
          <cell r="CY1118" t="str">
            <v>収納管理課長</v>
          </cell>
        </row>
        <row r="1119">
          <cell r="B1119">
            <v>4111</v>
          </cell>
          <cell r="C1119" t="str">
            <v>(株)松善工務店</v>
          </cell>
          <cell r="D1119" t="str">
            <v>06-6431-1566</v>
          </cell>
          <cell r="E1119" t="str">
            <v>661-0044</v>
          </cell>
          <cell r="F1119" t="str">
            <v>兵庫県尼崎市武庫町3-11-28</v>
          </cell>
          <cell r="G1119" t="str">
            <v>尼崎市</v>
          </cell>
          <cell r="H1119" t="str">
            <v/>
          </cell>
          <cell r="I1119" t="str">
            <v>代表取締役 紺屋　一弘</v>
          </cell>
          <cell r="J1119" t="str">
            <v>本店</v>
          </cell>
          <cell r="K1119" t="str">
            <v>06-6431-5064</v>
          </cell>
          <cell r="L1119" t="str">
            <v>kazuhiro@matsuzen.com</v>
          </cell>
          <cell r="M1119" t="str">
            <v>ﾏﾂｾﾞﾝｺｳﾑﾃﾝ</v>
          </cell>
          <cell r="N1119" t="str">
            <v>無</v>
          </cell>
          <cell r="O1119">
            <v>49</v>
          </cell>
          <cell r="P1119">
            <v>6</v>
          </cell>
          <cell r="Q1119">
            <v>5140001051305</v>
          </cell>
          <cell r="R1119">
            <v>20000</v>
          </cell>
          <cell r="S1119">
            <v>116316</v>
          </cell>
          <cell r="T1119">
            <v>186914</v>
          </cell>
          <cell r="V1119" t="str">
            <v>jz791711</v>
          </cell>
          <cell r="W1119" t="str">
            <v>ev652702</v>
          </cell>
          <cell r="X1119" t="str">
            <v>建大と解</v>
          </cell>
          <cell r="Y1119" t="str">
            <v/>
          </cell>
          <cell r="Z1119" t="str">
            <v>建大と解</v>
          </cell>
          <cell r="AA1119" t="str">
            <v>建築一式</v>
          </cell>
          <cell r="AB1119" t="str">
            <v>大工</v>
          </cell>
          <cell r="AC1119" t="str">
            <v>とび土工</v>
          </cell>
          <cell r="AD1119" t="str">
            <v/>
          </cell>
          <cell r="AE1119">
            <v>43220</v>
          </cell>
          <cell r="AF1119" t="str">
            <v>希望しない</v>
          </cell>
          <cell r="AG1119" t="str">
            <v>建築一式</v>
          </cell>
          <cell r="AH1119" t="str">
            <v>特定</v>
          </cell>
          <cell r="AI1119">
            <v>767</v>
          </cell>
          <cell r="AJ1119">
            <v>252550</v>
          </cell>
          <cell r="AK1119" t="str">
            <v>4(4)/0/0</v>
          </cell>
          <cell r="AL1119" t="str">
            <v>大工</v>
          </cell>
          <cell r="AM1119" t="str">
            <v>特定</v>
          </cell>
          <cell r="AN1119">
            <v>672</v>
          </cell>
          <cell r="AO1119">
            <v>7421</v>
          </cell>
          <cell r="AP1119" t="str">
            <v>4(4)/0/0</v>
          </cell>
          <cell r="AQ1119" t="str">
            <v>とび土工</v>
          </cell>
          <cell r="AR1119" t="str">
            <v>特定</v>
          </cell>
          <cell r="AS1119">
            <v>580</v>
          </cell>
          <cell r="AT1119" t="str">
            <v/>
          </cell>
          <cell r="AU1119" t="str">
            <v>0(0)/0/0</v>
          </cell>
          <cell r="AV1119" t="str">
            <v/>
          </cell>
          <cell r="AW1119" t="str">
            <v/>
          </cell>
          <cell r="AX1119" t="str">
            <v/>
          </cell>
          <cell r="AY1119" t="str">
            <v/>
          </cell>
          <cell r="AZ1119" t="str">
            <v/>
          </cell>
          <cell r="BA1119" t="str">
            <v>兵庫県</v>
          </cell>
          <cell r="CR1119">
            <v>6837</v>
          </cell>
          <cell r="CS1119" t="str">
            <v>ｲﾉｸﾁ ﾀｶﾋﾛ</v>
          </cell>
          <cell r="CT1119" t="str">
            <v>井口  孝博</v>
          </cell>
          <cell r="CU1119" t="str">
            <v>地域・高年福祉課</v>
          </cell>
          <cell r="CW1119">
            <v>2727</v>
          </cell>
          <cell r="CX1119" t="str">
            <v xml:space="preserve"> </v>
          </cell>
          <cell r="CY1119" t="str">
            <v>地域・高年福祉課長</v>
          </cell>
        </row>
        <row r="1120">
          <cell r="B1120">
            <v>4113</v>
          </cell>
          <cell r="C1120" t="str">
            <v>松尾電設工業(株)</v>
          </cell>
          <cell r="D1120" t="str">
            <v>078-671-0241</v>
          </cell>
          <cell r="E1120" t="str">
            <v>652-0882</v>
          </cell>
          <cell r="F1120" t="str">
            <v>兵庫県神戸市兵庫区芦原通2-2-3</v>
          </cell>
          <cell r="G1120" t="str">
            <v>神戸市</v>
          </cell>
          <cell r="H1120" t="str">
            <v/>
          </cell>
          <cell r="I1120" t="str">
            <v>代表取締役 松尾　新二郎</v>
          </cell>
          <cell r="J1120" t="str">
            <v>本店</v>
          </cell>
          <cell r="K1120" t="str">
            <v>078-671-1300</v>
          </cell>
          <cell r="L1120" t="str">
            <v>headoffice@matsuo-ds.co.jp</v>
          </cell>
          <cell r="M1120" t="str">
            <v>ﾏﾂｵﾃﾞﾝｾﾂｺｳｷﾞｮｳ</v>
          </cell>
          <cell r="N1120" t="str">
            <v>無</v>
          </cell>
          <cell r="O1120">
            <v>46</v>
          </cell>
          <cell r="P1120">
            <v>16</v>
          </cell>
          <cell r="Q1120">
            <v>8140001014168</v>
          </cell>
          <cell r="R1120">
            <v>31000</v>
          </cell>
          <cell r="S1120">
            <v>152050</v>
          </cell>
          <cell r="T1120">
            <v>410806</v>
          </cell>
          <cell r="V1120" t="str">
            <v>np644432</v>
          </cell>
          <cell r="W1120" t="str">
            <v>vx378735</v>
          </cell>
          <cell r="X1120" t="str">
            <v>電</v>
          </cell>
          <cell r="Y1120" t="str">
            <v/>
          </cell>
          <cell r="Z1120" t="str">
            <v>電</v>
          </cell>
          <cell r="AA1120" t="str">
            <v>電気</v>
          </cell>
          <cell r="AB1120" t="str">
            <v/>
          </cell>
          <cell r="AC1120" t="str">
            <v/>
          </cell>
          <cell r="AD1120" t="str">
            <v/>
          </cell>
          <cell r="AE1120">
            <v>42978</v>
          </cell>
          <cell r="AF1120" t="str">
            <v/>
          </cell>
          <cell r="AG1120" t="str">
            <v>電気</v>
          </cell>
          <cell r="AH1120" t="str">
            <v>特定</v>
          </cell>
          <cell r="AI1120">
            <v>913</v>
          </cell>
          <cell r="AJ1120">
            <v>505415</v>
          </cell>
          <cell r="AK1120" t="str">
            <v>6(6)/3/2</v>
          </cell>
          <cell r="AL1120" t="str">
            <v/>
          </cell>
          <cell r="AM1120" t="str">
            <v/>
          </cell>
          <cell r="AN1120" t="str">
            <v/>
          </cell>
          <cell r="AO1120" t="str">
            <v/>
          </cell>
          <cell r="AP1120" t="str">
            <v/>
          </cell>
          <cell r="AQ1120" t="str">
            <v/>
          </cell>
          <cell r="AR1120" t="str">
            <v/>
          </cell>
          <cell r="AS1120" t="str">
            <v/>
          </cell>
          <cell r="AT1120" t="str">
            <v/>
          </cell>
          <cell r="AU1120" t="str">
            <v/>
          </cell>
          <cell r="AV1120" t="str">
            <v/>
          </cell>
          <cell r="AW1120" t="str">
            <v/>
          </cell>
          <cell r="AX1120" t="str">
            <v/>
          </cell>
          <cell r="AY1120" t="str">
            <v/>
          </cell>
          <cell r="AZ1120" t="str">
            <v/>
          </cell>
          <cell r="BA1120" t="str">
            <v>兵庫県</v>
          </cell>
          <cell r="CR1120">
            <v>6838</v>
          </cell>
          <cell r="CS1120" t="str">
            <v>ｲﾏｲｽﾞﾐ ﾕｷｺ</v>
          </cell>
          <cell r="CT1120" t="str">
            <v>今泉  幸子</v>
          </cell>
          <cell r="CU1120" t="str">
            <v>商工労働課</v>
          </cell>
          <cell r="CW1120">
            <v>2924</v>
          </cell>
          <cell r="CX1120" t="str">
            <v xml:space="preserve"> </v>
          </cell>
          <cell r="CY1120" t="str">
            <v>商工労働課長</v>
          </cell>
        </row>
        <row r="1121">
          <cell r="B1121">
            <v>4114</v>
          </cell>
          <cell r="C1121" t="str">
            <v>松尾建設(株)</v>
          </cell>
          <cell r="D1121" t="str">
            <v>0952-24-1181</v>
          </cell>
          <cell r="E1121" t="str">
            <v>532-0011</v>
          </cell>
          <cell r="F1121" t="str">
            <v>大阪府大阪市淀川区西中島5-9-1新大阪花村ﾋﾞﾙ4階</v>
          </cell>
          <cell r="G1121" t="str">
            <v>佐賀市</v>
          </cell>
          <cell r="H1121" t="str">
            <v>大阪支店</v>
          </cell>
          <cell r="I1121" t="str">
            <v>代表取締役社長 松尾　哲吾</v>
          </cell>
          <cell r="J1121" t="str">
            <v>佐賀県佐賀市</v>
          </cell>
          <cell r="K1121" t="str">
            <v>0952-23-4211</v>
          </cell>
          <cell r="L1121" t="str">
            <v/>
          </cell>
          <cell r="M1121" t="str">
            <v/>
          </cell>
          <cell r="N1121" t="str">
            <v>有</v>
          </cell>
          <cell r="O1121">
            <v>69</v>
          </cell>
          <cell r="P1121">
            <v>675</v>
          </cell>
          <cell r="Q1121">
            <v>6300001000905</v>
          </cell>
          <cell r="R1121">
            <v>300000</v>
          </cell>
          <cell r="S1121">
            <v>15108863</v>
          </cell>
          <cell r="T1121">
            <v>72134214</v>
          </cell>
          <cell r="V1121" t="str">
            <v>pd787710</v>
          </cell>
          <cell r="W1121" t="str">
            <v>tf512503</v>
          </cell>
          <cell r="X1121" t="str">
            <v>電</v>
          </cell>
          <cell r="Y1121" t="str">
            <v/>
          </cell>
          <cell r="Z1121" t="str">
            <v>電</v>
          </cell>
          <cell r="AA1121" t="str">
            <v>土木一式</v>
          </cell>
          <cell r="AB1121" t="str">
            <v>建築一式</v>
          </cell>
          <cell r="AC1121" t="str">
            <v/>
          </cell>
          <cell r="AD1121" t="str">
            <v/>
          </cell>
          <cell r="AE1121">
            <v>43555</v>
          </cell>
          <cell r="AF1121" t="str">
            <v>希望しない</v>
          </cell>
          <cell r="AG1121" t="str">
            <v>土木一式</v>
          </cell>
          <cell r="AH1121" t="str">
            <v>特定</v>
          </cell>
          <cell r="AI1121">
            <v>1502</v>
          </cell>
          <cell r="AJ1121">
            <v>10851218</v>
          </cell>
          <cell r="AK1121" t="str">
            <v>190(163)/62/0</v>
          </cell>
          <cell r="AL1121" t="str">
            <v>建築一式</v>
          </cell>
          <cell r="AM1121" t="str">
            <v>特定</v>
          </cell>
          <cell r="AN1121">
            <v>1658</v>
          </cell>
          <cell r="AO1121">
            <v>50721607</v>
          </cell>
          <cell r="AP1121" t="str">
            <v>186(142)/37/0</v>
          </cell>
          <cell r="AQ1121" t="str">
            <v/>
          </cell>
          <cell r="AR1121" t="str">
            <v/>
          </cell>
          <cell r="AS1121" t="str">
            <v/>
          </cell>
          <cell r="AT1121" t="str">
            <v/>
          </cell>
          <cell r="AU1121" t="str">
            <v/>
          </cell>
          <cell r="AV1121" t="str">
            <v/>
          </cell>
          <cell r="AW1121" t="str">
            <v/>
          </cell>
          <cell r="AX1121" t="str">
            <v/>
          </cell>
          <cell r="AY1121" t="str">
            <v/>
          </cell>
          <cell r="AZ1121" t="str">
            <v/>
          </cell>
          <cell r="BA1121" t="str">
            <v>佐賀県</v>
          </cell>
        </row>
        <row r="1122">
          <cell r="B1122">
            <v>4116</v>
          </cell>
          <cell r="C1122" t="str">
            <v>マハロカンパニー</v>
          </cell>
          <cell r="D1122" t="str">
            <v>078-599-9796</v>
          </cell>
          <cell r="E1122" t="str">
            <v>650-0012</v>
          </cell>
          <cell r="F1122" t="str">
            <v>兵庫県神戸市中央区北長狭通6-2-15-101</v>
          </cell>
          <cell r="G1122" t="str">
            <v>神戸市</v>
          </cell>
          <cell r="H1122" t="str">
            <v/>
          </cell>
          <cell r="I1122" t="str">
            <v>代表 杉本　直利</v>
          </cell>
          <cell r="J1122" t="str">
            <v>本店</v>
          </cell>
          <cell r="K1122" t="str">
            <v>078-599-9799</v>
          </cell>
          <cell r="L1122" t="str">
            <v>mahalo_trade@ybb.ne.jp</v>
          </cell>
          <cell r="M1122" t="str">
            <v>ﾏﾊﾛｶﾝﾊﾟﾆｰ</v>
          </cell>
          <cell r="N1122" t="str">
            <v>無</v>
          </cell>
          <cell r="O1122">
            <v>6</v>
          </cell>
          <cell r="P1122">
            <v>5</v>
          </cell>
          <cell r="Q1122" t="str">
            <v/>
          </cell>
          <cell r="R1122" t="str">
            <v/>
          </cell>
          <cell r="S1122">
            <v>40360</v>
          </cell>
          <cell r="T1122">
            <v>158907</v>
          </cell>
          <cell r="V1122" t="str">
            <v>ec532671</v>
          </cell>
          <cell r="W1122" t="str">
            <v>hj465616</v>
          </cell>
          <cell r="X1122" t="str">
            <v>建土と石鋼舗浚塗水解</v>
          </cell>
          <cell r="Y1122" t="str">
            <v>建</v>
          </cell>
          <cell r="Z1122" t="str">
            <v>土と石鋼舗浚塗水解</v>
          </cell>
          <cell r="AA1122" t="str">
            <v>土木一式</v>
          </cell>
          <cell r="AB1122" t="str">
            <v>解体</v>
          </cell>
          <cell r="AC1122" t="str">
            <v>建築一式</v>
          </cell>
          <cell r="AD1122" t="str">
            <v>塗装</v>
          </cell>
          <cell r="AE1122">
            <v>43100</v>
          </cell>
          <cell r="AF1122" t="str">
            <v>希望しない</v>
          </cell>
          <cell r="AG1122" t="str">
            <v>土木一式</v>
          </cell>
          <cell r="AH1122" t="str">
            <v>特定</v>
          </cell>
          <cell r="AI1122">
            <v>678</v>
          </cell>
          <cell r="AJ1122">
            <v>168100</v>
          </cell>
          <cell r="AK1122" t="str">
            <v>3(3)//</v>
          </cell>
          <cell r="AL1122" t="str">
            <v>解体</v>
          </cell>
          <cell r="AM1122" t="str">
            <v>特定</v>
          </cell>
          <cell r="AN1122">
            <v>515</v>
          </cell>
          <cell r="AO1122">
            <v>300</v>
          </cell>
          <cell r="AP1122" t="str">
            <v>0(0)//</v>
          </cell>
          <cell r="AQ1122" t="str">
            <v>建築一式</v>
          </cell>
          <cell r="AR1122" t="str">
            <v>一般</v>
          </cell>
          <cell r="AS1122">
            <v>568</v>
          </cell>
          <cell r="AT1122">
            <v>5825</v>
          </cell>
          <cell r="AU1122" t="str">
            <v>1(1)/2/</v>
          </cell>
          <cell r="AV1122" t="str">
            <v>塗装</v>
          </cell>
          <cell r="AW1122" t="str">
            <v>特定</v>
          </cell>
          <cell r="AX1122">
            <v>515</v>
          </cell>
          <cell r="AY1122">
            <v>180</v>
          </cell>
          <cell r="AZ1122" t="str">
            <v>0(0)//</v>
          </cell>
          <cell r="BA1122" t="str">
            <v>兵庫県</v>
          </cell>
          <cell r="CR1122">
            <v>6839</v>
          </cell>
          <cell r="CS1122" t="str">
            <v>ｲﾏﾅｶ ﾀｶﾋﾛ</v>
          </cell>
          <cell r="CT1122" t="str">
            <v>今中  貴浩</v>
          </cell>
          <cell r="CU1122" t="str">
            <v>学校改革・学事課</v>
          </cell>
          <cell r="CW1122">
            <v>3635</v>
          </cell>
          <cell r="CX1122" t="str">
            <v xml:space="preserve"> </v>
          </cell>
          <cell r="CY1122" t="str">
            <v>学校改革・学事課長</v>
          </cell>
        </row>
        <row r="1123">
          <cell r="B1123">
            <v>4117</v>
          </cell>
          <cell r="C1123" t="str">
            <v>(株)マツモトエンジニアリング</v>
          </cell>
          <cell r="D1123" t="str">
            <v>078-252-8212</v>
          </cell>
          <cell r="E1123" t="str">
            <v>651-0074</v>
          </cell>
          <cell r="F1123" t="str">
            <v>兵庫県神戸市中央区南本町通2‐1‐3</v>
          </cell>
          <cell r="G1123" t="str">
            <v>神戸市</v>
          </cell>
          <cell r="H1123" t="str">
            <v/>
          </cell>
          <cell r="I1123" t="str">
            <v>代表取締役 松本　保子</v>
          </cell>
          <cell r="J1123" t="str">
            <v>本店</v>
          </cell>
          <cell r="K1123" t="str">
            <v>078-252-4408</v>
          </cell>
          <cell r="L1123" t="str">
            <v>me.2002@io.ocn.ne.jp</v>
          </cell>
          <cell r="M1123" t="str">
            <v>ﾏﾂﾓﾄｴﾝｼﾞﾆｱﾘﾝｸﾞ</v>
          </cell>
          <cell r="N1123" t="str">
            <v>無</v>
          </cell>
          <cell r="O1123">
            <v>15</v>
          </cell>
          <cell r="P1123">
            <v>7</v>
          </cell>
          <cell r="Q1123">
            <v>8140001025826</v>
          </cell>
          <cell r="R1123">
            <v>40000</v>
          </cell>
          <cell r="S1123">
            <v>113798</v>
          </cell>
          <cell r="T1123">
            <v>339393</v>
          </cell>
          <cell r="V1123" t="str">
            <v>ka550864</v>
          </cell>
          <cell r="W1123" t="str">
            <v>ng945237</v>
          </cell>
          <cell r="X1123" t="str">
            <v>土と石鋼舗浚塗水</v>
          </cell>
          <cell r="Y1123" t="str">
            <v/>
          </cell>
          <cell r="Z1123" t="str">
            <v>土と石鋼舗浚塗水</v>
          </cell>
          <cell r="AA1123" t="str">
            <v>土木一式</v>
          </cell>
          <cell r="AB1123" t="str">
            <v>鋼構造物</v>
          </cell>
          <cell r="AC1123" t="str">
            <v>とび土工</v>
          </cell>
          <cell r="AD1123" t="str">
            <v>舗装</v>
          </cell>
          <cell r="AE1123">
            <v>42978</v>
          </cell>
          <cell r="AF1123" t="str">
            <v>希望する</v>
          </cell>
          <cell r="AG1123" t="str">
            <v>土木一式</v>
          </cell>
          <cell r="AH1123" t="str">
            <v>特定</v>
          </cell>
          <cell r="AI1123">
            <v>776</v>
          </cell>
          <cell r="AJ1123">
            <v>269373</v>
          </cell>
          <cell r="AK1123" t="str">
            <v>1(0)/1/4</v>
          </cell>
          <cell r="AL1123" t="str">
            <v>鋼構造物</v>
          </cell>
          <cell r="AM1123" t="str">
            <v>特定</v>
          </cell>
          <cell r="AN1123">
            <v>666</v>
          </cell>
          <cell r="AO1123">
            <v>16798</v>
          </cell>
          <cell r="AP1123" t="str">
            <v>0(0)/0/0</v>
          </cell>
          <cell r="AQ1123" t="str">
            <v>とび土工</v>
          </cell>
          <cell r="AR1123" t="str">
            <v>特定</v>
          </cell>
          <cell r="AS1123">
            <v>626</v>
          </cell>
          <cell r="AT1123" t="str">
            <v/>
          </cell>
          <cell r="AU1123" t="str">
            <v>1(0)/1/1</v>
          </cell>
          <cell r="AV1123" t="str">
            <v>舗装</v>
          </cell>
          <cell r="AW1123" t="str">
            <v>特定</v>
          </cell>
          <cell r="AX1123">
            <v>674</v>
          </cell>
          <cell r="AY1123">
            <v>23591</v>
          </cell>
          <cell r="AZ1123" t="str">
            <v>0(0)/0/0</v>
          </cell>
          <cell r="BA1123" t="str">
            <v>兵庫県</v>
          </cell>
          <cell r="CR1123">
            <v>6840</v>
          </cell>
          <cell r="CS1123" t="str">
            <v>ｵｶﾀﾞ ｶﾎﾘ</v>
          </cell>
          <cell r="CT1123" t="str">
            <v>岡田  かほり</v>
          </cell>
          <cell r="CU1123" t="str">
            <v>消費生活センター</v>
          </cell>
          <cell r="CW1123" t="str">
            <v xml:space="preserve"> </v>
          </cell>
          <cell r="CX1123" t="str">
            <v xml:space="preserve"> </v>
          </cell>
          <cell r="CY1123" t="str">
            <v>消費生活センター所長</v>
          </cell>
        </row>
        <row r="1124">
          <cell r="B1124">
            <v>4118</v>
          </cell>
          <cell r="C1124" t="str">
            <v>山村築炉工業(株)</v>
          </cell>
          <cell r="D1124" t="str">
            <v>06-6561-5665</v>
          </cell>
          <cell r="F1124" t="str">
            <v>大阪府大阪市浪速区塩草3-5-5</v>
          </cell>
          <cell r="G1124" t="str">
            <v>大阪市</v>
          </cell>
          <cell r="H1124" t="str">
            <v/>
          </cell>
          <cell r="I1124" t="str">
            <v>代表取締役　 山村　直之</v>
          </cell>
          <cell r="J1124" t="str">
            <v>本店</v>
          </cell>
          <cell r="K1124" t="str">
            <v>06-6568-6392</v>
          </cell>
          <cell r="L1124" t="str">
            <v>s-shirakawa@yamamura-chikuro.co.jp</v>
          </cell>
          <cell r="M1124" t="str">
            <v>ﾔﾏﾑﾗﾁｸﾛｺｳｷﾞﾖｳ</v>
          </cell>
          <cell r="N1124" t="str">
            <v>無</v>
          </cell>
          <cell r="O1124">
            <v>39</v>
          </cell>
          <cell r="P1124">
            <v>30</v>
          </cell>
          <cell r="Q1124">
            <v>6120000000000</v>
          </cell>
          <cell r="R1124">
            <v>50000</v>
          </cell>
          <cell r="S1124">
            <v>362964</v>
          </cell>
          <cell r="T1124">
            <v>761329</v>
          </cell>
          <cell r="V1124" t="str">
            <v>ef116729</v>
          </cell>
          <cell r="W1124" t="str">
            <v>dx172349</v>
          </cell>
          <cell r="X1124" t="str">
            <v>土と石鋼舗浚塗水</v>
          </cell>
          <cell r="Y1124" t="str">
            <v/>
          </cell>
          <cell r="Z1124" t="str">
            <v>土と石鋼舗浚塗水</v>
          </cell>
          <cell r="AA1124" t="str">
            <v>機械器具</v>
          </cell>
          <cell r="AB1124" t="str">
            <v>タイル</v>
          </cell>
          <cell r="AC1124" t="str">
            <v>清掃施設</v>
          </cell>
          <cell r="AD1124" t="str">
            <v/>
          </cell>
          <cell r="AE1124">
            <v>43190</v>
          </cell>
          <cell r="AF1124" t="str">
            <v>希望しない</v>
          </cell>
          <cell r="AG1124" t="str">
            <v>機械器具</v>
          </cell>
          <cell r="AH1124" t="str">
            <v>一般</v>
          </cell>
          <cell r="AI1124">
            <v>775</v>
          </cell>
          <cell r="AJ1124">
            <v>387987</v>
          </cell>
          <cell r="AK1124" t="str">
            <v>0(0)/2/8</v>
          </cell>
          <cell r="AL1124" t="str">
            <v>タイル</v>
          </cell>
          <cell r="AM1124" t="str">
            <v>一般</v>
          </cell>
          <cell r="AN1124">
            <v>776</v>
          </cell>
          <cell r="AO1124">
            <v>336568</v>
          </cell>
          <cell r="AP1124" t="str">
            <v>0(0)/2/9</v>
          </cell>
          <cell r="AQ1124" t="str">
            <v>清掃施設</v>
          </cell>
          <cell r="AR1124" t="str">
            <v>一般</v>
          </cell>
          <cell r="AS1124">
            <v>599</v>
          </cell>
          <cell r="AT1124" t="str">
            <v/>
          </cell>
          <cell r="AU1124" t="str">
            <v>0(0)/0/1</v>
          </cell>
          <cell r="AV1124" t="str">
            <v/>
          </cell>
          <cell r="AW1124" t="str">
            <v/>
          </cell>
          <cell r="AX1124" t="str">
            <v/>
          </cell>
          <cell r="AY1124" t="str">
            <v/>
          </cell>
          <cell r="AZ1124" t="str">
            <v/>
          </cell>
          <cell r="BA1124" t="str">
            <v>大阪府</v>
          </cell>
          <cell r="CR1124">
            <v>6841</v>
          </cell>
          <cell r="CS1124" t="str">
            <v>ｷｼｿﾞｴ ﾀｹｼ</v>
          </cell>
          <cell r="CT1124" t="str">
            <v>岸添  剛士</v>
          </cell>
          <cell r="CU1124" t="str">
            <v>博物館</v>
          </cell>
          <cell r="CW1124">
            <v>3923</v>
          </cell>
          <cell r="CX1124" t="str">
            <v xml:space="preserve"> </v>
          </cell>
          <cell r="CY1124" t="str">
            <v>博物館長</v>
          </cell>
        </row>
        <row r="1125">
          <cell r="B1125">
            <v>4122</v>
          </cell>
          <cell r="C1125" t="str">
            <v>松岡土木(株)</v>
          </cell>
          <cell r="D1125" t="str">
            <v>06-6411-5304</v>
          </cell>
          <cell r="E1125" t="str">
            <v>660-0083</v>
          </cell>
          <cell r="F1125" t="str">
            <v>兵庫県尼崎市道意町3-8-6</v>
          </cell>
          <cell r="G1125" t="str">
            <v>尼崎市</v>
          </cell>
          <cell r="H1125" t="str">
            <v/>
          </cell>
          <cell r="I1125" t="str">
            <v>代表取締役 松岡　信吾</v>
          </cell>
          <cell r="J1125" t="str">
            <v>本店</v>
          </cell>
          <cell r="K1125" t="str">
            <v>06-6411-3100</v>
          </cell>
          <cell r="L1125" t="str">
            <v>matsuoka@matsuoka-doboku.co.jp</v>
          </cell>
          <cell r="M1125" t="str">
            <v>ﾏﾂｵｶﾄﾞﾎﾞｸ</v>
          </cell>
          <cell r="N1125" t="str">
            <v>無</v>
          </cell>
          <cell r="O1125">
            <v>34</v>
          </cell>
          <cell r="P1125">
            <v>32</v>
          </cell>
          <cell r="Q1125">
            <v>9140001051284</v>
          </cell>
          <cell r="R1125">
            <v>80000</v>
          </cell>
          <cell r="S1125">
            <v>167546</v>
          </cell>
          <cell r="T1125">
            <v>1019445</v>
          </cell>
          <cell r="V1125" t="str">
            <v>eu115407</v>
          </cell>
          <cell r="W1125" t="str">
            <v>vq166634</v>
          </cell>
          <cell r="X1125" t="str">
            <v>土と石鋼舗浚塗水解</v>
          </cell>
          <cell r="Y1125" t="str">
            <v/>
          </cell>
          <cell r="Z1125" t="str">
            <v>土と石鋼舗浚塗水解</v>
          </cell>
          <cell r="AA1125" t="str">
            <v>土木一式</v>
          </cell>
          <cell r="AB1125" t="str">
            <v>舗装</v>
          </cell>
          <cell r="AC1125" t="str">
            <v>水道施設</v>
          </cell>
          <cell r="AD1125" t="str">
            <v>解体</v>
          </cell>
          <cell r="AE1125">
            <v>43373</v>
          </cell>
          <cell r="AF1125" t="str">
            <v>希望しない</v>
          </cell>
          <cell r="AG1125" t="str">
            <v>土木一式</v>
          </cell>
          <cell r="AH1125" t="str">
            <v>特定</v>
          </cell>
          <cell r="AI1125">
            <v>939</v>
          </cell>
          <cell r="AJ1125">
            <v>966552</v>
          </cell>
          <cell r="AK1125" t="str">
            <v>8(8)/2/1</v>
          </cell>
          <cell r="AL1125" t="str">
            <v>舗装</v>
          </cell>
          <cell r="AM1125" t="str">
            <v>特定</v>
          </cell>
          <cell r="AN1125">
            <v>837</v>
          </cell>
          <cell r="AO1125">
            <v>51893</v>
          </cell>
          <cell r="AP1125" t="str">
            <v>8(8)/3/0</v>
          </cell>
          <cell r="AQ1125" t="str">
            <v>水道施設</v>
          </cell>
          <cell r="AR1125" t="str">
            <v>特定</v>
          </cell>
          <cell r="AS1125">
            <v>666</v>
          </cell>
          <cell r="AT1125" t="str">
            <v/>
          </cell>
          <cell r="AU1125" t="str">
            <v>0(0)/0/0</v>
          </cell>
          <cell r="AV1125" t="str">
            <v>解体</v>
          </cell>
          <cell r="AW1125" t="str">
            <v>特定</v>
          </cell>
          <cell r="AX1125">
            <v>666</v>
          </cell>
          <cell r="AY1125" t="str">
            <v/>
          </cell>
          <cell r="AZ1125" t="str">
            <v>0(0)/0/0</v>
          </cell>
          <cell r="BA1125" t="str">
            <v>兵庫県</v>
          </cell>
        </row>
        <row r="1126">
          <cell r="B1126">
            <v>4123</v>
          </cell>
          <cell r="C1126" t="str">
            <v>松原熔工(株)</v>
          </cell>
          <cell r="D1126" t="str">
            <v>079-495-1585</v>
          </cell>
          <cell r="E1126" t="str">
            <v>675-1111</v>
          </cell>
          <cell r="F1126" t="str">
            <v>兵庫県加古郡稲美町印南1371</v>
          </cell>
          <cell r="G1126" t="str">
            <v>加古郡稲美町</v>
          </cell>
          <cell r="H1126" t="str">
            <v/>
          </cell>
          <cell r="I1126" t="str">
            <v>代表取締役 松原　政廣</v>
          </cell>
          <cell r="J1126" t="str">
            <v>本店</v>
          </cell>
          <cell r="K1126" t="str">
            <v>079-495-2953</v>
          </cell>
          <cell r="L1126" t="str">
            <v>m-y-kk-1@bb.banban.jp</v>
          </cell>
          <cell r="M1126" t="str">
            <v>ﾏﾂﾊﾞﾗﾖｳｺｳ</v>
          </cell>
          <cell r="N1126" t="str">
            <v>無</v>
          </cell>
          <cell r="O1126">
            <v>34</v>
          </cell>
          <cell r="P1126">
            <v>19</v>
          </cell>
          <cell r="Q1126">
            <v>8140001044636</v>
          </cell>
          <cell r="R1126">
            <v>10000</v>
          </cell>
          <cell r="S1126">
            <v>79936</v>
          </cell>
          <cell r="T1126">
            <v>318246</v>
          </cell>
          <cell r="V1126" t="str">
            <v>po171887</v>
          </cell>
          <cell r="W1126" t="str">
            <v>sx123662</v>
          </cell>
          <cell r="X1126" t="str">
            <v>土と管鋼舗機水</v>
          </cell>
          <cell r="Y1126" t="str">
            <v>土と管鋼舗機水</v>
          </cell>
          <cell r="Z1126" t="str">
            <v/>
          </cell>
          <cell r="AA1126" t="str">
            <v>鋼構造物</v>
          </cell>
          <cell r="AB1126" t="str">
            <v>機械器具</v>
          </cell>
          <cell r="AC1126" t="str">
            <v>管</v>
          </cell>
          <cell r="AD1126" t="str">
            <v>水道施設</v>
          </cell>
          <cell r="AE1126">
            <v>43646</v>
          </cell>
          <cell r="AF1126" t="str">
            <v/>
          </cell>
          <cell r="AG1126" t="str">
            <v>鋼構造物</v>
          </cell>
          <cell r="AH1126" t="str">
            <v>一般</v>
          </cell>
          <cell r="AI1126">
            <v>775</v>
          </cell>
          <cell r="AJ1126">
            <v>150605</v>
          </cell>
          <cell r="AK1126" t="str">
            <v>1(1)/2/9</v>
          </cell>
          <cell r="AL1126" t="str">
            <v>機械器具</v>
          </cell>
          <cell r="AM1126" t="str">
            <v>一般</v>
          </cell>
          <cell r="AN1126">
            <v>732</v>
          </cell>
          <cell r="AO1126">
            <v>94960</v>
          </cell>
          <cell r="AP1126" t="str">
            <v>0(0)/0/10</v>
          </cell>
          <cell r="AQ1126" t="str">
            <v>管</v>
          </cell>
          <cell r="AR1126" t="str">
            <v>一般</v>
          </cell>
          <cell r="AS1126">
            <v>628</v>
          </cell>
          <cell r="AT1126">
            <v>2129</v>
          </cell>
          <cell r="AU1126" t="str">
            <v>0(0)/0/5</v>
          </cell>
          <cell r="AV1126" t="str">
            <v>水道施設</v>
          </cell>
          <cell r="AW1126" t="str">
            <v>一般</v>
          </cell>
          <cell r="AX1126">
            <v>621</v>
          </cell>
          <cell r="AY1126">
            <v>3333</v>
          </cell>
          <cell r="AZ1126" t="str">
            <v>0(0)/0/0</v>
          </cell>
          <cell r="BA1126" t="str">
            <v>兵庫県</v>
          </cell>
        </row>
        <row r="1127">
          <cell r="B1127">
            <v>4141</v>
          </cell>
          <cell r="C1127" t="str">
            <v>三日月建設(株)</v>
          </cell>
          <cell r="D1127" t="str">
            <v>0798-35-2277</v>
          </cell>
          <cell r="E1127" t="str">
            <v>662-0922</v>
          </cell>
          <cell r="F1127" t="str">
            <v>兵庫県西宮市東町1-10-27</v>
          </cell>
          <cell r="G1127" t="str">
            <v>西宮市</v>
          </cell>
          <cell r="H1127" t="str">
            <v/>
          </cell>
          <cell r="I1127" t="str">
            <v>代表取締役 坂本　浩孝</v>
          </cell>
          <cell r="J1127" t="str">
            <v>本店</v>
          </cell>
          <cell r="K1127" t="str">
            <v>0798-23-5237</v>
          </cell>
          <cell r="L1127" t="str">
            <v>m-obayashi@e-mikaduki.com</v>
          </cell>
          <cell r="M1127" t="str">
            <v>ﾐｶﾂﾞｷｹﾝｾﾂ</v>
          </cell>
          <cell r="N1127" t="str">
            <v>無</v>
          </cell>
          <cell r="O1127">
            <v>59</v>
          </cell>
          <cell r="P1127">
            <v>25</v>
          </cell>
          <cell r="Q1127">
            <v>7140001070476</v>
          </cell>
          <cell r="R1127">
            <v>50000</v>
          </cell>
          <cell r="S1127">
            <v>614916</v>
          </cell>
          <cell r="T1127">
            <v>1913555</v>
          </cell>
          <cell r="V1127" t="str">
            <v>hx936995</v>
          </cell>
          <cell r="W1127" t="str">
            <v>df299188</v>
          </cell>
          <cell r="X1127" t="str">
            <v>土舗建大と石屋タ鋼鉄板ガ塗防内具解</v>
          </cell>
          <cell r="Y1127" t="str">
            <v>土舗</v>
          </cell>
          <cell r="Z1127" t="str">
            <v>建大と石屋タ鋼鉄板ガ塗防内具解</v>
          </cell>
          <cell r="AA1127" t="str">
            <v>建築一式</v>
          </cell>
          <cell r="AB1127" t="str">
            <v/>
          </cell>
          <cell r="AC1127" t="str">
            <v/>
          </cell>
          <cell r="AD1127" t="str">
            <v/>
          </cell>
          <cell r="AE1127">
            <v>43332</v>
          </cell>
          <cell r="AF1127" t="str">
            <v>希望しない</v>
          </cell>
          <cell r="AG1127" t="str">
            <v>建築一式</v>
          </cell>
          <cell r="AH1127" t="str">
            <v>特定</v>
          </cell>
          <cell r="AI1127">
            <v>1061</v>
          </cell>
          <cell r="AJ1127">
            <v>2298742</v>
          </cell>
          <cell r="AK1127" t="str">
            <v>12(12)/7/2</v>
          </cell>
          <cell r="AL1127" t="str">
            <v/>
          </cell>
          <cell r="AM1127" t="str">
            <v/>
          </cell>
          <cell r="AN1127" t="str">
            <v/>
          </cell>
          <cell r="AO1127" t="str">
            <v/>
          </cell>
          <cell r="AP1127" t="str">
            <v/>
          </cell>
          <cell r="AQ1127" t="str">
            <v/>
          </cell>
          <cell r="AR1127" t="str">
            <v/>
          </cell>
          <cell r="AS1127" t="str">
            <v/>
          </cell>
          <cell r="AT1127" t="str">
            <v/>
          </cell>
          <cell r="AU1127" t="str">
            <v/>
          </cell>
          <cell r="AV1127" t="str">
            <v/>
          </cell>
          <cell r="AW1127" t="str">
            <v/>
          </cell>
          <cell r="AX1127" t="str">
            <v/>
          </cell>
          <cell r="AY1127" t="str">
            <v/>
          </cell>
          <cell r="AZ1127" t="str">
            <v/>
          </cell>
          <cell r="BA1127" t="str">
            <v>兵庫県</v>
          </cell>
          <cell r="CR1127">
            <v>6842</v>
          </cell>
          <cell r="CS1127" t="str">
            <v>ｷﾀﾑﾗ ｼﾖｳﾀ</v>
          </cell>
          <cell r="CT1127" t="str">
            <v>北村  昭太</v>
          </cell>
          <cell r="CU1127" t="str">
            <v>広報課</v>
          </cell>
          <cell r="CW1127">
            <v>2122</v>
          </cell>
          <cell r="CX1127" t="str">
            <v xml:space="preserve"> </v>
          </cell>
          <cell r="CY1127" t="str">
            <v>広報課長</v>
          </cell>
        </row>
        <row r="1128">
          <cell r="B1128">
            <v>4143</v>
          </cell>
          <cell r="C1128" t="str">
            <v>美樹工業(株)</v>
          </cell>
          <cell r="D1128" t="str">
            <v>078-306-6003</v>
          </cell>
          <cell r="E1128" t="str">
            <v>650-0046</v>
          </cell>
          <cell r="F1128" t="str">
            <v>兵庫県神戸市中央区港島中町1-1-3</v>
          </cell>
          <cell r="G1128" t="str">
            <v>姫路市</v>
          </cell>
          <cell r="H1128" t="str">
            <v>神戸支店</v>
          </cell>
          <cell r="I1128" t="str">
            <v>支店長 瀬川　典弘</v>
          </cell>
          <cell r="J1128" t="str">
            <v>兵庫県姫路市</v>
          </cell>
          <cell r="K1128" t="str">
            <v>078-306-6004</v>
          </cell>
          <cell r="L1128" t="str">
            <v>miki_kensetsu@mikikogyo.co.jp</v>
          </cell>
          <cell r="M1128" t="str">
            <v>ﾐｷｺｳｷﾞｮｳ</v>
          </cell>
          <cell r="N1128" t="str">
            <v>有</v>
          </cell>
          <cell r="O1128">
            <v>62</v>
          </cell>
          <cell r="P1128">
            <v>278</v>
          </cell>
          <cell r="Q1128">
            <v>8140001061763</v>
          </cell>
          <cell r="R1128">
            <v>764815</v>
          </cell>
          <cell r="S1128">
            <v>8782989</v>
          </cell>
          <cell r="T1128">
            <v>31948962</v>
          </cell>
          <cell r="V1128" t="str">
            <v>nm642022</v>
          </cell>
          <cell r="W1128" t="str">
            <v>mf361859</v>
          </cell>
          <cell r="X1128" t="str">
            <v>消(清)(建)(大)(左)(と)(石)(屋)(管)(タ)(鋼)(鉄)(舗)(板)(ガ)(塗)(防)(内)(熱)(具)(水)(消)(解)土建大と石屋電管タ鋼鉄舗板ガ塗防内熱園具水解</v>
          </cell>
          <cell r="Y1128" t="str">
            <v>消(清)(建)(大)(左)(と)(石)(屋)(管)(タ)(鋼)(鉄)(舗)(板)(ガ)(塗)(防)(内)(熱)(具)(水)(消)(解)</v>
          </cell>
          <cell r="Z1128" t="str">
            <v>土建大と石屋電管タ鋼鉄舗板ガ塗防内熱園具水解</v>
          </cell>
          <cell r="AA1128" t="str">
            <v>建築一式</v>
          </cell>
          <cell r="AB1128" t="str">
            <v>管</v>
          </cell>
          <cell r="AC1128" t="str">
            <v>土木一式</v>
          </cell>
          <cell r="AD1128" t="str">
            <v>舗装</v>
          </cell>
          <cell r="AE1128">
            <v>43100</v>
          </cell>
          <cell r="AF1128" t="str">
            <v>希望しない</v>
          </cell>
          <cell r="AG1128" t="str">
            <v>建築一式</v>
          </cell>
          <cell r="AH1128" t="str">
            <v>特定</v>
          </cell>
          <cell r="AI1128">
            <v>1370</v>
          </cell>
          <cell r="AJ1128">
            <v>8655593</v>
          </cell>
          <cell r="AK1128" t="str">
            <v>46(46)/11/34</v>
          </cell>
          <cell r="AL1128" t="str">
            <v>管</v>
          </cell>
          <cell r="AM1128" t="str">
            <v>特定</v>
          </cell>
          <cell r="AN1128">
            <v>1292</v>
          </cell>
          <cell r="AO1128">
            <v>4339336</v>
          </cell>
          <cell r="AP1128" t="str">
            <v>21(21)/23/29</v>
          </cell>
          <cell r="AQ1128" t="str">
            <v>土木一式</v>
          </cell>
          <cell r="AR1128" t="str">
            <v>特定</v>
          </cell>
          <cell r="AS1128">
            <v>1259</v>
          </cell>
          <cell r="AT1128">
            <v>1850438</v>
          </cell>
          <cell r="AU1128" t="str">
            <v>37(36)/6/26</v>
          </cell>
          <cell r="AV1128" t="str">
            <v>舗装</v>
          </cell>
          <cell r="AW1128" t="str">
            <v>特定</v>
          </cell>
          <cell r="AX1128">
            <v>1136</v>
          </cell>
          <cell r="AY1128">
            <v>233733</v>
          </cell>
          <cell r="AZ1128" t="str">
            <v>25(24)/3/0</v>
          </cell>
          <cell r="BA1128" t="str">
            <v>兵庫県</v>
          </cell>
          <cell r="CR1128">
            <v>6843</v>
          </cell>
          <cell r="CS1128" t="str">
            <v>ｻｶｲ ﾘｴ</v>
          </cell>
          <cell r="CT1128" t="str">
            <v>酒井  里枝</v>
          </cell>
          <cell r="CU1128" t="str">
            <v>介護保険課</v>
          </cell>
          <cell r="CW1128">
            <v>2709</v>
          </cell>
          <cell r="CX1128" t="str">
            <v xml:space="preserve"> </v>
          </cell>
          <cell r="CY1128" t="str">
            <v>介護保険課長</v>
          </cell>
        </row>
        <row r="1129">
          <cell r="B1129">
            <v>4147</v>
          </cell>
          <cell r="C1129" t="str">
            <v>(株)水処理管理センター</v>
          </cell>
          <cell r="D1129" t="str">
            <v>06-6362-9106</v>
          </cell>
          <cell r="E1129" t="str">
            <v>530-0054</v>
          </cell>
          <cell r="F1129" t="str">
            <v>大阪府大阪市北区南森町1-4-10</v>
          </cell>
          <cell r="G1129" t="str">
            <v>大阪市</v>
          </cell>
          <cell r="H1129" t="str">
            <v/>
          </cell>
          <cell r="I1129" t="str">
            <v>代表取締役 川崎　肇</v>
          </cell>
          <cell r="J1129" t="str">
            <v>本店</v>
          </cell>
          <cell r="K1129" t="str">
            <v>06-6362-8404</v>
          </cell>
          <cell r="L1129" t="str">
            <v>mizshori@estate.ocn.ne.jp</v>
          </cell>
          <cell r="M1129" t="str">
            <v>ﾐｽﾞｼｮﾘｶﾝﾘｾﾝﾀｰ</v>
          </cell>
          <cell r="N1129" t="str">
            <v>無</v>
          </cell>
          <cell r="O1129">
            <v>41</v>
          </cell>
          <cell r="P1129">
            <v>14</v>
          </cell>
          <cell r="Q1129">
            <v>8120001070881</v>
          </cell>
          <cell r="R1129">
            <v>10000</v>
          </cell>
          <cell r="S1129">
            <v>275370</v>
          </cell>
          <cell r="T1129">
            <v>472024</v>
          </cell>
          <cell r="V1129" t="str">
            <v>tw593590</v>
          </cell>
          <cell r="W1129" t="str">
            <v>bc311385</v>
          </cell>
          <cell r="X1129" t="str">
            <v>管機水</v>
          </cell>
          <cell r="Y1129" t="str">
            <v>管機水</v>
          </cell>
          <cell r="Z1129" t="str">
            <v/>
          </cell>
          <cell r="AA1129" t="str">
            <v>機械器具</v>
          </cell>
          <cell r="AB1129" t="str">
            <v>水道施設</v>
          </cell>
          <cell r="AC1129" t="str">
            <v>管</v>
          </cell>
          <cell r="AD1129" t="str">
            <v/>
          </cell>
          <cell r="AE1129">
            <v>43190</v>
          </cell>
          <cell r="AF1129" t="str">
            <v>希望しない</v>
          </cell>
          <cell r="AG1129" t="str">
            <v>機械器具</v>
          </cell>
          <cell r="AH1129" t="str">
            <v>一般</v>
          </cell>
          <cell r="AI1129">
            <v>835</v>
          </cell>
          <cell r="AJ1129">
            <v>112943</v>
          </cell>
          <cell r="AK1129" t="str">
            <v>0(0)/0/8</v>
          </cell>
          <cell r="AL1129" t="str">
            <v>水道施設</v>
          </cell>
          <cell r="AM1129" t="str">
            <v>一般</v>
          </cell>
          <cell r="AN1129">
            <v>883</v>
          </cell>
          <cell r="AO1129">
            <v>248888</v>
          </cell>
          <cell r="AP1129" t="str">
            <v>1(1)/5/0</v>
          </cell>
          <cell r="AQ1129" t="str">
            <v>管</v>
          </cell>
          <cell r="AR1129" t="str">
            <v>一般</v>
          </cell>
          <cell r="AS1129">
            <v>724</v>
          </cell>
          <cell r="AT1129">
            <v>2003</v>
          </cell>
          <cell r="AU1129" t="str">
            <v>0(0)/2/0</v>
          </cell>
          <cell r="AV1129" t="str">
            <v/>
          </cell>
          <cell r="AW1129" t="str">
            <v/>
          </cell>
          <cell r="AX1129" t="str">
            <v/>
          </cell>
          <cell r="AY1129" t="str">
            <v/>
          </cell>
          <cell r="AZ1129" t="str">
            <v/>
          </cell>
          <cell r="BA1129" t="str">
            <v>大阪府</v>
          </cell>
          <cell r="CR1129">
            <v>6844</v>
          </cell>
          <cell r="CS1129" t="str">
            <v>ｻｻｼﾞ ｼﾖｳｺ</v>
          </cell>
          <cell r="CT1129" t="str">
            <v>笹路  祥子</v>
          </cell>
          <cell r="CU1129" t="str">
            <v>環境保全課</v>
          </cell>
          <cell r="CW1129">
            <v>2825</v>
          </cell>
          <cell r="CX1129" t="str">
            <v xml:space="preserve"> </v>
          </cell>
          <cell r="CY1129" t="str">
            <v>環境保全課長</v>
          </cell>
        </row>
        <row r="1130">
          <cell r="B1130">
            <v>4148</v>
          </cell>
          <cell r="C1130" t="str">
            <v>美津濃(株)</v>
          </cell>
          <cell r="D1130" t="str">
            <v>06-6614-8188</v>
          </cell>
          <cell r="E1130" t="str">
            <v>559-8510</v>
          </cell>
          <cell r="F1130" t="str">
            <v>大阪府大阪市住之江区南港北1-12-35</v>
          </cell>
          <cell r="G1130" t="str">
            <v>大阪市</v>
          </cell>
          <cell r="H1130" t="str">
            <v/>
          </cell>
          <cell r="I1130" t="str">
            <v>代表取締役社長 水野　明人</v>
          </cell>
          <cell r="J1130" t="str">
            <v>本店</v>
          </cell>
          <cell r="K1130" t="str">
            <v>06-6614-8343</v>
          </cell>
          <cell r="L1130" t="str">
            <v>wtaiiku@mizuno.co.jp</v>
          </cell>
          <cell r="M1130" t="str">
            <v>ﾐｽﾞﾉ</v>
          </cell>
          <cell r="N1130" t="str">
            <v>無</v>
          </cell>
          <cell r="O1130">
            <v>59</v>
          </cell>
          <cell r="P1130">
            <v>1873</v>
          </cell>
          <cell r="Q1130">
            <v>4120001077559</v>
          </cell>
          <cell r="R1130">
            <v>26137417</v>
          </cell>
          <cell r="S1130">
            <v>75728000</v>
          </cell>
          <cell r="T1130">
            <v>185399000</v>
          </cell>
          <cell r="V1130" t="str">
            <v>cv647088</v>
          </cell>
          <cell r="W1130" t="str">
            <v>fq454589</v>
          </cell>
          <cell r="X1130" t="str">
            <v>土建と鋼舗内園</v>
          </cell>
          <cell r="Y1130" t="str">
            <v/>
          </cell>
          <cell r="Z1130" t="str">
            <v>土建と鋼舗内園</v>
          </cell>
          <cell r="AA1130" t="str">
            <v>土木一式</v>
          </cell>
          <cell r="AB1130" t="str">
            <v>舗装</v>
          </cell>
          <cell r="AC1130" t="str">
            <v>造園</v>
          </cell>
          <cell r="AD1130" t="str">
            <v>とび土工</v>
          </cell>
          <cell r="AE1130">
            <v>43190</v>
          </cell>
          <cell r="AF1130" t="str">
            <v>希望しない</v>
          </cell>
          <cell r="AG1130" t="str">
            <v>土木一式</v>
          </cell>
          <cell r="AH1130" t="str">
            <v>特定</v>
          </cell>
          <cell r="AI1130">
            <v>1278</v>
          </cell>
          <cell r="AJ1130">
            <v>1170618</v>
          </cell>
          <cell r="AK1130" t="str">
            <v>16(13)//</v>
          </cell>
          <cell r="AL1130" t="str">
            <v>舗装</v>
          </cell>
          <cell r="AM1130" t="str">
            <v>特定</v>
          </cell>
          <cell r="AN1130">
            <v>1272</v>
          </cell>
          <cell r="AO1130">
            <v>1627921</v>
          </cell>
          <cell r="AP1130" t="str">
            <v>10(9)//</v>
          </cell>
          <cell r="AQ1130" t="str">
            <v>造園</v>
          </cell>
          <cell r="AR1130" t="str">
            <v>特定</v>
          </cell>
          <cell r="AS1130">
            <v>1085</v>
          </cell>
          <cell r="AT1130">
            <v>63025</v>
          </cell>
          <cell r="AU1130" t="str">
            <v>5(1)//</v>
          </cell>
          <cell r="AV1130" t="str">
            <v>とび土工</v>
          </cell>
          <cell r="AW1130" t="str">
            <v>特定</v>
          </cell>
          <cell r="AX1130">
            <v>1147</v>
          </cell>
          <cell r="AY1130">
            <v>252805</v>
          </cell>
          <cell r="AZ1130" t="str">
            <v>4(3)//</v>
          </cell>
          <cell r="BA1130" t="str">
            <v>大阪府</v>
          </cell>
          <cell r="CR1130">
            <v>6845</v>
          </cell>
          <cell r="CS1130" t="str">
            <v>ｻﾜﾀﾞ ﾖｳｺ</v>
          </cell>
          <cell r="CT1130" t="str">
            <v>澤田  蓉子</v>
          </cell>
          <cell r="CU1130" t="str">
            <v>国民年金課</v>
          </cell>
          <cell r="CW1130">
            <v>2797</v>
          </cell>
          <cell r="CX1130" t="str">
            <v xml:space="preserve"> </v>
          </cell>
          <cell r="CY1130" t="str">
            <v>国保年金課長</v>
          </cell>
        </row>
        <row r="1131">
          <cell r="B1131">
            <v>4149</v>
          </cell>
          <cell r="C1131" t="str">
            <v>(株)ミゾタ</v>
          </cell>
          <cell r="D1131" t="str">
            <v>06-6886-2735</v>
          </cell>
          <cell r="E1131" t="str">
            <v>532-0011</v>
          </cell>
          <cell r="F1131" t="str">
            <v>大阪府大阪市淀川区西中島5-2-12ｹｲｱﾝﾄﾞｴｲﾋﾞﾙ601</v>
          </cell>
          <cell r="G1131" t="str">
            <v>佐賀市</v>
          </cell>
          <cell r="H1131" t="str">
            <v>大阪支店</v>
          </cell>
          <cell r="I1131" t="str">
            <v>支店長 藤田　浩幸</v>
          </cell>
          <cell r="J1131" t="str">
            <v>佐賀県佐賀市</v>
          </cell>
          <cell r="K1131" t="str">
            <v>06-6886-2736</v>
          </cell>
          <cell r="L1131" t="str">
            <v>eigyou1@po.mizota.co.jp</v>
          </cell>
          <cell r="M1131" t="str">
            <v>ﾐｿﾞﾀ</v>
          </cell>
          <cell r="N1131" t="str">
            <v>有</v>
          </cell>
          <cell r="O1131">
            <v>58</v>
          </cell>
          <cell r="P1131">
            <v>397</v>
          </cell>
          <cell r="Q1131">
            <v>6300001000946</v>
          </cell>
          <cell r="R1131">
            <v>498750</v>
          </cell>
          <cell r="S1131">
            <v>6305015</v>
          </cell>
          <cell r="T1131">
            <v>9266816</v>
          </cell>
          <cell r="V1131" t="str">
            <v>hs828103</v>
          </cell>
          <cell r="W1131" t="str">
            <v>zs688909</v>
          </cell>
          <cell r="X1131" t="str">
            <v>と塗園(清)(と)(鋼)(塗)(機)(水)土電管鋼機水消</v>
          </cell>
          <cell r="Y1131" t="str">
            <v>と塗園(清)(と)(鋼)(塗)(機)(水)</v>
          </cell>
          <cell r="Z1131" t="str">
            <v>土電管鋼機水消</v>
          </cell>
          <cell r="AA1131" t="str">
            <v>機械器具</v>
          </cell>
          <cell r="AB1131" t="str">
            <v>鋼構造物</v>
          </cell>
          <cell r="AC1131" t="str">
            <v>水道施設</v>
          </cell>
          <cell r="AD1131" t="str">
            <v>土木一式</v>
          </cell>
          <cell r="AE1131">
            <v>43281</v>
          </cell>
          <cell r="AF1131" t="str">
            <v/>
          </cell>
          <cell r="AG1131" t="str">
            <v>機械器具</v>
          </cell>
          <cell r="AH1131" t="str">
            <v>特定</v>
          </cell>
          <cell r="AI1131">
            <v>1213</v>
          </cell>
          <cell r="AJ1131">
            <v>6082841</v>
          </cell>
          <cell r="AK1131" t="str">
            <v>1(0)/0/75</v>
          </cell>
          <cell r="AL1131" t="str">
            <v>鋼構造物</v>
          </cell>
          <cell r="AM1131" t="str">
            <v>特定</v>
          </cell>
          <cell r="AN1131">
            <v>1210</v>
          </cell>
          <cell r="AO1131">
            <v>962505</v>
          </cell>
          <cell r="AP1131" t="str">
            <v>116(111)/62/0</v>
          </cell>
          <cell r="AQ1131" t="str">
            <v>水道施設</v>
          </cell>
          <cell r="AR1131" t="str">
            <v>特定</v>
          </cell>
          <cell r="AS1131">
            <v>1125</v>
          </cell>
          <cell r="AT1131">
            <v>166400</v>
          </cell>
          <cell r="AU1131" t="str">
            <v>83(80)/67/0</v>
          </cell>
          <cell r="AV1131" t="str">
            <v>土木一式</v>
          </cell>
          <cell r="AW1131" t="str">
            <v>特定</v>
          </cell>
          <cell r="AX1131">
            <v>1022</v>
          </cell>
          <cell r="AY1131">
            <v>8927</v>
          </cell>
          <cell r="AZ1131" t="str">
            <v>51(50)/48/0</v>
          </cell>
          <cell r="BA1131" t="str">
            <v>佐賀県</v>
          </cell>
          <cell r="CR1131">
            <v>6846</v>
          </cell>
          <cell r="CS1131" t="str">
            <v>ｼﾐｽﾞ ﾋﾛﾄ</v>
          </cell>
          <cell r="CT1131" t="str">
            <v>清水  広人</v>
          </cell>
          <cell r="CU1131" t="str">
            <v>生活環境課</v>
          </cell>
          <cell r="CW1131">
            <v>2807</v>
          </cell>
          <cell r="CX1131" t="str">
            <v xml:space="preserve"> </v>
          </cell>
          <cell r="CY1131" t="str">
            <v>生活環境課長</v>
          </cell>
        </row>
        <row r="1132">
          <cell r="B1132">
            <v>4151</v>
          </cell>
          <cell r="C1132" t="str">
            <v>三井住友建設(株)</v>
          </cell>
          <cell r="D1132" t="str">
            <v>078-222-1441</v>
          </cell>
          <cell r="E1132" t="str">
            <v>651-0088</v>
          </cell>
          <cell r="F1132" t="str">
            <v>兵庫県神戸市中央区小野柄通3-2-22</v>
          </cell>
          <cell r="G1132" t="str">
            <v/>
          </cell>
          <cell r="H1132" t="str">
            <v>神戸営業所</v>
          </cell>
          <cell r="I1132" t="str">
            <v>所長 青木　良道</v>
          </cell>
          <cell r="J1132" t="str">
            <v>東京都</v>
          </cell>
          <cell r="K1132" t="str">
            <v>078-222-1442</v>
          </cell>
          <cell r="L1132" t="str">
            <v>kbdobo_mlit@smcom.co.jp</v>
          </cell>
          <cell r="M1132" t="str">
            <v>ﾐﾂｲｽﾐﾄﾓｹﾝｾﾂ</v>
          </cell>
          <cell r="N1132" t="str">
            <v>有</v>
          </cell>
          <cell r="O1132">
            <v>68</v>
          </cell>
          <cell r="P1132">
            <v>2709</v>
          </cell>
          <cell r="Q1132">
            <v>2010001131477</v>
          </cell>
          <cell r="R1132">
            <v>12003797</v>
          </cell>
          <cell r="S1132">
            <v>60807466</v>
          </cell>
          <cell r="T1132">
            <v>417310000</v>
          </cell>
          <cell r="V1132" t="str">
            <v>gh318554</v>
          </cell>
          <cell r="W1132" t="str">
            <v>pz930171</v>
          </cell>
          <cell r="X1132" t="str">
            <v>消(清)(建)(大)(と)(石)(屋)(タ)(鋼)(舗)(浚)(内)(水)(解)土建大と石屋電管タ鋼舗浚板ガ塗防内熱園具水解</v>
          </cell>
          <cell r="Y1132" t="str">
            <v>消(清)(建)(大)(と)(石)(屋)(タ)(鋼)(舗)(浚)(内)(水)(解)</v>
          </cell>
          <cell r="Z1132" t="str">
            <v>土建大と石屋電管タ鋼舗浚板ガ塗防内熱園具水解</v>
          </cell>
          <cell r="AA1132" t="str">
            <v>土木一式</v>
          </cell>
          <cell r="AB1132" t="str">
            <v>建築一式</v>
          </cell>
          <cell r="AC1132" t="str">
            <v>水道施設</v>
          </cell>
          <cell r="AD1132" t="str">
            <v>解体</v>
          </cell>
          <cell r="AE1132">
            <v>43190</v>
          </cell>
          <cell r="AF1132" t="str">
            <v>希望する</v>
          </cell>
          <cell r="AG1132" t="str">
            <v>土木一式</v>
          </cell>
          <cell r="AH1132" t="str">
            <v>特定</v>
          </cell>
          <cell r="AI1132">
            <v>1937</v>
          </cell>
          <cell r="AJ1132">
            <v>103515506</v>
          </cell>
          <cell r="AK1132" t="str">
            <v>903(641)/11/0</v>
          </cell>
          <cell r="AL1132" t="str">
            <v>建築一式</v>
          </cell>
          <cell r="AM1132" t="str">
            <v>特定</v>
          </cell>
          <cell r="AN1132">
            <v>1932</v>
          </cell>
          <cell r="AO1132">
            <v>180663680</v>
          </cell>
          <cell r="AP1132" t="str">
            <v>832(477)/20/0</v>
          </cell>
          <cell r="AQ1132" t="str">
            <v>水道施設</v>
          </cell>
          <cell r="AR1132" t="str">
            <v>特定</v>
          </cell>
          <cell r="AS1132">
            <v>1614</v>
          </cell>
          <cell r="AT1132">
            <v>4697061</v>
          </cell>
          <cell r="AU1132" t="str">
            <v>780(560)/7/0</v>
          </cell>
          <cell r="AV1132" t="str">
            <v>解体</v>
          </cell>
          <cell r="AW1132" t="str">
            <v>特定</v>
          </cell>
          <cell r="AX1132">
            <v>1565</v>
          </cell>
          <cell r="AY1132">
            <v>4555961</v>
          </cell>
          <cell r="AZ1132" t="str">
            <v>300(190)/0/0</v>
          </cell>
          <cell r="BA1132" t="str">
            <v>東京都</v>
          </cell>
          <cell r="CR1132">
            <v>6847</v>
          </cell>
          <cell r="CS1132" t="str">
            <v>ｼﾓﾉ ﾒｸﾞﾐ</v>
          </cell>
          <cell r="CT1132" t="str">
            <v>下野  恵</v>
          </cell>
          <cell r="CU1132" t="str">
            <v>会計室</v>
          </cell>
          <cell r="CW1132">
            <v>3411</v>
          </cell>
          <cell r="CX1132" t="str">
            <v xml:space="preserve"> </v>
          </cell>
          <cell r="CY1132" t="str">
            <v>会計室長</v>
          </cell>
        </row>
        <row r="1133">
          <cell r="B1133">
            <v>4157</v>
          </cell>
          <cell r="C1133" t="str">
            <v>三菱化工機(株)</v>
          </cell>
          <cell r="D1133" t="str">
            <v>06-6231-8001</v>
          </cell>
          <cell r="E1133" t="str">
            <v>541-0042</v>
          </cell>
          <cell r="F1133" t="str">
            <v>大阪府大阪市中央区今橋2-5-8</v>
          </cell>
          <cell r="G1133" t="str">
            <v>川崎市</v>
          </cell>
          <cell r="H1133" t="str">
            <v>大阪支社</v>
          </cell>
          <cell r="I1133" t="str">
            <v>支社長 正木　惠之</v>
          </cell>
          <cell r="J1133" t="str">
            <v>神奈川県川崎市</v>
          </cell>
          <cell r="K1133" t="str">
            <v>06-6222-4997</v>
          </cell>
          <cell r="L1133" t="str">
            <v>oosaka1@kakoki.co.jp</v>
          </cell>
          <cell r="M1133" t="str">
            <v>ﾐﾂﾋﾞｼｶｺｳｷ</v>
          </cell>
          <cell r="N1133" t="str">
            <v>有</v>
          </cell>
          <cell r="O1133">
            <v>68</v>
          </cell>
          <cell r="P1133">
            <v>602</v>
          </cell>
          <cell r="Q1133">
            <v>7020001074662</v>
          </cell>
          <cell r="R1133">
            <v>3956975</v>
          </cell>
          <cell r="S1133">
            <v>21553537</v>
          </cell>
          <cell r="T1133">
            <v>32336000</v>
          </cell>
          <cell r="V1133" t="str">
            <v>yb192976</v>
          </cell>
          <cell r="W1133" t="str">
            <v>rr175070</v>
          </cell>
          <cell r="X1133" t="str">
            <v>(清)(タ)(鋼)(浚)(塗)(機)(水)(清)土建電管タ鋼浚塗機水清</v>
          </cell>
          <cell r="Y1133" t="str">
            <v>(清)(タ)(鋼)(浚)(塗)(機)(水)(清)</v>
          </cell>
          <cell r="Z1133" t="str">
            <v>土建電管タ鋼浚塗機水清</v>
          </cell>
          <cell r="AA1133" t="str">
            <v>機械器具</v>
          </cell>
          <cell r="AB1133" t="str">
            <v>水道施設</v>
          </cell>
          <cell r="AC1133" t="str">
            <v>清掃施設</v>
          </cell>
          <cell r="AD1133" t="str">
            <v/>
          </cell>
          <cell r="AE1133">
            <v>43190</v>
          </cell>
          <cell r="AF1133" t="str">
            <v>希望しない</v>
          </cell>
          <cell r="AG1133" t="str">
            <v>機械器具</v>
          </cell>
          <cell r="AH1133" t="str">
            <v>特定</v>
          </cell>
          <cell r="AI1133">
            <v>1357</v>
          </cell>
          <cell r="AJ1133">
            <v>13450302</v>
          </cell>
          <cell r="AK1133" t="str">
            <v>0(0)/0/138</v>
          </cell>
          <cell r="AL1133" t="str">
            <v>水道施設</v>
          </cell>
          <cell r="AM1133" t="str">
            <v>特定</v>
          </cell>
          <cell r="AN1133">
            <v>1202</v>
          </cell>
          <cell r="AO1133">
            <v>595475</v>
          </cell>
          <cell r="AP1133" t="str">
            <v>51(45)/3/19</v>
          </cell>
          <cell r="AQ1133" t="str">
            <v>清掃施設</v>
          </cell>
          <cell r="AR1133" t="str">
            <v>特定</v>
          </cell>
          <cell r="AS1133">
            <v>1069</v>
          </cell>
          <cell r="AT1133">
            <v>630432</v>
          </cell>
          <cell r="AU1133" t="str">
            <v>0(0)/0/18</v>
          </cell>
          <cell r="AV1133" t="str">
            <v/>
          </cell>
          <cell r="AW1133" t="str">
            <v/>
          </cell>
          <cell r="AX1133" t="str">
            <v/>
          </cell>
          <cell r="AY1133" t="str">
            <v/>
          </cell>
          <cell r="AZ1133" t="str">
            <v/>
          </cell>
          <cell r="BA1133" t="str">
            <v>神奈川県</v>
          </cell>
          <cell r="CR1133">
            <v>6848</v>
          </cell>
          <cell r="CS1133" t="str">
            <v>ｽｹﾀﾞ ｴﾘｺ</v>
          </cell>
          <cell r="CT1133" t="str">
            <v>助田  恵梨子</v>
          </cell>
          <cell r="CU1133" t="str">
            <v>都市安全企画課</v>
          </cell>
          <cell r="CW1133">
            <v>2159</v>
          </cell>
          <cell r="CX1133" t="str">
            <v xml:space="preserve"> </v>
          </cell>
          <cell r="CY1133" t="str">
            <v>都市安全企画課長</v>
          </cell>
        </row>
        <row r="1134">
          <cell r="B1134">
            <v>4159</v>
          </cell>
          <cell r="C1134" t="str">
            <v>三菱電機(株)</v>
          </cell>
          <cell r="D1134" t="str">
            <v>078-392-5261</v>
          </cell>
          <cell r="E1134" t="str">
            <v>650-0035</v>
          </cell>
          <cell r="F1134" t="str">
            <v>兵庫県神戸市中央区浪花町59</v>
          </cell>
          <cell r="G1134" t="str">
            <v>千代田</v>
          </cell>
          <cell r="H1134" t="str">
            <v>兵庫支店</v>
          </cell>
          <cell r="I1134" t="str">
            <v>支店長 船崎　康正</v>
          </cell>
          <cell r="J1134" t="str">
            <v>東京都千代田</v>
          </cell>
          <cell r="K1134" t="str">
            <v>078-325-2606</v>
          </cell>
          <cell r="L1134" t="str">
            <v/>
          </cell>
          <cell r="M1134" t="str">
            <v>ﾐﾂﾋﾞｼﾃﾞﾝｷ</v>
          </cell>
          <cell r="N1134" t="str">
            <v>有</v>
          </cell>
          <cell r="O1134">
            <v>56</v>
          </cell>
          <cell r="P1134">
            <v>33341</v>
          </cell>
          <cell r="Q1134">
            <v>4010001008772</v>
          </cell>
          <cell r="R1134">
            <v>175820770</v>
          </cell>
          <cell r="S1134">
            <v>1205085021</v>
          </cell>
          <cell r="T1134">
            <v>2675821651</v>
          </cell>
          <cell r="V1134" t="str">
            <v>yd323084</v>
          </cell>
          <cell r="W1134" t="str">
            <v>xj522344</v>
          </cell>
          <cell r="X1134" t="str">
            <v>(電)(通)建屋電管タ鋼機通水</v>
          </cell>
          <cell r="Y1134" t="str">
            <v>(電)(通)</v>
          </cell>
          <cell r="Z1134" t="str">
            <v>建屋電管タ鋼機通水</v>
          </cell>
          <cell r="AA1134" t="str">
            <v>電気</v>
          </cell>
          <cell r="AB1134" t="str">
            <v>電気通信</v>
          </cell>
          <cell r="AC1134" t="str">
            <v/>
          </cell>
          <cell r="AD1134" t="str">
            <v/>
          </cell>
          <cell r="AE1134">
            <v>43190</v>
          </cell>
          <cell r="AF1134" t="str">
            <v/>
          </cell>
          <cell r="AG1134" t="str">
            <v>電気</v>
          </cell>
          <cell r="AH1134" t="str">
            <v>特定</v>
          </cell>
          <cell r="AI1134">
            <v>1955</v>
          </cell>
          <cell r="AJ1134">
            <v>125932615</v>
          </cell>
          <cell r="AK1134" t="str">
            <v>490(308)/40/78</v>
          </cell>
          <cell r="AL1134" t="str">
            <v>電気通信</v>
          </cell>
          <cell r="AM1134" t="str">
            <v>特定</v>
          </cell>
          <cell r="AN1134">
            <v>1634</v>
          </cell>
          <cell r="AO1134">
            <v>20104157</v>
          </cell>
          <cell r="AP1134" t="str">
            <v>11(2)/0/164</v>
          </cell>
          <cell r="AQ1134" t="str">
            <v/>
          </cell>
          <cell r="AR1134" t="str">
            <v/>
          </cell>
          <cell r="AS1134" t="str">
            <v/>
          </cell>
          <cell r="AT1134" t="str">
            <v/>
          </cell>
          <cell r="AU1134" t="str">
            <v/>
          </cell>
          <cell r="AV1134" t="str">
            <v/>
          </cell>
          <cell r="AW1134" t="str">
            <v/>
          </cell>
          <cell r="AX1134" t="str">
            <v/>
          </cell>
          <cell r="AY1134" t="str">
            <v/>
          </cell>
          <cell r="AZ1134" t="str">
            <v/>
          </cell>
          <cell r="BA1134" t="str">
            <v>東京都</v>
          </cell>
          <cell r="CR1134">
            <v>6849</v>
          </cell>
          <cell r="CS1134" t="str">
            <v>ﾀﾑﾗ ﾋﾛﾕｷ</v>
          </cell>
          <cell r="CT1134" t="str">
            <v>田村  拓之</v>
          </cell>
          <cell r="CU1134" t="str">
            <v>資産税課</v>
          </cell>
          <cell r="CW1134">
            <v>2333</v>
          </cell>
          <cell r="CX1134" t="str">
            <v xml:space="preserve"> </v>
          </cell>
          <cell r="CY1134" t="str">
            <v>資産税課長</v>
          </cell>
        </row>
        <row r="1135">
          <cell r="B1135">
            <v>4161</v>
          </cell>
          <cell r="C1135" t="str">
            <v>三菱電機ビルテクノサービス(株)</v>
          </cell>
          <cell r="D1135" t="str">
            <v>06-6355-6000</v>
          </cell>
          <cell r="E1135" t="str">
            <v>530-6018</v>
          </cell>
          <cell r="F1135" t="str">
            <v>大阪府大阪市北区天満橋1-8-30</v>
          </cell>
          <cell r="G1135" t="str">
            <v/>
          </cell>
          <cell r="H1135" t="str">
            <v>関西支社</v>
          </cell>
          <cell r="I1135" t="str">
            <v>取締役関西支社長 岩村　竜也</v>
          </cell>
          <cell r="J1135" t="str">
            <v>東京都</v>
          </cell>
          <cell r="K1135" t="str">
            <v>06-6355-6006</v>
          </cell>
          <cell r="L1135" t="str">
            <v>l_nyusatsu.hyogo@meltec.co.jp</v>
          </cell>
          <cell r="M1135" t="str">
            <v>ﾐﾂﾋﾞｼﾃﾞﾝｷﾋﾞﾙﾃｸﾉｻｰﾋﾞｽ</v>
          </cell>
          <cell r="N1135" t="str">
            <v>有</v>
          </cell>
          <cell r="O1135">
            <v>63</v>
          </cell>
          <cell r="P1135">
            <v>9518</v>
          </cell>
          <cell r="Q1135">
            <v>5010001030412</v>
          </cell>
          <cell r="R1135">
            <v>5000000</v>
          </cell>
          <cell r="S1135">
            <v>210024000</v>
          </cell>
          <cell r="T1135">
            <v>330080000</v>
          </cell>
          <cell r="V1135" t="str">
            <v>zh620224</v>
          </cell>
          <cell r="W1135" t="str">
            <v>ah545201</v>
          </cell>
          <cell r="X1135" t="str">
            <v>消(建)(大)(屋)(電)(管)(タ)(鋼)(内)(機)(通)建大と石屋電管タ鋼鉄板ガ塗防内機熱通具</v>
          </cell>
          <cell r="Y1135" t="str">
            <v>消(建)(大)(屋)(電)(管)(タ)(鋼)(内)(機)(通)</v>
          </cell>
          <cell r="Z1135" t="str">
            <v>建大と石屋電管タ鋼鉄板ガ塗防内機熱通具</v>
          </cell>
          <cell r="AA1135" t="str">
            <v>機械器具</v>
          </cell>
          <cell r="AB1135" t="str">
            <v>管</v>
          </cell>
          <cell r="AC1135" t="str">
            <v>電気</v>
          </cell>
          <cell r="AD1135" t="str">
            <v>電気通信</v>
          </cell>
          <cell r="AE1135">
            <v>43190</v>
          </cell>
          <cell r="AF1135" t="str">
            <v>希望しない</v>
          </cell>
          <cell r="AG1135" t="str">
            <v>機械器具</v>
          </cell>
          <cell r="AH1135" t="str">
            <v>特定</v>
          </cell>
          <cell r="AI1135">
            <v>1866</v>
          </cell>
          <cell r="AJ1135">
            <v>87296790</v>
          </cell>
          <cell r="AK1135" t="str">
            <v>2(1)/0/3561</v>
          </cell>
          <cell r="AL1135" t="str">
            <v>管</v>
          </cell>
          <cell r="AM1135" t="str">
            <v>特定</v>
          </cell>
          <cell r="AN1135">
            <v>1783</v>
          </cell>
          <cell r="AO1135">
            <v>43130587</v>
          </cell>
          <cell r="AP1135" t="str">
            <v>490(342)/245/1214</v>
          </cell>
          <cell r="AQ1135" t="str">
            <v>電気</v>
          </cell>
          <cell r="AR1135" t="str">
            <v>特定</v>
          </cell>
          <cell r="AS1135">
            <v>1624</v>
          </cell>
          <cell r="AT1135">
            <v>7122998</v>
          </cell>
          <cell r="AU1135" t="str">
            <v>347(237)/498/2247</v>
          </cell>
          <cell r="AV1135" t="str">
            <v>電気通信</v>
          </cell>
          <cell r="AW1135" t="str">
            <v>特定</v>
          </cell>
          <cell r="AX1135">
            <v>1561</v>
          </cell>
          <cell r="AY1135">
            <v>10920486</v>
          </cell>
          <cell r="AZ1135" t="str">
            <v>5(4)/0/790</v>
          </cell>
          <cell r="BA1135" t="str">
            <v>東京都</v>
          </cell>
          <cell r="CR1135">
            <v>6850</v>
          </cell>
          <cell r="CS1135" t="str">
            <v>ﾅｲﾄｳ ﾖｳｺ</v>
          </cell>
          <cell r="CT1135" t="str">
            <v>内藤  容子</v>
          </cell>
          <cell r="CU1135" t="str">
            <v>徴収対策課</v>
          </cell>
          <cell r="CW1135">
            <v>2359</v>
          </cell>
          <cell r="CX1135" t="str">
            <v xml:space="preserve"> </v>
          </cell>
          <cell r="CY1135" t="str">
            <v>徴収対策課長</v>
          </cell>
        </row>
        <row r="1136">
          <cell r="B1136">
            <v>4162</v>
          </cell>
          <cell r="C1136" t="str">
            <v>三菱電機プラントエンジニアリング(株)</v>
          </cell>
          <cell r="D1136" t="str">
            <v>06-6131-6613</v>
          </cell>
          <cell r="E1136" t="str">
            <v>530-0003</v>
          </cell>
          <cell r="F1136" t="str">
            <v>大阪府大阪市北区堂島2-2-2</v>
          </cell>
          <cell r="G1136" t="str">
            <v>大阪市</v>
          </cell>
          <cell r="H1136" t="str">
            <v>西日本本部</v>
          </cell>
          <cell r="I1136" t="str">
            <v>社会システム営業部長 永山　宜公</v>
          </cell>
          <cell r="J1136" t="str">
            <v>東京都</v>
          </cell>
          <cell r="K1136" t="str">
            <v>06-6131-7077</v>
          </cell>
          <cell r="L1136" t="str">
            <v>sai-eigyou@mpec.co.jp</v>
          </cell>
          <cell r="M1136" t="str">
            <v>ﾐﾂﾋﾞｼﾃﾞﾝｷﾌﾟﾗﾝﾄｴﾝｼﾞﾆｱﾘﾝｸﾞ</v>
          </cell>
          <cell r="N1136" t="str">
            <v>有</v>
          </cell>
          <cell r="O1136">
            <v>38</v>
          </cell>
          <cell r="P1136">
            <v>2453</v>
          </cell>
          <cell r="Q1136">
            <v>5010501020251</v>
          </cell>
          <cell r="R1136">
            <v>350000</v>
          </cell>
          <cell r="S1136">
            <v>45928250</v>
          </cell>
          <cell r="T1136">
            <v>88723330</v>
          </cell>
          <cell r="V1136" t="str">
            <v>ag665408</v>
          </cell>
          <cell r="W1136" t="str">
            <v>df483647</v>
          </cell>
          <cell r="X1136" t="str">
            <v>機(電)(管)(機)(通)電管通</v>
          </cell>
          <cell r="Y1136" t="str">
            <v>機(電)(管)(機)(通)</v>
          </cell>
          <cell r="Z1136" t="str">
            <v>電管通</v>
          </cell>
          <cell r="AA1136" t="str">
            <v>電気</v>
          </cell>
          <cell r="AB1136" t="str">
            <v>電気通信</v>
          </cell>
          <cell r="AC1136" t="str">
            <v>機械器具</v>
          </cell>
          <cell r="AD1136" t="str">
            <v>管</v>
          </cell>
          <cell r="AE1136">
            <v>43189</v>
          </cell>
          <cell r="AF1136" t="str">
            <v/>
          </cell>
          <cell r="AG1136" t="str">
            <v>電気</v>
          </cell>
          <cell r="AH1136" t="str">
            <v>特定</v>
          </cell>
          <cell r="AI1136">
            <v>1622</v>
          </cell>
          <cell r="AJ1136">
            <v>13819649</v>
          </cell>
          <cell r="AK1136" t="str">
            <v>759(438)/87/1</v>
          </cell>
          <cell r="AL1136" t="str">
            <v>電気通信</v>
          </cell>
          <cell r="AM1136" t="str">
            <v>特定</v>
          </cell>
          <cell r="AN1136">
            <v>1237</v>
          </cell>
          <cell r="AO1136">
            <v>597749</v>
          </cell>
          <cell r="AP1136" t="str">
            <v>1(1)/0/83</v>
          </cell>
          <cell r="AQ1136" t="str">
            <v>機械器具</v>
          </cell>
          <cell r="AR1136" t="str">
            <v>一般</v>
          </cell>
          <cell r="AS1136">
            <v>1059</v>
          </cell>
          <cell r="AT1136">
            <v>65805</v>
          </cell>
          <cell r="AU1136" t="str">
            <v>0(0)/0/9</v>
          </cell>
          <cell r="AV1136" t="str">
            <v>管</v>
          </cell>
          <cell r="AW1136" t="str">
            <v>特定</v>
          </cell>
          <cell r="AX1136">
            <v>1065</v>
          </cell>
          <cell r="AY1136">
            <v>2767</v>
          </cell>
          <cell r="AZ1136" t="str">
            <v>13(11)/5/0</v>
          </cell>
          <cell r="BA1136" t="str">
            <v>東京都</v>
          </cell>
          <cell r="CR1136">
            <v>6851</v>
          </cell>
          <cell r="CS1136" t="str">
            <v>ﾅｶｲ ｱﾘｻ</v>
          </cell>
          <cell r="CT1136" t="str">
            <v>中井  亜里紗</v>
          </cell>
          <cell r="CU1136" t="str">
            <v>国保年金課</v>
          </cell>
          <cell r="CW1136">
            <v>2744</v>
          </cell>
          <cell r="CX1136" t="str">
            <v xml:space="preserve"> </v>
          </cell>
          <cell r="CY1136" t="str">
            <v>国保年金課長</v>
          </cell>
        </row>
        <row r="1137">
          <cell r="B1137">
            <v>4166</v>
          </cell>
          <cell r="C1137" t="str">
            <v>三菱プレシジョン(株)</v>
          </cell>
          <cell r="D1137" t="str">
            <v>06-6484-7206</v>
          </cell>
          <cell r="E1137" t="str">
            <v>541-0048</v>
          </cell>
          <cell r="F1137" t="str">
            <v>大阪府大阪市中央区瓦町3-1-15</v>
          </cell>
          <cell r="G1137" t="str">
            <v/>
          </cell>
          <cell r="H1137" t="str">
            <v>関西支社</v>
          </cell>
          <cell r="I1137" t="str">
            <v>支社長 安達　洋二</v>
          </cell>
          <cell r="J1137" t="str">
            <v>東京都</v>
          </cell>
          <cell r="K1137" t="str">
            <v>06-6484-6213</v>
          </cell>
          <cell r="L1137" t="str">
            <v>mpc_kansai@mpcnet.co.jp</v>
          </cell>
          <cell r="M1137" t="str">
            <v>ﾐﾂﾋﾞｼﾌﾟﾚｼｼﾞｮﾝ</v>
          </cell>
          <cell r="N1137" t="str">
            <v>有</v>
          </cell>
          <cell r="O1137">
            <v>41</v>
          </cell>
          <cell r="P1137">
            <v>846</v>
          </cell>
          <cell r="Q1137">
            <v>8010601032482</v>
          </cell>
          <cell r="R1137">
            <v>3167252</v>
          </cell>
          <cell r="S1137">
            <v>7518522</v>
          </cell>
          <cell r="T1137">
            <v>18243025</v>
          </cell>
          <cell r="V1137" t="str">
            <v>tp828888</v>
          </cell>
          <cell r="W1137" t="str">
            <v>uh829164</v>
          </cell>
          <cell r="X1137" t="str">
            <v>通機</v>
          </cell>
          <cell r="Y1137" t="str">
            <v>通</v>
          </cell>
          <cell r="Z1137" t="str">
            <v>機</v>
          </cell>
          <cell r="AA1137" t="str">
            <v>機械器具</v>
          </cell>
          <cell r="AB1137" t="str">
            <v>電気通信</v>
          </cell>
          <cell r="AC1137" t="str">
            <v/>
          </cell>
          <cell r="AD1137" t="str">
            <v/>
          </cell>
          <cell r="AE1137">
            <v>43190</v>
          </cell>
          <cell r="AF1137" t="str">
            <v>希望しない</v>
          </cell>
          <cell r="AG1137" t="str">
            <v>機械器具</v>
          </cell>
          <cell r="AH1137" t="str">
            <v>特定</v>
          </cell>
          <cell r="AI1137">
            <v>1116</v>
          </cell>
          <cell r="AJ1137">
            <v>3452463</v>
          </cell>
          <cell r="AK1137" t="str">
            <v>0(0)/0/55</v>
          </cell>
          <cell r="AL1137" t="str">
            <v>電気通信</v>
          </cell>
          <cell r="AM1137" t="str">
            <v>一般</v>
          </cell>
          <cell r="AN1137">
            <v>1002</v>
          </cell>
          <cell r="AO1137">
            <v>754636</v>
          </cell>
          <cell r="AP1137" t="str">
            <v>0(0)/0/28</v>
          </cell>
          <cell r="AQ1137" t="str">
            <v/>
          </cell>
          <cell r="AR1137" t="str">
            <v/>
          </cell>
          <cell r="AS1137" t="str">
            <v/>
          </cell>
          <cell r="AT1137" t="str">
            <v/>
          </cell>
          <cell r="AU1137" t="str">
            <v/>
          </cell>
          <cell r="AV1137" t="str">
            <v/>
          </cell>
          <cell r="AW1137" t="str">
            <v/>
          </cell>
          <cell r="AX1137" t="str">
            <v/>
          </cell>
          <cell r="AY1137" t="str">
            <v/>
          </cell>
          <cell r="AZ1137" t="str">
            <v/>
          </cell>
          <cell r="BA1137" t="str">
            <v>東京都</v>
          </cell>
          <cell r="CR1137">
            <v>6852</v>
          </cell>
          <cell r="CS1137" t="str">
            <v>ﾅｶｻﾞｷ ﾕｶﾘ</v>
          </cell>
          <cell r="CT1137" t="str">
            <v>中崎  有香利</v>
          </cell>
          <cell r="CU1137" t="str">
            <v>文化振興課</v>
          </cell>
          <cell r="CW1137">
            <v>2931</v>
          </cell>
          <cell r="CX1137" t="str">
            <v xml:space="preserve"> </v>
          </cell>
          <cell r="CY1137" t="str">
            <v>文化振興課長</v>
          </cell>
        </row>
        <row r="1138">
          <cell r="B1138">
            <v>4171</v>
          </cell>
          <cell r="C1138" t="str">
            <v>湊建設工業(株)</v>
          </cell>
          <cell r="D1138" t="str">
            <v>078-631-0891</v>
          </cell>
          <cell r="E1138" t="str">
            <v>653-0031</v>
          </cell>
          <cell r="F1138" t="str">
            <v>兵庫県神戸市長田区西尻池町2-3-30</v>
          </cell>
          <cell r="G1138" t="str">
            <v>神戸市</v>
          </cell>
          <cell r="H1138" t="str">
            <v/>
          </cell>
          <cell r="I1138" t="str">
            <v>代表取締役　 松岡　克彦</v>
          </cell>
          <cell r="J1138" t="str">
            <v>本店</v>
          </cell>
          <cell r="K1138" t="str">
            <v>078-631-0896</v>
          </cell>
          <cell r="L1138" t="str">
            <v>t-awano@minatokensetsu.co.jp</v>
          </cell>
          <cell r="M1138" t="str">
            <v>ﾐﾅﾄｹﾝｾﾂｺｳｷﾞﾖｳ</v>
          </cell>
          <cell r="N1138" t="str">
            <v>無</v>
          </cell>
          <cell r="O1138">
            <v>68</v>
          </cell>
          <cell r="P1138">
            <v>30</v>
          </cell>
          <cell r="Q1138">
            <v>6140000000000</v>
          </cell>
          <cell r="R1138">
            <v>39000</v>
          </cell>
          <cell r="S1138">
            <v>1655804</v>
          </cell>
          <cell r="T1138">
            <v>2543154</v>
          </cell>
          <cell r="V1138" t="str">
            <v>yb743709</v>
          </cell>
          <cell r="W1138" t="str">
            <v>vg301404</v>
          </cell>
          <cell r="X1138" t="str">
            <v>通機</v>
          </cell>
          <cell r="Y1138" t="str">
            <v>通</v>
          </cell>
          <cell r="Z1138" t="str">
            <v>機</v>
          </cell>
          <cell r="AA1138" t="str">
            <v>建築一式</v>
          </cell>
          <cell r="AB1138" t="str">
            <v>土木一式</v>
          </cell>
          <cell r="AC1138" t="str">
            <v>内装仕上</v>
          </cell>
          <cell r="AD1138" t="str">
            <v>塗装</v>
          </cell>
          <cell r="AE1138">
            <v>43281</v>
          </cell>
          <cell r="AF1138" t="str">
            <v>希望しない</v>
          </cell>
          <cell r="AG1138" t="str">
            <v>建築一式</v>
          </cell>
          <cell r="AH1138" t="str">
            <v>特定</v>
          </cell>
          <cell r="AI1138">
            <v>1099</v>
          </cell>
          <cell r="AJ1138">
            <v>2386393</v>
          </cell>
          <cell r="AK1138" t="str">
            <v>19(18)/2/1</v>
          </cell>
          <cell r="AL1138" t="str">
            <v>土木一式</v>
          </cell>
          <cell r="AM1138" t="str">
            <v>特定</v>
          </cell>
          <cell r="AN1138">
            <v>778</v>
          </cell>
          <cell r="AO1138" t="str">
            <v/>
          </cell>
          <cell r="AP1138" t="str">
            <v>3(3)/2/0</v>
          </cell>
          <cell r="AQ1138" t="str">
            <v>内装仕上</v>
          </cell>
          <cell r="AR1138" t="str">
            <v>特定</v>
          </cell>
          <cell r="AS1138">
            <v>790</v>
          </cell>
          <cell r="AT1138" t="str">
            <v/>
          </cell>
          <cell r="AU1138" t="str">
            <v>5(5)/0/1</v>
          </cell>
          <cell r="AV1138" t="str">
            <v>塗装</v>
          </cell>
          <cell r="AW1138" t="str">
            <v>特定</v>
          </cell>
          <cell r="AX1138">
            <v>771</v>
          </cell>
          <cell r="AY1138" t="str">
            <v/>
          </cell>
          <cell r="AZ1138" t="str">
            <v>3(3)/0/0</v>
          </cell>
          <cell r="BA1138" t="str">
            <v>兵庫県</v>
          </cell>
          <cell r="CR1138">
            <v>6853</v>
          </cell>
          <cell r="CS1138" t="str">
            <v>ﾋﾗﾌﾞｷ ﾀｹﾙ</v>
          </cell>
          <cell r="CT1138" t="str">
            <v>平吹  健</v>
          </cell>
          <cell r="CU1138" t="str">
            <v>徴収対策課</v>
          </cell>
          <cell r="CW1138">
            <v>2379</v>
          </cell>
          <cell r="CX1138" t="str">
            <v xml:space="preserve"> </v>
          </cell>
          <cell r="CY1138" t="str">
            <v>徴収対策課長</v>
          </cell>
        </row>
        <row r="1139">
          <cell r="B1139">
            <v>4172</v>
          </cell>
          <cell r="C1139" t="str">
            <v>ミナト電気工事(株)</v>
          </cell>
          <cell r="D1139" t="str">
            <v>078-371-5583</v>
          </cell>
          <cell r="E1139" t="str">
            <v>650-0017</v>
          </cell>
          <cell r="F1139" t="str">
            <v>兵庫県神戸市中央区楠町6-1-12</v>
          </cell>
          <cell r="G1139" t="str">
            <v>神戸市</v>
          </cell>
          <cell r="H1139" t="str">
            <v/>
          </cell>
          <cell r="I1139" t="str">
            <v>代表取締役社長 平井　伸幸</v>
          </cell>
          <cell r="J1139" t="str">
            <v>本店</v>
          </cell>
          <cell r="K1139" t="str">
            <v>078-371-5307</v>
          </cell>
          <cell r="L1139" t="str">
            <v>eigyo@minatodenki.co.jp</v>
          </cell>
          <cell r="M1139" t="str">
            <v>ﾐﾅﾄﾃﾞﾝｷｺｳｼﾞ</v>
          </cell>
          <cell r="N1139" t="str">
            <v>無</v>
          </cell>
          <cell r="O1139">
            <v>69</v>
          </cell>
          <cell r="P1139">
            <v>19</v>
          </cell>
          <cell r="Q1139">
            <v>7140001011166</v>
          </cell>
          <cell r="R1139">
            <v>30000</v>
          </cell>
          <cell r="S1139">
            <v>224017</v>
          </cell>
          <cell r="T1139">
            <v>474296</v>
          </cell>
          <cell r="V1139" t="str">
            <v>vy729547</v>
          </cell>
          <cell r="W1139" t="str">
            <v>yg769153</v>
          </cell>
          <cell r="X1139" t="str">
            <v>電</v>
          </cell>
          <cell r="Y1139" t="str">
            <v/>
          </cell>
          <cell r="Z1139" t="str">
            <v>電</v>
          </cell>
          <cell r="AA1139" t="str">
            <v>電気</v>
          </cell>
          <cell r="AB1139" t="str">
            <v/>
          </cell>
          <cell r="AC1139" t="str">
            <v/>
          </cell>
          <cell r="AD1139" t="str">
            <v/>
          </cell>
          <cell r="AE1139">
            <v>43343</v>
          </cell>
          <cell r="AF1139" t="str">
            <v>希望しない</v>
          </cell>
          <cell r="AG1139" t="str">
            <v>電気</v>
          </cell>
          <cell r="AH1139" t="str">
            <v>特定</v>
          </cell>
          <cell r="AI1139">
            <v>955</v>
          </cell>
          <cell r="AJ1139">
            <v>552649</v>
          </cell>
          <cell r="AK1139" t="str">
            <v>12(12)/1/0</v>
          </cell>
          <cell r="AL1139" t="str">
            <v/>
          </cell>
          <cell r="AM1139" t="str">
            <v/>
          </cell>
          <cell r="AN1139" t="str">
            <v/>
          </cell>
          <cell r="AO1139" t="str">
            <v/>
          </cell>
          <cell r="AP1139" t="str">
            <v/>
          </cell>
          <cell r="AQ1139" t="str">
            <v/>
          </cell>
          <cell r="AR1139" t="str">
            <v/>
          </cell>
          <cell r="AS1139" t="str">
            <v/>
          </cell>
          <cell r="AT1139" t="str">
            <v/>
          </cell>
          <cell r="AU1139" t="str">
            <v/>
          </cell>
          <cell r="AV1139" t="str">
            <v/>
          </cell>
          <cell r="AW1139" t="str">
            <v/>
          </cell>
          <cell r="AX1139" t="str">
            <v/>
          </cell>
          <cell r="AY1139" t="str">
            <v/>
          </cell>
          <cell r="AZ1139" t="str">
            <v/>
          </cell>
          <cell r="BA1139" t="str">
            <v>兵庫県</v>
          </cell>
          <cell r="CR1139">
            <v>6854</v>
          </cell>
          <cell r="CS1139" t="str">
            <v>ﾏｷﾉ ｼﾖｳﾀ</v>
          </cell>
          <cell r="CT1139" t="str">
            <v>牧野  翔太</v>
          </cell>
          <cell r="CU1139" t="str">
            <v>道路建設課</v>
          </cell>
          <cell r="CW1139">
            <v>2676</v>
          </cell>
          <cell r="CX1139" t="str">
            <v xml:space="preserve"> </v>
          </cell>
          <cell r="CY1139" t="str">
            <v>保育課長</v>
          </cell>
        </row>
        <row r="1140">
          <cell r="B1140">
            <v>4173</v>
          </cell>
          <cell r="C1140" t="str">
            <v>(株)ケイディーエス</v>
          </cell>
          <cell r="D1140" t="str">
            <v>06-6316-5151</v>
          </cell>
          <cell r="E1140" t="str">
            <v>530-0054</v>
          </cell>
          <cell r="F1140" t="str">
            <v>大阪府大阪市北区南森町2-4-1</v>
          </cell>
          <cell r="G1140" t="str">
            <v>大阪市</v>
          </cell>
          <cell r="H1140" t="str">
            <v/>
          </cell>
          <cell r="I1140" t="str">
            <v>代表取締役 勝山　雅裕</v>
          </cell>
          <cell r="J1140" t="str">
            <v>本店</v>
          </cell>
          <cell r="K1140" t="str">
            <v>06-6316-5511</v>
          </cell>
          <cell r="L1140" t="str">
            <v>m-konishi@kds-c.co.jp</v>
          </cell>
          <cell r="M1140" t="str">
            <v>ｹｲﾃﾞｨｰｴｽ</v>
          </cell>
          <cell r="N1140" t="str">
            <v>無</v>
          </cell>
          <cell r="O1140">
            <v>43</v>
          </cell>
          <cell r="P1140">
            <v>35</v>
          </cell>
          <cell r="Q1140">
            <v>1120001016346</v>
          </cell>
          <cell r="R1140">
            <v>30000</v>
          </cell>
          <cell r="S1140">
            <v>749391</v>
          </cell>
          <cell r="T1140">
            <v>3794979</v>
          </cell>
          <cell r="V1140" t="str">
            <v>nb625025</v>
          </cell>
          <cell r="W1140" t="str">
            <v>bt497961</v>
          </cell>
          <cell r="X1140" t="str">
            <v>消電管</v>
          </cell>
          <cell r="Y1140" t="str">
            <v>消</v>
          </cell>
          <cell r="Z1140" t="str">
            <v>電管</v>
          </cell>
          <cell r="AA1140" t="str">
            <v>電気</v>
          </cell>
          <cell r="AB1140" t="str">
            <v/>
          </cell>
          <cell r="AC1140" t="str">
            <v/>
          </cell>
          <cell r="AD1140" t="str">
            <v/>
          </cell>
          <cell r="AE1140">
            <v>43008</v>
          </cell>
          <cell r="AF1140" t="str">
            <v>希望しない</v>
          </cell>
          <cell r="AG1140" t="str">
            <v>電気</v>
          </cell>
          <cell r="AH1140" t="str">
            <v>特定</v>
          </cell>
          <cell r="AI1140">
            <v>727</v>
          </cell>
          <cell r="AJ1140">
            <v>128752</v>
          </cell>
          <cell r="AK1140" t="str">
            <v>0(0)/1/5</v>
          </cell>
          <cell r="AL1140" t="str">
            <v/>
          </cell>
          <cell r="AM1140" t="str">
            <v/>
          </cell>
          <cell r="AN1140" t="str">
            <v/>
          </cell>
          <cell r="AO1140" t="str">
            <v/>
          </cell>
          <cell r="AP1140" t="str">
            <v/>
          </cell>
          <cell r="AQ1140" t="str">
            <v/>
          </cell>
          <cell r="AR1140" t="str">
            <v/>
          </cell>
          <cell r="AS1140" t="str">
            <v/>
          </cell>
          <cell r="AT1140" t="str">
            <v/>
          </cell>
          <cell r="AU1140" t="str">
            <v/>
          </cell>
          <cell r="AV1140" t="str">
            <v/>
          </cell>
          <cell r="AW1140" t="str">
            <v/>
          </cell>
          <cell r="AX1140" t="str">
            <v/>
          </cell>
          <cell r="AY1140" t="str">
            <v/>
          </cell>
          <cell r="AZ1140" t="str">
            <v/>
          </cell>
          <cell r="BA1140" t="str">
            <v>大阪府</v>
          </cell>
          <cell r="CR1140">
            <v>6855</v>
          </cell>
          <cell r="CS1140" t="str">
            <v>ﾏﾂｵｶ ｶｽﾞﾔ</v>
          </cell>
          <cell r="CT1140" t="str">
            <v>松岡  和哉</v>
          </cell>
          <cell r="CU1140" t="str">
            <v>総務課</v>
          </cell>
          <cell r="CW1140" t="str">
            <v xml:space="preserve"> </v>
          </cell>
          <cell r="CX1140" t="str">
            <v xml:space="preserve"> </v>
          </cell>
          <cell r="CY1140" t="str">
            <v>総務課長</v>
          </cell>
        </row>
        <row r="1141">
          <cell r="B1141">
            <v>4174</v>
          </cell>
          <cell r="C1141" t="str">
            <v>宮崎建設(株)</v>
          </cell>
          <cell r="D1141" t="str">
            <v>06-6401-2621</v>
          </cell>
          <cell r="E1141" t="str">
            <v>660-0815</v>
          </cell>
          <cell r="F1141" t="str">
            <v>兵庫県尼崎市杭瀬北新町1-5-11</v>
          </cell>
          <cell r="G1141" t="str">
            <v>尼崎市</v>
          </cell>
          <cell r="H1141" t="str">
            <v/>
          </cell>
          <cell r="I1141" t="str">
            <v>代表取締役社長 宮崎　健一</v>
          </cell>
          <cell r="J1141" t="str">
            <v>本店</v>
          </cell>
          <cell r="K1141" t="str">
            <v>06-6401-2553</v>
          </cell>
          <cell r="L1141" t="str">
            <v>qqv47dg9@chive.ocn.ne.jp</v>
          </cell>
          <cell r="M1141" t="str">
            <v>ﾐﾔｻﾞｷｹﾝｾﾂ</v>
          </cell>
          <cell r="N1141" t="str">
            <v>無</v>
          </cell>
          <cell r="O1141">
            <v>68</v>
          </cell>
          <cell r="P1141">
            <v>29</v>
          </cell>
          <cell r="Q1141">
            <v>4140001051529</v>
          </cell>
          <cell r="R1141">
            <v>50000</v>
          </cell>
          <cell r="S1141">
            <v>437846</v>
          </cell>
          <cell r="T1141">
            <v>4035050</v>
          </cell>
          <cell r="V1141" t="str">
            <v>ug147223</v>
          </cell>
          <cell r="W1141" t="str">
            <v>gm636901</v>
          </cell>
          <cell r="X1141" t="str">
            <v>土と舗建</v>
          </cell>
          <cell r="Y1141" t="str">
            <v>土と舗</v>
          </cell>
          <cell r="Z1141" t="str">
            <v>建</v>
          </cell>
          <cell r="AA1141" t="str">
            <v>建築一式</v>
          </cell>
          <cell r="AB1141" t="str">
            <v/>
          </cell>
          <cell r="AC1141" t="str">
            <v/>
          </cell>
          <cell r="AD1141" t="str">
            <v/>
          </cell>
          <cell r="AE1141">
            <v>43100</v>
          </cell>
          <cell r="AF1141" t="str">
            <v>希望しない</v>
          </cell>
          <cell r="AG1141" t="str">
            <v>建築一式</v>
          </cell>
          <cell r="AH1141" t="str">
            <v>特定</v>
          </cell>
          <cell r="AI1141">
            <v>1048</v>
          </cell>
          <cell r="AJ1141">
            <v>3119481</v>
          </cell>
          <cell r="AK1141" t="str">
            <v>14(14)/2/3</v>
          </cell>
          <cell r="AL1141" t="str">
            <v/>
          </cell>
          <cell r="AM1141" t="str">
            <v/>
          </cell>
          <cell r="AN1141" t="str">
            <v/>
          </cell>
          <cell r="AO1141" t="str">
            <v/>
          </cell>
          <cell r="AP1141" t="str">
            <v/>
          </cell>
          <cell r="AQ1141" t="str">
            <v/>
          </cell>
          <cell r="AR1141" t="str">
            <v/>
          </cell>
          <cell r="AS1141" t="str">
            <v/>
          </cell>
          <cell r="AT1141" t="str">
            <v/>
          </cell>
          <cell r="AU1141" t="str">
            <v/>
          </cell>
          <cell r="AV1141" t="str">
            <v/>
          </cell>
          <cell r="AW1141" t="str">
            <v/>
          </cell>
          <cell r="AX1141" t="str">
            <v/>
          </cell>
          <cell r="AY1141" t="str">
            <v/>
          </cell>
          <cell r="AZ1141" t="str">
            <v/>
          </cell>
          <cell r="BA1141" t="str">
            <v>兵庫県</v>
          </cell>
          <cell r="CR1141">
            <v>6856</v>
          </cell>
          <cell r="CS1141" t="str">
            <v>ﾐﾔﾓﾄ ｹﾝｼﾞ</v>
          </cell>
          <cell r="CT1141" t="str">
            <v>宮本  顕司</v>
          </cell>
          <cell r="CU1141" t="str">
            <v>同和・人権推進課</v>
          </cell>
          <cell r="CW1141">
            <v>2168</v>
          </cell>
          <cell r="CX1141" t="str">
            <v xml:space="preserve"> </v>
          </cell>
          <cell r="CY1141" t="str">
            <v>同和・人権推進課長</v>
          </cell>
        </row>
        <row r="1142">
          <cell r="B1142">
            <v>4176</v>
          </cell>
          <cell r="C1142" t="str">
            <v>(株)宮本組</v>
          </cell>
          <cell r="D1142" t="str">
            <v>078-974-0400</v>
          </cell>
          <cell r="E1142" t="str">
            <v>651-2111</v>
          </cell>
          <cell r="F1142" t="str">
            <v>兵庫県神戸市西区池上4-2-10</v>
          </cell>
          <cell r="G1142" t="str">
            <v>姫路市</v>
          </cell>
          <cell r="H1142" t="str">
            <v>神戸営業所</v>
          </cell>
          <cell r="I1142" t="str">
            <v>所長 服部　真也</v>
          </cell>
          <cell r="J1142" t="str">
            <v>兵庫県姫路市</v>
          </cell>
          <cell r="K1142" t="str">
            <v>078-974-0410</v>
          </cell>
          <cell r="L1142" t="str">
            <v>eigyo@miyamotogumi.co.jp</v>
          </cell>
          <cell r="M1142" t="str">
            <v>ﾐﾔﾓﾄｸﾞﾐ</v>
          </cell>
          <cell r="N1142" t="str">
            <v>有</v>
          </cell>
          <cell r="O1142">
            <v>60</v>
          </cell>
          <cell r="P1142">
            <v>317</v>
          </cell>
          <cell r="Q1142">
            <v>1140001061860</v>
          </cell>
          <cell r="R1142">
            <v>98000</v>
          </cell>
          <cell r="S1142">
            <v>7797154</v>
          </cell>
          <cell r="T1142">
            <v>28367963</v>
          </cell>
          <cell r="V1142" t="str">
            <v>cq996805</v>
          </cell>
          <cell r="W1142" t="str">
            <v>gz254953</v>
          </cell>
          <cell r="X1142" t="str">
            <v>(清)(と)(石)(鋼)(舗)(浚)(塗)(水)土建大と石屋タ鋼鉄舗浚板ガ塗防内熱具水</v>
          </cell>
          <cell r="Y1142" t="str">
            <v>(清)(と)(石)(鋼)(舗)(浚)(塗)(水)</v>
          </cell>
          <cell r="Z1142" t="str">
            <v>土建大と石屋タ鋼鉄舗浚板ガ塗防内熱具水</v>
          </cell>
          <cell r="AA1142" t="str">
            <v>土木一式</v>
          </cell>
          <cell r="AB1142" t="str">
            <v>とび土工</v>
          </cell>
          <cell r="AC1142" t="str">
            <v>舗装</v>
          </cell>
          <cell r="AD1142" t="str">
            <v>水道施設</v>
          </cell>
          <cell r="AE1142">
            <v>43190</v>
          </cell>
          <cell r="AF1142" t="str">
            <v>希望しない</v>
          </cell>
          <cell r="AG1142" t="str">
            <v>土木一式</v>
          </cell>
          <cell r="AH1142" t="str">
            <v>特定</v>
          </cell>
          <cell r="AI1142">
            <v>1468</v>
          </cell>
          <cell r="AJ1142">
            <v>24905476</v>
          </cell>
          <cell r="AK1142" t="str">
            <v>129(129)/13/22</v>
          </cell>
          <cell r="AL1142" t="str">
            <v>とび土工</v>
          </cell>
          <cell r="AM1142" t="str">
            <v>特定</v>
          </cell>
          <cell r="AN1142">
            <v>1095</v>
          </cell>
          <cell r="AO1142">
            <v>103075</v>
          </cell>
          <cell r="AP1142" t="str">
            <v>41(41)/8/0</v>
          </cell>
          <cell r="AQ1142" t="str">
            <v>舗装</v>
          </cell>
          <cell r="AR1142" t="str">
            <v>特定</v>
          </cell>
          <cell r="AS1142">
            <v>1050</v>
          </cell>
          <cell r="AT1142">
            <v>6575</v>
          </cell>
          <cell r="AU1142" t="str">
            <v>45(45)/4/1</v>
          </cell>
          <cell r="AV1142" t="str">
            <v>水道施設</v>
          </cell>
          <cell r="AW1142" t="str">
            <v>特定</v>
          </cell>
          <cell r="AX1142">
            <v>1013</v>
          </cell>
          <cell r="AY1142" t="str">
            <v/>
          </cell>
          <cell r="AZ1142" t="str">
            <v>42(42)/2/0</v>
          </cell>
          <cell r="BA1142" t="str">
            <v>兵庫県</v>
          </cell>
          <cell r="CR1142">
            <v>6857</v>
          </cell>
          <cell r="CS1142" t="str">
            <v>ﾔﾌﾞｷ ﾕｳﾄ</v>
          </cell>
          <cell r="CT1142" t="str">
            <v>屋葺  勇人</v>
          </cell>
          <cell r="CU1142" t="str">
            <v>国保年金課</v>
          </cell>
          <cell r="CW1142">
            <v>2796</v>
          </cell>
          <cell r="CX1142" t="str">
            <v xml:space="preserve"> </v>
          </cell>
          <cell r="CY1142" t="str">
            <v>国保年金課長</v>
          </cell>
        </row>
        <row r="1143">
          <cell r="B1143">
            <v>4177</v>
          </cell>
          <cell r="C1143" t="str">
            <v>(株)宮本工業所</v>
          </cell>
          <cell r="D1143" t="str">
            <v>076-441-2201</v>
          </cell>
          <cell r="E1143" t="str">
            <v>930-8512</v>
          </cell>
          <cell r="F1143" t="str">
            <v>富山県富山市奥田新町12-3</v>
          </cell>
          <cell r="G1143" t="str">
            <v>富山市</v>
          </cell>
          <cell r="H1143" t="str">
            <v/>
          </cell>
          <cell r="I1143" t="str">
            <v>代表取締役 宮本　芳樹</v>
          </cell>
          <cell r="J1143" t="str">
            <v>本店</v>
          </cell>
          <cell r="K1143" t="str">
            <v>076-441-6645</v>
          </cell>
          <cell r="L1143" t="str">
            <v>osaka-s@miyamoto-k.co.jp</v>
          </cell>
          <cell r="M1143" t="str">
            <v>ﾐﾔﾓﾄｺｳｷﾞｮｳｼｮ</v>
          </cell>
          <cell r="N1143" t="str">
            <v>無</v>
          </cell>
          <cell r="O1143">
            <v>66</v>
          </cell>
          <cell r="P1143">
            <v>283</v>
          </cell>
          <cell r="Q1143">
            <v>8230001003186</v>
          </cell>
          <cell r="R1143">
            <v>50000</v>
          </cell>
          <cell r="S1143">
            <v>13081678</v>
          </cell>
          <cell r="T1143">
            <v>11385843</v>
          </cell>
          <cell r="V1143" t="str">
            <v>hz641195</v>
          </cell>
          <cell r="W1143" t="str">
            <v>ev360823</v>
          </cell>
          <cell r="X1143" t="str">
            <v>清建電タ機</v>
          </cell>
          <cell r="Y1143" t="str">
            <v>清</v>
          </cell>
          <cell r="Z1143" t="str">
            <v>建電タ機</v>
          </cell>
          <cell r="AA1143" t="str">
            <v>タイル</v>
          </cell>
          <cell r="AB1143" t="str">
            <v>機械器具</v>
          </cell>
          <cell r="AC1143" t="str">
            <v>建築一式</v>
          </cell>
          <cell r="AD1143" t="str">
            <v>電気</v>
          </cell>
          <cell r="AE1143">
            <v>43159</v>
          </cell>
          <cell r="AF1143" t="str">
            <v>希望しない</v>
          </cell>
          <cell r="AG1143" t="str">
            <v>タイル</v>
          </cell>
          <cell r="AH1143" t="str">
            <v>特定</v>
          </cell>
          <cell r="AI1143">
            <v>1235</v>
          </cell>
          <cell r="AJ1143">
            <v>5960247</v>
          </cell>
          <cell r="AK1143" t="str">
            <v>5(5)/7/32</v>
          </cell>
          <cell r="AL1143" t="str">
            <v>機械器具</v>
          </cell>
          <cell r="AM1143" t="str">
            <v>特定</v>
          </cell>
          <cell r="AN1143">
            <v>1130</v>
          </cell>
          <cell r="AO1143">
            <v>2331931</v>
          </cell>
          <cell r="AP1143" t="str">
            <v>0(0)/0/40</v>
          </cell>
          <cell r="AQ1143" t="str">
            <v>建築一式</v>
          </cell>
          <cell r="AR1143" t="str">
            <v>特定</v>
          </cell>
          <cell r="AS1143">
            <v>878</v>
          </cell>
          <cell r="AT1143" t="str">
            <v/>
          </cell>
          <cell r="AU1143" t="str">
            <v>5(5)/0/0</v>
          </cell>
          <cell r="AV1143" t="str">
            <v>電気</v>
          </cell>
          <cell r="AW1143" t="str">
            <v>特定</v>
          </cell>
          <cell r="AX1143">
            <v>976</v>
          </cell>
          <cell r="AY1143">
            <v>181734</v>
          </cell>
          <cell r="AZ1143" t="str">
            <v>2(2)/0/1</v>
          </cell>
          <cell r="BA1143" t="str">
            <v>富山県</v>
          </cell>
          <cell r="CR1143">
            <v>6858</v>
          </cell>
          <cell r="CS1143" t="str">
            <v>ﾔﾏｻﾞｷ ｼﾝﾔ</v>
          </cell>
          <cell r="CT1143" t="str">
            <v>山崎  真也</v>
          </cell>
          <cell r="CU1143" t="str">
            <v>市民課</v>
          </cell>
          <cell r="CW1143">
            <v>2605</v>
          </cell>
          <cell r="CX1143" t="str">
            <v xml:space="preserve"> </v>
          </cell>
          <cell r="CY1143" t="str">
            <v>市民課長</v>
          </cell>
        </row>
        <row r="1144">
          <cell r="B1144">
            <v>4181</v>
          </cell>
          <cell r="C1144" t="str">
            <v>(株)三輪建設</v>
          </cell>
          <cell r="D1144" t="str">
            <v>06-6458-9095</v>
          </cell>
          <cell r="E1144" t="str">
            <v>531-0075</v>
          </cell>
          <cell r="F1144" t="str">
            <v>大阪府大阪市北区大淀南3-5-1</v>
          </cell>
          <cell r="G1144" t="str">
            <v>大阪市</v>
          </cell>
          <cell r="H1144" t="str">
            <v/>
          </cell>
          <cell r="I1144" t="str">
            <v>代表取締役 三輪　ひとみ</v>
          </cell>
          <cell r="J1144" t="str">
            <v>本店</v>
          </cell>
          <cell r="K1144" t="str">
            <v>06-6458-8770</v>
          </cell>
          <cell r="L1144" t="str">
            <v>miwacons@mx2.alpha-web.ne.jp</v>
          </cell>
          <cell r="M1144" t="str">
            <v>ﾐﾜｹﾝｾﾂ</v>
          </cell>
          <cell r="N1144" t="str">
            <v>無</v>
          </cell>
          <cell r="O1144">
            <v>47</v>
          </cell>
          <cell r="P1144">
            <v>13</v>
          </cell>
          <cell r="Q1144">
            <v>9120001071020</v>
          </cell>
          <cell r="R1144">
            <v>48000</v>
          </cell>
          <cell r="S1144">
            <v>402015</v>
          </cell>
          <cell r="T1144">
            <v>599082</v>
          </cell>
          <cell r="V1144" t="str">
            <v>cc796003</v>
          </cell>
          <cell r="W1144" t="str">
            <v>vk259205</v>
          </cell>
          <cell r="X1144" t="str">
            <v>管土と舗</v>
          </cell>
          <cell r="Y1144" t="str">
            <v>管</v>
          </cell>
          <cell r="Z1144" t="str">
            <v>土と舗</v>
          </cell>
          <cell r="AA1144" t="str">
            <v>舗装</v>
          </cell>
          <cell r="AB1144" t="str">
            <v>土木一式</v>
          </cell>
          <cell r="AC1144" t="str">
            <v>とび土工</v>
          </cell>
          <cell r="AD1144" t="str">
            <v/>
          </cell>
          <cell r="AE1144" t="str">
            <v>H.30.4.30</v>
          </cell>
          <cell r="AF1144" t="str">
            <v>希望しない</v>
          </cell>
          <cell r="AG1144" t="str">
            <v>舗装</v>
          </cell>
          <cell r="AH1144" t="str">
            <v>特定</v>
          </cell>
          <cell r="AI1144">
            <v>900</v>
          </cell>
          <cell r="AJ1144">
            <v>465081</v>
          </cell>
          <cell r="AK1144" t="str">
            <v>7(7)/2/0</v>
          </cell>
          <cell r="AL1144" t="str">
            <v>土木一式</v>
          </cell>
          <cell r="AM1144" t="str">
            <v>特定</v>
          </cell>
          <cell r="AN1144">
            <v>856</v>
          </cell>
          <cell r="AO1144">
            <v>133312</v>
          </cell>
          <cell r="AP1144" t="str">
            <v>7(7)/2/0</v>
          </cell>
          <cell r="AQ1144" t="str">
            <v>とび土工</v>
          </cell>
          <cell r="AR1144" t="str">
            <v>特定</v>
          </cell>
          <cell r="AS1144">
            <v>659</v>
          </cell>
          <cell r="AT1144">
            <v>689</v>
          </cell>
          <cell r="AU1144" t="str">
            <v>0(0)/0/0</v>
          </cell>
          <cell r="AV1144" t="str">
            <v/>
          </cell>
          <cell r="AW1144" t="str">
            <v/>
          </cell>
          <cell r="AX1144" t="str">
            <v/>
          </cell>
          <cell r="AY1144" t="str">
            <v/>
          </cell>
          <cell r="AZ1144" t="str">
            <v/>
          </cell>
          <cell r="BA1144" t="str">
            <v>大阪府</v>
          </cell>
          <cell r="CR1144">
            <v>6859</v>
          </cell>
          <cell r="CS1144" t="str">
            <v>ﾔﾏｼﾀ ﾄﾓｱｷ</v>
          </cell>
          <cell r="CT1144" t="str">
            <v>山下  友章</v>
          </cell>
          <cell r="CU1144" t="str">
            <v>生活支援課</v>
          </cell>
          <cell r="CW1144">
            <v>2526</v>
          </cell>
          <cell r="CX1144" t="str">
            <v xml:space="preserve"> </v>
          </cell>
          <cell r="CY1144" t="str">
            <v>生活支援課長</v>
          </cell>
        </row>
        <row r="1145">
          <cell r="B1145">
            <v>4183</v>
          </cell>
          <cell r="C1145" t="str">
            <v>港建設(株)</v>
          </cell>
          <cell r="D1145" t="str">
            <v>078-961-1345</v>
          </cell>
          <cell r="E1145" t="str">
            <v>651-2263</v>
          </cell>
          <cell r="F1145" t="str">
            <v>兵庫県神戸市西区平野町常本1-57</v>
          </cell>
          <cell r="G1145" t="str">
            <v>神戸市</v>
          </cell>
          <cell r="H1145" t="str">
            <v/>
          </cell>
          <cell r="I1145" t="str">
            <v>代表取締役 米田　一平</v>
          </cell>
          <cell r="J1145" t="str">
            <v>本店</v>
          </cell>
          <cell r="K1145" t="str">
            <v>078-961-3963</v>
          </cell>
          <cell r="L1145" t="str">
            <v>minatokensetu@yahoo.co.jp</v>
          </cell>
          <cell r="M1145" t="str">
            <v>ﾐﾅﾄｹﾝｾﾂ</v>
          </cell>
          <cell r="N1145" t="str">
            <v>無</v>
          </cell>
          <cell r="O1145">
            <v>55</v>
          </cell>
          <cell r="P1145">
            <v>31</v>
          </cell>
          <cell r="Q1145">
            <v>3140001005394</v>
          </cell>
          <cell r="R1145">
            <v>30000</v>
          </cell>
          <cell r="S1145">
            <v>537350</v>
          </cell>
          <cell r="T1145">
            <v>2473143</v>
          </cell>
          <cell r="V1145" t="str">
            <v>pp754617</v>
          </cell>
          <cell r="W1145" t="str">
            <v>un132189</v>
          </cell>
          <cell r="X1145" t="str">
            <v>電土建と石管鋼舗浚園水解</v>
          </cell>
          <cell r="Y1145" t="str">
            <v>電</v>
          </cell>
          <cell r="Z1145" t="str">
            <v>土建と石管鋼舗浚園水解</v>
          </cell>
          <cell r="AA1145" t="str">
            <v>土木一式</v>
          </cell>
          <cell r="AB1145" t="str">
            <v>舗装</v>
          </cell>
          <cell r="AC1145" t="str">
            <v>水道施設</v>
          </cell>
          <cell r="AD1145" t="str">
            <v>鋼構造物</v>
          </cell>
          <cell r="AE1145" t="str">
            <v>Ｈ．30．6．30</v>
          </cell>
          <cell r="AF1145" t="str">
            <v>希望する</v>
          </cell>
          <cell r="AG1145" t="str">
            <v>土木一式</v>
          </cell>
          <cell r="AH1145" t="str">
            <v>特定</v>
          </cell>
          <cell r="AI1145">
            <v>1100</v>
          </cell>
          <cell r="AJ1145">
            <v>2031571</v>
          </cell>
          <cell r="AK1145" t="str">
            <v>19(16)/0/5</v>
          </cell>
          <cell r="AL1145" t="str">
            <v>舗装</v>
          </cell>
          <cell r="AM1145" t="str">
            <v>特定</v>
          </cell>
          <cell r="AN1145">
            <v>963</v>
          </cell>
          <cell r="AO1145">
            <v>85454</v>
          </cell>
          <cell r="AP1145" t="str">
            <v>19(16)/0/4</v>
          </cell>
          <cell r="AQ1145" t="str">
            <v>水道施設</v>
          </cell>
          <cell r="AR1145" t="str">
            <v>特定</v>
          </cell>
          <cell r="AS1145">
            <v>805</v>
          </cell>
          <cell r="AT1145">
            <v>27904</v>
          </cell>
          <cell r="AU1145" t="str">
            <v>0(0)/0/0</v>
          </cell>
          <cell r="AV1145" t="str">
            <v>鋼構造物</v>
          </cell>
          <cell r="AW1145" t="str">
            <v>特定</v>
          </cell>
          <cell r="AX1145">
            <v>753</v>
          </cell>
          <cell r="AY1145">
            <v>5825</v>
          </cell>
          <cell r="AZ1145" t="str">
            <v>0(0)/0/0</v>
          </cell>
          <cell r="BA1145" t="str">
            <v>兵庫県</v>
          </cell>
          <cell r="CR1145">
            <v>6860</v>
          </cell>
          <cell r="CS1145" t="str">
            <v>ﾔﾏﾅｶ ﾌﾐ</v>
          </cell>
          <cell r="CT1145" t="str">
            <v>山中  芙美</v>
          </cell>
          <cell r="CU1145" t="str">
            <v>健康政策課</v>
          </cell>
          <cell r="CW1145">
            <v>2987</v>
          </cell>
          <cell r="CX1145" t="str">
            <v xml:space="preserve"> </v>
          </cell>
          <cell r="CY1145" t="str">
            <v>健康政策課長</v>
          </cell>
        </row>
        <row r="1146">
          <cell r="B1146">
            <v>4191</v>
          </cell>
          <cell r="C1146" t="str">
            <v>(株)三木組</v>
          </cell>
          <cell r="D1146" t="str">
            <v>06-6308-3961</v>
          </cell>
          <cell r="E1146" t="str">
            <v>532-0028</v>
          </cell>
          <cell r="F1146" t="str">
            <v>大阪府大阪市淀川区十三元今里1-2-2</v>
          </cell>
          <cell r="G1146" t="str">
            <v>大阪市</v>
          </cell>
          <cell r="H1146" t="str">
            <v/>
          </cell>
          <cell r="I1146" t="str">
            <v>代表取締役社長 三木　康資</v>
          </cell>
          <cell r="J1146" t="str">
            <v>本店</v>
          </cell>
          <cell r="K1146" t="str">
            <v>06-6302-0701</v>
          </cell>
          <cell r="L1146" t="str">
            <v>eigyobu@miki-construct.co.jp</v>
          </cell>
          <cell r="M1146" t="str">
            <v>ﾐｷｸﾞﾐ</v>
          </cell>
          <cell r="N1146" t="str">
            <v>無</v>
          </cell>
          <cell r="O1146">
            <v>64</v>
          </cell>
          <cell r="P1146">
            <v>69</v>
          </cell>
          <cell r="Q1146">
            <v>5120001058582</v>
          </cell>
          <cell r="R1146">
            <v>150000</v>
          </cell>
          <cell r="S1146">
            <v>1961639</v>
          </cell>
          <cell r="T1146">
            <v>6810649</v>
          </cell>
          <cell r="V1146" t="str">
            <v>vk199597</v>
          </cell>
          <cell r="W1146" t="str">
            <v>em289690</v>
          </cell>
          <cell r="X1146" t="str">
            <v>土建大と石屋タ鋼鉄舗浚板ガ塗防内熱具水解</v>
          </cell>
          <cell r="Y1146" t="str">
            <v/>
          </cell>
          <cell r="Z1146" t="str">
            <v>土建大と石屋タ鋼鉄舗浚板ガ塗防内熱具水解</v>
          </cell>
          <cell r="AA1146" t="str">
            <v>建築一式</v>
          </cell>
          <cell r="AB1146" t="str">
            <v>土木一式</v>
          </cell>
          <cell r="AC1146" t="str">
            <v/>
          </cell>
          <cell r="AD1146" t="str">
            <v/>
          </cell>
          <cell r="AE1146">
            <v>43125</v>
          </cell>
          <cell r="AF1146" t="str">
            <v>希望しない</v>
          </cell>
          <cell r="AG1146" t="str">
            <v>建築一式</v>
          </cell>
          <cell r="AH1146" t="str">
            <v>特定</v>
          </cell>
          <cell r="AI1146">
            <v>1132</v>
          </cell>
          <cell r="AJ1146">
            <v>5727719</v>
          </cell>
          <cell r="AK1146" t="str">
            <v>28(14)/5/3</v>
          </cell>
          <cell r="AL1146" t="str">
            <v>土木一式</v>
          </cell>
          <cell r="AM1146" t="str">
            <v>特定</v>
          </cell>
          <cell r="AN1146">
            <v>878</v>
          </cell>
          <cell r="AO1146">
            <v>93524</v>
          </cell>
          <cell r="AP1146" t="str">
            <v>4(4)/1/27</v>
          </cell>
          <cell r="AQ1146" t="str">
            <v/>
          </cell>
          <cell r="AR1146" t="str">
            <v/>
          </cell>
          <cell r="AS1146" t="str">
            <v/>
          </cell>
          <cell r="AT1146" t="str">
            <v/>
          </cell>
          <cell r="AU1146" t="str">
            <v/>
          </cell>
          <cell r="AV1146" t="str">
            <v/>
          </cell>
          <cell r="AW1146" t="str">
            <v/>
          </cell>
          <cell r="AX1146" t="str">
            <v/>
          </cell>
          <cell r="AY1146" t="str">
            <v/>
          </cell>
          <cell r="AZ1146" t="str">
            <v/>
          </cell>
          <cell r="BA1146" t="str">
            <v>大阪府</v>
          </cell>
          <cell r="CR1146">
            <v>6861</v>
          </cell>
          <cell r="CS1146" t="str">
            <v>ﾖｼｶﾜ ﾋﾛｷ</v>
          </cell>
          <cell r="CT1146" t="str">
            <v>吉川  大樹</v>
          </cell>
          <cell r="CU1146" t="str">
            <v>生活支援課</v>
          </cell>
          <cell r="CW1146">
            <v>2953</v>
          </cell>
          <cell r="CX1146" t="str">
            <v xml:space="preserve"> </v>
          </cell>
          <cell r="CY1146" t="str">
            <v>生活支援課長</v>
          </cell>
        </row>
        <row r="1147">
          <cell r="B1147">
            <v>4193</v>
          </cell>
          <cell r="C1147" t="str">
            <v>箕面電設(株)</v>
          </cell>
          <cell r="D1147" t="str">
            <v>072-730-2310</v>
          </cell>
          <cell r="E1147" t="str">
            <v>562-0031</v>
          </cell>
          <cell r="F1147" t="str">
            <v>大阪府箕面市小野原東1-3-69</v>
          </cell>
          <cell r="G1147" t="str">
            <v>箕面市</v>
          </cell>
          <cell r="H1147" t="str">
            <v/>
          </cell>
          <cell r="I1147" t="str">
            <v>代表取締役 庄司　修二</v>
          </cell>
          <cell r="J1147" t="str">
            <v>本店</v>
          </cell>
          <cell r="K1147" t="str">
            <v>072-730-2320</v>
          </cell>
          <cell r="L1147" t="str">
            <v>info@mino-densetsu.co.jp</v>
          </cell>
          <cell r="M1147" t="str">
            <v>ﾐﾉｵﾃﾞﾝｾﾂ</v>
          </cell>
          <cell r="N1147" t="str">
            <v>無</v>
          </cell>
          <cell r="O1147">
            <v>41</v>
          </cell>
          <cell r="P1147">
            <v>8</v>
          </cell>
          <cell r="Q1147">
            <v>3120901021006</v>
          </cell>
          <cell r="R1147">
            <v>20000</v>
          </cell>
          <cell r="S1147">
            <v>81375</v>
          </cell>
          <cell r="T1147">
            <v>408493</v>
          </cell>
          <cell r="V1147" t="str">
            <v>je584408</v>
          </cell>
          <cell r="W1147" t="str">
            <v>gs694868</v>
          </cell>
          <cell r="X1147" t="str">
            <v>土建水消電管</v>
          </cell>
          <cell r="Y1147" t="str">
            <v>土建水消</v>
          </cell>
          <cell r="Z1147" t="str">
            <v>電管</v>
          </cell>
          <cell r="AA1147" t="str">
            <v>電気</v>
          </cell>
          <cell r="AB1147" t="str">
            <v>管</v>
          </cell>
          <cell r="AC1147" t="str">
            <v>消防施設</v>
          </cell>
          <cell r="AD1147" t="str">
            <v>建築一式</v>
          </cell>
          <cell r="AE1147">
            <v>43039</v>
          </cell>
          <cell r="AF1147" t="str">
            <v>希望しない</v>
          </cell>
          <cell r="AG1147" t="str">
            <v>電気</v>
          </cell>
          <cell r="AH1147" t="str">
            <v>特定</v>
          </cell>
          <cell r="AI1147">
            <v>863</v>
          </cell>
          <cell r="AJ1147">
            <v>212970</v>
          </cell>
          <cell r="AK1147" t="str">
            <v>3(3)/3/1</v>
          </cell>
          <cell r="AL1147" t="str">
            <v>管</v>
          </cell>
          <cell r="AM1147" t="str">
            <v>特定</v>
          </cell>
          <cell r="AN1147">
            <v>825</v>
          </cell>
          <cell r="AO1147">
            <v>117635</v>
          </cell>
          <cell r="AP1147" t="str">
            <v>2(2)/2/0</v>
          </cell>
          <cell r="AQ1147" t="str">
            <v>消防施設</v>
          </cell>
          <cell r="AR1147" t="str">
            <v>一般</v>
          </cell>
          <cell r="AS1147">
            <v>672</v>
          </cell>
          <cell r="AT1147" t="str">
            <v/>
          </cell>
          <cell r="AU1147" t="str">
            <v>0(0)/0/0</v>
          </cell>
          <cell r="AV1147" t="str">
            <v>建築一式</v>
          </cell>
          <cell r="AW1147" t="str">
            <v>一般</v>
          </cell>
          <cell r="AX1147">
            <v>749</v>
          </cell>
          <cell r="AY1147">
            <v>35000</v>
          </cell>
          <cell r="AZ1147" t="str">
            <v>0(0)/0/0</v>
          </cell>
          <cell r="BA1147" t="str">
            <v>大阪府</v>
          </cell>
          <cell r="CR1147">
            <v>6862</v>
          </cell>
          <cell r="CS1147" t="str">
            <v>ｶｼﾊﾗ ｴﾐ</v>
          </cell>
          <cell r="CT1147" t="str">
            <v>樫原  愛弥</v>
          </cell>
          <cell r="CU1147" t="str">
            <v>総務課</v>
          </cell>
          <cell r="CW1147" t="str">
            <v xml:space="preserve"> </v>
          </cell>
          <cell r="CX1147" t="str">
            <v xml:space="preserve"> </v>
          </cell>
          <cell r="CY1147" t="str">
            <v>総務課長</v>
          </cell>
        </row>
        <row r="1148">
          <cell r="B1148">
            <v>4194</v>
          </cell>
          <cell r="C1148" t="str">
            <v>三浦電工(株)</v>
          </cell>
          <cell r="D1148" t="str">
            <v>072-794-1539</v>
          </cell>
          <cell r="E1148" t="str">
            <v>666-0105</v>
          </cell>
          <cell r="F1148" t="str">
            <v>兵庫県川西市見野2-8-18</v>
          </cell>
          <cell r="G1148" t="str">
            <v>川西市</v>
          </cell>
          <cell r="H1148" t="str">
            <v/>
          </cell>
          <cell r="I1148" t="str">
            <v>代表取締役 三浦　雅人</v>
          </cell>
          <cell r="J1148" t="str">
            <v>本店</v>
          </cell>
          <cell r="K1148" t="str">
            <v>072-794-7543</v>
          </cell>
          <cell r="L1148" t="str">
            <v>miuradenkou_@ybb.ne.jp</v>
          </cell>
          <cell r="M1148" t="str">
            <v>ﾐｳﾗﾃﾞﾝｺｳ</v>
          </cell>
          <cell r="N1148" t="str">
            <v>無</v>
          </cell>
          <cell r="O1148">
            <v>19</v>
          </cell>
          <cell r="P1148">
            <v>3</v>
          </cell>
          <cell r="Q1148">
            <v>9140001080894</v>
          </cell>
          <cell r="R1148">
            <v>10000</v>
          </cell>
          <cell r="S1148">
            <v>8155</v>
          </cell>
          <cell r="T1148">
            <v>29246</v>
          </cell>
          <cell r="V1148" t="str">
            <v>eq450020</v>
          </cell>
          <cell r="W1148" t="str">
            <v>mx637808</v>
          </cell>
          <cell r="X1148" t="str">
            <v>電消</v>
          </cell>
          <cell r="Y1148" t="str">
            <v>電消</v>
          </cell>
          <cell r="Z1148" t="str">
            <v/>
          </cell>
          <cell r="AA1148" t="str">
            <v>電気</v>
          </cell>
          <cell r="AB1148" t="str">
            <v>消防施設</v>
          </cell>
          <cell r="AC1148" t="str">
            <v/>
          </cell>
          <cell r="AD1148" t="str">
            <v/>
          </cell>
          <cell r="AE1148">
            <v>43343</v>
          </cell>
          <cell r="AF1148" t="str">
            <v>希望しない</v>
          </cell>
          <cell r="AG1148" t="str">
            <v>電気</v>
          </cell>
          <cell r="AH1148" t="str">
            <v>一般</v>
          </cell>
          <cell r="AI1148">
            <v>664</v>
          </cell>
          <cell r="AJ1148">
            <v>39936</v>
          </cell>
          <cell r="AK1148" t="str">
            <v>()/1/1</v>
          </cell>
          <cell r="AL1148" t="str">
            <v>消防施設</v>
          </cell>
          <cell r="AM1148" t="str">
            <v>一般</v>
          </cell>
          <cell r="AN1148">
            <v>588</v>
          </cell>
          <cell r="AO1148">
            <v>300</v>
          </cell>
          <cell r="AP1148" t="str">
            <v>()/1/</v>
          </cell>
          <cell r="AQ1148" t="str">
            <v/>
          </cell>
          <cell r="AR1148" t="str">
            <v/>
          </cell>
          <cell r="AS1148" t="str">
            <v/>
          </cell>
          <cell r="AT1148" t="str">
            <v/>
          </cell>
          <cell r="AU1148" t="str">
            <v/>
          </cell>
          <cell r="AV1148" t="str">
            <v/>
          </cell>
          <cell r="AW1148" t="str">
            <v/>
          </cell>
          <cell r="AX1148" t="str">
            <v/>
          </cell>
          <cell r="AY1148" t="str">
            <v/>
          </cell>
          <cell r="AZ1148" t="str">
            <v/>
          </cell>
          <cell r="BA1148" t="str">
            <v>兵庫県</v>
          </cell>
          <cell r="CR1148">
            <v>6863</v>
          </cell>
          <cell r="CS1148" t="str">
            <v>ｼｵﾐ ｹﾝｼﾞ</v>
          </cell>
          <cell r="CT1148" t="str">
            <v>塩見  憲司</v>
          </cell>
          <cell r="CU1148" t="str">
            <v>営業課</v>
          </cell>
          <cell r="CW1148" t="str">
            <v xml:space="preserve"> </v>
          </cell>
          <cell r="CX1148" t="str">
            <v xml:space="preserve"> </v>
          </cell>
          <cell r="CY1148" t="str">
            <v>営業課長</v>
          </cell>
        </row>
        <row r="1149">
          <cell r="B1149">
            <v>4195</v>
          </cell>
          <cell r="C1149" t="str">
            <v>宮地エンジニアリング(株)</v>
          </cell>
          <cell r="D1149" t="str">
            <v>06-6225-5275</v>
          </cell>
          <cell r="E1149" t="str">
            <v>550-0004</v>
          </cell>
          <cell r="F1149" t="str">
            <v>大阪府大阪市西区靱本町1-8-2</v>
          </cell>
          <cell r="G1149" t="str">
            <v/>
          </cell>
          <cell r="H1149" t="str">
            <v>関西支社</v>
          </cell>
          <cell r="I1149" t="str">
            <v>関西支社長 塚本　啓一</v>
          </cell>
          <cell r="J1149" t="str">
            <v>東京都</v>
          </cell>
          <cell r="K1149" t="str">
            <v>06-6225-5276</v>
          </cell>
          <cell r="L1149" t="str">
            <v>osaka1@miyaji-eng.co.jp</v>
          </cell>
          <cell r="M1149" t="str">
            <v>ﾐﾔﾁﾞｴﾝｼﾞﾆｱﾘﾝｸﾞ</v>
          </cell>
          <cell r="N1149" t="str">
            <v>有</v>
          </cell>
          <cell r="O1149">
            <v>68</v>
          </cell>
          <cell r="P1149">
            <v>461</v>
          </cell>
          <cell r="Q1149">
            <v>3010001084864</v>
          </cell>
          <cell r="R1149">
            <v>1500000</v>
          </cell>
          <cell r="S1149">
            <v>18728714</v>
          </cell>
          <cell r="T1149">
            <v>29789286</v>
          </cell>
          <cell r="V1149" t="str">
            <v>jd790931</v>
          </cell>
          <cell r="W1149" t="str">
            <v>gr831326</v>
          </cell>
          <cell r="X1149" t="str">
            <v>(清)(と)(鋼)(舗)(塗)(解)土建と鋼舗塗水解</v>
          </cell>
          <cell r="Y1149" t="str">
            <v>(清)(と)(鋼)(舗)(塗)(解)</v>
          </cell>
          <cell r="Z1149" t="str">
            <v>土建と鋼舗塗水解</v>
          </cell>
          <cell r="AA1149" t="str">
            <v>鋼構造物</v>
          </cell>
          <cell r="AB1149" t="str">
            <v>土木一式</v>
          </cell>
          <cell r="AC1149" t="str">
            <v>とび土工</v>
          </cell>
          <cell r="AD1149" t="str">
            <v>解体</v>
          </cell>
          <cell r="AE1149">
            <v>43190</v>
          </cell>
          <cell r="AF1149" t="str">
            <v>希望しない</v>
          </cell>
          <cell r="AG1149" t="str">
            <v>鋼構造物</v>
          </cell>
          <cell r="AH1149" t="str">
            <v/>
          </cell>
          <cell r="AI1149">
            <v>1551</v>
          </cell>
          <cell r="AJ1149">
            <v>21426449</v>
          </cell>
          <cell r="AK1149" t="str">
            <v>254(208)/23/16</v>
          </cell>
          <cell r="AL1149" t="str">
            <v>土木一式</v>
          </cell>
          <cell r="AM1149" t="str">
            <v/>
          </cell>
          <cell r="AN1149">
            <v>1211</v>
          </cell>
          <cell r="AO1149">
            <v>238312</v>
          </cell>
          <cell r="AP1149" t="str">
            <v>58(18)/22/11</v>
          </cell>
          <cell r="AQ1149" t="str">
            <v>とび土工</v>
          </cell>
          <cell r="AR1149" t="str">
            <v/>
          </cell>
          <cell r="AS1149">
            <v>1374</v>
          </cell>
          <cell r="AT1149">
            <v>3982210</v>
          </cell>
          <cell r="AU1149" t="str">
            <v>138(135)/1/1</v>
          </cell>
          <cell r="AV1149" t="str">
            <v>解体</v>
          </cell>
          <cell r="AW1149" t="str">
            <v>特定</v>
          </cell>
          <cell r="AX1149">
            <v>1150</v>
          </cell>
          <cell r="AY1149">
            <v>118575</v>
          </cell>
          <cell r="AZ1149" t="str">
            <v>194(190)/1/1</v>
          </cell>
          <cell r="BA1149" t="str">
            <v>東京都</v>
          </cell>
          <cell r="CR1149">
            <v>6864</v>
          </cell>
          <cell r="CS1149" t="str">
            <v>ｼﾉﾊﾗ ﾕｳｺ</v>
          </cell>
          <cell r="CT1149" t="str">
            <v>篠原  祐子</v>
          </cell>
          <cell r="CU1149" t="str">
            <v>法制課</v>
          </cell>
          <cell r="CW1149">
            <v>2386</v>
          </cell>
          <cell r="CX1149" t="str">
            <v xml:space="preserve"> </v>
          </cell>
          <cell r="CY1149" t="str">
            <v>法制課長</v>
          </cell>
        </row>
        <row r="1150">
          <cell r="B1150">
            <v>4196</v>
          </cell>
          <cell r="C1150" t="str">
            <v>エム・エムブリッジ(株)</v>
          </cell>
          <cell r="D1150" t="str">
            <v>06-6446-4090</v>
          </cell>
          <cell r="E1150" t="str">
            <v>550-0001</v>
          </cell>
          <cell r="F1150" t="str">
            <v>大阪府大阪市西区土佐堀1-3-20</v>
          </cell>
          <cell r="G1150" t="str">
            <v>広島市</v>
          </cell>
          <cell r="H1150" t="str">
            <v>西日本支店</v>
          </cell>
          <cell r="I1150" t="str">
            <v>西日本支店長 橋本　龍一</v>
          </cell>
          <cell r="J1150" t="str">
            <v>広島県広島市</v>
          </cell>
          <cell r="K1150" t="str">
            <v>06-6446-4091</v>
          </cell>
          <cell r="L1150" t="str">
            <v>mmb_kansai@mm-bridge.co.jp</v>
          </cell>
          <cell r="M1150" t="str">
            <v>ｴﾑｴﾑﾌﾞﾘｯｼﾞ</v>
          </cell>
          <cell r="N1150" t="str">
            <v>有</v>
          </cell>
          <cell r="O1150">
            <v>45</v>
          </cell>
          <cell r="P1150">
            <v>214</v>
          </cell>
          <cell r="Q1150">
            <v>6240001016957</v>
          </cell>
          <cell r="R1150">
            <v>450000</v>
          </cell>
          <cell r="S1150">
            <v>5986966</v>
          </cell>
          <cell r="T1150">
            <v>19572030</v>
          </cell>
          <cell r="V1150" t="str">
            <v>kv263449</v>
          </cell>
          <cell r="W1150" t="str">
            <v>gm223004</v>
          </cell>
          <cell r="X1150" t="str">
            <v>(清)(と)(鋼)(塗)(水)土建と鋼塗水</v>
          </cell>
          <cell r="Y1150" t="str">
            <v>(清)(と)(鋼)(塗)(水)</v>
          </cell>
          <cell r="Z1150" t="str">
            <v>土建と鋼塗水</v>
          </cell>
          <cell r="AA1150" t="str">
            <v>鋼構造物</v>
          </cell>
          <cell r="AB1150" t="str">
            <v>土木一式</v>
          </cell>
          <cell r="AC1150" t="str">
            <v>塗装</v>
          </cell>
          <cell r="AD1150" t="str">
            <v>とび土工</v>
          </cell>
          <cell r="AE1150">
            <v>43190</v>
          </cell>
          <cell r="AF1150" t="str">
            <v>希望しない</v>
          </cell>
          <cell r="AG1150" t="str">
            <v>鋼構造物</v>
          </cell>
          <cell r="AH1150" t="str">
            <v>特定</v>
          </cell>
          <cell r="AI1150">
            <v>1408</v>
          </cell>
          <cell r="AJ1150">
            <v>12469498</v>
          </cell>
          <cell r="AK1150" t="str">
            <v>116(104)/1/0</v>
          </cell>
          <cell r="AL1150" t="str">
            <v>土木一式</v>
          </cell>
          <cell r="AM1150" t="str">
            <v>特定</v>
          </cell>
          <cell r="AN1150">
            <v>1019</v>
          </cell>
          <cell r="AO1150">
            <v>6267</v>
          </cell>
          <cell r="AP1150" t="str">
            <v>42(37)/1/0</v>
          </cell>
          <cell r="AQ1150" t="str">
            <v>塗装</v>
          </cell>
          <cell r="AR1150" t="str">
            <v>特定</v>
          </cell>
          <cell r="AS1150">
            <v>956</v>
          </cell>
          <cell r="AT1150">
            <v>1620</v>
          </cell>
          <cell r="AU1150" t="str">
            <v>20(19)/0/0</v>
          </cell>
          <cell r="AV1150" t="str">
            <v>とび土工</v>
          </cell>
          <cell r="AW1150" t="str">
            <v>特定</v>
          </cell>
          <cell r="AX1150">
            <v>954</v>
          </cell>
          <cell r="AY1150" t="str">
            <v/>
          </cell>
          <cell r="AZ1150" t="str">
            <v>21(21)/1/0</v>
          </cell>
          <cell r="BA1150" t="str">
            <v>広島県</v>
          </cell>
          <cell r="CR1150">
            <v>6865</v>
          </cell>
          <cell r="CS1150" t="str">
            <v>ﾅｶﾏｴ ｱﾂｺ</v>
          </cell>
          <cell r="CT1150" t="str">
            <v>中前  敦子</v>
          </cell>
          <cell r="CU1150" t="str">
            <v>子育て支援課</v>
          </cell>
          <cell r="CW1150">
            <v>2657</v>
          </cell>
          <cell r="CX1150" t="str">
            <v xml:space="preserve"> </v>
          </cell>
          <cell r="CY1150" t="str">
            <v>子育て支援課長</v>
          </cell>
        </row>
        <row r="1151">
          <cell r="B1151">
            <v>4198</v>
          </cell>
          <cell r="C1151" t="str">
            <v>(株)宮本建設</v>
          </cell>
          <cell r="D1151" t="str">
            <v>072-755-3435</v>
          </cell>
          <cell r="E1151" t="str">
            <v>666-0017</v>
          </cell>
          <cell r="F1151" t="str">
            <v>兵庫県川西市火打1-1-7-12</v>
          </cell>
          <cell r="G1151" t="str">
            <v>川西市</v>
          </cell>
          <cell r="H1151" t="str">
            <v/>
          </cell>
          <cell r="I1151" t="str">
            <v>代表取締役　 宮本　吉昭</v>
          </cell>
          <cell r="J1151" t="str">
            <v>本店</v>
          </cell>
          <cell r="K1151" t="str">
            <v>072-755-3438</v>
          </cell>
          <cell r="L1151" t="str">
            <v>info@miyamotokensetsu.co.jp</v>
          </cell>
          <cell r="M1151" t="str">
            <v>ﾐﾔﾓﾄｹﾝｾﾂ</v>
          </cell>
          <cell r="N1151" t="str">
            <v>無</v>
          </cell>
          <cell r="O1151">
            <v>30</v>
          </cell>
          <cell r="P1151">
            <v>9</v>
          </cell>
          <cell r="Q1151">
            <v>8140000000000</v>
          </cell>
          <cell r="R1151">
            <v>40000</v>
          </cell>
          <cell r="S1151">
            <v>62209</v>
          </cell>
          <cell r="T1151">
            <v>958231</v>
          </cell>
          <cell r="V1151" t="str">
            <v>rt192648</v>
          </cell>
          <cell r="W1151" t="str">
            <v>ca280815</v>
          </cell>
          <cell r="X1151" t="str">
            <v>建管園土と舗水解</v>
          </cell>
          <cell r="Y1151" t="str">
            <v>建管園</v>
          </cell>
          <cell r="Z1151" t="str">
            <v>土と舗水解</v>
          </cell>
          <cell r="AA1151" t="str">
            <v>土木一式</v>
          </cell>
          <cell r="AB1151" t="str">
            <v>水道施設</v>
          </cell>
          <cell r="AC1151" t="str">
            <v>管</v>
          </cell>
          <cell r="AD1151" t="str">
            <v>舗装</v>
          </cell>
          <cell r="AE1151">
            <v>43312</v>
          </cell>
          <cell r="AF1151" t="str">
            <v>ＦＦＴ－Ｓ工法</v>
          </cell>
          <cell r="AG1151" t="str">
            <v>土木一式</v>
          </cell>
          <cell r="AH1151" t="str">
            <v>特定</v>
          </cell>
          <cell r="AI1151">
            <v>880</v>
          </cell>
          <cell r="AJ1151">
            <v>874847</v>
          </cell>
          <cell r="AK1151" t="str">
            <v>6(6)/0/2</v>
          </cell>
          <cell r="AL1151" t="str">
            <v>水道施設</v>
          </cell>
          <cell r="AM1151" t="str">
            <v>特定</v>
          </cell>
          <cell r="AN1151">
            <v>717</v>
          </cell>
          <cell r="AO1151">
            <v>74799</v>
          </cell>
          <cell r="AP1151" t="str">
            <v>0(0)/0/0</v>
          </cell>
          <cell r="AQ1151" t="str">
            <v>管</v>
          </cell>
          <cell r="AR1151" t="str">
            <v>一般</v>
          </cell>
          <cell r="AS1151">
            <v>656</v>
          </cell>
          <cell r="AT1151">
            <v>7635</v>
          </cell>
          <cell r="AU1151" t="str">
            <v>0(0)/0/0</v>
          </cell>
          <cell r="AV1151" t="str">
            <v>舗装</v>
          </cell>
          <cell r="AW1151" t="str">
            <v>特定</v>
          </cell>
          <cell r="AX1151">
            <v>742</v>
          </cell>
          <cell r="AY1151">
            <v>28788</v>
          </cell>
          <cell r="AZ1151" t="str">
            <v>6(6)/0/2</v>
          </cell>
          <cell r="BA1151" t="str">
            <v>兵庫県</v>
          </cell>
          <cell r="CR1151">
            <v>6867</v>
          </cell>
          <cell r="CS1151" t="str">
            <v>ﾔﾌﾞｼﾀ ﾕﾘｺ</v>
          </cell>
          <cell r="CT1151" t="str">
            <v>藪下  百合子</v>
          </cell>
          <cell r="CU1151" t="str">
            <v>生活支援課</v>
          </cell>
          <cell r="CW1151" t="str">
            <v xml:space="preserve"> </v>
          </cell>
          <cell r="CX1151" t="str">
            <v xml:space="preserve"> </v>
          </cell>
          <cell r="CY1151" t="str">
            <v>生活支援課長</v>
          </cell>
        </row>
        <row r="1152">
          <cell r="B1152">
            <v>4200</v>
          </cell>
          <cell r="C1152" t="str">
            <v>三重中央開発(株)</v>
          </cell>
          <cell r="D1152" t="str">
            <v>0595-20-1119</v>
          </cell>
          <cell r="E1152" t="str">
            <v>518-1152</v>
          </cell>
          <cell r="F1152" t="str">
            <v>三重県伊賀市予野字鉢屋4713</v>
          </cell>
          <cell r="G1152" t="str">
            <v>伊賀市</v>
          </cell>
          <cell r="H1152" t="str">
            <v/>
          </cell>
          <cell r="I1152" t="str">
            <v>代表取締役　 金子　文雄</v>
          </cell>
          <cell r="J1152" t="str">
            <v>本店</v>
          </cell>
          <cell r="K1152" t="str">
            <v>0595-20-1398</v>
          </cell>
          <cell r="L1152" t="str">
            <v>inoue8571@dinsgr.co.jp</v>
          </cell>
          <cell r="M1152" t="str">
            <v>ﾐｴﾁﾕｳｵｳｶｲﾊﾂ</v>
          </cell>
          <cell r="N1152" t="str">
            <v>無</v>
          </cell>
          <cell r="O1152">
            <v>30</v>
          </cell>
          <cell r="P1152">
            <v>213</v>
          </cell>
          <cell r="Q1152">
            <v>8190000000000</v>
          </cell>
          <cell r="R1152">
            <v>90000</v>
          </cell>
          <cell r="S1152">
            <v>13994450</v>
          </cell>
          <cell r="T1152">
            <v>16928997</v>
          </cell>
          <cell r="V1152" t="str">
            <v>bs535347</v>
          </cell>
          <cell r="W1152" t="str">
            <v>yy492939</v>
          </cell>
          <cell r="X1152" t="str">
            <v>建管園土と舗水解</v>
          </cell>
          <cell r="Y1152" t="str">
            <v>建管園</v>
          </cell>
          <cell r="Z1152" t="str">
            <v>土と舗水解</v>
          </cell>
          <cell r="AA1152" t="str">
            <v>清掃施設</v>
          </cell>
          <cell r="AB1152" t="str">
            <v>機械器具</v>
          </cell>
          <cell r="AC1152" t="str">
            <v>土木一式</v>
          </cell>
          <cell r="AD1152" t="str">
            <v>とび土工</v>
          </cell>
          <cell r="AE1152">
            <v>43190</v>
          </cell>
          <cell r="AF1152" t="str">
            <v>希望しない</v>
          </cell>
          <cell r="AG1152" t="str">
            <v>清掃施設</v>
          </cell>
          <cell r="AH1152" t="str">
            <v>一般</v>
          </cell>
          <cell r="AI1152">
            <v>925</v>
          </cell>
          <cell r="AJ1152">
            <v>72852</v>
          </cell>
          <cell r="AK1152" t="str">
            <v>0(0)/0/1</v>
          </cell>
          <cell r="AL1152" t="str">
            <v>機械器具</v>
          </cell>
          <cell r="AM1152" t="str">
            <v>一般</v>
          </cell>
          <cell r="AN1152">
            <v>910</v>
          </cell>
          <cell r="AO1152">
            <v>43707</v>
          </cell>
          <cell r="AP1152" t="str">
            <v>0(0)/0/1</v>
          </cell>
          <cell r="AQ1152" t="str">
            <v>土木一式</v>
          </cell>
          <cell r="AR1152" t="str">
            <v>特定</v>
          </cell>
          <cell r="AS1152">
            <v>883</v>
          </cell>
          <cell r="AT1152" t="str">
            <v/>
          </cell>
          <cell r="AU1152" t="str">
            <v>4(1)/3/0</v>
          </cell>
          <cell r="AV1152" t="str">
            <v>とび土工</v>
          </cell>
          <cell r="AW1152" t="str">
            <v>特定</v>
          </cell>
          <cell r="AX1152">
            <v>857</v>
          </cell>
          <cell r="AY1152">
            <v>1020</v>
          </cell>
          <cell r="AZ1152" t="str">
            <v>2(1)/0/0</v>
          </cell>
          <cell r="BA1152" t="str">
            <v>三重県</v>
          </cell>
          <cell r="CR1152">
            <v>6868</v>
          </cell>
          <cell r="CS1152" t="str">
            <v>ｲｹｶﾞﾐ ﾋﾛﾕｷ</v>
          </cell>
          <cell r="CT1152" t="str">
            <v>池上  宏之</v>
          </cell>
          <cell r="CU1152" t="str">
            <v>市民税課</v>
          </cell>
          <cell r="CW1152">
            <v>2318</v>
          </cell>
          <cell r="CX1152" t="str">
            <v xml:space="preserve"> </v>
          </cell>
          <cell r="CY1152" t="str">
            <v>市民税課長</v>
          </cell>
        </row>
        <row r="1153">
          <cell r="B1153">
            <v>4201</v>
          </cell>
          <cell r="C1153" t="str">
            <v>(株)ミライト</v>
          </cell>
          <cell r="D1153" t="str">
            <v>06-4708-8039</v>
          </cell>
          <cell r="E1153" t="str">
            <v>550-0003</v>
          </cell>
          <cell r="F1153" t="str">
            <v>大阪府大阪市西区京町堀3-8-1</v>
          </cell>
          <cell r="G1153" t="str">
            <v/>
          </cell>
          <cell r="H1153" t="str">
            <v>関西支店</v>
          </cell>
          <cell r="I1153" t="str">
            <v>執行役員支店長 脇本　祐史</v>
          </cell>
          <cell r="J1153" t="str">
            <v>東京都</v>
          </cell>
          <cell r="K1153" t="str">
            <v>06-4708-8036</v>
          </cell>
          <cell r="L1153" t="str">
            <v>mirait01@titan.ocn.ne.jp</v>
          </cell>
          <cell r="M1153" t="str">
            <v>ﾐﾗｲﾄ</v>
          </cell>
          <cell r="N1153" t="str">
            <v>有</v>
          </cell>
          <cell r="O1153">
            <v>68</v>
          </cell>
          <cell r="P1153">
            <v>2572</v>
          </cell>
          <cell r="Q1153">
            <v>2010601040251</v>
          </cell>
          <cell r="R1153">
            <v>5610916</v>
          </cell>
          <cell r="S1153">
            <v>78958391</v>
          </cell>
          <cell r="T1153">
            <v>161240918</v>
          </cell>
          <cell r="V1153" t="str">
            <v>sw601345</v>
          </cell>
          <cell r="W1153" t="str">
            <v>vk199597</v>
          </cell>
          <cell r="X1153" t="str">
            <v>消(清)(建)(と)(電)(管)(鋼)(舗)(塗)(通)(水)(消)土建と電管鋼舗塗通水</v>
          </cell>
          <cell r="Y1153" t="str">
            <v>消(清)(建)(と)(電)(管)(鋼)(舗)(塗)(通)(水)(消)</v>
          </cell>
          <cell r="Z1153" t="str">
            <v>土建と電管鋼舗塗通水</v>
          </cell>
          <cell r="AA1153" t="str">
            <v>電気</v>
          </cell>
          <cell r="AB1153" t="str">
            <v>電気通信</v>
          </cell>
          <cell r="AC1153" t="str">
            <v>土木一式</v>
          </cell>
          <cell r="AD1153" t="str">
            <v>管</v>
          </cell>
          <cell r="AE1153">
            <v>43190</v>
          </cell>
          <cell r="AF1153" t="str">
            <v>希望しない</v>
          </cell>
          <cell r="AG1153" t="str">
            <v>電気</v>
          </cell>
          <cell r="AH1153" t="str">
            <v>特定</v>
          </cell>
          <cell r="AI1153">
            <v>1597</v>
          </cell>
          <cell r="AJ1153">
            <v>11963493</v>
          </cell>
          <cell r="AK1153" t="str">
            <v>208(115)/62/336</v>
          </cell>
          <cell r="AL1153" t="str">
            <v>電気通信</v>
          </cell>
          <cell r="AM1153" t="str">
            <v>特定</v>
          </cell>
          <cell r="AN1153">
            <v>1829</v>
          </cell>
          <cell r="AO1153">
            <v>117945870</v>
          </cell>
          <cell r="AP1153" t="str">
            <v>2(2)/0/1128</v>
          </cell>
          <cell r="AQ1153" t="str">
            <v>土木一式</v>
          </cell>
          <cell r="AR1153" t="str">
            <v>特定</v>
          </cell>
          <cell r="AS1153">
            <v>1484</v>
          </cell>
          <cell r="AT1153">
            <v>3886237</v>
          </cell>
          <cell r="AU1153" t="str">
            <v>131(96)/26/24</v>
          </cell>
          <cell r="AV1153" t="str">
            <v>管</v>
          </cell>
          <cell r="AW1153" t="str">
            <v>特定</v>
          </cell>
          <cell r="AX1153">
            <v>1185</v>
          </cell>
          <cell r="AY1153">
            <v>149658</v>
          </cell>
          <cell r="AZ1153" t="str">
            <v>9(3)/10/8</v>
          </cell>
          <cell r="BA1153" t="str">
            <v>東京都</v>
          </cell>
          <cell r="CR1153">
            <v>6869</v>
          </cell>
          <cell r="CS1153" t="str">
            <v>ｵｻﾞｷ ﾁｶ</v>
          </cell>
          <cell r="CT1153" t="str">
            <v>尾崎  千花</v>
          </cell>
          <cell r="CU1153" t="str">
            <v>市民課</v>
          </cell>
          <cell r="CW1153">
            <v>2622</v>
          </cell>
          <cell r="CX1153" t="str">
            <v xml:space="preserve"> </v>
          </cell>
          <cell r="CY1153" t="str">
            <v>市民課長</v>
          </cell>
        </row>
        <row r="1154">
          <cell r="B1154">
            <v>4202</v>
          </cell>
          <cell r="C1154" t="str">
            <v>みず環境(株)</v>
          </cell>
          <cell r="D1154" t="str">
            <v>078-805-1950</v>
          </cell>
          <cell r="E1154" t="str">
            <v>657-0845</v>
          </cell>
          <cell r="F1154" t="str">
            <v>兵庫県神戸市灘区岩屋中町1-4-19</v>
          </cell>
          <cell r="G1154" t="str">
            <v>神戸市</v>
          </cell>
          <cell r="H1154" t="str">
            <v/>
          </cell>
          <cell r="I1154" t="str">
            <v>取締役社長　 岡田　悟</v>
          </cell>
          <cell r="J1154" t="str">
            <v>本店</v>
          </cell>
          <cell r="K1154" t="str">
            <v>078-805-1951</v>
          </cell>
          <cell r="L1154" t="str">
            <v>mizukankyou@okumuradouro.co.jp</v>
          </cell>
          <cell r="M1154" t="str">
            <v>ﾐｽﾞｶﾝｷﾖｳ</v>
          </cell>
          <cell r="N1154" t="str">
            <v>無</v>
          </cell>
          <cell r="O1154">
            <v>29</v>
          </cell>
          <cell r="P1154">
            <v>3</v>
          </cell>
          <cell r="Q1154">
            <v>1140000000000</v>
          </cell>
          <cell r="R1154">
            <v>40000</v>
          </cell>
          <cell r="S1154">
            <v>60174</v>
          </cell>
          <cell r="T1154">
            <v>37100</v>
          </cell>
          <cell r="V1154" t="str">
            <v>au142699</v>
          </cell>
          <cell r="W1154" t="str">
            <v>oi162534</v>
          </cell>
          <cell r="X1154" t="str">
            <v>消(清)(建)(と)(電)(管)(鋼)(舗)(塗)(通)(水)(消)土建と電管鋼舗塗通水</v>
          </cell>
          <cell r="Y1154" t="str">
            <v>消(清)(建)(と)(電)(管)(鋼)(舗)(塗)(通)(水)(消)</v>
          </cell>
          <cell r="Z1154" t="str">
            <v>土建と電管鋼舗塗通水</v>
          </cell>
          <cell r="AA1154" t="str">
            <v>土木一式</v>
          </cell>
          <cell r="AB1154" t="str">
            <v/>
          </cell>
          <cell r="AC1154" t="str">
            <v/>
          </cell>
          <cell r="AD1154" t="str">
            <v/>
          </cell>
          <cell r="AE1154">
            <v>43190</v>
          </cell>
          <cell r="AF1154" t="str">
            <v>光硬化工法</v>
          </cell>
          <cell r="AG1154" t="str">
            <v>土木一式</v>
          </cell>
          <cell r="AH1154" t="str">
            <v>特定</v>
          </cell>
          <cell r="AI1154">
            <v>715</v>
          </cell>
          <cell r="AJ1154">
            <v>104334</v>
          </cell>
          <cell r="AK1154" t="str">
            <v>3(3)/0/</v>
          </cell>
          <cell r="AL1154" t="str">
            <v/>
          </cell>
          <cell r="AM1154" t="str">
            <v/>
          </cell>
          <cell r="AN1154" t="str">
            <v/>
          </cell>
          <cell r="AO1154" t="str">
            <v/>
          </cell>
          <cell r="AP1154" t="str">
            <v/>
          </cell>
          <cell r="AQ1154" t="str">
            <v/>
          </cell>
          <cell r="AR1154" t="str">
            <v/>
          </cell>
          <cell r="AS1154" t="str">
            <v/>
          </cell>
          <cell r="AT1154" t="str">
            <v/>
          </cell>
          <cell r="AU1154" t="str">
            <v/>
          </cell>
          <cell r="AV1154" t="str">
            <v/>
          </cell>
          <cell r="AW1154" t="str">
            <v/>
          </cell>
          <cell r="AX1154" t="str">
            <v/>
          </cell>
          <cell r="AY1154" t="str">
            <v/>
          </cell>
          <cell r="AZ1154" t="str">
            <v/>
          </cell>
          <cell r="BA1154" t="str">
            <v>兵庫県</v>
          </cell>
          <cell r="CR1154">
            <v>6870</v>
          </cell>
          <cell r="CS1154" t="str">
            <v>ｲﾉｳｴ ﾘﾖｳ</v>
          </cell>
          <cell r="CT1154" t="str">
            <v>井上  亮</v>
          </cell>
          <cell r="CU1154" t="str">
            <v>道路建設課</v>
          </cell>
          <cell r="CW1154">
            <v>3019</v>
          </cell>
          <cell r="CX1154" t="str">
            <v xml:space="preserve"> </v>
          </cell>
          <cell r="CY1154" t="str">
            <v>土地調査課長</v>
          </cell>
        </row>
        <row r="1155">
          <cell r="B1155">
            <v>4203</v>
          </cell>
          <cell r="C1155" t="str">
            <v>(株)ミヤソウ</v>
          </cell>
          <cell r="D1155" t="str">
            <v>06-6419-3661</v>
          </cell>
          <cell r="E1155" t="str">
            <v>660-0076</v>
          </cell>
          <cell r="F1155" t="str">
            <v>兵庫県尼崎市大島3-31-11</v>
          </cell>
          <cell r="G1155" t="str">
            <v>尼崎市</v>
          </cell>
          <cell r="H1155" t="str">
            <v/>
          </cell>
          <cell r="I1155" t="str">
            <v>代表取締役 宮宗　彰</v>
          </cell>
          <cell r="J1155" t="str">
            <v>本店</v>
          </cell>
          <cell r="K1155" t="str">
            <v>06-6419-3663</v>
          </cell>
          <cell r="L1155" t="str">
            <v>miyasyou-cs@kvp.biglobe.ne.jp</v>
          </cell>
          <cell r="M1155" t="str">
            <v>ﾐﾔｿｳ</v>
          </cell>
          <cell r="N1155" t="str">
            <v>無</v>
          </cell>
          <cell r="O1155">
            <v>37</v>
          </cell>
          <cell r="P1155">
            <v>5</v>
          </cell>
          <cell r="Q1155">
            <v>8140001051525</v>
          </cell>
          <cell r="R1155">
            <v>10000</v>
          </cell>
          <cell r="S1155">
            <v>-35057</v>
          </cell>
          <cell r="T1155">
            <v>202723</v>
          </cell>
          <cell r="V1155" t="str">
            <v>nv146108</v>
          </cell>
          <cell r="W1155" t="str">
            <v>cz118716</v>
          </cell>
          <cell r="X1155" t="str">
            <v>土建大と石屋タ鋼舗浚内水解</v>
          </cell>
          <cell r="Y1155" t="str">
            <v>土建大と石屋タ鋼舗浚内水解</v>
          </cell>
          <cell r="Z1155" t="str">
            <v/>
          </cell>
          <cell r="AA1155" t="str">
            <v>建築一式</v>
          </cell>
          <cell r="AB1155" t="str">
            <v>とび土工</v>
          </cell>
          <cell r="AC1155" t="str">
            <v>土木一式</v>
          </cell>
          <cell r="AD1155" t="str">
            <v/>
          </cell>
          <cell r="AE1155">
            <v>43008</v>
          </cell>
          <cell r="AF1155" t="str">
            <v>希望しない</v>
          </cell>
          <cell r="AG1155" t="str">
            <v>建築一式</v>
          </cell>
          <cell r="AH1155" t="str">
            <v>一般</v>
          </cell>
          <cell r="AI1155">
            <v>559</v>
          </cell>
          <cell r="AJ1155">
            <v>39373</v>
          </cell>
          <cell r="AK1155" t="str">
            <v>0(0)/1/0</v>
          </cell>
          <cell r="AL1155" t="str">
            <v>とび土工</v>
          </cell>
          <cell r="AM1155" t="str">
            <v>一般</v>
          </cell>
          <cell r="AN1155">
            <v>547</v>
          </cell>
          <cell r="AO1155">
            <v>40459</v>
          </cell>
          <cell r="AP1155" t="str">
            <v>0(0)/0/0</v>
          </cell>
          <cell r="AQ1155" t="str">
            <v>土木一式</v>
          </cell>
          <cell r="AR1155" t="str">
            <v>一般</v>
          </cell>
          <cell r="AS1155">
            <v>562</v>
          </cell>
          <cell r="AT1155">
            <v>49895</v>
          </cell>
          <cell r="AU1155" t="str">
            <v>0(0)/1/0</v>
          </cell>
          <cell r="AV1155" t="str">
            <v/>
          </cell>
          <cell r="AW1155" t="str">
            <v/>
          </cell>
          <cell r="AX1155" t="str">
            <v/>
          </cell>
          <cell r="AY1155" t="str">
            <v/>
          </cell>
          <cell r="AZ1155" t="str">
            <v/>
          </cell>
          <cell r="BA1155" t="str">
            <v>兵庫県</v>
          </cell>
          <cell r="CR1155">
            <v>6871</v>
          </cell>
          <cell r="CS1155" t="str">
            <v>ｲﾜｼﾀ ｼﾝﾔ</v>
          </cell>
          <cell r="CT1155" t="str">
            <v>岩下  真也</v>
          </cell>
          <cell r="CU1155" t="str">
            <v>道路建設課</v>
          </cell>
          <cell r="CW1155">
            <v>3059</v>
          </cell>
          <cell r="CX1155" t="str">
            <v xml:space="preserve"> </v>
          </cell>
          <cell r="CY1155" t="str">
            <v>道路建設課長</v>
          </cell>
        </row>
        <row r="1156">
          <cell r="B1156">
            <v>4204</v>
          </cell>
          <cell r="C1156" t="str">
            <v>(有)美貴工業</v>
          </cell>
          <cell r="D1156" t="str">
            <v>06-6435-2766</v>
          </cell>
          <cell r="E1156" t="str">
            <v>661-0033</v>
          </cell>
          <cell r="F1156" t="str">
            <v>兵庫県尼崎市南武庫之荘8-29-10-101</v>
          </cell>
          <cell r="G1156" t="str">
            <v>尼崎市</v>
          </cell>
          <cell r="H1156" t="str">
            <v/>
          </cell>
          <cell r="I1156" t="str">
            <v>代表取締役 森　廣</v>
          </cell>
          <cell r="J1156" t="str">
            <v>本店</v>
          </cell>
          <cell r="K1156" t="str">
            <v>06-6435-2766</v>
          </cell>
          <cell r="L1156" t="str">
            <v>mitaka-4967@mx2.alpha-web.ne.jp</v>
          </cell>
          <cell r="M1156" t="str">
            <v>ﾐﾀｶｺｳｷﾞｮｳ</v>
          </cell>
          <cell r="N1156" t="str">
            <v>無</v>
          </cell>
          <cell r="O1156">
            <v>9</v>
          </cell>
          <cell r="P1156">
            <v>33</v>
          </cell>
          <cell r="Q1156">
            <v>5140002042740</v>
          </cell>
          <cell r="R1156">
            <v>3000</v>
          </cell>
          <cell r="S1156">
            <v>-13798</v>
          </cell>
          <cell r="T1156">
            <v>303182</v>
          </cell>
          <cell r="V1156" t="str">
            <v>ts118735</v>
          </cell>
          <cell r="W1156" t="str">
            <v>yd103215</v>
          </cell>
          <cell r="X1156" t="str">
            <v>土管</v>
          </cell>
          <cell r="Y1156" t="str">
            <v>土管</v>
          </cell>
          <cell r="Z1156" t="str">
            <v/>
          </cell>
          <cell r="AA1156" t="str">
            <v>土木一式</v>
          </cell>
          <cell r="AB1156" t="str">
            <v>管</v>
          </cell>
          <cell r="AC1156" t="str">
            <v/>
          </cell>
          <cell r="AD1156" t="str">
            <v/>
          </cell>
          <cell r="AE1156">
            <v>42978</v>
          </cell>
          <cell r="AF1156" t="str">
            <v>希望しない</v>
          </cell>
          <cell r="AG1156" t="str">
            <v>土木一式</v>
          </cell>
          <cell r="AH1156" t="str">
            <v>一般</v>
          </cell>
          <cell r="AI1156">
            <v>655</v>
          </cell>
          <cell r="AJ1156">
            <v>146926</v>
          </cell>
          <cell r="AK1156" t="str">
            <v>0(0)/1/11</v>
          </cell>
          <cell r="AL1156" t="str">
            <v>管</v>
          </cell>
          <cell r="AM1156" t="str">
            <v>一般</v>
          </cell>
          <cell r="AN1156">
            <v>615</v>
          </cell>
          <cell r="AO1156">
            <v>128293</v>
          </cell>
          <cell r="AP1156" t="str">
            <v>1(0)/0/1</v>
          </cell>
          <cell r="AQ1156" t="str">
            <v/>
          </cell>
          <cell r="AR1156" t="str">
            <v/>
          </cell>
          <cell r="AS1156" t="str">
            <v/>
          </cell>
          <cell r="AT1156" t="str">
            <v/>
          </cell>
          <cell r="AU1156" t="str">
            <v/>
          </cell>
          <cell r="AV1156" t="str">
            <v/>
          </cell>
          <cell r="AW1156" t="str">
            <v/>
          </cell>
          <cell r="AX1156" t="str">
            <v/>
          </cell>
          <cell r="AY1156" t="str">
            <v/>
          </cell>
          <cell r="AZ1156" t="str">
            <v/>
          </cell>
          <cell r="BA1156" t="str">
            <v>兵庫県</v>
          </cell>
          <cell r="CR1156">
            <v>6872</v>
          </cell>
          <cell r="CS1156" t="str">
            <v>ｸﾜﾉ ﾕｳｲﾁ</v>
          </cell>
          <cell r="CT1156" t="str">
            <v>桑野  祐一</v>
          </cell>
          <cell r="CU1156" t="str">
            <v xml:space="preserve">道路保全課 </v>
          </cell>
          <cell r="CW1156">
            <v>3053</v>
          </cell>
          <cell r="CX1156" t="str">
            <v xml:space="preserve"> </v>
          </cell>
          <cell r="CY1156" t="str">
            <v>道路保全課長</v>
          </cell>
        </row>
        <row r="1157">
          <cell r="B1157">
            <v>4215</v>
          </cell>
          <cell r="C1157" t="str">
            <v>(株)村上建装</v>
          </cell>
          <cell r="D1157" t="str">
            <v>078-341-5650</v>
          </cell>
          <cell r="E1157" t="str">
            <v>650-0013</v>
          </cell>
          <cell r="F1157" t="str">
            <v>兵庫県神戸市中央区花隈町13-11</v>
          </cell>
          <cell r="G1157" t="str">
            <v>神戸市</v>
          </cell>
          <cell r="H1157" t="str">
            <v/>
          </cell>
          <cell r="I1157" t="str">
            <v>代表取締役 村上　肇</v>
          </cell>
          <cell r="J1157" t="str">
            <v>本店</v>
          </cell>
          <cell r="K1157" t="str">
            <v>078-382-1018</v>
          </cell>
          <cell r="L1157" t="str">
            <v>info@murakamikensou.jp</v>
          </cell>
          <cell r="M1157" t="str">
            <v>ﾑﾗｶﾐｹﾝｿｳ</v>
          </cell>
          <cell r="N1157" t="str">
            <v>無</v>
          </cell>
          <cell r="O1157">
            <v>36</v>
          </cell>
          <cell r="P1157">
            <v>8</v>
          </cell>
          <cell r="Q1157">
            <v>2140001011245</v>
          </cell>
          <cell r="R1157">
            <v>37000</v>
          </cell>
          <cell r="S1157">
            <v>-12554</v>
          </cell>
          <cell r="T1157">
            <v>76221</v>
          </cell>
          <cell r="V1157" t="str">
            <v>fk954326</v>
          </cell>
          <cell r="W1157" t="str">
            <v>ws517095</v>
          </cell>
          <cell r="X1157" t="str">
            <v>建大塗防内具</v>
          </cell>
          <cell r="Y1157" t="str">
            <v>建大塗防内具</v>
          </cell>
          <cell r="Z1157" t="str">
            <v/>
          </cell>
          <cell r="AA1157" t="str">
            <v>内装仕上</v>
          </cell>
          <cell r="AB1157" t="str">
            <v>建築一式</v>
          </cell>
          <cell r="AC1157" t="str">
            <v>塗装</v>
          </cell>
          <cell r="AD1157" t="str">
            <v>建具</v>
          </cell>
          <cell r="AE1157">
            <v>43251</v>
          </cell>
          <cell r="AF1157" t="str">
            <v>希望しない</v>
          </cell>
          <cell r="AG1157" t="str">
            <v>内装仕上</v>
          </cell>
          <cell r="AH1157" t="str">
            <v>一般</v>
          </cell>
          <cell r="AI1157">
            <v>659</v>
          </cell>
          <cell r="AJ1157">
            <v>37002</v>
          </cell>
          <cell r="AK1157" t="str">
            <v>3(0)/0/0</v>
          </cell>
          <cell r="AL1157" t="str">
            <v>建築一式</v>
          </cell>
          <cell r="AM1157" t="str">
            <v>一般</v>
          </cell>
          <cell r="AN1157">
            <v>647</v>
          </cell>
          <cell r="AO1157">
            <v>36753</v>
          </cell>
          <cell r="AP1157" t="str">
            <v>2(0)/0/1</v>
          </cell>
          <cell r="AQ1157" t="str">
            <v>塗装</v>
          </cell>
          <cell r="AR1157" t="str">
            <v>一般</v>
          </cell>
          <cell r="AS1157">
            <v>576</v>
          </cell>
          <cell r="AT1157">
            <v>4255</v>
          </cell>
          <cell r="AU1157" t="str">
            <v>1(0)/0/0</v>
          </cell>
          <cell r="AV1157" t="str">
            <v>建具</v>
          </cell>
          <cell r="AW1157" t="str">
            <v>一般</v>
          </cell>
          <cell r="AX1157">
            <v>579</v>
          </cell>
          <cell r="AY1157">
            <v>6319</v>
          </cell>
          <cell r="AZ1157" t="str">
            <v>0(0)/1/0</v>
          </cell>
          <cell r="BA1157" t="str">
            <v>兵庫県</v>
          </cell>
          <cell r="CR1157">
            <v>6873</v>
          </cell>
          <cell r="CS1157" t="str">
            <v>ﾀｹﾓﾄ ｿｳｽｹ</v>
          </cell>
          <cell r="CT1157" t="str">
            <v>竹本  壮介</v>
          </cell>
          <cell r="CU1157" t="str">
            <v>道路保全課</v>
          </cell>
          <cell r="CW1157">
            <v>4843</v>
          </cell>
          <cell r="CX1157" t="str">
            <v xml:space="preserve"> </v>
          </cell>
          <cell r="CY1157" t="str">
            <v>道路保全課長</v>
          </cell>
        </row>
        <row r="1158">
          <cell r="B1158">
            <v>4216</v>
          </cell>
          <cell r="C1158" t="str">
            <v>(株)村上工務店</v>
          </cell>
          <cell r="D1158" t="str">
            <v>078-577-2031</v>
          </cell>
          <cell r="E1158" t="str">
            <v>652-0815</v>
          </cell>
          <cell r="F1158" t="str">
            <v>兵庫県神戸市兵庫区三川口町2-4-8</v>
          </cell>
          <cell r="G1158" t="str">
            <v>神戸市</v>
          </cell>
          <cell r="H1158" t="str">
            <v/>
          </cell>
          <cell r="I1158" t="str">
            <v>代表取締役 村上　豪英</v>
          </cell>
          <cell r="J1158" t="str">
            <v>本店</v>
          </cell>
          <cell r="K1158" t="str">
            <v>078-576-3773</v>
          </cell>
          <cell r="L1158" t="str">
            <v>eigyo@murakami-gc.co.jp</v>
          </cell>
          <cell r="M1158" t="str">
            <v>ﾑﾗｶﾐｺｳﾑﾃﾝ</v>
          </cell>
          <cell r="N1158" t="str">
            <v>無</v>
          </cell>
          <cell r="O1158">
            <v>67</v>
          </cell>
          <cell r="P1158">
            <v>60</v>
          </cell>
          <cell r="Q1158">
            <v>5140001014352</v>
          </cell>
          <cell r="R1158">
            <v>51700</v>
          </cell>
          <cell r="S1158">
            <v>1276353</v>
          </cell>
          <cell r="T1158">
            <v>5562561</v>
          </cell>
          <cell r="V1158" t="str">
            <v>yj687660</v>
          </cell>
          <cell r="W1158" t="str">
            <v>bx707023</v>
          </cell>
          <cell r="X1158" t="str">
            <v>土建</v>
          </cell>
          <cell r="Y1158" t="str">
            <v/>
          </cell>
          <cell r="Z1158" t="str">
            <v>土建</v>
          </cell>
          <cell r="AA1158" t="str">
            <v>建築一式</v>
          </cell>
          <cell r="AB1158" t="str">
            <v>土木一式</v>
          </cell>
          <cell r="AC1158" t="str">
            <v/>
          </cell>
          <cell r="AD1158" t="str">
            <v/>
          </cell>
          <cell r="AE1158">
            <v>42978</v>
          </cell>
          <cell r="AF1158" t="str">
            <v/>
          </cell>
          <cell r="AG1158" t="str">
            <v>建築一式</v>
          </cell>
          <cell r="AH1158" t="str">
            <v>特定</v>
          </cell>
          <cell r="AI1158">
            <v>1073</v>
          </cell>
          <cell r="AJ1158">
            <v>3581782</v>
          </cell>
          <cell r="AK1158" t="str">
            <v>30(28)/7/1</v>
          </cell>
          <cell r="AL1158" t="str">
            <v>土木一式</v>
          </cell>
          <cell r="AM1158" t="str">
            <v>特定</v>
          </cell>
          <cell r="AN1158">
            <v>801</v>
          </cell>
          <cell r="AO1158">
            <v>69725</v>
          </cell>
          <cell r="AP1158" t="str">
            <v>5(0)/0/0</v>
          </cell>
          <cell r="AQ1158" t="str">
            <v/>
          </cell>
          <cell r="AR1158" t="str">
            <v/>
          </cell>
          <cell r="AS1158" t="str">
            <v/>
          </cell>
          <cell r="AT1158" t="str">
            <v/>
          </cell>
          <cell r="AU1158" t="str">
            <v/>
          </cell>
          <cell r="AV1158" t="str">
            <v/>
          </cell>
          <cell r="AW1158" t="str">
            <v/>
          </cell>
          <cell r="AX1158" t="str">
            <v/>
          </cell>
          <cell r="AY1158" t="str">
            <v/>
          </cell>
          <cell r="AZ1158" t="str">
            <v/>
          </cell>
          <cell r="BA1158" t="str">
            <v>兵庫県</v>
          </cell>
          <cell r="CR1158">
            <v>6874</v>
          </cell>
          <cell r="CS1158" t="str">
            <v>ﾌｼﾞﾜﾗ ﾂﾊﾞｻ</v>
          </cell>
          <cell r="CT1158" t="str">
            <v>藤原  翼</v>
          </cell>
          <cell r="CU1158" t="str">
            <v>下水道課</v>
          </cell>
          <cell r="CW1158">
            <v>3137</v>
          </cell>
          <cell r="CX1158" t="str">
            <v xml:space="preserve"> </v>
          </cell>
          <cell r="CY1158" t="str">
            <v>下水道課長</v>
          </cell>
        </row>
        <row r="1159">
          <cell r="B1159">
            <v>4218</v>
          </cell>
          <cell r="C1159" t="str">
            <v>村本建設(株)</v>
          </cell>
          <cell r="D1159" t="str">
            <v>078-231-4021</v>
          </cell>
          <cell r="E1159" t="str">
            <v>651-0084</v>
          </cell>
          <cell r="F1159" t="str">
            <v>兵庫県神戸市中央区磯辺通1-1-18</v>
          </cell>
          <cell r="G1159" t="str">
            <v>神戸市</v>
          </cell>
          <cell r="H1159" t="str">
            <v>神戸営業所</v>
          </cell>
          <cell r="I1159" t="str">
            <v>所長 片山　整一</v>
          </cell>
          <cell r="J1159" t="str">
            <v>奈良県北葛城郡広陵町</v>
          </cell>
          <cell r="K1159" t="str">
            <v>078-231-4023</v>
          </cell>
          <cell r="L1159" t="str">
            <v>kobe@muramoto.co.jp</v>
          </cell>
          <cell r="M1159" t="str">
            <v>ﾑﾗﾓﾄｹﾝｾﾂ</v>
          </cell>
          <cell r="N1159" t="str">
            <v>有</v>
          </cell>
          <cell r="O1159">
            <v>68</v>
          </cell>
          <cell r="P1159">
            <v>673</v>
          </cell>
          <cell r="Q1159">
            <v>1150001014512</v>
          </cell>
          <cell r="R1159">
            <v>480000</v>
          </cell>
          <cell r="S1159">
            <v>25971055</v>
          </cell>
          <cell r="T1159">
            <v>68752246</v>
          </cell>
          <cell r="V1159" t="str">
            <v>ek470227</v>
          </cell>
          <cell r="W1159" t="str">
            <v>yh504300</v>
          </cell>
          <cell r="X1159" t="str">
            <v>(清)(建)(大)(と)(石)(屋)(タ)(鋼)(舗)(浚)(内)(水)(解)土建大と石屋電管タ鋼舗浚内園水解</v>
          </cell>
          <cell r="Y1159" t="str">
            <v>(清)(建)(大)(と)(石)(屋)(タ)(鋼)(舗)(浚)(内)(水)(解)</v>
          </cell>
          <cell r="Z1159" t="str">
            <v>土建大と石屋電管タ鋼舗浚内園水解</v>
          </cell>
          <cell r="AA1159" t="str">
            <v>建築一式</v>
          </cell>
          <cell r="AB1159" t="str">
            <v>土木一式</v>
          </cell>
          <cell r="AC1159" t="str">
            <v>水道施設</v>
          </cell>
          <cell r="AD1159" t="str">
            <v>内装仕上</v>
          </cell>
          <cell r="AE1159">
            <v>43251</v>
          </cell>
          <cell r="AF1159" t="str">
            <v>希望する</v>
          </cell>
          <cell r="AG1159" t="str">
            <v>建築一式</v>
          </cell>
          <cell r="AH1159" t="str">
            <v>特定</v>
          </cell>
          <cell r="AI1159">
            <v>1672</v>
          </cell>
          <cell r="AJ1159">
            <v>50369636</v>
          </cell>
          <cell r="AK1159" t="str">
            <v>293(283)/21/16</v>
          </cell>
          <cell r="AL1159" t="str">
            <v>土木一式</v>
          </cell>
          <cell r="AM1159" t="str">
            <v>特定</v>
          </cell>
          <cell r="AN1159">
            <v>1537</v>
          </cell>
          <cell r="AO1159">
            <v>16951949</v>
          </cell>
          <cell r="AP1159" t="str">
            <v>199(191)/29/1</v>
          </cell>
          <cell r="AQ1159" t="str">
            <v>水道施設</v>
          </cell>
          <cell r="AR1159" t="str">
            <v>特定</v>
          </cell>
          <cell r="AS1159">
            <v>1245</v>
          </cell>
          <cell r="AT1159">
            <v>478734</v>
          </cell>
          <cell r="AU1159" t="str">
            <v>54(51)/0/0</v>
          </cell>
          <cell r="AV1159" t="str">
            <v>内装仕上</v>
          </cell>
          <cell r="AW1159" t="str">
            <v>特定</v>
          </cell>
          <cell r="AX1159">
            <v>1134</v>
          </cell>
          <cell r="AY1159">
            <v>15094</v>
          </cell>
          <cell r="AZ1159" t="str">
            <v>53(51)/6/1</v>
          </cell>
          <cell r="BA1159" t="str">
            <v>奈良県</v>
          </cell>
          <cell r="CR1159">
            <v>6875</v>
          </cell>
          <cell r="CS1159" t="str">
            <v>ﾌｼﾞﾀ ﾉﾌﾞｴ</v>
          </cell>
          <cell r="CT1159" t="str">
            <v>藤田  信江</v>
          </cell>
          <cell r="CU1159" t="str">
            <v>営繕課</v>
          </cell>
          <cell r="CW1159">
            <v>4458</v>
          </cell>
          <cell r="CX1159" t="str">
            <v xml:space="preserve"> </v>
          </cell>
          <cell r="CY1159" t="str">
            <v>施設課長</v>
          </cell>
        </row>
        <row r="1160">
          <cell r="B1160">
            <v>4220</v>
          </cell>
          <cell r="C1160" t="str">
            <v>(株)ムラヤマ</v>
          </cell>
          <cell r="D1160" t="str">
            <v>06-6446-2750</v>
          </cell>
          <cell r="E1160" t="str">
            <v>550-0001</v>
          </cell>
          <cell r="F1160" t="str">
            <v>大阪府大阪市西区土佐堀1-4-11</v>
          </cell>
          <cell r="G1160" t="str">
            <v/>
          </cell>
          <cell r="H1160" t="str">
            <v>大阪支店</v>
          </cell>
          <cell r="I1160" t="str">
            <v>大阪支店長 岸本　一弘</v>
          </cell>
          <cell r="J1160" t="str">
            <v>東京都</v>
          </cell>
          <cell r="K1160" t="str">
            <v>06-6446-3850</v>
          </cell>
          <cell r="L1160" t="str">
            <v>sanka01@murayama.co.jp</v>
          </cell>
          <cell r="M1160" t="str">
            <v>ﾑﾗﾔﾏ</v>
          </cell>
          <cell r="N1160" t="str">
            <v>有</v>
          </cell>
          <cell r="O1160">
            <v>45</v>
          </cell>
          <cell r="P1160">
            <v>395</v>
          </cell>
          <cell r="Q1160">
            <v>5010001007765</v>
          </cell>
          <cell r="R1160">
            <v>427000</v>
          </cell>
          <cell r="S1160">
            <v>3367783</v>
          </cell>
          <cell r="T1160">
            <v>19215297</v>
          </cell>
          <cell r="V1160" t="str">
            <v>jz266400</v>
          </cell>
          <cell r="W1160" t="str">
            <v>vk338543</v>
          </cell>
          <cell r="X1160" t="str">
            <v>(建)(大)(左)(と)(石)(屋)(鋼)(内)建大と石屋電管鋼内園</v>
          </cell>
          <cell r="Y1160" t="str">
            <v>(建)(大)(左)(と)(石)(屋)(鋼)(内)</v>
          </cell>
          <cell r="Z1160" t="str">
            <v>建大と石屋電管鋼内園</v>
          </cell>
          <cell r="AA1160" t="str">
            <v>内装仕上</v>
          </cell>
          <cell r="AB1160" t="str">
            <v>建築一式</v>
          </cell>
          <cell r="AC1160" t="str">
            <v>大工</v>
          </cell>
          <cell r="AD1160" t="str">
            <v>とび土工</v>
          </cell>
          <cell r="AE1160">
            <v>43131</v>
          </cell>
          <cell r="AF1160" t="str">
            <v>希望しない</v>
          </cell>
          <cell r="AG1160" t="str">
            <v>内装仕上</v>
          </cell>
          <cell r="AH1160" t="str">
            <v>特定</v>
          </cell>
          <cell r="AI1160">
            <v>1237</v>
          </cell>
          <cell r="AJ1160">
            <v>7736183</v>
          </cell>
          <cell r="AK1160" t="str">
            <v>17(13)/18/86</v>
          </cell>
          <cell r="AL1160" t="str">
            <v>建築一式</v>
          </cell>
          <cell r="AM1160" t="str">
            <v>特定</v>
          </cell>
          <cell r="AN1160">
            <v>1050</v>
          </cell>
          <cell r="AO1160">
            <v>739662</v>
          </cell>
          <cell r="AP1160" t="str">
            <v>12(8)/1/0</v>
          </cell>
          <cell r="AQ1160" t="str">
            <v>大工</v>
          </cell>
          <cell r="AR1160" t="str">
            <v>特定</v>
          </cell>
          <cell r="AS1160">
            <v>1000</v>
          </cell>
          <cell r="AT1160">
            <v>379081</v>
          </cell>
          <cell r="AU1160" t="str">
            <v>1(1)/14/16</v>
          </cell>
          <cell r="AV1160" t="str">
            <v>とび土工</v>
          </cell>
          <cell r="AW1160" t="str">
            <v>特定</v>
          </cell>
          <cell r="AX1160">
            <v>959</v>
          </cell>
          <cell r="AY1160">
            <v>195286</v>
          </cell>
          <cell r="AZ1160" t="str">
            <v>5(3)/1/7</v>
          </cell>
          <cell r="BA1160" t="str">
            <v>東京都</v>
          </cell>
          <cell r="CR1160">
            <v>6876</v>
          </cell>
          <cell r="CS1160" t="str">
            <v>ｲﾉｺ ｵｻﾑ</v>
          </cell>
          <cell r="CT1160" t="str">
            <v>猪子  治</v>
          </cell>
          <cell r="CU1160" t="str">
            <v>営繕課</v>
          </cell>
          <cell r="CW1160">
            <v>3332</v>
          </cell>
          <cell r="CX1160" t="str">
            <v xml:space="preserve"> </v>
          </cell>
          <cell r="CY1160" t="str">
            <v>営繕課長</v>
          </cell>
        </row>
        <row r="1161">
          <cell r="B1161">
            <v>4231</v>
          </cell>
          <cell r="C1161" t="str">
            <v>名工建設(株)</v>
          </cell>
          <cell r="D1161" t="str">
            <v>06-6350-3730</v>
          </cell>
          <cell r="E1161" t="str">
            <v>532-0003</v>
          </cell>
          <cell r="F1161" t="str">
            <v>大阪府大阪市淀川区宮原4-1-6</v>
          </cell>
          <cell r="G1161" t="str">
            <v>名古屋市</v>
          </cell>
          <cell r="H1161" t="str">
            <v>大阪支店</v>
          </cell>
          <cell r="I1161" t="str">
            <v>執行役員支店長 大橋　信治</v>
          </cell>
          <cell r="J1161" t="str">
            <v>愛知県名古屋市</v>
          </cell>
          <cell r="K1161" t="str">
            <v>06-6350-3738</v>
          </cell>
          <cell r="L1161" t="str">
            <v>oseigyou@meikokensetsu.co.jp</v>
          </cell>
          <cell r="M1161" t="str">
            <v>ﾒｲｺｳｹﾝｾﾂ</v>
          </cell>
          <cell r="N1161" t="str">
            <v>有</v>
          </cell>
          <cell r="O1161">
            <v>60</v>
          </cell>
          <cell r="P1161">
            <v>1093</v>
          </cell>
          <cell r="Q1161">
            <v>1180001027354</v>
          </cell>
          <cell r="R1161">
            <v>1594500</v>
          </cell>
          <cell r="S1161">
            <v>48860000</v>
          </cell>
          <cell r="T1161">
            <v>88186546</v>
          </cell>
          <cell r="V1161" t="str">
            <v>pg519393</v>
          </cell>
          <cell r="W1161" t="str">
            <v>qh922342</v>
          </cell>
          <cell r="X1161" t="str">
            <v>(清)(建)(と)(屋)(鋼)(舗)(浚)(塗)(防)(内)(園)(水)(解)土建と屋鋼舗浚塗防内園水解</v>
          </cell>
          <cell r="Y1161" t="str">
            <v>(清)(建)(と)(屋)(鋼)(舗)(浚)(塗)(防)(内)(園)(水)(解)</v>
          </cell>
          <cell r="Z1161" t="str">
            <v>土建と屋鋼舗浚塗防内園水解</v>
          </cell>
          <cell r="AA1161" t="str">
            <v>土木一式</v>
          </cell>
          <cell r="AB1161" t="str">
            <v>建築一式</v>
          </cell>
          <cell r="AC1161" t="str">
            <v>水道施設</v>
          </cell>
          <cell r="AD1161" t="str">
            <v>解体</v>
          </cell>
          <cell r="AE1161">
            <v>43555</v>
          </cell>
          <cell r="AF1161" t="str">
            <v/>
          </cell>
          <cell r="AG1161" t="str">
            <v>土木一式</v>
          </cell>
          <cell r="AH1161" t="str">
            <v>特定</v>
          </cell>
          <cell r="AI1161">
            <v>1725</v>
          </cell>
          <cell r="AJ1161">
            <v>57539013</v>
          </cell>
          <cell r="AK1161" t="str">
            <v>369(311)/73/147</v>
          </cell>
          <cell r="AL1161" t="str">
            <v>建築一式</v>
          </cell>
          <cell r="AM1161" t="str">
            <v>特定</v>
          </cell>
          <cell r="AN1161">
            <v>1580</v>
          </cell>
          <cell r="AO1161">
            <v>23396702</v>
          </cell>
          <cell r="AP1161" t="str">
            <v>178(147)/17/21</v>
          </cell>
          <cell r="AQ1161" t="str">
            <v>水道施設</v>
          </cell>
          <cell r="AR1161" t="str">
            <v>特定</v>
          </cell>
          <cell r="AS1161">
            <v>1310</v>
          </cell>
          <cell r="AT1161">
            <v>823168</v>
          </cell>
          <cell r="AU1161" t="str">
            <v>87(78)/12/18</v>
          </cell>
          <cell r="AV1161" t="str">
            <v>解体</v>
          </cell>
          <cell r="AW1161" t="str">
            <v>特定</v>
          </cell>
          <cell r="AX1161">
            <v>1186</v>
          </cell>
          <cell r="AY1161">
            <v>560346</v>
          </cell>
          <cell r="AZ1161" t="str">
            <v>10(9)/0/0</v>
          </cell>
          <cell r="BA1161" t="str">
            <v>愛知県</v>
          </cell>
        </row>
        <row r="1162">
          <cell r="B1162">
            <v>4233</v>
          </cell>
          <cell r="C1162" t="str">
            <v>(株)明電舎</v>
          </cell>
          <cell r="D1162" t="str">
            <v>06-6203-6598</v>
          </cell>
          <cell r="E1162" t="str">
            <v>541-0048</v>
          </cell>
          <cell r="F1162" t="str">
            <v>大阪府大阪市中央区瓦町4-2-14</v>
          </cell>
          <cell r="G1162" t="str">
            <v/>
          </cell>
          <cell r="H1162" t="str">
            <v>関西支社</v>
          </cell>
          <cell r="I1162" t="str">
            <v>執行役員支社長 松下　法隆</v>
          </cell>
          <cell r="J1162" t="str">
            <v>東京都</v>
          </cell>
          <cell r="K1162" t="str">
            <v>06-6203-6545</v>
          </cell>
          <cell r="L1162" t="str">
            <v>hyugpf-kskb@mb.meidensha.co.jp</v>
          </cell>
          <cell r="M1162" t="str">
            <v>ﾒｲﾃﾞﾝｼｬ</v>
          </cell>
          <cell r="N1162" t="str">
            <v>有</v>
          </cell>
          <cell r="O1162">
            <v>68</v>
          </cell>
          <cell r="P1162">
            <v>3777</v>
          </cell>
          <cell r="Q1162">
            <v>4010701009640</v>
          </cell>
          <cell r="R1162">
            <v>17070086</v>
          </cell>
          <cell r="S1162">
            <v>80234000</v>
          </cell>
          <cell r="T1162">
            <v>241832000</v>
          </cell>
          <cell r="V1162" t="str">
            <v>zg870031</v>
          </cell>
          <cell r="W1162" t="str">
            <v>jv870839</v>
          </cell>
          <cell r="X1162" t="str">
            <v>(電)(機)(通)(水)土建電管機通水</v>
          </cell>
          <cell r="Y1162" t="str">
            <v>(電)(機)(通)(水)</v>
          </cell>
          <cell r="Z1162" t="str">
            <v>土建電管機通水</v>
          </cell>
          <cell r="AA1162" t="str">
            <v>電気</v>
          </cell>
          <cell r="AB1162" t="str">
            <v>電気通信</v>
          </cell>
          <cell r="AC1162" t="str">
            <v>機械器具</v>
          </cell>
          <cell r="AD1162" t="str">
            <v>水道施設</v>
          </cell>
          <cell r="AE1162" t="str">
            <v>H.30.3.31</v>
          </cell>
          <cell r="AF1162" t="str">
            <v/>
          </cell>
          <cell r="AG1162" t="str">
            <v>電気</v>
          </cell>
          <cell r="AH1162" t="str">
            <v>特定</v>
          </cell>
          <cell r="AI1162">
            <v>2193</v>
          </cell>
          <cell r="AJ1162">
            <v>58211442</v>
          </cell>
          <cell r="AK1162" t="str">
            <v>1083(1020)/33/61</v>
          </cell>
          <cell r="AL1162" t="str">
            <v>電気通信</v>
          </cell>
          <cell r="AM1162" t="str">
            <v>特定</v>
          </cell>
          <cell r="AN1162">
            <v>1262</v>
          </cell>
          <cell r="AO1162">
            <v>2425194</v>
          </cell>
          <cell r="AP1162" t="str">
            <v>14(11)/0/74</v>
          </cell>
          <cell r="AQ1162" t="str">
            <v>機械器具</v>
          </cell>
          <cell r="AR1162" t="str">
            <v>特定</v>
          </cell>
          <cell r="AS1162">
            <v>885</v>
          </cell>
          <cell r="AT1162">
            <v>1522884</v>
          </cell>
          <cell r="AU1162" t="str">
            <v>5(2)/0/14</v>
          </cell>
          <cell r="AV1162" t="str">
            <v>水道施設</v>
          </cell>
          <cell r="AW1162" t="str">
            <v>特定</v>
          </cell>
          <cell r="AX1162">
            <v>919</v>
          </cell>
          <cell r="AY1162">
            <v>525900</v>
          </cell>
          <cell r="AZ1162" t="str">
            <v>14(12)/1/0</v>
          </cell>
          <cell r="BA1162" t="str">
            <v>東京都</v>
          </cell>
          <cell r="CR1162">
            <v>6877</v>
          </cell>
          <cell r="CS1162" t="str">
            <v>ｲﾉｳｴ ﾕｳｷ</v>
          </cell>
          <cell r="CT1162" t="str">
            <v>井上  祐貴</v>
          </cell>
          <cell r="CU1162" t="str">
            <v>営繕課</v>
          </cell>
          <cell r="CW1162">
            <v>3237</v>
          </cell>
          <cell r="CX1162" t="str">
            <v xml:space="preserve"> </v>
          </cell>
          <cell r="CY1162" t="str">
            <v>営繕課長</v>
          </cell>
        </row>
        <row r="1163">
          <cell r="B1163">
            <v>4237</v>
          </cell>
          <cell r="C1163" t="str">
            <v>(株)明和工務店</v>
          </cell>
          <cell r="D1163" t="str">
            <v>078-940-1170</v>
          </cell>
          <cell r="E1163" t="str">
            <v>650-0046</v>
          </cell>
          <cell r="F1163" t="str">
            <v>兵庫県神戸市中央区港島中町7-4-3</v>
          </cell>
          <cell r="G1163" t="str">
            <v>神戸市</v>
          </cell>
          <cell r="H1163" t="str">
            <v/>
          </cell>
          <cell r="I1163" t="str">
            <v>代表取締役社長 松本　章</v>
          </cell>
          <cell r="J1163" t="str">
            <v>本店</v>
          </cell>
          <cell r="K1163" t="str">
            <v>078-940-1186</v>
          </cell>
          <cell r="L1163" t="str">
            <v>washio661@meiwa-koumuten.co.jp</v>
          </cell>
          <cell r="M1163" t="str">
            <v>ﾒｲﾜｺｳﾑﾃﾝ</v>
          </cell>
          <cell r="N1163" t="str">
            <v>無</v>
          </cell>
          <cell r="O1163">
            <v>68</v>
          </cell>
          <cell r="P1163">
            <v>160</v>
          </cell>
          <cell r="Q1163">
            <v>1140001011287</v>
          </cell>
          <cell r="R1163">
            <v>480000</v>
          </cell>
          <cell r="S1163">
            <v>5949846</v>
          </cell>
          <cell r="T1163">
            <v>14731280</v>
          </cell>
          <cell r="V1163" t="str">
            <v>vq923235</v>
          </cell>
          <cell r="W1163" t="str">
            <v>nb331147</v>
          </cell>
          <cell r="X1163" t="str">
            <v>土建電管</v>
          </cell>
          <cell r="Y1163" t="str">
            <v/>
          </cell>
          <cell r="Z1163" t="str">
            <v>土建電管</v>
          </cell>
          <cell r="AA1163" t="str">
            <v>建築一式</v>
          </cell>
          <cell r="AB1163" t="str">
            <v>管</v>
          </cell>
          <cell r="AC1163" t="str">
            <v>電気</v>
          </cell>
          <cell r="AD1163" t="str">
            <v>土木一式</v>
          </cell>
          <cell r="AE1163">
            <v>43190</v>
          </cell>
          <cell r="AF1163" t="str">
            <v>希望しない</v>
          </cell>
          <cell r="AG1163" t="str">
            <v>建築一式</v>
          </cell>
          <cell r="AH1163" t="str">
            <v>特定</v>
          </cell>
          <cell r="AI1163">
            <v>1328</v>
          </cell>
          <cell r="AJ1163">
            <v>10102084</v>
          </cell>
          <cell r="AK1163" t="str">
            <v>53(50)/9/1</v>
          </cell>
          <cell r="AL1163" t="str">
            <v>管</v>
          </cell>
          <cell r="AM1163" t="str">
            <v>特定</v>
          </cell>
          <cell r="AN1163">
            <v>1157</v>
          </cell>
          <cell r="AO1163">
            <v>2113450</v>
          </cell>
          <cell r="AP1163" t="str">
            <v>19(13)/7/0</v>
          </cell>
          <cell r="AQ1163" t="str">
            <v>電気</v>
          </cell>
          <cell r="AR1163" t="str">
            <v>特定</v>
          </cell>
          <cell r="AS1163">
            <v>1106</v>
          </cell>
          <cell r="AT1163">
            <v>1086644</v>
          </cell>
          <cell r="AU1163" t="str">
            <v>12(11)/4/0</v>
          </cell>
          <cell r="AV1163" t="str">
            <v>土木一式</v>
          </cell>
          <cell r="AW1163" t="str">
            <v>特定</v>
          </cell>
          <cell r="AX1163">
            <v>999</v>
          </cell>
          <cell r="AY1163">
            <v>83684</v>
          </cell>
          <cell r="AZ1163" t="str">
            <v>5(4)/18/0</v>
          </cell>
          <cell r="BA1163" t="str">
            <v>兵庫県</v>
          </cell>
          <cell r="CR1163">
            <v>6878</v>
          </cell>
          <cell r="CS1163" t="str">
            <v>ﾓﾘﾓﾄ ﾐﾂﾙ</v>
          </cell>
          <cell r="CT1163" t="str">
            <v>森本  充</v>
          </cell>
          <cell r="CU1163" t="str">
            <v>下水道課</v>
          </cell>
          <cell r="CW1163">
            <v>3121</v>
          </cell>
          <cell r="CX1163" t="str">
            <v xml:space="preserve"> </v>
          </cell>
          <cell r="CY1163" t="str">
            <v>下水道課長</v>
          </cell>
        </row>
        <row r="1164">
          <cell r="B1164">
            <v>4239</v>
          </cell>
          <cell r="C1164" t="str">
            <v>(株)売布建設</v>
          </cell>
          <cell r="D1164" t="str">
            <v xml:space="preserve">0797-87-6005 </v>
          </cell>
          <cell r="E1164" t="str">
            <v>665-0852</v>
          </cell>
          <cell r="F1164" t="str">
            <v>兵庫県宝塚市売布4-12-3</v>
          </cell>
          <cell r="G1164" t="str">
            <v>宝塚市</v>
          </cell>
          <cell r="H1164" t="str">
            <v/>
          </cell>
          <cell r="I1164" t="str">
            <v>代表取締役 川口　義孝</v>
          </cell>
          <cell r="J1164" t="str">
            <v>本店</v>
          </cell>
          <cell r="K1164" t="str">
            <v>0797-81-0238</v>
          </cell>
          <cell r="L1164" t="str">
            <v>mefu1239@mint.ocn.ne.jp</v>
          </cell>
          <cell r="M1164" t="str">
            <v>ﾒﾌｹﾝｾﾂ</v>
          </cell>
          <cell r="N1164" t="str">
            <v>無</v>
          </cell>
          <cell r="O1164">
            <v>54</v>
          </cell>
          <cell r="P1164">
            <v>7</v>
          </cell>
          <cell r="Q1164">
            <v>4140001082086</v>
          </cell>
          <cell r="R1164">
            <v>30000</v>
          </cell>
          <cell r="S1164">
            <v>69276</v>
          </cell>
          <cell r="T1164">
            <v>351279</v>
          </cell>
          <cell r="V1164" t="str">
            <v>ef198239</v>
          </cell>
          <cell r="W1164" t="str">
            <v>vu238194</v>
          </cell>
          <cell r="X1164" t="str">
            <v>管土建大と内解</v>
          </cell>
          <cell r="Y1164" t="str">
            <v>管</v>
          </cell>
          <cell r="Z1164" t="str">
            <v>土建大と内解</v>
          </cell>
          <cell r="AA1164" t="str">
            <v>建築一式</v>
          </cell>
          <cell r="AB1164" t="str">
            <v>管</v>
          </cell>
          <cell r="AC1164" t="str">
            <v>土木一式</v>
          </cell>
          <cell r="AD1164" t="str">
            <v>解体</v>
          </cell>
          <cell r="AE1164">
            <v>43708</v>
          </cell>
          <cell r="AF1164" t="str">
            <v>希望しない</v>
          </cell>
          <cell r="AG1164" t="str">
            <v>建築一式</v>
          </cell>
          <cell r="AH1164" t="str">
            <v>特定</v>
          </cell>
          <cell r="AI1164">
            <v>826</v>
          </cell>
          <cell r="AJ1164">
            <v>348819</v>
          </cell>
          <cell r="AK1164" t="str">
            <v>3(3)/2/0</v>
          </cell>
          <cell r="AL1164" t="str">
            <v>管</v>
          </cell>
          <cell r="AM1164" t="str">
            <v>一般</v>
          </cell>
          <cell r="AN1164">
            <v>632</v>
          </cell>
          <cell r="AO1164">
            <v>2357</v>
          </cell>
          <cell r="AP1164" t="str">
            <v>0(0)/0/1</v>
          </cell>
          <cell r="AQ1164" t="str">
            <v>土木一式</v>
          </cell>
          <cell r="AR1164" t="str">
            <v>特定</v>
          </cell>
          <cell r="AS1164">
            <v>687</v>
          </cell>
          <cell r="AT1164">
            <v>9739</v>
          </cell>
          <cell r="AU1164" t="str">
            <v>1(1)/0/0</v>
          </cell>
          <cell r="AV1164" t="str">
            <v>解体</v>
          </cell>
          <cell r="AW1164" t="str">
            <v>特定</v>
          </cell>
          <cell r="AX1164">
            <v>646</v>
          </cell>
          <cell r="AY1164">
            <v>1639</v>
          </cell>
          <cell r="AZ1164" t="str">
            <v>1(1)/1/0</v>
          </cell>
          <cell r="BA1164" t="str">
            <v>兵庫県</v>
          </cell>
        </row>
        <row r="1165">
          <cell r="B1165">
            <v>4241</v>
          </cell>
          <cell r="C1165" t="str">
            <v>明和工業(株)</v>
          </cell>
          <cell r="D1165" t="str">
            <v>072-657-0300</v>
          </cell>
          <cell r="E1165" t="str">
            <v>567-0861</v>
          </cell>
          <cell r="F1165" t="str">
            <v>大阪府茨木市東奈良2-16-10</v>
          </cell>
          <cell r="G1165" t="str">
            <v>新潟市</v>
          </cell>
          <cell r="H1165" t="str">
            <v>関西営業所</v>
          </cell>
          <cell r="I1165" t="str">
            <v>所長 山本　利樹</v>
          </cell>
          <cell r="J1165" t="str">
            <v>新潟県新潟市</v>
          </cell>
          <cell r="K1165" t="str">
            <v>072-657-0304</v>
          </cell>
          <cell r="L1165" t="str">
            <v>kansai@meiwajp.com</v>
          </cell>
          <cell r="M1165" t="str">
            <v>ﾒｲﾜｺｳｷﾞｮｳ</v>
          </cell>
          <cell r="N1165" t="str">
            <v>有</v>
          </cell>
          <cell r="O1165">
            <v>47</v>
          </cell>
          <cell r="P1165">
            <v>344</v>
          </cell>
          <cell r="Q1165">
            <v>4110001007608</v>
          </cell>
          <cell r="R1165">
            <v>60000</v>
          </cell>
          <cell r="S1165">
            <v>1548043</v>
          </cell>
          <cell r="T1165">
            <v>5632880</v>
          </cell>
          <cell r="V1165" t="str">
            <v>vf205802</v>
          </cell>
          <cell r="W1165" t="str">
            <v>za497857</v>
          </cell>
          <cell r="X1165" t="str">
            <v>(清)(と)(鋼)(水)土と管鋼機水</v>
          </cell>
          <cell r="Y1165" t="str">
            <v>(清)(と)(鋼)(水)</v>
          </cell>
          <cell r="Z1165" t="str">
            <v>土と管鋼機水</v>
          </cell>
          <cell r="AA1165" t="str">
            <v>鋼構造物</v>
          </cell>
          <cell r="AB1165" t="str">
            <v>水道施設</v>
          </cell>
          <cell r="AC1165" t="str">
            <v>土木一式</v>
          </cell>
          <cell r="AD1165" t="str">
            <v>塗装</v>
          </cell>
          <cell r="AE1165">
            <v>43190</v>
          </cell>
          <cell r="AF1165" t="str">
            <v>希望しない</v>
          </cell>
          <cell r="AG1165" t="str">
            <v>鋼構造物</v>
          </cell>
          <cell r="AH1165" t="str">
            <v>特定</v>
          </cell>
          <cell r="AI1165">
            <v>1086</v>
          </cell>
          <cell r="AJ1165">
            <v>1001517</v>
          </cell>
          <cell r="AK1165" t="str">
            <v>47(19)/40/0</v>
          </cell>
          <cell r="AL1165" t="str">
            <v>水道施設</v>
          </cell>
          <cell r="AM1165" t="str">
            <v>特定</v>
          </cell>
          <cell r="AN1165">
            <v>940</v>
          </cell>
          <cell r="AO1165">
            <v>145901</v>
          </cell>
          <cell r="AP1165" t="str">
            <v>2(0)/40/0</v>
          </cell>
          <cell r="AQ1165" t="str">
            <v>土木一式</v>
          </cell>
          <cell r="AR1165" t="str">
            <v>特定</v>
          </cell>
          <cell r="AS1165">
            <v>976</v>
          </cell>
          <cell r="AT1165">
            <v>90298</v>
          </cell>
          <cell r="AU1165" t="str">
            <v>37(19)/0/3</v>
          </cell>
          <cell r="AV1165" t="str">
            <v>塗装</v>
          </cell>
          <cell r="AW1165" t="str">
            <v/>
          </cell>
          <cell r="AX1165">
            <v>759</v>
          </cell>
          <cell r="AY1165">
            <v>8450</v>
          </cell>
          <cell r="AZ1165" t="str">
            <v>1(0)/0/1</v>
          </cell>
          <cell r="BA1165" t="str">
            <v>新潟県</v>
          </cell>
          <cell r="CR1165">
            <v>6879</v>
          </cell>
          <cell r="CS1165" t="str">
            <v>ｵｸﾀﾞ ｱﾔ</v>
          </cell>
          <cell r="CT1165" t="str">
            <v>奥田  彩</v>
          </cell>
          <cell r="CU1165" t="str">
            <v>生活支援課</v>
          </cell>
          <cell r="CW1165">
            <v>2649</v>
          </cell>
          <cell r="CX1165" t="str">
            <v xml:space="preserve"> </v>
          </cell>
          <cell r="CY1165" t="str">
            <v>生活支援課長</v>
          </cell>
        </row>
        <row r="1166">
          <cell r="B1166">
            <v>4242</v>
          </cell>
          <cell r="C1166" t="str">
            <v>(株)明電エンジニアリング</v>
          </cell>
          <cell r="D1166" t="str">
            <v>06-6487-4953</v>
          </cell>
          <cell r="E1166" t="str">
            <v>660-0805</v>
          </cell>
          <cell r="F1166" t="str">
            <v>兵庫県尼崎市西長洲町1-1-1</v>
          </cell>
          <cell r="G1166" t="str">
            <v/>
          </cell>
          <cell r="H1166" t="str">
            <v>関西支社</v>
          </cell>
          <cell r="I1166" t="str">
            <v>取締役支社長 渡部　範彦</v>
          </cell>
          <cell r="J1166" t="str">
            <v>東京都</v>
          </cell>
          <cell r="K1166" t="str">
            <v>06-6487-4957</v>
          </cell>
          <cell r="L1166" t="str">
            <v>ehyugpf-kskb@meiden-eng.co.jp</v>
          </cell>
          <cell r="M1166" t="str">
            <v>ﾒｲﾃﾞﾝｴﾝｼﾞﾆｱﾘﾝｸﾞ</v>
          </cell>
          <cell r="N1166" t="str">
            <v>有</v>
          </cell>
          <cell r="O1166">
            <v>68</v>
          </cell>
          <cell r="P1166">
            <v>925</v>
          </cell>
          <cell r="Q1166">
            <v>1010701028239</v>
          </cell>
          <cell r="R1166">
            <v>400000</v>
          </cell>
          <cell r="S1166">
            <v>3778530</v>
          </cell>
          <cell r="T1166">
            <v>28864326</v>
          </cell>
          <cell r="V1166" t="str">
            <v>ar126498</v>
          </cell>
          <cell r="W1166" t="str">
            <v>ct208805</v>
          </cell>
          <cell r="X1166" t="str">
            <v>(電)電管機通</v>
          </cell>
          <cell r="Y1166" t="str">
            <v>(電)</v>
          </cell>
          <cell r="Z1166" t="str">
            <v>電管機通</v>
          </cell>
          <cell r="AA1166" t="str">
            <v>電気</v>
          </cell>
          <cell r="AB1166" t="str">
            <v/>
          </cell>
          <cell r="AC1166" t="str">
            <v/>
          </cell>
          <cell r="AD1166" t="str">
            <v/>
          </cell>
          <cell r="AE1166">
            <v>43190</v>
          </cell>
          <cell r="AF1166" t="str">
            <v/>
          </cell>
          <cell r="AG1166" t="str">
            <v>電気</v>
          </cell>
          <cell r="AH1166" t="str">
            <v>特定</v>
          </cell>
          <cell r="AI1166">
            <v>1361</v>
          </cell>
          <cell r="AJ1166">
            <v>4678136</v>
          </cell>
          <cell r="AK1166" t="str">
            <v>371(342)/11/8</v>
          </cell>
          <cell r="AL1166" t="str">
            <v/>
          </cell>
          <cell r="AM1166" t="str">
            <v/>
          </cell>
          <cell r="AN1166" t="str">
            <v/>
          </cell>
          <cell r="AO1166" t="str">
            <v/>
          </cell>
          <cell r="AP1166" t="str">
            <v/>
          </cell>
          <cell r="AQ1166" t="str">
            <v/>
          </cell>
          <cell r="AR1166" t="str">
            <v/>
          </cell>
          <cell r="AS1166" t="str">
            <v/>
          </cell>
          <cell r="AT1166" t="str">
            <v/>
          </cell>
          <cell r="AU1166" t="str">
            <v/>
          </cell>
          <cell r="AV1166" t="str">
            <v/>
          </cell>
          <cell r="AW1166" t="str">
            <v/>
          </cell>
          <cell r="AX1166" t="str">
            <v/>
          </cell>
          <cell r="AY1166" t="str">
            <v/>
          </cell>
          <cell r="AZ1166" t="str">
            <v/>
          </cell>
          <cell r="BA1166" t="str">
            <v>東京都</v>
          </cell>
          <cell r="CR1166">
            <v>6880</v>
          </cell>
          <cell r="CS1166" t="str">
            <v>ｵｸﾉ ﾀｶﾋﾛ</v>
          </cell>
          <cell r="CT1166" t="str">
            <v>奥野  高弘</v>
          </cell>
          <cell r="CU1166" t="str">
            <v>生活支援課</v>
          </cell>
          <cell r="CW1166">
            <v>2510</v>
          </cell>
          <cell r="CX1166" t="str">
            <v xml:space="preserve"> </v>
          </cell>
          <cell r="CY1166" t="str">
            <v>生活支援課長</v>
          </cell>
        </row>
        <row r="1167">
          <cell r="B1167">
            <v>4243</v>
          </cell>
          <cell r="C1167" t="str">
            <v>(株)メット</v>
          </cell>
          <cell r="D1167" t="str">
            <v>072-270-0169</v>
          </cell>
          <cell r="E1167" t="str">
            <v>599-8238</v>
          </cell>
          <cell r="F1167" t="str">
            <v>大阪府堺市中区土師町4-5-17</v>
          </cell>
          <cell r="G1167" t="str">
            <v>堺市</v>
          </cell>
          <cell r="H1167" t="str">
            <v/>
          </cell>
          <cell r="I1167" t="str">
            <v>代表取締役 時任　美幸</v>
          </cell>
          <cell r="J1167" t="str">
            <v>本店</v>
          </cell>
          <cell r="K1167" t="str">
            <v>072-270-6463</v>
          </cell>
          <cell r="L1167" t="str">
            <v>met.sewer@gmail.com</v>
          </cell>
          <cell r="M1167" t="str">
            <v>ﾒｯﾄ</v>
          </cell>
          <cell r="N1167" t="str">
            <v>無</v>
          </cell>
          <cell r="O1167">
            <v>4</v>
          </cell>
          <cell r="P1167">
            <v>5</v>
          </cell>
          <cell r="Q1167">
            <v>5120101050357</v>
          </cell>
          <cell r="R1167">
            <v>8000</v>
          </cell>
          <cell r="S1167">
            <v>10270</v>
          </cell>
          <cell r="T1167">
            <v>31319</v>
          </cell>
          <cell r="V1167" t="str">
            <v>gw871799</v>
          </cell>
          <cell r="W1167" t="str">
            <v>vq923235</v>
          </cell>
          <cell r="X1167" t="str">
            <v>土と石管鋼舗浚水解</v>
          </cell>
          <cell r="Y1167" t="str">
            <v>土と石管鋼舗浚水解</v>
          </cell>
          <cell r="Z1167" t="str">
            <v/>
          </cell>
          <cell r="AA1167" t="str">
            <v>土木一式</v>
          </cell>
          <cell r="AB1167" t="str">
            <v>管</v>
          </cell>
          <cell r="AC1167" t="str">
            <v>とび土工</v>
          </cell>
          <cell r="AD1167" t="str">
            <v/>
          </cell>
          <cell r="AE1167">
            <v>43190</v>
          </cell>
          <cell r="AF1167" t="str">
            <v>希望する</v>
          </cell>
          <cell r="AG1167" t="str">
            <v>土木一式</v>
          </cell>
          <cell r="AH1167" t="str">
            <v>一般</v>
          </cell>
          <cell r="AI1167">
            <v>585</v>
          </cell>
          <cell r="AJ1167">
            <v>21566</v>
          </cell>
          <cell r="AK1167" t="str">
            <v>0(0)/1/0</v>
          </cell>
          <cell r="AL1167" t="str">
            <v>管</v>
          </cell>
          <cell r="AM1167" t="str">
            <v>一般</v>
          </cell>
          <cell r="AN1167">
            <v>542</v>
          </cell>
          <cell r="AO1167">
            <v>1663</v>
          </cell>
          <cell r="AP1167" t="str">
            <v>0(0)/0/1</v>
          </cell>
          <cell r="AQ1167" t="str">
            <v>とび土工</v>
          </cell>
          <cell r="AR1167" t="str">
            <v>一般</v>
          </cell>
          <cell r="AS1167">
            <v>547</v>
          </cell>
          <cell r="AT1167">
            <v>1672</v>
          </cell>
          <cell r="AU1167" t="str">
            <v>0(0)/1/0</v>
          </cell>
          <cell r="AV1167" t="str">
            <v/>
          </cell>
          <cell r="AW1167" t="str">
            <v/>
          </cell>
          <cell r="AX1167" t="str">
            <v/>
          </cell>
          <cell r="AY1167" t="str">
            <v/>
          </cell>
          <cell r="AZ1167" t="str">
            <v/>
          </cell>
          <cell r="BA1167" t="str">
            <v>大阪府</v>
          </cell>
          <cell r="CR1167">
            <v>6881</v>
          </cell>
          <cell r="CS1167" t="str">
            <v>ﾆｼﾓﾄ ﾀﾂﾐ</v>
          </cell>
          <cell r="CT1167" t="str">
            <v>西本  樹観</v>
          </cell>
          <cell r="CU1167" t="str">
            <v>生活支援課</v>
          </cell>
          <cell r="CW1167">
            <v>2572</v>
          </cell>
          <cell r="CX1167" t="str">
            <v xml:space="preserve"> </v>
          </cell>
          <cell r="CY1167" t="str">
            <v>生活支援課長</v>
          </cell>
        </row>
        <row r="1168">
          <cell r="B1168">
            <v>4245</v>
          </cell>
          <cell r="C1168" t="str">
            <v>明建産業(株)</v>
          </cell>
          <cell r="D1168" t="str">
            <v>079-222-0371</v>
          </cell>
          <cell r="E1168" t="str">
            <v>670-0853</v>
          </cell>
          <cell r="F1168" t="str">
            <v>兵庫県姫路市大黒壱丁町14</v>
          </cell>
          <cell r="G1168" t="str">
            <v>姫路市</v>
          </cell>
          <cell r="H1168" t="str">
            <v/>
          </cell>
          <cell r="I1168" t="str">
            <v>代表取締役 白井　務子</v>
          </cell>
          <cell r="J1168" t="str">
            <v>本店</v>
          </cell>
          <cell r="K1168" t="str">
            <v>079-224-5265</v>
          </cell>
          <cell r="L1168" t="str">
            <v>meiken@crocus.ocn.ne.jp</v>
          </cell>
          <cell r="M1168" t="str">
            <v>ﾒｲｹﾝｻﾝｷﾞｮｳ</v>
          </cell>
          <cell r="N1168" t="str">
            <v>無</v>
          </cell>
          <cell r="O1168">
            <v>53</v>
          </cell>
          <cell r="P1168">
            <v>28</v>
          </cell>
          <cell r="Q1168">
            <v>4140001061899</v>
          </cell>
          <cell r="R1168">
            <v>20000</v>
          </cell>
          <cell r="S1168">
            <v>835545</v>
          </cell>
          <cell r="T1168">
            <v>1166134</v>
          </cell>
          <cell r="V1168" t="str">
            <v>pd176911</v>
          </cell>
          <cell r="W1168" t="str">
            <v>pi101804</v>
          </cell>
          <cell r="X1168" t="str">
            <v>建防内土電管鋼塗機水</v>
          </cell>
          <cell r="Y1168" t="str">
            <v>建防内</v>
          </cell>
          <cell r="Z1168" t="str">
            <v>土電管鋼塗機水</v>
          </cell>
          <cell r="AA1168" t="str">
            <v>機械器具</v>
          </cell>
          <cell r="AB1168" t="str">
            <v/>
          </cell>
          <cell r="AC1168" t="str">
            <v/>
          </cell>
          <cell r="AD1168" t="str">
            <v/>
          </cell>
          <cell r="AE1168">
            <v>43190</v>
          </cell>
          <cell r="AF1168" t="str">
            <v>希望しない</v>
          </cell>
          <cell r="AG1168" t="str">
            <v>機械器具</v>
          </cell>
          <cell r="AH1168" t="str">
            <v>特定</v>
          </cell>
          <cell r="AI1168">
            <v>883</v>
          </cell>
          <cell r="AJ1168">
            <v>665700</v>
          </cell>
          <cell r="AK1168" t="str">
            <v>0(0)/0/7</v>
          </cell>
          <cell r="AL1168" t="str">
            <v/>
          </cell>
          <cell r="AM1168" t="str">
            <v/>
          </cell>
          <cell r="AN1168" t="str">
            <v/>
          </cell>
          <cell r="AO1168" t="str">
            <v/>
          </cell>
          <cell r="AP1168" t="str">
            <v/>
          </cell>
          <cell r="AQ1168" t="str">
            <v/>
          </cell>
          <cell r="AR1168" t="str">
            <v/>
          </cell>
          <cell r="AS1168" t="str">
            <v/>
          </cell>
          <cell r="AT1168" t="str">
            <v/>
          </cell>
          <cell r="AU1168" t="str">
            <v/>
          </cell>
          <cell r="AV1168" t="str">
            <v/>
          </cell>
          <cell r="AW1168" t="str">
            <v/>
          </cell>
          <cell r="AX1168" t="str">
            <v/>
          </cell>
          <cell r="AY1168" t="str">
            <v/>
          </cell>
          <cell r="AZ1168" t="str">
            <v/>
          </cell>
          <cell r="BA1168" t="str">
            <v>兵庫県</v>
          </cell>
          <cell r="CR1168">
            <v>6882</v>
          </cell>
          <cell r="CS1168" t="str">
            <v>ｻｶﾓﾄ ﾕﾘｶ</v>
          </cell>
          <cell r="CT1168" t="str">
            <v>阪本  百合香</v>
          </cell>
          <cell r="CU1168" t="str">
            <v>健康政策課</v>
          </cell>
          <cell r="CW1168">
            <v>2571</v>
          </cell>
          <cell r="CX1168" t="str">
            <v xml:space="preserve"> </v>
          </cell>
          <cell r="CY1168" t="str">
            <v>健康政策課長</v>
          </cell>
        </row>
        <row r="1169">
          <cell r="B1169">
            <v>4246</v>
          </cell>
          <cell r="C1169" t="str">
            <v>(株)メッシュ</v>
          </cell>
          <cell r="D1169" t="str">
            <v>06-6809-7718</v>
          </cell>
          <cell r="E1169" t="str">
            <v>540-0026</v>
          </cell>
          <cell r="F1169" t="str">
            <v>大阪府大阪市中央区内本町2-3-8-304</v>
          </cell>
          <cell r="G1169" t="str">
            <v>大阪市</v>
          </cell>
          <cell r="H1169" t="str">
            <v/>
          </cell>
          <cell r="I1169" t="str">
            <v>代表取締役 小林　雄</v>
          </cell>
          <cell r="J1169" t="str">
            <v>本店</v>
          </cell>
          <cell r="K1169" t="str">
            <v>06-6809-7719</v>
          </cell>
          <cell r="L1169" t="str">
            <v>messyu_messyu@yahoo.co.jp</v>
          </cell>
          <cell r="M1169" t="str">
            <v>ﾒｯｼｭ</v>
          </cell>
          <cell r="N1169" t="str">
            <v>無</v>
          </cell>
          <cell r="O1169">
            <v>6</v>
          </cell>
          <cell r="P1169">
            <v>10</v>
          </cell>
          <cell r="Q1169">
            <v>2120001167221</v>
          </cell>
          <cell r="R1169">
            <v>40000</v>
          </cell>
          <cell r="S1169">
            <v>40871</v>
          </cell>
          <cell r="T1169">
            <v>817793</v>
          </cell>
          <cell r="V1169" t="str">
            <v>kx176132</v>
          </cell>
          <cell r="W1169" t="str">
            <v>bp189990</v>
          </cell>
          <cell r="X1169" t="str">
            <v>建大と石屋タ鋼鉄板ガ塗防内熱具</v>
          </cell>
          <cell r="Y1169" t="str">
            <v/>
          </cell>
          <cell r="Z1169" t="str">
            <v>建大と石屋タ鋼鉄板ガ塗防内熱具</v>
          </cell>
          <cell r="AA1169" t="str">
            <v>とび土工</v>
          </cell>
          <cell r="AB1169" t="str">
            <v/>
          </cell>
          <cell r="AC1169" t="str">
            <v/>
          </cell>
          <cell r="AD1169" t="str">
            <v/>
          </cell>
          <cell r="AE1169">
            <v>43100</v>
          </cell>
          <cell r="AF1169" t="str">
            <v>希望しない</v>
          </cell>
          <cell r="AG1169" t="str">
            <v>とび土工</v>
          </cell>
          <cell r="AH1169" t="str">
            <v>特定</v>
          </cell>
          <cell r="AI1169">
            <v>715</v>
          </cell>
          <cell r="AJ1169">
            <v>315030</v>
          </cell>
          <cell r="AK1169" t="str">
            <v>1(1)/0/1</v>
          </cell>
          <cell r="AL1169" t="str">
            <v/>
          </cell>
          <cell r="AM1169" t="str">
            <v/>
          </cell>
          <cell r="AN1169" t="str">
            <v/>
          </cell>
          <cell r="AO1169" t="str">
            <v/>
          </cell>
          <cell r="AP1169" t="str">
            <v/>
          </cell>
          <cell r="AQ1169" t="str">
            <v/>
          </cell>
          <cell r="AR1169" t="str">
            <v/>
          </cell>
          <cell r="AS1169" t="str">
            <v/>
          </cell>
          <cell r="AT1169" t="str">
            <v/>
          </cell>
          <cell r="AU1169" t="str">
            <v/>
          </cell>
          <cell r="AV1169" t="str">
            <v/>
          </cell>
          <cell r="AW1169" t="str">
            <v/>
          </cell>
          <cell r="AX1169" t="str">
            <v/>
          </cell>
          <cell r="AY1169" t="str">
            <v/>
          </cell>
          <cell r="AZ1169" t="str">
            <v/>
          </cell>
          <cell r="BA1169" t="str">
            <v>大阪府</v>
          </cell>
          <cell r="CR1169">
            <v>6883</v>
          </cell>
          <cell r="CS1169" t="str">
            <v>ﾅｶｻﾞﾜ ﾅｵｺ</v>
          </cell>
          <cell r="CT1169" t="str">
            <v>中澤  奈緒子</v>
          </cell>
          <cell r="CU1169" t="str">
            <v>健康政策課</v>
          </cell>
          <cell r="CW1169">
            <v>2566</v>
          </cell>
          <cell r="CX1169" t="str">
            <v xml:space="preserve"> </v>
          </cell>
          <cell r="CY1169" t="str">
            <v>健康政策課長</v>
          </cell>
        </row>
        <row r="1170">
          <cell r="B1170">
            <v>4247</v>
          </cell>
          <cell r="C1170" t="str">
            <v>(株)明西エンジニアリング</v>
          </cell>
          <cell r="D1170" t="str">
            <v>072-967-3400</v>
          </cell>
          <cell r="F1170" t="str">
            <v>大阪府東大阪市中新開2-4-7</v>
          </cell>
          <cell r="G1170" t="str">
            <v>東大阪市</v>
          </cell>
          <cell r="H1170" t="str">
            <v/>
          </cell>
          <cell r="I1170" t="str">
            <v>代表取締役社長　 川邉　和義</v>
          </cell>
          <cell r="J1170" t="str">
            <v>本店</v>
          </cell>
          <cell r="K1170" t="str">
            <v>072-967-3401</v>
          </cell>
          <cell r="L1170" t="str">
            <v>ms-nyusatsu@meisei-er.co.jp</v>
          </cell>
          <cell r="M1170" t="str">
            <v>ﾒｲｾｲｴﾝｼﾞﾆｱﾘﾝｸﾞ</v>
          </cell>
          <cell r="N1170" t="str">
            <v>無</v>
          </cell>
          <cell r="O1170">
            <v>39</v>
          </cell>
          <cell r="P1170">
            <v>54</v>
          </cell>
          <cell r="Q1170">
            <v>5122000000000</v>
          </cell>
          <cell r="R1170">
            <v>50000</v>
          </cell>
          <cell r="S1170">
            <v>83751</v>
          </cell>
          <cell r="T1170">
            <v>1047071</v>
          </cell>
          <cell r="V1170" t="str">
            <v>el182789</v>
          </cell>
          <cell r="W1170" t="str">
            <v>hq175547</v>
          </cell>
          <cell r="X1170" t="str">
            <v>建大と石屋タ鋼鉄板ガ塗防内熱具</v>
          </cell>
          <cell r="Y1170" t="str">
            <v/>
          </cell>
          <cell r="Z1170" t="str">
            <v>建大と石屋タ鋼鉄板ガ塗防内熱具</v>
          </cell>
          <cell r="AA1170" t="str">
            <v>電気</v>
          </cell>
          <cell r="AB1170" t="str">
            <v>機械器具</v>
          </cell>
          <cell r="AC1170" t="str">
            <v/>
          </cell>
          <cell r="AD1170" t="str">
            <v/>
          </cell>
          <cell r="AE1170">
            <v>42916</v>
          </cell>
          <cell r="AF1170" t="str">
            <v>希望しない</v>
          </cell>
          <cell r="AG1170" t="str">
            <v>電気</v>
          </cell>
          <cell r="AH1170" t="str">
            <v>一般</v>
          </cell>
          <cell r="AI1170">
            <v>850</v>
          </cell>
          <cell r="AJ1170">
            <v>821553</v>
          </cell>
          <cell r="AK1170" t="str">
            <v>0(0)/4/20</v>
          </cell>
          <cell r="AL1170" t="str">
            <v>機械器具</v>
          </cell>
          <cell r="AM1170" t="str">
            <v>一般</v>
          </cell>
          <cell r="AN1170">
            <v>773</v>
          </cell>
          <cell r="AO1170">
            <v>164812</v>
          </cell>
          <cell r="AP1170" t="str">
            <v>0(0)/0/21</v>
          </cell>
          <cell r="AQ1170" t="str">
            <v/>
          </cell>
          <cell r="AR1170" t="str">
            <v/>
          </cell>
          <cell r="AS1170" t="str">
            <v/>
          </cell>
          <cell r="AT1170" t="str">
            <v/>
          </cell>
          <cell r="AU1170" t="str">
            <v/>
          </cell>
          <cell r="AV1170" t="str">
            <v/>
          </cell>
          <cell r="AW1170" t="str">
            <v/>
          </cell>
          <cell r="AX1170" t="str">
            <v/>
          </cell>
          <cell r="AY1170" t="str">
            <v/>
          </cell>
          <cell r="AZ1170" t="str">
            <v/>
          </cell>
          <cell r="BA1170" t="str">
            <v>大阪府</v>
          </cell>
          <cell r="CR1170">
            <v>6884</v>
          </cell>
          <cell r="CS1170" t="str">
            <v>ﾔｽｵｶ ﾐﾅ</v>
          </cell>
          <cell r="CT1170" t="str">
            <v>安岡  美奈</v>
          </cell>
          <cell r="CU1170" t="str">
            <v>健康政策課</v>
          </cell>
          <cell r="CW1170">
            <v>2552</v>
          </cell>
          <cell r="CX1170" t="str">
            <v xml:space="preserve"> </v>
          </cell>
          <cell r="CY1170" t="str">
            <v>健康政策課長</v>
          </cell>
        </row>
        <row r="1171">
          <cell r="B1171">
            <v>4251</v>
          </cell>
          <cell r="C1171" t="str">
            <v>(株)森川鑿泉工業所</v>
          </cell>
          <cell r="D1171" t="str">
            <v>06-6380-8181</v>
          </cell>
          <cell r="E1171" t="str">
            <v>566-0001</v>
          </cell>
          <cell r="F1171" t="str">
            <v>大阪府摂津市千里丘1-6-17</v>
          </cell>
          <cell r="G1171" t="str">
            <v>摂津市</v>
          </cell>
          <cell r="H1171" t="str">
            <v/>
          </cell>
          <cell r="I1171" t="str">
            <v>代表取締役 森川　俊英</v>
          </cell>
          <cell r="J1171" t="str">
            <v>本店</v>
          </cell>
          <cell r="K1171" t="str">
            <v>06-6330-3835</v>
          </cell>
          <cell r="L1171" t="str">
            <v>info@morikawasakusen.co.jp</v>
          </cell>
          <cell r="M1171" t="str">
            <v>ﾓﾘｶﾜｻｸｾﾝｺｳｷﾞｮｳｼｮ</v>
          </cell>
          <cell r="N1171" t="str">
            <v>無</v>
          </cell>
          <cell r="O1171">
            <v>68</v>
          </cell>
          <cell r="P1171">
            <v>12</v>
          </cell>
          <cell r="Q1171">
            <v>6120901010138</v>
          </cell>
          <cell r="R1171">
            <v>20000</v>
          </cell>
          <cell r="S1171">
            <v>158987</v>
          </cell>
          <cell r="T1171">
            <v>259595</v>
          </cell>
          <cell r="V1171" t="str">
            <v>kw141915</v>
          </cell>
          <cell r="W1171" t="str">
            <v>yt383530</v>
          </cell>
          <cell r="X1171" t="str">
            <v>管井</v>
          </cell>
          <cell r="Y1171" t="str">
            <v>管井</v>
          </cell>
          <cell r="Z1171" t="str">
            <v/>
          </cell>
          <cell r="AA1171" t="str">
            <v>さく井</v>
          </cell>
          <cell r="AB1171" t="str">
            <v>管</v>
          </cell>
          <cell r="AC1171" t="str">
            <v/>
          </cell>
          <cell r="AD1171" t="str">
            <v/>
          </cell>
          <cell r="AE1171">
            <v>43251</v>
          </cell>
          <cell r="AF1171" t="str">
            <v/>
          </cell>
          <cell r="AG1171" t="str">
            <v>さく井</v>
          </cell>
          <cell r="AH1171" t="str">
            <v>一般</v>
          </cell>
          <cell r="AI1171">
            <v>719</v>
          </cell>
          <cell r="AJ1171">
            <v>262727</v>
          </cell>
          <cell r="AK1171" t="str">
            <v>1(1)/6/0</v>
          </cell>
          <cell r="AL1171" t="str">
            <v>管</v>
          </cell>
          <cell r="AM1171" t="str">
            <v>一般</v>
          </cell>
          <cell r="AN1171">
            <v>635</v>
          </cell>
          <cell r="AO1171">
            <v>37296</v>
          </cell>
          <cell r="AP1171" t="str">
            <v>1(1)/0/3</v>
          </cell>
          <cell r="AQ1171" t="str">
            <v/>
          </cell>
          <cell r="AR1171" t="str">
            <v/>
          </cell>
          <cell r="AS1171" t="str">
            <v/>
          </cell>
          <cell r="AT1171" t="str">
            <v/>
          </cell>
          <cell r="AU1171" t="str">
            <v/>
          </cell>
          <cell r="AV1171" t="str">
            <v/>
          </cell>
          <cell r="AW1171" t="str">
            <v/>
          </cell>
          <cell r="AX1171" t="str">
            <v/>
          </cell>
          <cell r="AY1171" t="str">
            <v/>
          </cell>
          <cell r="AZ1171" t="str">
            <v/>
          </cell>
          <cell r="BA1171" t="str">
            <v>大阪府</v>
          </cell>
          <cell r="CR1171">
            <v>6885</v>
          </cell>
          <cell r="CS1171" t="str">
            <v>ｲﾀﾐ ﾁﾎﾘ</v>
          </cell>
          <cell r="CT1171" t="str">
            <v>井民  千帆里</v>
          </cell>
          <cell r="CU1171" t="str">
            <v>保育課</v>
          </cell>
          <cell r="CW1171" t="str">
            <v xml:space="preserve"> </v>
          </cell>
          <cell r="CX1171" t="str">
            <v xml:space="preserve"> </v>
          </cell>
          <cell r="CY1171" t="str">
            <v>保育課長</v>
          </cell>
        </row>
        <row r="1172">
          <cell r="B1172">
            <v>4253</v>
          </cell>
          <cell r="C1172" t="str">
            <v>(株)森組</v>
          </cell>
          <cell r="D1172" t="str">
            <v>0797-87-9112</v>
          </cell>
          <cell r="E1172" t="str">
            <v>669-1101</v>
          </cell>
          <cell r="F1172" t="str">
            <v>兵庫県西宮市塩瀬町生瀬1131</v>
          </cell>
          <cell r="G1172" t="str">
            <v>大阪市</v>
          </cell>
          <cell r="H1172" t="str">
            <v>阪神営業所</v>
          </cell>
          <cell r="I1172" t="str">
            <v>所長 日浦　豊</v>
          </cell>
          <cell r="J1172" t="str">
            <v>大阪府大阪市</v>
          </cell>
          <cell r="K1172" t="str">
            <v>0797-87-8889</v>
          </cell>
          <cell r="L1172" t="str">
            <v>od-eigyo@morigumi.co.jp</v>
          </cell>
          <cell r="M1172" t="str">
            <v>ﾓﾘｸﾞﾐ</v>
          </cell>
          <cell r="N1172" t="str">
            <v>有</v>
          </cell>
          <cell r="O1172">
            <v>68</v>
          </cell>
          <cell r="P1172">
            <v>371</v>
          </cell>
          <cell r="Q1172">
            <v>4120001077567</v>
          </cell>
          <cell r="R1172">
            <v>1640000</v>
          </cell>
          <cell r="S1172">
            <v>8988000</v>
          </cell>
          <cell r="T1172">
            <v>34791000</v>
          </cell>
          <cell r="V1172" t="str">
            <v>rv206659</v>
          </cell>
          <cell r="W1172" t="str">
            <v>aq845640</v>
          </cell>
          <cell r="X1172" t="str">
            <v>(清)(建)(大)(左)(と)(石)(屋)(タ)(鋼)(鉄)(舗)(浚)(板)(ガ)(塗)(防)(内)(熱)(具)(水)土建大と石屋電管タ鋼鉄舗浚板ガ塗防内熱園具水</v>
          </cell>
          <cell r="Y1172" t="str">
            <v>(清)(建)(大)(左)(と)(石)(屋)(タ)(鋼)(鉄)(舗)(浚)(板)(ガ)(塗)(防)(内)(熱)(具)(水)</v>
          </cell>
          <cell r="Z1172" t="str">
            <v>土建大と石屋電管タ鋼鉄舗浚板ガ塗防内熱園具水</v>
          </cell>
          <cell r="AA1172" t="str">
            <v>土木一式</v>
          </cell>
          <cell r="AB1172" t="str">
            <v>建築一式</v>
          </cell>
          <cell r="AC1172" t="str">
            <v>水道施設</v>
          </cell>
          <cell r="AD1172" t="str">
            <v>鋼構造物</v>
          </cell>
          <cell r="AE1172">
            <v>43190</v>
          </cell>
          <cell r="AF1172" t="str">
            <v>希望する</v>
          </cell>
          <cell r="AG1172" t="str">
            <v>土木一式</v>
          </cell>
          <cell r="AH1172" t="str">
            <v/>
          </cell>
          <cell r="AI1172">
            <v>1481</v>
          </cell>
          <cell r="AJ1172">
            <v>15992572</v>
          </cell>
          <cell r="AK1172" t="str">
            <v>88(84)/5/4</v>
          </cell>
          <cell r="AL1172" t="str">
            <v>建築一式</v>
          </cell>
          <cell r="AM1172" t="str">
            <v/>
          </cell>
          <cell r="AN1172">
            <v>1481</v>
          </cell>
          <cell r="AO1172">
            <v>14948637</v>
          </cell>
          <cell r="AP1172" t="str">
            <v>102(81)/4/8</v>
          </cell>
          <cell r="AQ1172" t="str">
            <v>水道施設</v>
          </cell>
          <cell r="AR1172" t="str">
            <v/>
          </cell>
          <cell r="AS1172">
            <v>884</v>
          </cell>
          <cell r="AT1172" t="str">
            <v/>
          </cell>
          <cell r="AU1172" t="str">
            <v>0(0)/0/0</v>
          </cell>
          <cell r="AV1172" t="str">
            <v>鋼構造物</v>
          </cell>
          <cell r="AW1172" t="str">
            <v/>
          </cell>
          <cell r="AX1172">
            <v>936</v>
          </cell>
          <cell r="AY1172" t="str">
            <v/>
          </cell>
          <cell r="AZ1172" t="str">
            <v>4(2)/0/0</v>
          </cell>
          <cell r="BA1172" t="str">
            <v>大阪府</v>
          </cell>
          <cell r="CR1172">
            <v>6886</v>
          </cell>
          <cell r="CS1172" t="str">
            <v>ｵﾀﾞ ｱｻﾐ</v>
          </cell>
          <cell r="CT1172" t="str">
            <v>小田  愛冴望</v>
          </cell>
          <cell r="CU1172" t="str">
            <v>保育課</v>
          </cell>
          <cell r="CW1172" t="str">
            <v xml:space="preserve"> </v>
          </cell>
          <cell r="CX1172" t="str">
            <v xml:space="preserve"> </v>
          </cell>
          <cell r="CY1172" t="str">
            <v>保育課長</v>
          </cell>
        </row>
        <row r="1173">
          <cell r="B1173">
            <v>4254</v>
          </cell>
          <cell r="C1173" t="str">
            <v>株式会社森崎組</v>
          </cell>
          <cell r="D1173" t="str">
            <v>0791-45-0820</v>
          </cell>
          <cell r="E1173" t="str">
            <v>678-0222</v>
          </cell>
          <cell r="F1173" t="str">
            <v>兵庫県赤穂市東浜町61番地</v>
          </cell>
          <cell r="G1173" t="str">
            <v>赤穂市</v>
          </cell>
          <cell r="H1173" t="str">
            <v/>
          </cell>
          <cell r="I1173" t="str">
            <v>代表取締役　 森崎　祐輔</v>
          </cell>
          <cell r="J1173" t="str">
            <v>本店</v>
          </cell>
          <cell r="K1173" t="str">
            <v>0791-45-0347</v>
          </cell>
          <cell r="L1173" t="str">
            <v>morisaki@aioros.ocn.ne.jp</v>
          </cell>
          <cell r="M1173" t="str">
            <v>ｶﾌﾞｼｷｶﾞｲｼﾔﾓﾘｻｷｸﾞﾐ</v>
          </cell>
          <cell r="N1173" t="str">
            <v>無</v>
          </cell>
          <cell r="O1173">
            <v>49</v>
          </cell>
          <cell r="P1173">
            <v>27</v>
          </cell>
          <cell r="Q1173">
            <v>6140000000000</v>
          </cell>
          <cell r="R1173">
            <v>70000</v>
          </cell>
          <cell r="S1173">
            <v>1941674</v>
          </cell>
          <cell r="T1173">
            <v>2215242</v>
          </cell>
          <cell r="V1173" t="str">
            <v>rf823985</v>
          </cell>
          <cell r="W1173" t="str">
            <v>cr403277</v>
          </cell>
          <cell r="X1173" t="str">
            <v>(清)(建)(大)(左)(と)(石)(屋)(タ)(鋼)(鉄)(舗)(浚)(板)(ガ)(塗)(防)(内)(熱)(具)(水)土建大と石屋電管タ鋼鉄舗浚板ガ塗防内熱園具水</v>
          </cell>
          <cell r="Y1173" t="str">
            <v>(清)(建)(大)(左)(と)(石)(屋)(タ)(鋼)(鉄)(舗)(浚)(板)(ガ)(塗)(防)(内)(熱)(具)(水)</v>
          </cell>
          <cell r="Z1173" t="str">
            <v>土建大と石屋電管タ鋼鉄舗浚板ガ塗防内熱園具水</v>
          </cell>
          <cell r="AA1173" t="str">
            <v>土木一式</v>
          </cell>
          <cell r="AB1173" t="str">
            <v>舗装</v>
          </cell>
          <cell r="AC1173" t="str">
            <v>とび（法面）</v>
          </cell>
          <cell r="AD1173" t="str">
            <v>管</v>
          </cell>
          <cell r="AE1173">
            <v>43190</v>
          </cell>
          <cell r="AF1173" t="str">
            <v/>
          </cell>
          <cell r="AG1173" t="str">
            <v>土木一式</v>
          </cell>
          <cell r="AH1173">
            <v>2</v>
          </cell>
          <cell r="AI1173">
            <v>1104</v>
          </cell>
          <cell r="AJ1173">
            <v>1977279</v>
          </cell>
          <cell r="AK1173" t="str">
            <v>14/8/4</v>
          </cell>
          <cell r="AL1173" t="str">
            <v>舗装</v>
          </cell>
          <cell r="AM1173">
            <v>2</v>
          </cell>
          <cell r="AN1173">
            <v>980</v>
          </cell>
          <cell r="AO1173">
            <v>160294</v>
          </cell>
          <cell r="AP1173" t="str">
            <v>14/8/4</v>
          </cell>
          <cell r="AQ1173" t="str">
            <v>とび（法面）</v>
          </cell>
          <cell r="AR1173">
            <v>2</v>
          </cell>
          <cell r="AS1173">
            <v>878</v>
          </cell>
          <cell r="AT1173">
            <v>133235</v>
          </cell>
          <cell r="AU1173" t="str">
            <v>14/8/4</v>
          </cell>
          <cell r="AV1173" t="str">
            <v>管</v>
          </cell>
          <cell r="AW1173">
            <v>2</v>
          </cell>
          <cell r="AX1173">
            <v>829</v>
          </cell>
          <cell r="AY1173">
            <v>32618</v>
          </cell>
          <cell r="AZ1173" t="str">
            <v>3/0/1</v>
          </cell>
          <cell r="BA1173" t="str">
            <v>兵庫県</v>
          </cell>
          <cell r="CR1173">
            <v>6887</v>
          </cell>
          <cell r="CS1173" t="str">
            <v>ﾊﾞﾝﾄﾞｳ ｻﾔｶ</v>
          </cell>
          <cell r="CT1173" t="str">
            <v>坂東  沙耶香</v>
          </cell>
          <cell r="CU1173" t="str">
            <v>保育課</v>
          </cell>
          <cell r="CW1173" t="str">
            <v xml:space="preserve"> </v>
          </cell>
          <cell r="CX1173" t="str">
            <v xml:space="preserve"> </v>
          </cell>
          <cell r="CY1173" t="str">
            <v>保育課長</v>
          </cell>
        </row>
        <row r="1174">
          <cell r="B1174">
            <v>4255</v>
          </cell>
          <cell r="C1174" t="str">
            <v>(株)森田鉄工所</v>
          </cell>
          <cell r="D1174" t="str">
            <v>06-6262-8771</v>
          </cell>
          <cell r="E1174" t="str">
            <v>541-0053</v>
          </cell>
          <cell r="F1174" t="str">
            <v>大阪府大阪市中央区本町4丁目6番10号</v>
          </cell>
          <cell r="G1174" t="str">
            <v>幸手市</v>
          </cell>
          <cell r="H1174" t="str">
            <v>大阪営業支店</v>
          </cell>
          <cell r="I1174" t="str">
            <v>支店長 木村　新</v>
          </cell>
          <cell r="J1174" t="str">
            <v>埼玉県幸手市</v>
          </cell>
          <cell r="K1174" t="str">
            <v>06-6262-8776</v>
          </cell>
          <cell r="L1174" t="str">
            <v>osaka@morita-tekkousyo.co.jp</v>
          </cell>
          <cell r="M1174" t="str">
            <v>ﾓﾘﾀﾃｯｺｳｼｮ</v>
          </cell>
          <cell r="N1174" t="str">
            <v>有</v>
          </cell>
          <cell r="O1174">
            <v>101</v>
          </cell>
          <cell r="P1174">
            <v>174</v>
          </cell>
          <cell r="Q1174">
            <v>8030001031554</v>
          </cell>
          <cell r="R1174">
            <v>73500</v>
          </cell>
          <cell r="S1174">
            <v>159460</v>
          </cell>
          <cell r="T1174">
            <v>3563127</v>
          </cell>
          <cell r="V1174" t="str">
            <v>rs134166</v>
          </cell>
          <cell r="W1174" t="str">
            <v>gp441328</v>
          </cell>
          <cell r="X1174" t="str">
            <v>と電(電)(鋼)(機)(水)土鋼機水</v>
          </cell>
          <cell r="Y1174" t="str">
            <v>と電(電)(鋼)(機)(水)</v>
          </cell>
          <cell r="Z1174" t="str">
            <v>土鋼機水</v>
          </cell>
          <cell r="AA1174" t="str">
            <v>機械器具</v>
          </cell>
          <cell r="AB1174" t="str">
            <v>水道施設</v>
          </cell>
          <cell r="AC1174" t="str">
            <v>鋼構造物</v>
          </cell>
          <cell r="AD1174" t="str">
            <v/>
          </cell>
          <cell r="AE1174">
            <v>43190</v>
          </cell>
          <cell r="AF1174" t="str">
            <v/>
          </cell>
          <cell r="AG1174" t="str">
            <v>機械器具</v>
          </cell>
          <cell r="AH1174" t="str">
            <v>特定</v>
          </cell>
          <cell r="AI1174">
            <v>892</v>
          </cell>
          <cell r="AJ1174">
            <v>498271</v>
          </cell>
          <cell r="AK1174" t="str">
            <v>()//50</v>
          </cell>
          <cell r="AL1174" t="str">
            <v>水道施設</v>
          </cell>
          <cell r="AM1174" t="str">
            <v>特定</v>
          </cell>
          <cell r="AN1174">
            <v>861</v>
          </cell>
          <cell r="AO1174">
            <v>79373</v>
          </cell>
          <cell r="AP1174" t="str">
            <v>16(13)/9/5</v>
          </cell>
          <cell r="AQ1174" t="str">
            <v>鋼構造物</v>
          </cell>
          <cell r="AR1174" t="str">
            <v>特定</v>
          </cell>
          <cell r="AS1174">
            <v>771</v>
          </cell>
          <cell r="AT1174">
            <v>9954</v>
          </cell>
          <cell r="AU1174" t="str">
            <v>7(7)/3/3</v>
          </cell>
          <cell r="AV1174" t="str">
            <v/>
          </cell>
          <cell r="AW1174" t="str">
            <v/>
          </cell>
          <cell r="AX1174" t="str">
            <v/>
          </cell>
          <cell r="AY1174" t="str">
            <v/>
          </cell>
          <cell r="AZ1174" t="str">
            <v/>
          </cell>
          <cell r="BA1174" t="str">
            <v>埼玉県</v>
          </cell>
          <cell r="CR1174">
            <v>6888</v>
          </cell>
          <cell r="CS1174" t="str">
            <v>ﾂﾘ ﾄﾓｺ</v>
          </cell>
          <cell r="CT1174" t="str">
            <v>釣  友子</v>
          </cell>
          <cell r="CU1174" t="str">
            <v>保育課</v>
          </cell>
          <cell r="CW1174" t="str">
            <v xml:space="preserve"> </v>
          </cell>
          <cell r="CX1174" t="str">
            <v xml:space="preserve"> </v>
          </cell>
          <cell r="CY1174" t="str">
            <v>保育課長</v>
          </cell>
        </row>
        <row r="1175">
          <cell r="B1175">
            <v>4258</v>
          </cell>
          <cell r="C1175" t="str">
            <v>(株)森長組</v>
          </cell>
          <cell r="D1175" t="str">
            <v>078-304-1510</v>
          </cell>
          <cell r="E1175" t="str">
            <v>650-0047</v>
          </cell>
          <cell r="F1175" t="str">
            <v>兵庫県神戸市中央区港島南町3丁目3番地の2</v>
          </cell>
          <cell r="G1175" t="str">
            <v>南あわじ市</v>
          </cell>
          <cell r="H1175" t="str">
            <v>関西支店</v>
          </cell>
          <cell r="I1175" t="str">
            <v>取締役支店長 杣田　健一</v>
          </cell>
          <cell r="J1175" t="str">
            <v>兵庫県南あわじ市</v>
          </cell>
          <cell r="K1175" t="str">
            <v>078-304-1511</v>
          </cell>
          <cell r="L1175" t="str">
            <v>kobe-eigyo@moricho.co.jp</v>
          </cell>
          <cell r="M1175" t="str">
            <v>ﾓﾘﾁｮｳｸﾞﾐ</v>
          </cell>
          <cell r="N1175" t="str">
            <v>有</v>
          </cell>
          <cell r="O1175">
            <v>68</v>
          </cell>
          <cell r="P1175">
            <v>227</v>
          </cell>
          <cell r="Q1175">
            <v>8140001085820</v>
          </cell>
          <cell r="R1175">
            <v>480000</v>
          </cell>
          <cell r="S1175">
            <v>5322763</v>
          </cell>
          <cell r="T1175">
            <v>9520813</v>
          </cell>
          <cell r="V1175" t="str">
            <v>bd882356</v>
          </cell>
          <cell r="W1175" t="str">
            <v>qk469027</v>
          </cell>
          <cell r="X1175" t="str">
            <v>井(清)(建)(と)(石)(管)(鋼)(舗)(浚)(塗)(園)(水)(解)土建と石電管鋼舗浚塗園水解</v>
          </cell>
          <cell r="Y1175" t="str">
            <v>井(清)(建)(と)(石)(管)(鋼)(舗)(浚)(塗)(園)(水)(解)</v>
          </cell>
          <cell r="Z1175" t="str">
            <v>土建と石電管鋼舗浚塗園水解</v>
          </cell>
          <cell r="AA1175" t="str">
            <v>土木一式</v>
          </cell>
          <cell r="AB1175" t="str">
            <v>建築一式</v>
          </cell>
          <cell r="AC1175" t="str">
            <v>水道施設</v>
          </cell>
          <cell r="AD1175" t="str">
            <v>舗装</v>
          </cell>
          <cell r="AE1175">
            <v>43251</v>
          </cell>
          <cell r="AF1175" t="str">
            <v>希望する</v>
          </cell>
          <cell r="AG1175" t="str">
            <v>土木一式</v>
          </cell>
          <cell r="AH1175" t="str">
            <v>特定</v>
          </cell>
          <cell r="AI1175">
            <v>1303</v>
          </cell>
          <cell r="AJ1175">
            <v>6511085</v>
          </cell>
          <cell r="AK1175" t="str">
            <v>102(70)/20/0</v>
          </cell>
          <cell r="AL1175" t="str">
            <v>建築一式</v>
          </cell>
          <cell r="AM1175" t="str">
            <v>特定</v>
          </cell>
          <cell r="AN1175">
            <v>1215</v>
          </cell>
          <cell r="AO1175">
            <v>2817291</v>
          </cell>
          <cell r="AP1175" t="str">
            <v>42(30)/6/0</v>
          </cell>
          <cell r="AQ1175" t="str">
            <v>水道施設</v>
          </cell>
          <cell r="AR1175" t="str">
            <v>特定</v>
          </cell>
          <cell r="AS1175">
            <v>1003</v>
          </cell>
          <cell r="AT1175">
            <v>235941</v>
          </cell>
          <cell r="AU1175" t="str">
            <v>7(5)/0/0</v>
          </cell>
          <cell r="AV1175" t="str">
            <v>舗装</v>
          </cell>
          <cell r="AW1175" t="str">
            <v>特定</v>
          </cell>
          <cell r="AX1175">
            <v>1100</v>
          </cell>
          <cell r="AY1175">
            <v>3677</v>
          </cell>
          <cell r="AZ1175" t="str">
            <v>32(18)/17/0</v>
          </cell>
          <cell r="BA1175" t="str">
            <v>兵庫県</v>
          </cell>
          <cell r="CR1175">
            <v>6889</v>
          </cell>
          <cell r="CS1175" t="str">
            <v>ﾅｶﾑﾗ ﾁﾖ</v>
          </cell>
          <cell r="CT1175" t="str">
            <v>中村  千代</v>
          </cell>
          <cell r="CU1175" t="str">
            <v>保育課</v>
          </cell>
          <cell r="CW1175" t="str">
            <v xml:space="preserve"> </v>
          </cell>
          <cell r="CX1175" t="str">
            <v xml:space="preserve"> </v>
          </cell>
          <cell r="CY1175" t="str">
            <v>保育課長</v>
          </cell>
        </row>
        <row r="1176">
          <cell r="B1176">
            <v>4259</v>
          </cell>
          <cell r="C1176" t="str">
            <v>森鉄工(株)</v>
          </cell>
          <cell r="D1176" t="str">
            <v>06-6787-1516</v>
          </cell>
          <cell r="E1176" t="str">
            <v>577-0017</v>
          </cell>
          <cell r="F1176" t="str">
            <v>大阪府東大阪市藤戸新田2-6-17</v>
          </cell>
          <cell r="G1176" t="str">
            <v>東大阪市</v>
          </cell>
          <cell r="H1176" t="str">
            <v/>
          </cell>
          <cell r="I1176" t="str">
            <v>代表取締役 森　祥道</v>
          </cell>
          <cell r="J1176" t="str">
            <v>本店</v>
          </cell>
          <cell r="K1176" t="str">
            <v>06-6783-3179</v>
          </cell>
          <cell r="L1176" t="str">
            <v>mori@moritekko.co.jp</v>
          </cell>
          <cell r="M1176" t="str">
            <v>ﾓﾘﾃｯｺｳ</v>
          </cell>
          <cell r="N1176" t="str">
            <v>無</v>
          </cell>
          <cell r="O1176">
            <v>50</v>
          </cell>
          <cell r="P1176">
            <v>2</v>
          </cell>
          <cell r="Q1176">
            <v>3122001007728</v>
          </cell>
          <cell r="R1176">
            <v>15000</v>
          </cell>
          <cell r="S1176">
            <v>-16375</v>
          </cell>
          <cell r="T1176">
            <v>74641</v>
          </cell>
          <cell r="V1176" t="str">
            <v>sn681932</v>
          </cell>
          <cell r="W1176" t="str">
            <v>mw708856</v>
          </cell>
          <cell r="X1176" t="str">
            <v>土と石鋼舗水</v>
          </cell>
          <cell r="Y1176" t="str">
            <v>土と石鋼舗水</v>
          </cell>
          <cell r="Z1176" t="str">
            <v/>
          </cell>
          <cell r="AA1176" t="str">
            <v>鋼構造物</v>
          </cell>
          <cell r="AB1176" t="str">
            <v>機械器具</v>
          </cell>
          <cell r="AC1176" t="str">
            <v/>
          </cell>
          <cell r="AD1176" t="str">
            <v/>
          </cell>
          <cell r="AE1176">
            <v>42972</v>
          </cell>
          <cell r="AF1176" t="str">
            <v/>
          </cell>
          <cell r="AG1176" t="str">
            <v>鋼構造物</v>
          </cell>
          <cell r="AH1176" t="str">
            <v>一般</v>
          </cell>
          <cell r="AI1176">
            <v>574</v>
          </cell>
          <cell r="AJ1176">
            <v>53819</v>
          </cell>
          <cell r="AK1176" t="str">
            <v>0(0)/2/0</v>
          </cell>
          <cell r="AL1176" t="str">
            <v>機械器具</v>
          </cell>
          <cell r="AM1176" t="str">
            <v>一般</v>
          </cell>
          <cell r="AN1176">
            <v>534</v>
          </cell>
          <cell r="AO1176" t="str">
            <v/>
          </cell>
          <cell r="AP1176" t="str">
            <v>0(0)/1/0</v>
          </cell>
          <cell r="AQ1176" t="str">
            <v/>
          </cell>
          <cell r="AR1176" t="str">
            <v/>
          </cell>
          <cell r="AS1176" t="str">
            <v/>
          </cell>
          <cell r="AT1176" t="str">
            <v/>
          </cell>
          <cell r="AU1176" t="str">
            <v/>
          </cell>
          <cell r="AV1176" t="str">
            <v/>
          </cell>
          <cell r="AW1176" t="str">
            <v/>
          </cell>
          <cell r="AX1176" t="str">
            <v/>
          </cell>
          <cell r="AY1176" t="str">
            <v/>
          </cell>
          <cell r="AZ1176" t="str">
            <v/>
          </cell>
          <cell r="BA1176" t="str">
            <v>大阪府</v>
          </cell>
          <cell r="CR1176">
            <v>6890</v>
          </cell>
          <cell r="CS1176" t="str">
            <v>ﾔﾏﾓﾄ ﾐﾂﾞｷ</v>
          </cell>
          <cell r="CT1176" t="str">
            <v>山本  美月</v>
          </cell>
          <cell r="CU1176" t="str">
            <v>こども福祉課</v>
          </cell>
          <cell r="CW1176" t="str">
            <v xml:space="preserve"> </v>
          </cell>
          <cell r="CX1176" t="str">
            <v xml:space="preserve"> </v>
          </cell>
          <cell r="CY1176" t="str">
            <v>こども福祉課長</v>
          </cell>
        </row>
        <row r="1177">
          <cell r="B1177">
            <v>4260</v>
          </cell>
          <cell r="C1177" t="str">
            <v>(株)森長工務店</v>
          </cell>
          <cell r="D1177" t="str">
            <v>06-6952-3331</v>
          </cell>
          <cell r="E1177" t="str">
            <v>535-0003</v>
          </cell>
          <cell r="F1177" t="str">
            <v>大阪府大阪市旭区中宮1-1-11</v>
          </cell>
          <cell r="G1177" t="str">
            <v>大阪市</v>
          </cell>
          <cell r="H1177" t="str">
            <v/>
          </cell>
          <cell r="I1177" t="str">
            <v>代表取締役　 森長　敬</v>
          </cell>
          <cell r="J1177" t="str">
            <v>本店</v>
          </cell>
          <cell r="K1177" t="str">
            <v>06-6953-5631</v>
          </cell>
          <cell r="L1177" t="str">
            <v>m-isui@morinaga-net.co.jp</v>
          </cell>
          <cell r="M1177" t="str">
            <v>ﾓﾘﾅｶﾞｺｳﾑﾃﾝ</v>
          </cell>
          <cell r="N1177" t="str">
            <v>無</v>
          </cell>
          <cell r="O1177">
            <v>68</v>
          </cell>
          <cell r="P1177">
            <v>40</v>
          </cell>
          <cell r="Q1177">
            <v>3120000000000</v>
          </cell>
          <cell r="R1177">
            <v>94400</v>
          </cell>
          <cell r="S1177">
            <v>6289321</v>
          </cell>
          <cell r="T1177">
            <v>4647200</v>
          </cell>
          <cell r="V1177" t="str">
            <v>mb358270</v>
          </cell>
          <cell r="W1177" t="str">
            <v>bu880936</v>
          </cell>
          <cell r="X1177" t="str">
            <v>土と石鋼舗水</v>
          </cell>
          <cell r="Y1177" t="str">
            <v>土と石鋼舗水</v>
          </cell>
          <cell r="Z1177" t="str">
            <v/>
          </cell>
          <cell r="AA1177" t="str">
            <v>建築一式</v>
          </cell>
          <cell r="AB1177" t="str">
            <v>解体</v>
          </cell>
          <cell r="AC1177" t="str">
            <v/>
          </cell>
          <cell r="AD1177" t="str">
            <v/>
          </cell>
          <cell r="AE1177">
            <v>43190</v>
          </cell>
          <cell r="AF1177" t="str">
            <v>希望しない</v>
          </cell>
          <cell r="AG1177" t="str">
            <v>建築一式</v>
          </cell>
          <cell r="AH1177" t="str">
            <v>特定</v>
          </cell>
          <cell r="AI1177">
            <v>1215</v>
          </cell>
          <cell r="AJ1177">
            <v>4593124</v>
          </cell>
          <cell r="AK1177" t="str">
            <v>23(20)/0/5</v>
          </cell>
          <cell r="AL1177" t="str">
            <v>解体</v>
          </cell>
          <cell r="AM1177" t="str">
            <v>特定</v>
          </cell>
          <cell r="AN1177">
            <v>997</v>
          </cell>
          <cell r="AO1177">
            <v>54075</v>
          </cell>
          <cell r="AP1177" t="str">
            <v>18(15)/0/0</v>
          </cell>
          <cell r="AQ1177" t="str">
            <v/>
          </cell>
          <cell r="AR1177" t="str">
            <v/>
          </cell>
          <cell r="AS1177" t="str">
            <v/>
          </cell>
          <cell r="AT1177" t="str">
            <v/>
          </cell>
          <cell r="AU1177" t="str">
            <v/>
          </cell>
          <cell r="AV1177" t="str">
            <v/>
          </cell>
          <cell r="AW1177" t="str">
            <v/>
          </cell>
          <cell r="AX1177" t="str">
            <v/>
          </cell>
          <cell r="AY1177" t="str">
            <v/>
          </cell>
          <cell r="AZ1177" t="str">
            <v/>
          </cell>
          <cell r="BA1177" t="str">
            <v>大阪府</v>
          </cell>
          <cell r="CR1177">
            <v>6897</v>
          </cell>
          <cell r="CS1177" t="str">
            <v>ｸｽﾓﾄ ｷｲﾁ</v>
          </cell>
          <cell r="CT1177" t="str">
            <v>楠本  揮一</v>
          </cell>
          <cell r="CU1177" t="str">
            <v>工務課</v>
          </cell>
          <cell r="CW1177" t="str">
            <v xml:space="preserve"> </v>
          </cell>
          <cell r="CX1177" t="str">
            <v xml:space="preserve"> </v>
          </cell>
          <cell r="CY1177" t="str">
            <v>工務課長</v>
          </cell>
        </row>
        <row r="1178">
          <cell r="B1178">
            <v>4261</v>
          </cell>
          <cell r="C1178" t="str">
            <v>森松工業(株)</v>
          </cell>
          <cell r="D1178" t="str">
            <v>058-323-0333</v>
          </cell>
          <cell r="E1178" t="str">
            <v>501-0413</v>
          </cell>
          <cell r="F1178" t="str">
            <v>岐阜県本巣市見延1430-8</v>
          </cell>
          <cell r="G1178" t="str">
            <v>本巣市</v>
          </cell>
          <cell r="H1178" t="str">
            <v/>
          </cell>
          <cell r="I1178" t="str">
            <v>代表取締役社長 松久　晃基</v>
          </cell>
          <cell r="J1178" t="str">
            <v>本店</v>
          </cell>
          <cell r="K1178" t="str">
            <v>058-323-4969</v>
          </cell>
          <cell r="L1178" t="str">
            <v>hiroki.takeda@morimatsu.jp</v>
          </cell>
          <cell r="M1178" t="str">
            <v>ﾓﾘﾏﾂｺｳｷﾞｮｳ</v>
          </cell>
          <cell r="N1178" t="str">
            <v>無</v>
          </cell>
          <cell r="O1178">
            <v>44</v>
          </cell>
          <cell r="P1178">
            <v>691</v>
          </cell>
          <cell r="Q1178">
            <v>3200001010256</v>
          </cell>
          <cell r="R1178">
            <v>100000</v>
          </cell>
          <cell r="S1178">
            <v>17111899</v>
          </cell>
          <cell r="T1178">
            <v>17909527</v>
          </cell>
          <cell r="V1178" t="str">
            <v>cp145929</v>
          </cell>
          <cell r="W1178" t="str">
            <v>vr792616</v>
          </cell>
          <cell r="X1178" t="str">
            <v>電機土建と管鋼水</v>
          </cell>
          <cell r="Y1178" t="str">
            <v>電機</v>
          </cell>
          <cell r="Z1178" t="str">
            <v>土建と管鋼水</v>
          </cell>
          <cell r="AA1178" t="str">
            <v>水道施設</v>
          </cell>
          <cell r="AB1178" t="str">
            <v>鋼構造物</v>
          </cell>
          <cell r="AC1178" t="str">
            <v/>
          </cell>
          <cell r="AD1178" t="str">
            <v/>
          </cell>
          <cell r="AE1178">
            <v>43100</v>
          </cell>
          <cell r="AF1178" t="str">
            <v>希望しない</v>
          </cell>
          <cell r="AG1178" t="str">
            <v>水道施設</v>
          </cell>
          <cell r="AH1178" t="str">
            <v>特定</v>
          </cell>
          <cell r="AI1178">
            <v>1368</v>
          </cell>
          <cell r="AJ1178">
            <v>9630466</v>
          </cell>
          <cell r="AK1178" t="str">
            <v>49(49)/18/8</v>
          </cell>
          <cell r="AL1178" t="str">
            <v>鋼構造物</v>
          </cell>
          <cell r="AM1178" t="str">
            <v>特定</v>
          </cell>
          <cell r="AN1178">
            <v>1131</v>
          </cell>
          <cell r="AO1178">
            <v>200433</v>
          </cell>
          <cell r="AP1178" t="str">
            <v>47(47)/17/0</v>
          </cell>
          <cell r="AQ1178" t="str">
            <v/>
          </cell>
          <cell r="AR1178" t="str">
            <v/>
          </cell>
          <cell r="AS1178" t="str">
            <v/>
          </cell>
          <cell r="AT1178" t="str">
            <v/>
          </cell>
          <cell r="AU1178" t="str">
            <v/>
          </cell>
          <cell r="AV1178" t="str">
            <v/>
          </cell>
          <cell r="AW1178" t="str">
            <v/>
          </cell>
          <cell r="AX1178" t="str">
            <v/>
          </cell>
          <cell r="AY1178" t="str">
            <v/>
          </cell>
          <cell r="AZ1178" t="str">
            <v/>
          </cell>
          <cell r="BA1178" t="str">
            <v>岐阜県</v>
          </cell>
          <cell r="CR1178">
            <v>6898</v>
          </cell>
          <cell r="CS1178" t="str">
            <v>ﾏﾂｼﾀ ﾖｼﾋﾄ</v>
          </cell>
          <cell r="CT1178" t="str">
            <v>松下  悦士</v>
          </cell>
          <cell r="CU1178" t="str">
            <v>工務課</v>
          </cell>
          <cell r="CW1178" t="str">
            <v xml:space="preserve"> </v>
          </cell>
          <cell r="CX1178" t="str">
            <v xml:space="preserve"> </v>
          </cell>
          <cell r="CY1178" t="str">
            <v>工務課長</v>
          </cell>
        </row>
        <row r="1179">
          <cell r="B1179">
            <v>4262</v>
          </cell>
          <cell r="C1179" t="str">
            <v>(株)森本組</v>
          </cell>
          <cell r="D1179" t="str">
            <v>06-7711-8819</v>
          </cell>
          <cell r="E1179" t="str">
            <v>541-8517</v>
          </cell>
          <cell r="F1179" t="str">
            <v>大阪府大阪市中央区南本町2-6-12</v>
          </cell>
          <cell r="G1179" t="str">
            <v>大阪市</v>
          </cell>
          <cell r="H1179" t="str">
            <v>大阪支店</v>
          </cell>
          <cell r="I1179" t="str">
            <v>執行役員支店長 青木　宏文</v>
          </cell>
          <cell r="J1179" t="str">
            <v>大阪府大阪市</v>
          </cell>
          <cell r="K1179" t="str">
            <v>06-7711-8831</v>
          </cell>
          <cell r="L1179" t="str">
            <v>osaka1@morimotogumi.jp</v>
          </cell>
          <cell r="M1179" t="str">
            <v>ﾓﾘﾓﾄｸﾞﾐ</v>
          </cell>
          <cell r="N1179" t="str">
            <v>有</v>
          </cell>
          <cell r="O1179">
            <v>14</v>
          </cell>
          <cell r="P1179">
            <v>438</v>
          </cell>
          <cell r="Q1179">
            <v>7120001106637</v>
          </cell>
          <cell r="R1179">
            <v>2000000</v>
          </cell>
          <cell r="S1179">
            <v>11295227</v>
          </cell>
          <cell r="T1179">
            <v>38002470</v>
          </cell>
          <cell r="V1179" t="str">
            <v>mp852354</v>
          </cell>
          <cell r="W1179" t="str">
            <v>gg402314</v>
          </cell>
          <cell r="X1179" t="str">
            <v>(清)(建)(大)(と)(石)(屋)(管)(タ)(鋼)(舗)(浚)(内)(園)(水)土建大と石屋電管タ鋼舗浚内園水</v>
          </cell>
          <cell r="Y1179" t="str">
            <v>(清)(建)(大)(と)(石)(屋)(管)(タ)(鋼)(舗)(浚)(内)(園)(水)</v>
          </cell>
          <cell r="Z1179" t="str">
            <v>土建大と石屋電管タ鋼舗浚内園水</v>
          </cell>
          <cell r="AA1179" t="str">
            <v>土木一式</v>
          </cell>
          <cell r="AB1179" t="str">
            <v>建築一式</v>
          </cell>
          <cell r="AC1179" t="str">
            <v>水道施設</v>
          </cell>
          <cell r="AD1179" t="str">
            <v/>
          </cell>
          <cell r="AE1179">
            <v>43190</v>
          </cell>
          <cell r="AF1179" t="str">
            <v>希望しない</v>
          </cell>
          <cell r="AG1179" t="str">
            <v>土木一式</v>
          </cell>
          <cell r="AH1179" t="str">
            <v/>
          </cell>
          <cell r="AI1179">
            <v>1504</v>
          </cell>
          <cell r="AJ1179">
            <v>21904350</v>
          </cell>
          <cell r="AK1179" t="str">
            <v>205(199)/15/</v>
          </cell>
          <cell r="AL1179" t="str">
            <v>建築一式</v>
          </cell>
          <cell r="AM1179" t="str">
            <v/>
          </cell>
          <cell r="AN1179">
            <v>1462</v>
          </cell>
          <cell r="AO1179">
            <v>16625594</v>
          </cell>
          <cell r="AP1179" t="str">
            <v>111(104)/113/</v>
          </cell>
          <cell r="AQ1179" t="str">
            <v>水道施設</v>
          </cell>
          <cell r="AR1179" t="str">
            <v/>
          </cell>
          <cell r="AS1179">
            <v>1191</v>
          </cell>
          <cell r="AT1179">
            <v>493587</v>
          </cell>
          <cell r="AU1179" t="str">
            <v>56(54)/0/</v>
          </cell>
          <cell r="AV1179" t="str">
            <v/>
          </cell>
          <cell r="AW1179" t="str">
            <v/>
          </cell>
          <cell r="AX1179" t="str">
            <v/>
          </cell>
          <cell r="AY1179" t="str">
            <v/>
          </cell>
          <cell r="AZ1179" t="str">
            <v/>
          </cell>
          <cell r="BA1179" t="str">
            <v>大阪府</v>
          </cell>
          <cell r="CR1179">
            <v>6899</v>
          </cell>
          <cell r="CS1179" t="str">
            <v>ﾏﾂｼﾀ ﾀｶﾕｷ</v>
          </cell>
          <cell r="CT1179" t="str">
            <v>松下  高之</v>
          </cell>
          <cell r="CU1179" t="str">
            <v>浄水課</v>
          </cell>
          <cell r="CW1179" t="str">
            <v xml:space="preserve"> </v>
          </cell>
          <cell r="CX1179" t="str">
            <v xml:space="preserve"> </v>
          </cell>
          <cell r="CY1179" t="str">
            <v>浄水課長</v>
          </cell>
        </row>
        <row r="1180">
          <cell r="B1180">
            <v>4264</v>
          </cell>
          <cell r="C1180" t="str">
            <v>(株)森津工務店</v>
          </cell>
          <cell r="D1180" t="str">
            <v>0795-76-0020</v>
          </cell>
          <cell r="E1180" t="str">
            <v>669-3166</v>
          </cell>
          <cell r="F1180" t="str">
            <v>兵庫県丹波市山南町小野尻334-1</v>
          </cell>
          <cell r="G1180" t="str">
            <v>丹波市</v>
          </cell>
          <cell r="H1180" t="str">
            <v/>
          </cell>
          <cell r="I1180" t="str">
            <v>代表取締役 森津　英三</v>
          </cell>
          <cell r="J1180" t="str">
            <v>本店</v>
          </cell>
          <cell r="K1180" t="str">
            <v>0795-76-1976</v>
          </cell>
          <cell r="L1180" t="str">
            <v>moritsu@oak.ocn.ne.jp</v>
          </cell>
          <cell r="M1180" t="str">
            <v>ﾓﾘﾂｺｳﾑﾃﾝ</v>
          </cell>
          <cell r="N1180" t="str">
            <v>無</v>
          </cell>
          <cell r="O1180">
            <v>68</v>
          </cell>
          <cell r="P1180">
            <v>24</v>
          </cell>
          <cell r="Q1180">
            <v>1140001041350</v>
          </cell>
          <cell r="R1180">
            <v>35000</v>
          </cell>
          <cell r="S1180">
            <v>414202</v>
          </cell>
          <cell r="T1180">
            <v>956657</v>
          </cell>
          <cell r="V1180" t="str">
            <v>kw769532</v>
          </cell>
          <cell r="W1180" t="str">
            <v>mk588614</v>
          </cell>
          <cell r="X1180" t="str">
            <v>園土建大と屋管タ鋼鉄舗塗防水解</v>
          </cell>
          <cell r="Y1180" t="str">
            <v>園</v>
          </cell>
          <cell r="Z1180" t="str">
            <v>土建大と屋管タ鋼鉄舗塗防水解</v>
          </cell>
          <cell r="AA1180" t="str">
            <v>建築一式</v>
          </cell>
          <cell r="AB1180" t="str">
            <v>土木一式</v>
          </cell>
          <cell r="AC1180" t="str">
            <v>舗装</v>
          </cell>
          <cell r="AD1180" t="str">
            <v>管</v>
          </cell>
          <cell r="AE1180">
            <v>43251</v>
          </cell>
          <cell r="AF1180" t="str">
            <v/>
          </cell>
          <cell r="AG1180" t="str">
            <v>建築一式</v>
          </cell>
          <cell r="AH1180" t="str">
            <v>特定</v>
          </cell>
          <cell r="AI1180">
            <v>944</v>
          </cell>
          <cell r="AJ1180">
            <v>941865</v>
          </cell>
          <cell r="AK1180" t="str">
            <v>4(4)/5/11</v>
          </cell>
          <cell r="AL1180" t="str">
            <v>土木一式</v>
          </cell>
          <cell r="AM1180" t="str">
            <v>特定</v>
          </cell>
          <cell r="AN1180">
            <v>914</v>
          </cell>
          <cell r="AO1180">
            <v>386365</v>
          </cell>
          <cell r="AP1180" t="str">
            <v>6(5)/7/5</v>
          </cell>
          <cell r="AQ1180" t="str">
            <v>舗装</v>
          </cell>
          <cell r="AR1180" t="str">
            <v>特定</v>
          </cell>
          <cell r="AS1180">
            <v>820</v>
          </cell>
          <cell r="AT1180">
            <v>65164</v>
          </cell>
          <cell r="AU1180" t="str">
            <v>5(5)/0/0</v>
          </cell>
          <cell r="AV1180" t="str">
            <v>管</v>
          </cell>
          <cell r="AW1180" t="str">
            <v>特定</v>
          </cell>
          <cell r="AX1180">
            <v>687</v>
          </cell>
          <cell r="AY1180">
            <v>892</v>
          </cell>
          <cell r="AZ1180" t="str">
            <v>1(0)/1/0</v>
          </cell>
          <cell r="BA1180" t="str">
            <v>兵庫県</v>
          </cell>
          <cell r="CR1180">
            <v>6921</v>
          </cell>
          <cell r="CS1180" t="str">
            <v>ｲｲｼﾞﾏ ﾀﾞｲﾁ</v>
          </cell>
          <cell r="CT1180" t="str">
            <v>飯島  大地</v>
          </cell>
          <cell r="CU1180" t="str">
            <v>保育課</v>
          </cell>
          <cell r="CW1180" t="str">
            <v xml:space="preserve"> </v>
          </cell>
          <cell r="CX1180" t="str">
            <v xml:space="preserve"> </v>
          </cell>
          <cell r="CY1180" t="str">
            <v>保育課長</v>
          </cell>
        </row>
        <row r="1181">
          <cell r="B1181">
            <v>4268</v>
          </cell>
          <cell r="C1181" t="str">
            <v>(株)森岡組</v>
          </cell>
          <cell r="D1181" t="str">
            <v>0747-23-5111</v>
          </cell>
          <cell r="E1181" t="str">
            <v>637-0014</v>
          </cell>
          <cell r="F1181" t="str">
            <v>奈良県五條市住川町91-5</v>
          </cell>
          <cell r="G1181" t="str">
            <v>五條市</v>
          </cell>
          <cell r="H1181" t="str">
            <v/>
          </cell>
          <cell r="I1181" t="str">
            <v>代表取締役 川田　昌宏</v>
          </cell>
          <cell r="J1181" t="str">
            <v>本店</v>
          </cell>
          <cell r="K1181" t="str">
            <v>0747-23-5118</v>
          </cell>
          <cell r="L1181" t="str">
            <v>morioka@fine.ocn.ne.jp</v>
          </cell>
          <cell r="M1181" t="str">
            <v>ﾓﾘｵｶｸﾞﾐ</v>
          </cell>
          <cell r="N1181" t="str">
            <v>無</v>
          </cell>
          <cell r="O1181">
            <v>60</v>
          </cell>
          <cell r="P1181">
            <v>46</v>
          </cell>
          <cell r="Q1181">
            <v>1150001015618</v>
          </cell>
          <cell r="R1181">
            <v>40000</v>
          </cell>
          <cell r="S1181">
            <v>319404</v>
          </cell>
          <cell r="T1181">
            <v>1543757</v>
          </cell>
          <cell r="V1181" t="str">
            <v>qd142536</v>
          </cell>
          <cell r="W1181" t="str">
            <v>hn415789</v>
          </cell>
          <cell r="X1181" t="str">
            <v>管土建と石鋼鉄舗浚塗防水解</v>
          </cell>
          <cell r="Y1181" t="str">
            <v>管</v>
          </cell>
          <cell r="Z1181" t="str">
            <v>土建と石鋼鉄舗浚塗防水解</v>
          </cell>
          <cell r="AA1181" t="str">
            <v>土木一式</v>
          </cell>
          <cell r="AB1181" t="str">
            <v>管</v>
          </cell>
          <cell r="AC1181" t="str">
            <v>水道施設</v>
          </cell>
          <cell r="AD1181" t="str">
            <v>舗装</v>
          </cell>
          <cell r="AE1181">
            <v>43312</v>
          </cell>
          <cell r="AF1181" t="str">
            <v>希望する</v>
          </cell>
          <cell r="AG1181" t="str">
            <v>土木一式</v>
          </cell>
          <cell r="AH1181" t="str">
            <v>特定</v>
          </cell>
          <cell r="AI1181">
            <v>1026</v>
          </cell>
          <cell r="AJ1181">
            <v>1552721</v>
          </cell>
          <cell r="AK1181" t="str">
            <v>16(15)/4/5</v>
          </cell>
          <cell r="AL1181" t="str">
            <v>管</v>
          </cell>
          <cell r="AM1181" t="str">
            <v>一般</v>
          </cell>
          <cell r="AN1181">
            <v>769</v>
          </cell>
          <cell r="AO1181">
            <v>29165</v>
          </cell>
          <cell r="AP1181" t="str">
            <v>0(0)/2/4</v>
          </cell>
          <cell r="AQ1181" t="str">
            <v>水道施設</v>
          </cell>
          <cell r="AR1181" t="str">
            <v>特定</v>
          </cell>
          <cell r="AS1181">
            <v>851</v>
          </cell>
          <cell r="AT1181">
            <v>23340</v>
          </cell>
          <cell r="AU1181" t="str">
            <v>7(7)/3/1</v>
          </cell>
          <cell r="AV1181" t="str">
            <v>舗装</v>
          </cell>
          <cell r="AW1181" t="str">
            <v>特定</v>
          </cell>
          <cell r="AX1181">
            <v>789</v>
          </cell>
          <cell r="AY1181">
            <v>2675</v>
          </cell>
          <cell r="AZ1181" t="str">
            <v>7(6)/0/0</v>
          </cell>
          <cell r="BA1181" t="str">
            <v>奈良県</v>
          </cell>
          <cell r="CR1181">
            <v>6922</v>
          </cell>
          <cell r="CS1181" t="str">
            <v>ﾓﾘﾄﾞﾉ ﾁｻﾄ</v>
          </cell>
          <cell r="CT1181" t="str">
            <v>守殿  千里</v>
          </cell>
          <cell r="CU1181" t="str">
            <v>保育課</v>
          </cell>
          <cell r="CW1181" t="str">
            <v xml:space="preserve"> </v>
          </cell>
          <cell r="CX1181" t="str">
            <v xml:space="preserve"> </v>
          </cell>
          <cell r="CY1181" t="str">
            <v>保育課長</v>
          </cell>
        </row>
        <row r="1182">
          <cell r="B1182">
            <v>4269</v>
          </cell>
          <cell r="C1182" t="str">
            <v>モリヤマ電機通信工業(株)</v>
          </cell>
          <cell r="D1182" t="str">
            <v>078-452-5393</v>
          </cell>
          <cell r="E1182" t="str">
            <v>658-0016</v>
          </cell>
          <cell r="F1182" t="str">
            <v>兵庫県神戸市東灘区本山中町3-6-22-103</v>
          </cell>
          <cell r="G1182" t="str">
            <v>神戸市</v>
          </cell>
          <cell r="H1182" t="str">
            <v/>
          </cell>
          <cell r="I1182" t="str">
            <v>代表取締役 森山　実</v>
          </cell>
          <cell r="J1182" t="str">
            <v>本店</v>
          </cell>
          <cell r="K1182" t="str">
            <v>078-452-5394</v>
          </cell>
          <cell r="L1182" t="str">
            <v>moriyama@trust-it.co.jp</v>
          </cell>
          <cell r="M1182" t="str">
            <v>ﾓﾘﾔﾏﾃﾞﾝｷﾂｳｼﾝｺｳｷﾞｮｳ</v>
          </cell>
          <cell r="N1182" t="str">
            <v>無</v>
          </cell>
          <cell r="O1182">
            <v>1</v>
          </cell>
          <cell r="P1182">
            <v>1</v>
          </cell>
          <cell r="Q1182">
            <v>2140001098209</v>
          </cell>
          <cell r="R1182">
            <v>10000</v>
          </cell>
          <cell r="S1182">
            <v>15670</v>
          </cell>
          <cell r="T1182">
            <v>173052</v>
          </cell>
          <cell r="V1182" t="str">
            <v>yk167966</v>
          </cell>
          <cell r="W1182" t="str">
            <v>ra171497</v>
          </cell>
          <cell r="X1182" t="str">
            <v>電通消</v>
          </cell>
          <cell r="Y1182" t="str">
            <v>電通消</v>
          </cell>
          <cell r="Z1182" t="str">
            <v/>
          </cell>
          <cell r="AA1182" t="str">
            <v>電気通信</v>
          </cell>
          <cell r="AB1182" t="str">
            <v>電気</v>
          </cell>
          <cell r="AC1182" t="str">
            <v>消防施設</v>
          </cell>
          <cell r="AD1182" t="str">
            <v/>
          </cell>
          <cell r="AE1182">
            <v>42947</v>
          </cell>
          <cell r="AF1182" t="str">
            <v>希望しない</v>
          </cell>
          <cell r="AG1182" t="str">
            <v>電気通信</v>
          </cell>
          <cell r="AH1182" t="str">
            <v>一般</v>
          </cell>
          <cell r="AI1182">
            <v>616</v>
          </cell>
          <cell r="AJ1182">
            <v>74933</v>
          </cell>
          <cell r="AK1182" t="str">
            <v>0(0)/0/0</v>
          </cell>
          <cell r="AL1182" t="str">
            <v>電気</v>
          </cell>
          <cell r="AM1182" t="str">
            <v>一般</v>
          </cell>
          <cell r="AN1182">
            <v>590</v>
          </cell>
          <cell r="AO1182">
            <v>18722</v>
          </cell>
          <cell r="AP1182" t="str">
            <v>0(0)/1/0</v>
          </cell>
          <cell r="AQ1182" t="str">
            <v>消防施設</v>
          </cell>
          <cell r="AR1182" t="str">
            <v>一般</v>
          </cell>
          <cell r="AS1182">
            <v>584</v>
          </cell>
          <cell r="AT1182">
            <v>23302</v>
          </cell>
          <cell r="AU1182" t="str">
            <v>0(0)/1/0</v>
          </cell>
          <cell r="AV1182" t="str">
            <v/>
          </cell>
          <cell r="AW1182" t="str">
            <v/>
          </cell>
          <cell r="AX1182" t="str">
            <v/>
          </cell>
          <cell r="AY1182" t="str">
            <v/>
          </cell>
          <cell r="AZ1182" t="str">
            <v/>
          </cell>
          <cell r="BA1182" t="str">
            <v>兵庫県</v>
          </cell>
          <cell r="CR1182">
            <v>6930</v>
          </cell>
          <cell r="CS1182" t="str">
            <v>ﾏｽｲ ｼｹﾞｷ</v>
          </cell>
          <cell r="CT1182" t="str">
            <v>舛井  茂樹</v>
          </cell>
          <cell r="CU1182" t="str">
            <v xml:space="preserve">道路建設課 </v>
          </cell>
          <cell r="CW1182">
            <v>4466</v>
          </cell>
          <cell r="CX1182" t="str">
            <v>主査</v>
          </cell>
          <cell r="CY1182" t="str">
            <v>道路建設課長</v>
          </cell>
        </row>
        <row r="1183">
          <cell r="B1183">
            <v>4281</v>
          </cell>
          <cell r="C1183" t="str">
            <v>(株)ヤオテック</v>
          </cell>
          <cell r="D1183" t="str">
            <v>06-4304-2601</v>
          </cell>
          <cell r="E1183" t="str">
            <v>540-0017</v>
          </cell>
          <cell r="F1183" t="str">
            <v>大阪府大阪市中央区松屋町住吉3-16</v>
          </cell>
          <cell r="G1183" t="str">
            <v/>
          </cell>
          <cell r="H1183" t="str">
            <v>大阪本社</v>
          </cell>
          <cell r="I1183" t="str">
            <v>代表取締役専務 森川　生</v>
          </cell>
          <cell r="J1183" t="str">
            <v>東京都</v>
          </cell>
          <cell r="K1183" t="str">
            <v>06-4304-2602</v>
          </cell>
          <cell r="L1183" t="str">
            <v>osaka1@yaotec.co.jp</v>
          </cell>
          <cell r="M1183" t="str">
            <v>ﾔｵﾃｯｸ</v>
          </cell>
          <cell r="N1183" t="str">
            <v>有</v>
          </cell>
          <cell r="O1183">
            <v>56</v>
          </cell>
          <cell r="P1183">
            <v>17</v>
          </cell>
          <cell r="Q1183">
            <v>5120001099536</v>
          </cell>
          <cell r="R1183">
            <v>50000</v>
          </cell>
          <cell r="S1183">
            <v>139835</v>
          </cell>
          <cell r="T1183">
            <v>786099</v>
          </cell>
          <cell r="V1183" t="str">
            <v>tx297133</v>
          </cell>
          <cell r="W1183" t="str">
            <v>nm526786</v>
          </cell>
          <cell r="X1183" t="str">
            <v>防(清)(建)(と)(塗)(防)土建と塗</v>
          </cell>
          <cell r="Y1183" t="str">
            <v>防(清)(建)(と)(塗)(防)</v>
          </cell>
          <cell r="Z1183" t="str">
            <v>土建と塗</v>
          </cell>
          <cell r="AA1183" t="str">
            <v>塗装</v>
          </cell>
          <cell r="AB1183" t="str">
            <v>防水</v>
          </cell>
          <cell r="AC1183" t="str">
            <v/>
          </cell>
          <cell r="AD1183" t="str">
            <v/>
          </cell>
          <cell r="AE1183">
            <v>43332</v>
          </cell>
          <cell r="AF1183" t="str">
            <v/>
          </cell>
          <cell r="AG1183" t="str">
            <v>塗装</v>
          </cell>
          <cell r="AH1183" t="str">
            <v>特定</v>
          </cell>
          <cell r="AI1183" t="str">
            <v/>
          </cell>
          <cell r="AJ1183" t="str">
            <v/>
          </cell>
          <cell r="AK1183" t="str">
            <v/>
          </cell>
          <cell r="AL1183" t="str">
            <v>防水</v>
          </cell>
          <cell r="AM1183" t="str">
            <v>一般</v>
          </cell>
          <cell r="AN1183" t="str">
            <v/>
          </cell>
          <cell r="AO1183" t="str">
            <v/>
          </cell>
          <cell r="AP1183" t="str">
            <v/>
          </cell>
          <cell r="AQ1183" t="str">
            <v/>
          </cell>
          <cell r="AR1183" t="str">
            <v/>
          </cell>
          <cell r="AS1183" t="str">
            <v/>
          </cell>
          <cell r="AT1183" t="str">
            <v/>
          </cell>
          <cell r="AU1183" t="str">
            <v/>
          </cell>
          <cell r="AV1183" t="str">
            <v/>
          </cell>
          <cell r="AW1183" t="str">
            <v/>
          </cell>
          <cell r="AX1183" t="str">
            <v/>
          </cell>
          <cell r="AY1183" t="str">
            <v/>
          </cell>
          <cell r="AZ1183" t="str">
            <v/>
          </cell>
          <cell r="BA1183" t="str">
            <v>東京都</v>
          </cell>
          <cell r="CR1183">
            <v>6931</v>
          </cell>
          <cell r="CS1183" t="str">
            <v>ﾅｶｲ ｷﾐｱｷ</v>
          </cell>
          <cell r="CT1183" t="str">
            <v>中井  公明</v>
          </cell>
          <cell r="CU1183" t="str">
            <v>監査委員事務局</v>
          </cell>
          <cell r="CW1183">
            <v>3510</v>
          </cell>
          <cell r="CX1183" t="str">
            <v>代表監査委員</v>
          </cell>
        </row>
        <row r="1184">
          <cell r="B1184">
            <v>4285</v>
          </cell>
          <cell r="C1184" t="str">
            <v>(株)安川電機</v>
          </cell>
          <cell r="D1184" t="str">
            <v>06-6346-4540</v>
          </cell>
          <cell r="E1184" t="str">
            <v>530-0003</v>
          </cell>
          <cell r="F1184" t="str">
            <v>大阪府大阪市北区堂島2-4-27</v>
          </cell>
          <cell r="G1184" t="str">
            <v>北九州市</v>
          </cell>
          <cell r="H1184" t="str">
            <v>大阪支店</v>
          </cell>
          <cell r="I1184" t="str">
            <v>支店長 山田　正剛</v>
          </cell>
          <cell r="J1184" t="str">
            <v>福岡県北九州市</v>
          </cell>
          <cell r="K1184" t="str">
            <v>06-6346-4556</v>
          </cell>
          <cell r="L1184" t="str">
            <v>yekouei@yaskawa.co.jp</v>
          </cell>
          <cell r="M1184" t="str">
            <v>ﾔｽｶﾜﾃﾞﾝｷ</v>
          </cell>
          <cell r="N1184" t="str">
            <v>有</v>
          </cell>
          <cell r="O1184">
            <v>63</v>
          </cell>
          <cell r="P1184">
            <v>3015</v>
          </cell>
          <cell r="Q1184">
            <v>5290801010767</v>
          </cell>
          <cell r="R1184">
            <v>30562107</v>
          </cell>
          <cell r="S1184">
            <v>139162000</v>
          </cell>
          <cell r="T1184">
            <v>195748000</v>
          </cell>
          <cell r="V1184" t="str">
            <v>cy321200</v>
          </cell>
          <cell r="W1184" t="str">
            <v>kc273035</v>
          </cell>
          <cell r="X1184" t="str">
            <v>電通</v>
          </cell>
          <cell r="Y1184" t="str">
            <v/>
          </cell>
          <cell r="Z1184" t="str">
            <v>電通</v>
          </cell>
          <cell r="AA1184" t="str">
            <v>電気</v>
          </cell>
          <cell r="AB1184" t="str">
            <v>電気通信</v>
          </cell>
          <cell r="AC1184" t="str">
            <v/>
          </cell>
          <cell r="AD1184" t="str">
            <v/>
          </cell>
          <cell r="AE1184">
            <v>43159</v>
          </cell>
          <cell r="AF1184" t="str">
            <v>希望しない</v>
          </cell>
          <cell r="AG1184" t="str">
            <v>電気</v>
          </cell>
          <cell r="AH1184" t="str">
            <v>特定</v>
          </cell>
          <cell r="AI1184">
            <v>1605</v>
          </cell>
          <cell r="AJ1184">
            <v>12097000</v>
          </cell>
          <cell r="AK1184" t="str">
            <v>154(116)/7/0</v>
          </cell>
          <cell r="AL1184" t="str">
            <v>電気通信</v>
          </cell>
          <cell r="AM1184" t="str">
            <v>特定</v>
          </cell>
          <cell r="AN1184">
            <v>1162</v>
          </cell>
          <cell r="AO1184">
            <v>69000</v>
          </cell>
          <cell r="AP1184" t="str">
            <v>0(0)/0/28</v>
          </cell>
          <cell r="AQ1184" t="str">
            <v/>
          </cell>
          <cell r="AR1184" t="str">
            <v/>
          </cell>
          <cell r="AS1184" t="str">
            <v/>
          </cell>
          <cell r="AT1184" t="str">
            <v/>
          </cell>
          <cell r="AU1184" t="str">
            <v/>
          </cell>
          <cell r="AV1184" t="str">
            <v/>
          </cell>
          <cell r="AW1184" t="str">
            <v/>
          </cell>
          <cell r="AX1184" t="str">
            <v/>
          </cell>
          <cell r="AY1184" t="str">
            <v/>
          </cell>
          <cell r="AZ1184" t="str">
            <v/>
          </cell>
          <cell r="BA1184" t="str">
            <v>福岡県</v>
          </cell>
          <cell r="CR1184">
            <v>6939</v>
          </cell>
          <cell r="CS1184" t="str">
            <v>ｶﾄｳ ｱﾔｶ</v>
          </cell>
          <cell r="CT1184" t="str">
            <v>加藤  彩香</v>
          </cell>
          <cell r="CU1184" t="str">
            <v>福利厚生課</v>
          </cell>
          <cell r="CW1184">
            <v>2432</v>
          </cell>
          <cell r="CX1184" t="str">
            <v xml:space="preserve"> </v>
          </cell>
          <cell r="CY1184" t="str">
            <v>福利厚生課長</v>
          </cell>
        </row>
        <row r="1185">
          <cell r="B1185">
            <v>4286</v>
          </cell>
          <cell r="C1185" t="str">
            <v>安田(株)</v>
          </cell>
          <cell r="D1185" t="str">
            <v>06-6541-7151</v>
          </cell>
          <cell r="E1185" t="str">
            <v>550-0012</v>
          </cell>
          <cell r="F1185" t="str">
            <v>大阪府大阪市西区立売堀5-8-28</v>
          </cell>
          <cell r="G1185" t="str">
            <v>岐阜市</v>
          </cell>
          <cell r="H1185" t="str">
            <v>大阪支店</v>
          </cell>
          <cell r="I1185" t="str">
            <v>支店長 岩田　勝</v>
          </cell>
          <cell r="J1185" t="str">
            <v>岐阜県岐阜市</v>
          </cell>
          <cell r="K1185" t="str">
            <v>06-6531-4240</v>
          </cell>
          <cell r="L1185" t="str">
            <v>yasuda-osaka@yasuda-kk.co.jp</v>
          </cell>
          <cell r="M1185" t="str">
            <v>ﾔｽﾀﾞ</v>
          </cell>
          <cell r="N1185" t="str">
            <v>有</v>
          </cell>
          <cell r="O1185">
            <v>60</v>
          </cell>
          <cell r="P1185">
            <v>263</v>
          </cell>
          <cell r="Q1185">
            <v>9200001005531</v>
          </cell>
          <cell r="R1185">
            <v>100000</v>
          </cell>
          <cell r="S1185">
            <v>5355659</v>
          </cell>
          <cell r="T1185">
            <v>23125328</v>
          </cell>
          <cell r="V1185" t="str">
            <v>ja213426</v>
          </cell>
          <cell r="W1185" t="str">
            <v>hb994300</v>
          </cell>
          <cell r="X1185" t="str">
            <v>消土と石管鋼舗機水</v>
          </cell>
          <cell r="Y1185" t="str">
            <v>消</v>
          </cell>
          <cell r="Z1185" t="str">
            <v>土と石管鋼舗機水</v>
          </cell>
          <cell r="AA1185" t="str">
            <v>水道施設</v>
          </cell>
          <cell r="AB1185" t="str">
            <v>鋼構造物</v>
          </cell>
          <cell r="AC1185" t="str">
            <v>土木一式</v>
          </cell>
          <cell r="AD1185" t="str">
            <v/>
          </cell>
          <cell r="AE1185">
            <v>43190</v>
          </cell>
          <cell r="AF1185" t="str">
            <v>希望しない</v>
          </cell>
          <cell r="AG1185" t="str">
            <v>水道施設</v>
          </cell>
          <cell r="AH1185" t="str">
            <v>特定</v>
          </cell>
          <cell r="AI1185">
            <v>1084</v>
          </cell>
          <cell r="AJ1185">
            <v>2850470</v>
          </cell>
          <cell r="AK1185" t="str">
            <v>18(16)/2/3</v>
          </cell>
          <cell r="AL1185" t="str">
            <v>鋼構造物</v>
          </cell>
          <cell r="AM1185" t="str">
            <v>特定</v>
          </cell>
          <cell r="AN1185">
            <v>878</v>
          </cell>
          <cell r="AO1185">
            <v>45960</v>
          </cell>
          <cell r="AP1185" t="str">
            <v>9(7)/2/0</v>
          </cell>
          <cell r="AQ1185" t="str">
            <v>土木一式</v>
          </cell>
          <cell r="AR1185" t="str">
            <v>特定</v>
          </cell>
          <cell r="AS1185">
            <v>725</v>
          </cell>
          <cell r="AT1185" t="str">
            <v/>
          </cell>
          <cell r="AU1185" t="str">
            <v>0(0)/0/0</v>
          </cell>
          <cell r="AV1185" t="str">
            <v/>
          </cell>
          <cell r="AW1185" t="str">
            <v/>
          </cell>
          <cell r="AX1185" t="str">
            <v/>
          </cell>
          <cell r="AY1185" t="str">
            <v/>
          </cell>
          <cell r="AZ1185" t="str">
            <v/>
          </cell>
          <cell r="BA1185" t="str">
            <v>岐阜県</v>
          </cell>
          <cell r="CR1185">
            <v>6940</v>
          </cell>
          <cell r="CS1185" t="str">
            <v>ｶﾌﾞﾄ ﾀｶﾋﾃﾞ</v>
          </cell>
          <cell r="CT1185" t="str">
            <v>甲  峻英</v>
          </cell>
          <cell r="CU1185" t="str">
            <v>情報管理課</v>
          </cell>
          <cell r="CW1185">
            <v>2710</v>
          </cell>
          <cell r="CX1185" t="str">
            <v xml:space="preserve"> </v>
          </cell>
          <cell r="CY1185" t="str">
            <v>介護保険課長</v>
          </cell>
        </row>
        <row r="1186">
          <cell r="B1186">
            <v>4288</v>
          </cell>
          <cell r="C1186" t="str">
            <v>八千代電設工業(株)</v>
          </cell>
          <cell r="D1186" t="str">
            <v>06-6941-6531</v>
          </cell>
          <cell r="E1186" t="str">
            <v>540-0003</v>
          </cell>
          <cell r="F1186" t="str">
            <v>大阪府大阪市中央区森ﾉ宮中央1-1-38</v>
          </cell>
          <cell r="G1186" t="str">
            <v>大阪市</v>
          </cell>
          <cell r="H1186" t="str">
            <v/>
          </cell>
          <cell r="I1186" t="str">
            <v>代表取締役社長 冨永　昌雄</v>
          </cell>
          <cell r="J1186" t="str">
            <v>本店</v>
          </cell>
          <cell r="K1186" t="str">
            <v>06-6941-7317</v>
          </cell>
          <cell r="L1186" t="str">
            <v>h_eigyou@yachiyo.co.jp</v>
          </cell>
          <cell r="M1186" t="str">
            <v>ﾔﾁﾖﾃﾞﾝｾﾂｺｳｷﾞｮｳ</v>
          </cell>
          <cell r="N1186" t="str">
            <v>無</v>
          </cell>
          <cell r="O1186">
            <v>67</v>
          </cell>
          <cell r="P1186">
            <v>221</v>
          </cell>
          <cell r="Q1186">
            <v>5120001077582</v>
          </cell>
          <cell r="R1186">
            <v>150000</v>
          </cell>
          <cell r="S1186">
            <v>8906694</v>
          </cell>
          <cell r="T1186">
            <v>10482487</v>
          </cell>
          <cell r="V1186" t="str">
            <v>hn909503</v>
          </cell>
          <cell r="W1186" t="str">
            <v>wn480747</v>
          </cell>
          <cell r="X1186" t="str">
            <v>と管塗消電通</v>
          </cell>
          <cell r="Y1186" t="str">
            <v>と管塗消</v>
          </cell>
          <cell r="Z1186" t="str">
            <v>電通</v>
          </cell>
          <cell r="AA1186" t="str">
            <v>電気</v>
          </cell>
          <cell r="AB1186" t="str">
            <v>電気通信</v>
          </cell>
          <cell r="AC1186" t="str">
            <v/>
          </cell>
          <cell r="AD1186" t="str">
            <v/>
          </cell>
          <cell r="AE1186">
            <v>43251</v>
          </cell>
          <cell r="AF1186" t="str">
            <v>希望しない</v>
          </cell>
          <cell r="AG1186" t="str">
            <v>電気</v>
          </cell>
          <cell r="AH1186" t="str">
            <v>特定</v>
          </cell>
          <cell r="AI1186">
            <v>1348</v>
          </cell>
          <cell r="AJ1186">
            <v>10272804</v>
          </cell>
          <cell r="AK1186" t="str">
            <v>78(76)/22/9</v>
          </cell>
          <cell r="AL1186" t="str">
            <v>電気通信</v>
          </cell>
          <cell r="AM1186" t="str">
            <v>特定</v>
          </cell>
          <cell r="AN1186">
            <v>957</v>
          </cell>
          <cell r="AO1186">
            <v>213462</v>
          </cell>
          <cell r="AP1186" t="str">
            <v>1(0)/0/3</v>
          </cell>
          <cell r="AQ1186" t="str">
            <v/>
          </cell>
          <cell r="AR1186" t="str">
            <v/>
          </cell>
          <cell r="AS1186" t="str">
            <v/>
          </cell>
          <cell r="AT1186" t="str">
            <v/>
          </cell>
          <cell r="AU1186" t="str">
            <v/>
          </cell>
          <cell r="AV1186" t="str">
            <v/>
          </cell>
          <cell r="AW1186" t="str">
            <v/>
          </cell>
          <cell r="AX1186" t="str">
            <v/>
          </cell>
          <cell r="AY1186" t="str">
            <v/>
          </cell>
          <cell r="AZ1186" t="str">
            <v/>
          </cell>
          <cell r="BA1186" t="str">
            <v>大阪府</v>
          </cell>
          <cell r="CR1186">
            <v>6941</v>
          </cell>
          <cell r="CS1186" t="str">
            <v>ﾀﾀﾞ ﾏｻﾖｼ</v>
          </cell>
          <cell r="CT1186" t="str">
            <v>多田  昌義</v>
          </cell>
          <cell r="CU1186" t="str">
            <v>国保年金課</v>
          </cell>
          <cell r="CW1186">
            <v>2794</v>
          </cell>
          <cell r="CX1186" t="str">
            <v xml:space="preserve"> </v>
          </cell>
          <cell r="CY1186" t="str">
            <v>国保年金課長</v>
          </cell>
        </row>
        <row r="1187">
          <cell r="B1187">
            <v>4289</v>
          </cell>
          <cell r="C1187" t="str">
            <v>矢野建設(株)</v>
          </cell>
          <cell r="D1187" t="str">
            <v>06-6265-0740</v>
          </cell>
          <cell r="E1187" t="str">
            <v>542-0081</v>
          </cell>
          <cell r="F1187" t="str">
            <v>大阪府大阪市中央区南船場1-16-13</v>
          </cell>
          <cell r="G1187" t="str">
            <v>大阪市</v>
          </cell>
          <cell r="H1187" t="str">
            <v/>
          </cell>
          <cell r="I1187" t="str">
            <v>代表取締役　 矢野　勇治</v>
          </cell>
          <cell r="J1187" t="str">
            <v>本店</v>
          </cell>
          <cell r="K1187" t="str">
            <v>06-6265-0750</v>
          </cell>
          <cell r="L1187" t="str">
            <v>hakutou@yano-const.co.jp</v>
          </cell>
          <cell r="M1187" t="str">
            <v>ﾔﾉｹﾝｾﾂ</v>
          </cell>
          <cell r="N1187" t="str">
            <v>無</v>
          </cell>
          <cell r="O1187">
            <v>38</v>
          </cell>
          <cell r="P1187">
            <v>56</v>
          </cell>
          <cell r="Q1187">
            <v>5120000000000</v>
          </cell>
          <cell r="R1187">
            <v>80000</v>
          </cell>
          <cell r="S1187">
            <v>573736</v>
          </cell>
          <cell r="T1187">
            <v>5432289</v>
          </cell>
          <cell r="V1187" t="str">
            <v>mj480401</v>
          </cell>
          <cell r="W1187" t="str">
            <v>vm608366</v>
          </cell>
          <cell r="X1187" t="str">
            <v>と管塗消電通</v>
          </cell>
          <cell r="Y1187" t="str">
            <v>と管塗消</v>
          </cell>
          <cell r="Z1187" t="str">
            <v>電通</v>
          </cell>
          <cell r="AA1187" t="str">
            <v>建築一式</v>
          </cell>
          <cell r="AB1187" t="str">
            <v>土木一式</v>
          </cell>
          <cell r="AC1187" t="str">
            <v>舗装</v>
          </cell>
          <cell r="AD1187" t="str">
            <v>とび土工</v>
          </cell>
          <cell r="AE1187">
            <v>43008</v>
          </cell>
          <cell r="AF1187" t="str">
            <v>希望しない</v>
          </cell>
          <cell r="AG1187" t="str">
            <v>建築一式</v>
          </cell>
          <cell r="AH1187" t="str">
            <v>特定</v>
          </cell>
          <cell r="AI1187">
            <v>1114</v>
          </cell>
          <cell r="AJ1187">
            <v>2390167</v>
          </cell>
          <cell r="AK1187" t="str">
            <v>18(15)/4/13</v>
          </cell>
          <cell r="AL1187" t="str">
            <v>土木一式</v>
          </cell>
          <cell r="AM1187" t="str">
            <v>特定</v>
          </cell>
          <cell r="AN1187">
            <v>1088</v>
          </cell>
          <cell r="AO1187">
            <v>1495653</v>
          </cell>
          <cell r="AP1187" t="str">
            <v>17(14)/3/12</v>
          </cell>
          <cell r="AQ1187" t="str">
            <v>舗装</v>
          </cell>
          <cell r="AR1187" t="str">
            <v>特定</v>
          </cell>
          <cell r="AS1187">
            <v>751</v>
          </cell>
          <cell r="AT1187">
            <v>3175</v>
          </cell>
          <cell r="AU1187" t="str">
            <v>0(0)/0/0</v>
          </cell>
          <cell r="AV1187" t="str">
            <v>とび土工</v>
          </cell>
          <cell r="AW1187" t="str">
            <v>特定</v>
          </cell>
          <cell r="AX1187">
            <v>835</v>
          </cell>
          <cell r="AY1187">
            <v>29170</v>
          </cell>
          <cell r="AZ1187" t="str">
            <v>2(2)/0/0</v>
          </cell>
          <cell r="BA1187" t="str">
            <v>大阪府</v>
          </cell>
          <cell r="CR1187">
            <v>6942</v>
          </cell>
          <cell r="CS1187" t="str">
            <v>ﾊﾅﾀｶ ﾏｲ</v>
          </cell>
          <cell r="CT1187" t="str">
            <v>花高  舞</v>
          </cell>
          <cell r="CU1187" t="str">
            <v>生活支援課</v>
          </cell>
          <cell r="CW1187">
            <v>2522</v>
          </cell>
          <cell r="CX1187" t="str">
            <v xml:space="preserve"> </v>
          </cell>
          <cell r="CY1187" t="str">
            <v>生活支援課長</v>
          </cell>
        </row>
        <row r="1188">
          <cell r="B1188">
            <v>4292</v>
          </cell>
          <cell r="C1188" t="str">
            <v>矢作建設工業(株)</v>
          </cell>
          <cell r="D1188" t="str">
            <v>06-6910-6533</v>
          </cell>
          <cell r="E1188" t="str">
            <v>540-0034</v>
          </cell>
          <cell r="F1188" t="str">
            <v>大阪府大阪市島町2-1-10</v>
          </cell>
          <cell r="G1188" t="str">
            <v>名古屋市</v>
          </cell>
          <cell r="H1188" t="str">
            <v>西日本支社</v>
          </cell>
          <cell r="I1188" t="str">
            <v>常務執行役員支社長 磯貝　豊</v>
          </cell>
          <cell r="J1188" t="str">
            <v>愛知県名古屋市</v>
          </cell>
          <cell r="K1188" t="str">
            <v>06-6910-6537</v>
          </cell>
          <cell r="L1188" t="str">
            <v/>
          </cell>
          <cell r="M1188" t="str">
            <v>ﾔﾊｷﾞｹﾝｾﾂｺｳｷﾞｮｳ</v>
          </cell>
          <cell r="N1188" t="str">
            <v>有</v>
          </cell>
          <cell r="O1188">
            <v>68</v>
          </cell>
          <cell r="P1188">
            <v>812</v>
          </cell>
          <cell r="Q1188">
            <v>6180001018506</v>
          </cell>
          <cell r="R1188">
            <v>6808001</v>
          </cell>
          <cell r="S1188">
            <v>39686405</v>
          </cell>
          <cell r="T1188">
            <v>62124502</v>
          </cell>
          <cell r="V1188" t="str">
            <v>kp665786</v>
          </cell>
          <cell r="W1188" t="str">
            <v>cy321200</v>
          </cell>
          <cell r="X1188" t="str">
            <v>(清)(建)(大)(左)(と)(石)(屋)(電)(管)(タ)(鋼)(鉄)(舗)(浚)(板)(ガ)(塗)(防)(内)(熱)(園)(具)(水)(解)土建大と石屋電管タ鋼鉄舗浚板ガ塗防内熱園具水解</v>
          </cell>
          <cell r="Y1188" t="str">
            <v>(清)(建)(大)(左)(と)(石)(屋)(電)(管)(タ)(鋼)(鉄)(舗)(浚)(板)(ガ)(塗)(防)(内)(熱)(園)(具)(水)(解)</v>
          </cell>
          <cell r="Z1188" t="str">
            <v>土建大と石屋電管タ鋼鉄舗浚板ガ塗防内熱園具水解</v>
          </cell>
          <cell r="AA1188" t="str">
            <v>土木一式</v>
          </cell>
          <cell r="AB1188" t="str">
            <v>建築一式</v>
          </cell>
          <cell r="AC1188" t="str">
            <v>とび土工</v>
          </cell>
          <cell r="AD1188" t="str">
            <v>鋼構造物</v>
          </cell>
          <cell r="AE1188">
            <v>40268</v>
          </cell>
          <cell r="AF1188" t="str">
            <v>希望しない</v>
          </cell>
          <cell r="AG1188" t="str">
            <v>土木一式</v>
          </cell>
          <cell r="AH1188" t="str">
            <v>特定</v>
          </cell>
          <cell r="AI1188">
            <v>1540</v>
          </cell>
          <cell r="AJ1188">
            <v>11471667</v>
          </cell>
          <cell r="AK1188" t="str">
            <v>221(175)/17/3</v>
          </cell>
          <cell r="AL1188" t="str">
            <v>建築一式</v>
          </cell>
          <cell r="AM1188" t="str">
            <v>特定</v>
          </cell>
          <cell r="AN1188">
            <v>1716</v>
          </cell>
          <cell r="AO1188">
            <v>50498525</v>
          </cell>
          <cell r="AP1188" t="str">
            <v>350(218)/98/3</v>
          </cell>
          <cell r="AQ1188" t="str">
            <v>とび土工</v>
          </cell>
          <cell r="AR1188" t="str">
            <v>特定</v>
          </cell>
          <cell r="AS1188">
            <v>1327</v>
          </cell>
          <cell r="AT1188">
            <v>7665684</v>
          </cell>
          <cell r="AU1188" t="str">
            <v>14(5)/0/0</v>
          </cell>
          <cell r="AV1188" t="str">
            <v>鋼構造物</v>
          </cell>
          <cell r="AW1188" t="str">
            <v>特定</v>
          </cell>
          <cell r="AX1188">
            <v>1364</v>
          </cell>
          <cell r="AY1188">
            <v>1326858</v>
          </cell>
          <cell r="AZ1188" t="str">
            <v>278(168)//0</v>
          </cell>
          <cell r="BA1188" t="str">
            <v>愛知県</v>
          </cell>
          <cell r="CR1188">
            <v>6943</v>
          </cell>
          <cell r="CS1188" t="str">
            <v>ﾎﾘ ｽﾐﾄ</v>
          </cell>
          <cell r="CT1188" t="str">
            <v>堀  澄人</v>
          </cell>
          <cell r="CU1188" t="str">
            <v>都市基盤総務課</v>
          </cell>
          <cell r="CW1188">
            <v>3006</v>
          </cell>
          <cell r="CX1188" t="str">
            <v xml:space="preserve"> </v>
          </cell>
          <cell r="CY1188" t="str">
            <v>都市基盤総務課長</v>
          </cell>
        </row>
        <row r="1189">
          <cell r="B1189">
            <v>4294</v>
          </cell>
          <cell r="C1189" t="str">
            <v>アーキ・ヤマイチ(株)</v>
          </cell>
          <cell r="D1189" t="str">
            <v>06-6385-7153</v>
          </cell>
          <cell r="E1189" t="str">
            <v>564-0053</v>
          </cell>
          <cell r="F1189" t="str">
            <v>大阪府吹田市江の木町29-12</v>
          </cell>
          <cell r="G1189" t="str">
            <v>吹田市</v>
          </cell>
          <cell r="H1189" t="str">
            <v/>
          </cell>
          <cell r="I1189" t="str">
            <v>代表取締役 津留村　孝一</v>
          </cell>
          <cell r="J1189" t="str">
            <v>本店</v>
          </cell>
          <cell r="K1189" t="str">
            <v>06-6388-1875</v>
          </cell>
          <cell r="L1189" t="str">
            <v>kuze@a-yamaichi.co.jp</v>
          </cell>
          <cell r="M1189" t="str">
            <v>ｱｰｷ･ﾔﾏｲﾁ</v>
          </cell>
          <cell r="N1189" t="str">
            <v>無</v>
          </cell>
          <cell r="O1189">
            <v>37</v>
          </cell>
          <cell r="P1189">
            <v>43</v>
          </cell>
          <cell r="Q1189">
            <v>1120901008632</v>
          </cell>
          <cell r="R1189">
            <v>20000</v>
          </cell>
          <cell r="S1189">
            <v>180971</v>
          </cell>
          <cell r="T1189">
            <v>4269597</v>
          </cell>
          <cell r="V1189" t="str">
            <v>zr631975</v>
          </cell>
          <cell r="W1189" t="str">
            <v>gc302999</v>
          </cell>
          <cell r="X1189" t="str">
            <v>建大と屋タ板塗防内熱</v>
          </cell>
          <cell r="Y1189" t="str">
            <v>建大と屋タ板塗防内熱</v>
          </cell>
          <cell r="Z1189" t="str">
            <v/>
          </cell>
          <cell r="AA1189" t="str">
            <v>防水</v>
          </cell>
          <cell r="AB1189" t="str">
            <v>塗装</v>
          </cell>
          <cell r="AC1189" t="str">
            <v/>
          </cell>
          <cell r="AD1189" t="str">
            <v/>
          </cell>
          <cell r="AE1189">
            <v>42967</v>
          </cell>
          <cell r="AF1189" t="str">
            <v>希望しない</v>
          </cell>
          <cell r="AG1189" t="str">
            <v>防水</v>
          </cell>
          <cell r="AH1189" t="str">
            <v>一般</v>
          </cell>
          <cell r="AI1189">
            <v>922</v>
          </cell>
          <cell r="AJ1189">
            <v>3503508</v>
          </cell>
          <cell r="AK1189" t="str">
            <v>1(0)/6/1</v>
          </cell>
          <cell r="AL1189" t="str">
            <v>塗装</v>
          </cell>
          <cell r="AM1189" t="str">
            <v>一般</v>
          </cell>
          <cell r="AN1189">
            <v>739</v>
          </cell>
          <cell r="AO1189">
            <v>18910</v>
          </cell>
          <cell r="AP1189" t="str">
            <v>1(0)/6/1</v>
          </cell>
          <cell r="AQ1189" t="str">
            <v/>
          </cell>
          <cell r="AR1189" t="str">
            <v/>
          </cell>
          <cell r="AS1189" t="str">
            <v/>
          </cell>
          <cell r="AT1189" t="str">
            <v/>
          </cell>
          <cell r="AU1189" t="str">
            <v/>
          </cell>
          <cell r="AV1189" t="str">
            <v/>
          </cell>
          <cell r="AW1189" t="str">
            <v/>
          </cell>
          <cell r="AX1189" t="str">
            <v/>
          </cell>
          <cell r="AY1189" t="str">
            <v/>
          </cell>
          <cell r="AZ1189" t="str">
            <v/>
          </cell>
          <cell r="BA1189" t="str">
            <v>大阪府</v>
          </cell>
          <cell r="CR1189">
            <v>6944</v>
          </cell>
          <cell r="CS1189" t="str">
            <v>ﾏﾂﾊﾞﾗ ﾕｳﾀﾞｲ</v>
          </cell>
          <cell r="CT1189" t="str">
            <v>松原  雄大</v>
          </cell>
          <cell r="CU1189" t="str">
            <v>市民税課</v>
          </cell>
          <cell r="CW1189">
            <v>2326</v>
          </cell>
          <cell r="CX1189" t="str">
            <v xml:space="preserve"> </v>
          </cell>
          <cell r="CY1189" t="str">
            <v>市民税課長</v>
          </cell>
        </row>
        <row r="1190">
          <cell r="B1190">
            <v>4297</v>
          </cell>
          <cell r="C1190" t="str">
            <v>山口電気工事(株)</v>
          </cell>
          <cell r="D1190" t="str">
            <v>06-6416-7441</v>
          </cell>
          <cell r="E1190" t="str">
            <v>660-0064</v>
          </cell>
          <cell r="F1190" t="str">
            <v>兵庫県尼崎市稲葉荘1-13-5</v>
          </cell>
          <cell r="G1190" t="str">
            <v>尼崎市</v>
          </cell>
          <cell r="H1190" t="str">
            <v/>
          </cell>
          <cell r="I1190" t="str">
            <v>代表取締役 山口　寛</v>
          </cell>
          <cell r="J1190" t="str">
            <v>本店</v>
          </cell>
          <cell r="K1190" t="str">
            <v>06-6416-7444</v>
          </cell>
          <cell r="L1190" t="str">
            <v>yamaguchi-denki@mvc.biglobe.ne.jp</v>
          </cell>
          <cell r="M1190" t="str">
            <v>ﾔﾏｸﾞﾁﾃﾞﾝｷｺｳｼﾞ</v>
          </cell>
          <cell r="N1190" t="str">
            <v>無</v>
          </cell>
          <cell r="O1190">
            <v>57</v>
          </cell>
          <cell r="P1190">
            <v>37</v>
          </cell>
          <cell r="Q1190">
            <v>2140001051729</v>
          </cell>
          <cell r="R1190">
            <v>30000</v>
          </cell>
          <cell r="S1190">
            <v>356983</v>
          </cell>
          <cell r="T1190">
            <v>488854</v>
          </cell>
          <cell r="V1190" t="str">
            <v>qs304185</v>
          </cell>
          <cell r="W1190" t="str">
            <v>wy912496</v>
          </cell>
          <cell r="X1190" t="str">
            <v>電</v>
          </cell>
          <cell r="Y1190" t="str">
            <v/>
          </cell>
          <cell r="Z1190" t="str">
            <v>電</v>
          </cell>
          <cell r="AA1190" t="str">
            <v>電気</v>
          </cell>
          <cell r="AB1190" t="str">
            <v/>
          </cell>
          <cell r="AC1190" t="str">
            <v/>
          </cell>
          <cell r="AD1190" t="str">
            <v/>
          </cell>
          <cell r="AE1190">
            <v>43343</v>
          </cell>
          <cell r="AF1190" t="str">
            <v>希望しない</v>
          </cell>
          <cell r="AG1190" t="str">
            <v>電気</v>
          </cell>
          <cell r="AH1190" t="str">
            <v>特定</v>
          </cell>
          <cell r="AI1190">
            <v>910</v>
          </cell>
          <cell r="AJ1190">
            <v>488854</v>
          </cell>
          <cell r="AK1190" t="str">
            <v>11(11)/4/3</v>
          </cell>
          <cell r="AL1190" t="str">
            <v/>
          </cell>
          <cell r="AM1190" t="str">
            <v/>
          </cell>
          <cell r="AN1190" t="str">
            <v/>
          </cell>
          <cell r="AO1190" t="str">
            <v/>
          </cell>
          <cell r="AP1190" t="str">
            <v/>
          </cell>
          <cell r="AQ1190" t="str">
            <v/>
          </cell>
          <cell r="AR1190" t="str">
            <v/>
          </cell>
          <cell r="AS1190" t="str">
            <v/>
          </cell>
          <cell r="AT1190" t="str">
            <v/>
          </cell>
          <cell r="AU1190" t="str">
            <v/>
          </cell>
          <cell r="AV1190" t="str">
            <v/>
          </cell>
          <cell r="AW1190" t="str">
            <v/>
          </cell>
          <cell r="AX1190" t="str">
            <v/>
          </cell>
          <cell r="AY1190" t="str">
            <v/>
          </cell>
          <cell r="AZ1190" t="str">
            <v/>
          </cell>
          <cell r="BA1190" t="str">
            <v>兵庫県</v>
          </cell>
          <cell r="CR1190">
            <v>6945</v>
          </cell>
          <cell r="CS1190" t="str">
            <v>ﾐｿﾞﾌﾞﾁ ｶﾘﾝ</v>
          </cell>
          <cell r="CT1190" t="str">
            <v>溝渕  華鈴</v>
          </cell>
          <cell r="CU1190" t="str">
            <v>収納管理課</v>
          </cell>
          <cell r="CW1190">
            <v>2365</v>
          </cell>
          <cell r="CX1190" t="str">
            <v xml:space="preserve"> </v>
          </cell>
          <cell r="CY1190" t="str">
            <v>収納管理課長</v>
          </cell>
        </row>
        <row r="1191">
          <cell r="B1191">
            <v>4299</v>
          </cell>
          <cell r="C1191" t="str">
            <v>(株)山崎塗装店</v>
          </cell>
          <cell r="D1191" t="str">
            <v>06-6245-8063</v>
          </cell>
          <cell r="E1191" t="str">
            <v>541-0055</v>
          </cell>
          <cell r="F1191" t="str">
            <v>大阪府大阪市中央区船場中央3-2-8</v>
          </cell>
          <cell r="G1191" t="str">
            <v>福井市</v>
          </cell>
          <cell r="H1191" t="str">
            <v>大阪支店</v>
          </cell>
          <cell r="I1191" t="str">
            <v>支店長 武田　美智代</v>
          </cell>
          <cell r="J1191" t="str">
            <v>福井県福井市</v>
          </cell>
          <cell r="K1191" t="str">
            <v>06-6245-8164</v>
          </cell>
          <cell r="L1191" t="str">
            <v>oosaka@yamazaki-con.co.jp</v>
          </cell>
          <cell r="M1191" t="str">
            <v>ﾔﾏｻﾞｷﾄｿｳﾃﾝ</v>
          </cell>
          <cell r="N1191" t="str">
            <v>有</v>
          </cell>
          <cell r="O1191">
            <v>54</v>
          </cell>
          <cell r="P1191">
            <v>45</v>
          </cell>
          <cell r="Q1191">
            <v>1210001004399</v>
          </cell>
          <cell r="R1191">
            <v>70000</v>
          </cell>
          <cell r="S1191">
            <v>467741</v>
          </cell>
          <cell r="T1191">
            <v>2776655</v>
          </cell>
          <cell r="V1191" t="str">
            <v>vh893945</v>
          </cell>
          <cell r="W1191" t="str">
            <v>he583260</v>
          </cell>
          <cell r="X1191" t="str">
            <v>建左屋防(清)(と)(鋼)(塗)土と鋼塗</v>
          </cell>
          <cell r="Y1191" t="str">
            <v>建左屋防(清)(と)(鋼)(塗)</v>
          </cell>
          <cell r="Z1191" t="str">
            <v>土と鋼塗</v>
          </cell>
          <cell r="AA1191" t="str">
            <v>塗装</v>
          </cell>
          <cell r="AB1191" t="str">
            <v/>
          </cell>
          <cell r="AC1191" t="str">
            <v/>
          </cell>
          <cell r="AD1191" t="str">
            <v/>
          </cell>
          <cell r="AE1191">
            <v>43008</v>
          </cell>
          <cell r="AF1191" t="str">
            <v>希望しない</v>
          </cell>
          <cell r="AG1191" t="str">
            <v>塗装</v>
          </cell>
          <cell r="AH1191" t="str">
            <v>特定</v>
          </cell>
          <cell r="AI1191">
            <v>1045</v>
          </cell>
          <cell r="AJ1191">
            <v>2600371</v>
          </cell>
          <cell r="AK1191" t="str">
            <v>12(10)/10/1</v>
          </cell>
          <cell r="AL1191" t="str">
            <v/>
          </cell>
          <cell r="AM1191" t="str">
            <v/>
          </cell>
          <cell r="AN1191" t="str">
            <v/>
          </cell>
          <cell r="AO1191" t="str">
            <v/>
          </cell>
          <cell r="AP1191" t="str">
            <v/>
          </cell>
          <cell r="AQ1191" t="str">
            <v/>
          </cell>
          <cell r="AR1191" t="str">
            <v/>
          </cell>
          <cell r="AS1191" t="str">
            <v/>
          </cell>
          <cell r="AT1191" t="str">
            <v/>
          </cell>
          <cell r="AU1191" t="str">
            <v/>
          </cell>
          <cell r="AV1191" t="str">
            <v/>
          </cell>
          <cell r="AW1191" t="str">
            <v/>
          </cell>
          <cell r="AX1191" t="str">
            <v/>
          </cell>
          <cell r="AY1191" t="str">
            <v/>
          </cell>
          <cell r="AZ1191" t="str">
            <v/>
          </cell>
          <cell r="BA1191" t="str">
            <v>福井県</v>
          </cell>
          <cell r="CR1191">
            <v>6946</v>
          </cell>
          <cell r="CS1191" t="str">
            <v>ﾜﾀﾅﾍﾞ ﾀﾞｲｽｹ</v>
          </cell>
          <cell r="CT1191" t="str">
            <v>渡邉  大典</v>
          </cell>
          <cell r="CU1191" t="str">
            <v>スポーツ振興課</v>
          </cell>
          <cell r="CW1191">
            <v>4473</v>
          </cell>
          <cell r="CX1191" t="str">
            <v xml:space="preserve"> </v>
          </cell>
          <cell r="CY1191" t="str">
            <v>スポーツ振興課長</v>
          </cell>
        </row>
        <row r="1192">
          <cell r="B1192">
            <v>4302</v>
          </cell>
          <cell r="C1192" t="str">
            <v>(株)山角興業</v>
          </cell>
          <cell r="D1192" t="str">
            <v>072-759-4584</v>
          </cell>
          <cell r="E1192" t="str">
            <v>666-0023</v>
          </cell>
          <cell r="F1192" t="str">
            <v>兵庫県川西市東久代1‐3‐2</v>
          </cell>
          <cell r="G1192" t="str">
            <v>川西市</v>
          </cell>
          <cell r="H1192" t="str">
            <v/>
          </cell>
          <cell r="I1192" t="str">
            <v>代表取締役 山角　哲也</v>
          </cell>
          <cell r="J1192" t="str">
            <v>本店</v>
          </cell>
          <cell r="K1192" t="str">
            <v>072-757-0397</v>
          </cell>
          <cell r="L1192" t="str">
            <v>info@yamazumi.co.jp</v>
          </cell>
          <cell r="M1192" t="str">
            <v>ﾔﾏｽﾞﾐｺｳｷﾞｮｳ</v>
          </cell>
          <cell r="N1192" t="str">
            <v>無</v>
          </cell>
          <cell r="O1192">
            <v>46</v>
          </cell>
          <cell r="P1192">
            <v>60</v>
          </cell>
          <cell r="Q1192">
            <v>6140001079717</v>
          </cell>
          <cell r="R1192">
            <v>39000</v>
          </cell>
          <cell r="S1192">
            <v>996263</v>
          </cell>
          <cell r="T1192">
            <v>1037837</v>
          </cell>
          <cell r="V1192" t="str">
            <v>nn562482</v>
          </cell>
          <cell r="W1192" t="str">
            <v>rm956361</v>
          </cell>
          <cell r="X1192" t="str">
            <v>管土と舗水</v>
          </cell>
          <cell r="Y1192" t="str">
            <v>管</v>
          </cell>
          <cell r="Z1192" t="str">
            <v>土と舗水</v>
          </cell>
          <cell r="AA1192" t="str">
            <v>土木一式</v>
          </cell>
          <cell r="AB1192" t="str">
            <v>舗装</v>
          </cell>
          <cell r="AC1192" t="str">
            <v>とび土工</v>
          </cell>
          <cell r="AD1192" t="str">
            <v>水道施設</v>
          </cell>
          <cell r="AE1192">
            <v>43131</v>
          </cell>
          <cell r="AF1192" t="str">
            <v>希望する</v>
          </cell>
          <cell r="AG1192" t="str">
            <v>土木一式</v>
          </cell>
          <cell r="AH1192" t="str">
            <v>特定</v>
          </cell>
          <cell r="AI1192">
            <v>991</v>
          </cell>
          <cell r="AJ1192">
            <v>1259172</v>
          </cell>
          <cell r="AK1192" t="str">
            <v>7(7)/3/22</v>
          </cell>
          <cell r="AL1192" t="str">
            <v>舗装</v>
          </cell>
          <cell r="AM1192" t="str">
            <v>特定</v>
          </cell>
          <cell r="AN1192">
            <v>798</v>
          </cell>
          <cell r="AO1192">
            <v>5017</v>
          </cell>
          <cell r="AP1192" t="str">
            <v>7(7)/3/8</v>
          </cell>
          <cell r="AQ1192" t="str">
            <v>とび土工</v>
          </cell>
          <cell r="AR1192" t="str">
            <v>特定</v>
          </cell>
          <cell r="AS1192">
            <v>694</v>
          </cell>
          <cell r="AT1192">
            <v>927</v>
          </cell>
          <cell r="AU1192" t="str">
            <v>0(0)/0/0</v>
          </cell>
          <cell r="AV1192" t="str">
            <v>水道施設</v>
          </cell>
          <cell r="AW1192" t="str">
            <v>特定</v>
          </cell>
          <cell r="AX1192">
            <v>690</v>
          </cell>
          <cell r="AY1192" t="str">
            <v/>
          </cell>
          <cell r="AZ1192" t="str">
            <v>0(0)/0/0</v>
          </cell>
          <cell r="BA1192" t="str">
            <v>兵庫県</v>
          </cell>
          <cell r="CR1192">
            <v>6947</v>
          </cell>
          <cell r="CS1192" t="str">
            <v>ｵｵｳﾗ ﾀｸﾛｳ</v>
          </cell>
          <cell r="CT1192" t="str">
            <v>大浦  琢郎</v>
          </cell>
          <cell r="CU1192" t="str">
            <v>公園課</v>
          </cell>
          <cell r="CW1192">
            <v>4474</v>
          </cell>
          <cell r="CX1192" t="str">
            <v xml:space="preserve"> </v>
          </cell>
          <cell r="CY1192" t="str">
            <v>公園課長</v>
          </cell>
        </row>
        <row r="1193">
          <cell r="B1193">
            <v>4305</v>
          </cell>
          <cell r="C1193" t="str">
            <v>アズビル(株)</v>
          </cell>
          <cell r="D1193" t="str">
            <v>06-6105-3980</v>
          </cell>
          <cell r="E1193" t="str">
            <v>530-6038</v>
          </cell>
          <cell r="F1193" t="str">
            <v>大阪府大阪市北区天満橋一丁目8番30号</v>
          </cell>
          <cell r="G1193" t="str">
            <v/>
          </cell>
          <cell r="H1193" t="str">
            <v>ビルシステムカンパニー関西支社</v>
          </cell>
          <cell r="I1193" t="str">
            <v>執行役員支社長 武田　知行</v>
          </cell>
          <cell r="J1193" t="str">
            <v>東京都</v>
          </cell>
          <cell r="K1193" t="str">
            <v>06-6105-3990</v>
          </cell>
          <cell r="L1193" t="str">
            <v>azbil_nyusatsu@azbil.com</v>
          </cell>
          <cell r="M1193" t="str">
            <v>ｱｽﾞﾋﾞﾙ</v>
          </cell>
          <cell r="N1193" t="str">
            <v>有</v>
          </cell>
          <cell r="O1193">
            <v>112</v>
          </cell>
          <cell r="P1193">
            <v>5043</v>
          </cell>
          <cell r="Q1193">
            <v>9010001096367</v>
          </cell>
          <cell r="R1193">
            <v>10522716</v>
          </cell>
          <cell r="S1193">
            <v>157064611</v>
          </cell>
          <cell r="T1193">
            <v>184920257</v>
          </cell>
          <cell r="V1193" t="str">
            <v>kw943194</v>
          </cell>
          <cell r="W1193" t="str">
            <v>ce181103</v>
          </cell>
          <cell r="X1193" t="str">
            <v>(電)(管)(通)建電管内機通水</v>
          </cell>
          <cell r="Y1193" t="str">
            <v>(電)(管)(通)</v>
          </cell>
          <cell r="Z1193" t="str">
            <v>建電管内機通水</v>
          </cell>
          <cell r="AA1193" t="str">
            <v>電気</v>
          </cell>
          <cell r="AB1193" t="str">
            <v>管</v>
          </cell>
          <cell r="AC1193" t="str">
            <v>電気通信</v>
          </cell>
          <cell r="AD1193" t="str">
            <v/>
          </cell>
          <cell r="AE1193">
            <v>43190</v>
          </cell>
          <cell r="AF1193" t="str">
            <v/>
          </cell>
          <cell r="AG1193" t="str">
            <v>電気</v>
          </cell>
          <cell r="AH1193" t="str">
            <v>特定</v>
          </cell>
          <cell r="AI1193">
            <v>1853</v>
          </cell>
          <cell r="AJ1193">
            <v>49868328</v>
          </cell>
          <cell r="AK1193" t="str">
            <v>898(324)/109/615</v>
          </cell>
          <cell r="AL1193" t="str">
            <v>管</v>
          </cell>
          <cell r="AM1193" t="str">
            <v>特定</v>
          </cell>
          <cell r="AN1193">
            <v>1651</v>
          </cell>
          <cell r="AO1193">
            <v>8188163</v>
          </cell>
          <cell r="AP1193" t="str">
            <v>384(131)/27/428</v>
          </cell>
          <cell r="AQ1193" t="str">
            <v>電気通信</v>
          </cell>
          <cell r="AR1193" t="str">
            <v>特定</v>
          </cell>
          <cell r="AS1193">
            <v>1425</v>
          </cell>
          <cell r="AT1193">
            <v>1131191</v>
          </cell>
          <cell r="AU1193" t="str">
            <v>1(0)/0/262</v>
          </cell>
          <cell r="AV1193" t="str">
            <v/>
          </cell>
          <cell r="AW1193" t="str">
            <v/>
          </cell>
          <cell r="AX1193" t="str">
            <v/>
          </cell>
          <cell r="AY1193" t="str">
            <v/>
          </cell>
          <cell r="AZ1193" t="str">
            <v/>
          </cell>
          <cell r="BA1193" t="str">
            <v>東京都</v>
          </cell>
          <cell r="CR1193">
            <v>6951</v>
          </cell>
          <cell r="CS1193" t="str">
            <v>ｲﾊﾗﾀﾞ ｹﾝｲﾁ</v>
          </cell>
          <cell r="CT1193" t="str">
            <v>居原田  健一</v>
          </cell>
          <cell r="CU1193" t="str">
            <v>工務課</v>
          </cell>
          <cell r="CW1193" t="str">
            <v xml:space="preserve"> </v>
          </cell>
          <cell r="CX1193" t="str">
            <v xml:space="preserve"> </v>
          </cell>
          <cell r="CY1193" t="str">
            <v>工務課長</v>
          </cell>
        </row>
        <row r="1194">
          <cell r="B1194">
            <v>4306</v>
          </cell>
          <cell r="C1194" t="str">
            <v>(株)てらす</v>
          </cell>
          <cell r="D1194" t="str">
            <v>0797-86-3938</v>
          </cell>
          <cell r="E1194" t="str">
            <v>665-0822</v>
          </cell>
          <cell r="F1194" t="str">
            <v>兵庫県宝塚市安倉中5-2-33</v>
          </cell>
          <cell r="G1194" t="str">
            <v>宝塚市</v>
          </cell>
          <cell r="H1194" t="str">
            <v/>
          </cell>
          <cell r="I1194" t="str">
            <v>代表取締役 寺本　達也</v>
          </cell>
          <cell r="J1194" t="str">
            <v>本店</v>
          </cell>
          <cell r="K1194" t="str">
            <v>0797-86-7772</v>
          </cell>
          <cell r="L1194" t="str">
            <v>info@yamada-kk.jp</v>
          </cell>
          <cell r="M1194" t="str">
            <v>ﾔﾏﾀﾞｹﾝｾﾂｺｳｷﾞｮｳ</v>
          </cell>
          <cell r="N1194" t="str">
            <v>無</v>
          </cell>
          <cell r="O1194">
            <v>48</v>
          </cell>
          <cell r="P1194">
            <v>24</v>
          </cell>
          <cell r="Q1194">
            <v>6140001082118</v>
          </cell>
          <cell r="R1194">
            <v>70000</v>
          </cell>
          <cell r="S1194">
            <v>200225</v>
          </cell>
          <cell r="T1194">
            <v>770408</v>
          </cell>
          <cell r="V1194" t="str">
            <v>xg526770</v>
          </cell>
          <cell r="W1194" t="str">
            <v>yy710848</v>
          </cell>
          <cell r="X1194" t="str">
            <v>土舗浚水建と石鋼解</v>
          </cell>
          <cell r="Y1194" t="str">
            <v>土舗浚水</v>
          </cell>
          <cell r="Z1194" t="str">
            <v>建と石鋼解</v>
          </cell>
          <cell r="AA1194" t="str">
            <v>建築一式</v>
          </cell>
          <cell r="AB1194" t="str">
            <v>土木一式</v>
          </cell>
          <cell r="AC1194" t="str">
            <v>とび土工</v>
          </cell>
          <cell r="AD1194" t="str">
            <v/>
          </cell>
          <cell r="AE1194">
            <v>43069</v>
          </cell>
          <cell r="AF1194" t="str">
            <v>希望しない</v>
          </cell>
          <cell r="AG1194" t="str">
            <v>建築一式</v>
          </cell>
          <cell r="AH1194" t="str">
            <v>特定</v>
          </cell>
          <cell r="AI1194">
            <v>893</v>
          </cell>
          <cell r="AJ1194">
            <v>768896</v>
          </cell>
          <cell r="AK1194" t="str">
            <v>3(3)/3/5</v>
          </cell>
          <cell r="AL1194" t="str">
            <v>土木一式</v>
          </cell>
          <cell r="AM1194" t="str">
            <v>一般</v>
          </cell>
          <cell r="AN1194">
            <v>662</v>
          </cell>
          <cell r="AO1194">
            <v>222</v>
          </cell>
          <cell r="AP1194" t="str">
            <v>0(0)/2/3</v>
          </cell>
          <cell r="AQ1194" t="str">
            <v>とび土工</v>
          </cell>
          <cell r="AR1194" t="str">
            <v>特定</v>
          </cell>
          <cell r="AS1194">
            <v>686</v>
          </cell>
          <cell r="AT1194">
            <v>123</v>
          </cell>
          <cell r="AU1194" t="str">
            <v>3(2)/0/0</v>
          </cell>
          <cell r="AV1194" t="str">
            <v/>
          </cell>
          <cell r="AW1194" t="str">
            <v/>
          </cell>
          <cell r="AX1194" t="str">
            <v/>
          </cell>
          <cell r="AY1194" t="str">
            <v/>
          </cell>
          <cell r="AZ1194" t="str">
            <v/>
          </cell>
          <cell r="BA1194" t="str">
            <v>兵庫県</v>
          </cell>
          <cell r="CR1194">
            <v>6952</v>
          </cell>
          <cell r="CS1194" t="str">
            <v>ｲﾉｳｴ ﾋﾃﾞｱｷ</v>
          </cell>
          <cell r="CT1194" t="str">
            <v>井上  秀哲</v>
          </cell>
          <cell r="CU1194" t="str">
            <v>浄水課</v>
          </cell>
          <cell r="CW1194" t="str">
            <v xml:space="preserve"> </v>
          </cell>
          <cell r="CX1194" t="str">
            <v xml:space="preserve"> </v>
          </cell>
          <cell r="CY1194" t="str">
            <v>浄水課長</v>
          </cell>
        </row>
        <row r="1195">
          <cell r="B1195">
            <v>4307</v>
          </cell>
          <cell r="C1195" t="str">
            <v>山田工業(株)</v>
          </cell>
          <cell r="D1195" t="str">
            <v>06-6632-8162</v>
          </cell>
          <cell r="E1195" t="str">
            <v>542-0073</v>
          </cell>
          <cell r="F1195" t="str">
            <v>大阪府大阪市中央区日本橋1丁目17番17号</v>
          </cell>
          <cell r="G1195" t="str">
            <v>大阪市</v>
          </cell>
          <cell r="H1195" t="str">
            <v/>
          </cell>
          <cell r="I1195" t="str">
            <v>代表取締役社長　 西方　盛実</v>
          </cell>
          <cell r="J1195" t="str">
            <v>本店</v>
          </cell>
          <cell r="K1195" t="str">
            <v>06-6632-8167</v>
          </cell>
          <cell r="L1195" t="str">
            <v>ma-oike@yamada-kk.co.jp</v>
          </cell>
          <cell r="M1195" t="str">
            <v>ﾔﾏﾀﾞｺｳｷﾞﾖｳ</v>
          </cell>
          <cell r="N1195" t="str">
            <v>無</v>
          </cell>
          <cell r="O1195">
            <v>68</v>
          </cell>
          <cell r="P1195">
            <v>53</v>
          </cell>
          <cell r="Q1195">
            <v>5120000000000</v>
          </cell>
          <cell r="R1195">
            <v>100000</v>
          </cell>
          <cell r="S1195">
            <v>385323</v>
          </cell>
          <cell r="T1195">
            <v>1803699</v>
          </cell>
          <cell r="V1195" t="str">
            <v>hg276416</v>
          </cell>
          <cell r="W1195" t="str">
            <v>jx871184</v>
          </cell>
          <cell r="X1195" t="str">
            <v>土舗浚水建と石鋼解</v>
          </cell>
          <cell r="Y1195" t="str">
            <v>土舗浚水</v>
          </cell>
          <cell r="Z1195" t="str">
            <v>建と石鋼解</v>
          </cell>
          <cell r="AA1195" t="str">
            <v>機械器具</v>
          </cell>
          <cell r="AB1195" t="str">
            <v/>
          </cell>
          <cell r="AC1195" t="str">
            <v/>
          </cell>
          <cell r="AD1195" t="str">
            <v/>
          </cell>
          <cell r="AE1195">
            <v>43190</v>
          </cell>
          <cell r="AF1195" t="str">
            <v>希望しない</v>
          </cell>
          <cell r="AG1195" t="str">
            <v>機械器具</v>
          </cell>
          <cell r="AH1195" t="str">
            <v>特定</v>
          </cell>
          <cell r="AI1195">
            <v>882</v>
          </cell>
          <cell r="AJ1195">
            <v>802945</v>
          </cell>
          <cell r="AK1195" t="str">
            <v>0(0)/0/26</v>
          </cell>
          <cell r="AL1195" t="str">
            <v/>
          </cell>
          <cell r="AM1195" t="str">
            <v/>
          </cell>
          <cell r="AN1195" t="str">
            <v/>
          </cell>
          <cell r="AO1195" t="str">
            <v/>
          </cell>
          <cell r="AP1195" t="str">
            <v/>
          </cell>
          <cell r="AQ1195" t="str">
            <v/>
          </cell>
          <cell r="AR1195" t="str">
            <v/>
          </cell>
          <cell r="AS1195" t="str">
            <v/>
          </cell>
          <cell r="AT1195" t="str">
            <v/>
          </cell>
          <cell r="AU1195" t="str">
            <v/>
          </cell>
          <cell r="AV1195" t="str">
            <v/>
          </cell>
          <cell r="AW1195" t="str">
            <v/>
          </cell>
          <cell r="AX1195" t="str">
            <v/>
          </cell>
          <cell r="AY1195" t="str">
            <v/>
          </cell>
          <cell r="AZ1195" t="str">
            <v/>
          </cell>
          <cell r="BA1195" t="str">
            <v>大阪府</v>
          </cell>
          <cell r="CR1195">
            <v>6954</v>
          </cell>
          <cell r="CS1195" t="str">
            <v>ｶﾄｳ ｼﾞﾕﾝ</v>
          </cell>
          <cell r="CT1195" t="str">
            <v>加藤  淳</v>
          </cell>
          <cell r="CU1195" t="str">
            <v>総務課</v>
          </cell>
          <cell r="CW1195" t="str">
            <v xml:space="preserve"> </v>
          </cell>
          <cell r="CX1195" t="str">
            <v xml:space="preserve"> </v>
          </cell>
          <cell r="CY1195" t="str">
            <v>総務課長</v>
          </cell>
        </row>
        <row r="1196">
          <cell r="B1196">
            <v>4309</v>
          </cell>
          <cell r="C1196" t="str">
            <v>(株)山田工務店</v>
          </cell>
          <cell r="D1196" t="str">
            <v>078-232-1800</v>
          </cell>
          <cell r="E1196" t="str">
            <v>651-0096</v>
          </cell>
          <cell r="F1196" t="str">
            <v>兵庫県神戸市中央区雲井通4-1-3</v>
          </cell>
          <cell r="G1196" t="str">
            <v>神戸市</v>
          </cell>
          <cell r="H1196" t="str">
            <v/>
          </cell>
          <cell r="I1196" t="str">
            <v>取締役社長 山田　俊治</v>
          </cell>
          <cell r="J1196" t="str">
            <v>本店</v>
          </cell>
          <cell r="K1196" t="str">
            <v>078-231-0823</v>
          </cell>
          <cell r="L1196" t="str">
            <v>eigyou@yamada-komuten.co.jp</v>
          </cell>
          <cell r="M1196" t="str">
            <v>ﾔﾏﾀﾞｺｳﾑﾃﾝ</v>
          </cell>
          <cell r="N1196" t="str">
            <v>無</v>
          </cell>
          <cell r="O1196">
            <v>68</v>
          </cell>
          <cell r="P1196">
            <v>31</v>
          </cell>
          <cell r="Q1196">
            <v>3140001011450</v>
          </cell>
          <cell r="R1196">
            <v>50005</v>
          </cell>
          <cell r="S1196">
            <v>226978</v>
          </cell>
          <cell r="T1196">
            <v>2034125</v>
          </cell>
          <cell r="V1196" t="str">
            <v>ms371427</v>
          </cell>
          <cell r="W1196" t="str">
            <v>wd735871</v>
          </cell>
          <cell r="X1196" t="str">
            <v>土建と舗水解</v>
          </cell>
          <cell r="Y1196" t="str">
            <v/>
          </cell>
          <cell r="Z1196" t="str">
            <v>土建と舗水解</v>
          </cell>
          <cell r="AA1196" t="str">
            <v>建築一式</v>
          </cell>
          <cell r="AB1196" t="str">
            <v>土木一式</v>
          </cell>
          <cell r="AC1196" t="str">
            <v/>
          </cell>
          <cell r="AD1196" t="str">
            <v/>
          </cell>
          <cell r="AE1196" t="str">
            <v>H.29.9.30</v>
          </cell>
          <cell r="AF1196" t="str">
            <v>希望する</v>
          </cell>
          <cell r="AG1196" t="str">
            <v>建築一式</v>
          </cell>
          <cell r="AH1196" t="str">
            <v>特定</v>
          </cell>
          <cell r="AI1196">
            <v>943</v>
          </cell>
          <cell r="AJ1196">
            <v>1876402</v>
          </cell>
          <cell r="AK1196" t="str">
            <v>13(13)/3/5</v>
          </cell>
          <cell r="AL1196" t="str">
            <v>土木一式</v>
          </cell>
          <cell r="AM1196" t="str">
            <v>特定</v>
          </cell>
          <cell r="AN1196">
            <v>821</v>
          </cell>
          <cell r="AO1196">
            <v>287390</v>
          </cell>
          <cell r="AP1196" t="str">
            <v>6(6)/0/8</v>
          </cell>
          <cell r="AQ1196" t="str">
            <v/>
          </cell>
          <cell r="AR1196" t="str">
            <v/>
          </cell>
          <cell r="AS1196" t="str">
            <v/>
          </cell>
          <cell r="AT1196" t="str">
            <v/>
          </cell>
          <cell r="AU1196" t="str">
            <v/>
          </cell>
          <cell r="AV1196" t="str">
            <v/>
          </cell>
          <cell r="AW1196" t="str">
            <v/>
          </cell>
          <cell r="AX1196" t="str">
            <v/>
          </cell>
          <cell r="AY1196" t="str">
            <v/>
          </cell>
          <cell r="AZ1196" t="str">
            <v/>
          </cell>
          <cell r="BA1196" t="str">
            <v>兵庫県</v>
          </cell>
          <cell r="CR1196">
            <v>6956</v>
          </cell>
          <cell r="CS1196" t="str">
            <v>ｱﾝﾄﾞｳ ﾊﾙｶ</v>
          </cell>
          <cell r="CT1196" t="str">
            <v>安藤  遥香</v>
          </cell>
          <cell r="CU1196" t="str">
            <v>徴収対策課</v>
          </cell>
          <cell r="CW1196">
            <v>2370</v>
          </cell>
          <cell r="CX1196" t="str">
            <v xml:space="preserve"> </v>
          </cell>
          <cell r="CY1196" t="str">
            <v>徴収対策課長</v>
          </cell>
        </row>
        <row r="1197">
          <cell r="B1197">
            <v>4311</v>
          </cell>
          <cell r="C1197" t="str">
            <v>ヤマト工業(株)</v>
          </cell>
          <cell r="D1197" t="str">
            <v>078-391-0351</v>
          </cell>
          <cell r="E1197" t="str">
            <v>650-0024</v>
          </cell>
          <cell r="F1197" t="str">
            <v>兵庫県神戸市中央区海岸通2-2-3</v>
          </cell>
          <cell r="G1197" t="str">
            <v>大阪市</v>
          </cell>
          <cell r="H1197" t="str">
            <v>神戸支店</v>
          </cell>
          <cell r="I1197" t="str">
            <v>支店長 中山　茂昭</v>
          </cell>
          <cell r="J1197" t="str">
            <v>大阪府大阪市</v>
          </cell>
          <cell r="K1197" t="str">
            <v>078-391-0122</v>
          </cell>
          <cell r="L1197" t="str">
            <v>honsya@yamato-gc.co.jp</v>
          </cell>
          <cell r="M1197" t="str">
            <v>ﾔﾏﾄｺｳｷﾞｮｳ</v>
          </cell>
          <cell r="N1197" t="str">
            <v>有</v>
          </cell>
          <cell r="O1197">
            <v>68</v>
          </cell>
          <cell r="P1197">
            <v>112</v>
          </cell>
          <cell r="Q1197">
            <v>8120001029993</v>
          </cell>
          <cell r="R1197">
            <v>85000</v>
          </cell>
          <cell r="S1197">
            <v>2997328</v>
          </cell>
          <cell r="T1197">
            <v>9507182</v>
          </cell>
          <cell r="V1197" t="str">
            <v>qp944572</v>
          </cell>
          <cell r="W1197" t="str">
            <v>jp476390</v>
          </cell>
          <cell r="X1197" t="str">
            <v>(清)(と)(石)(鋼)(舗)(浚)(塗)(水)土建大と石屋タ鋼鉄舗浚板ガ塗防内熱具水解</v>
          </cell>
          <cell r="Y1197" t="str">
            <v>(清)(と)(石)(鋼)(舗)(浚)(塗)(水)</v>
          </cell>
          <cell r="Z1197" t="str">
            <v>土建大と石屋タ鋼鉄舗浚板ガ塗防内熱具水解</v>
          </cell>
          <cell r="AA1197" t="str">
            <v>土木一式</v>
          </cell>
          <cell r="AB1197" t="str">
            <v>舗装</v>
          </cell>
          <cell r="AC1197" t="str">
            <v>浚渫</v>
          </cell>
          <cell r="AD1197" t="str">
            <v/>
          </cell>
          <cell r="AE1197">
            <v>43190</v>
          </cell>
          <cell r="AF1197" t="str">
            <v>希望する</v>
          </cell>
          <cell r="AG1197" t="str">
            <v>土木一式</v>
          </cell>
          <cell r="AH1197" t="str">
            <v>特定</v>
          </cell>
          <cell r="AI1197">
            <v>1256</v>
          </cell>
          <cell r="AJ1197">
            <v>8052373</v>
          </cell>
          <cell r="AK1197" t="str">
            <v>70(65)/7/0</v>
          </cell>
          <cell r="AL1197" t="str">
            <v>舗装</v>
          </cell>
          <cell r="AM1197" t="str">
            <v>特定</v>
          </cell>
          <cell r="AN1197">
            <v>1032</v>
          </cell>
          <cell r="AO1197">
            <v>433994</v>
          </cell>
          <cell r="AP1197" t="str">
            <v>19(19)/2/0</v>
          </cell>
          <cell r="AQ1197" t="str">
            <v>浚渫</v>
          </cell>
          <cell r="AR1197" t="str">
            <v>特定</v>
          </cell>
          <cell r="AS1197">
            <v>1085</v>
          </cell>
          <cell r="AT1197">
            <v>492768</v>
          </cell>
          <cell r="AU1197" t="str">
            <v>50(45)/5/0</v>
          </cell>
          <cell r="AV1197" t="str">
            <v/>
          </cell>
          <cell r="AW1197" t="str">
            <v/>
          </cell>
          <cell r="AX1197" t="str">
            <v/>
          </cell>
          <cell r="AY1197" t="str">
            <v/>
          </cell>
          <cell r="AZ1197" t="str">
            <v/>
          </cell>
          <cell r="BA1197" t="str">
            <v>大阪府</v>
          </cell>
          <cell r="CR1197">
            <v>6957</v>
          </cell>
          <cell r="CS1197" t="str">
            <v>ｲﾜｲ ﾕﾐｺ</v>
          </cell>
          <cell r="CT1197" t="str">
            <v>祝  優美子</v>
          </cell>
          <cell r="CU1197" t="str">
            <v>教育政策課</v>
          </cell>
          <cell r="CW1197">
            <v>2305</v>
          </cell>
          <cell r="CX1197" t="str">
            <v xml:space="preserve"> </v>
          </cell>
          <cell r="CY1197" t="str">
            <v>市民税課長</v>
          </cell>
        </row>
        <row r="1198">
          <cell r="B1198">
            <v>4315</v>
          </cell>
          <cell r="C1198" t="str">
            <v>(株)山中造園コンサルタント</v>
          </cell>
          <cell r="D1198" t="str">
            <v>06-6863-5050</v>
          </cell>
          <cell r="E1198" t="str">
            <v>561-0804</v>
          </cell>
          <cell r="F1198" t="str">
            <v>大阪府豊中市曽根南町2-9-8</v>
          </cell>
          <cell r="G1198" t="str">
            <v>豊中市</v>
          </cell>
          <cell r="H1198" t="str">
            <v/>
          </cell>
          <cell r="I1198" t="str">
            <v>代表取締役 山中　久男</v>
          </cell>
          <cell r="J1198" t="str">
            <v>本店</v>
          </cell>
          <cell r="K1198" t="str">
            <v>06-6862-9949</v>
          </cell>
          <cell r="L1198" t="str">
            <v>hisao@mail.infomart.or.jp</v>
          </cell>
          <cell r="M1198" t="str">
            <v>ﾔﾏﾅｶｿﾞｳｴﾝｺﾝｻﾙﾀﾝﾄ</v>
          </cell>
          <cell r="N1198" t="str">
            <v>無</v>
          </cell>
          <cell r="O1198">
            <v>42</v>
          </cell>
          <cell r="P1198">
            <v>12</v>
          </cell>
          <cell r="Q1198">
            <v>9120901026016</v>
          </cell>
          <cell r="R1198">
            <v>40000</v>
          </cell>
          <cell r="S1198">
            <v>95899</v>
          </cell>
          <cell r="T1198">
            <v>288995</v>
          </cell>
          <cell r="V1198" t="str">
            <v>dz659189</v>
          </cell>
          <cell r="W1198" t="str">
            <v>us457777</v>
          </cell>
          <cell r="X1198" t="str">
            <v>土建大と内園</v>
          </cell>
          <cell r="Y1198" t="str">
            <v/>
          </cell>
          <cell r="Z1198" t="str">
            <v>土建大と内園</v>
          </cell>
          <cell r="AA1198" t="str">
            <v>造園</v>
          </cell>
          <cell r="AB1198" t="str">
            <v>土木一式</v>
          </cell>
          <cell r="AC1198" t="str">
            <v>建築一式</v>
          </cell>
          <cell r="AD1198" t="str">
            <v/>
          </cell>
          <cell r="AE1198">
            <v>43220</v>
          </cell>
          <cell r="AF1198" t="str">
            <v>希望しない</v>
          </cell>
          <cell r="AG1198" t="str">
            <v>造園</v>
          </cell>
          <cell r="AH1198" t="str">
            <v>特定</v>
          </cell>
          <cell r="AI1198">
            <v>842</v>
          </cell>
          <cell r="AJ1198">
            <v>143355</v>
          </cell>
          <cell r="AK1198" t="str">
            <v>5(4)/1/3</v>
          </cell>
          <cell r="AL1198" t="str">
            <v>土木一式</v>
          </cell>
          <cell r="AM1198" t="str">
            <v>特定</v>
          </cell>
          <cell r="AN1198">
            <v>694</v>
          </cell>
          <cell r="AO1198" t="str">
            <v/>
          </cell>
          <cell r="AP1198" t="str">
            <v>2(2)/1/2</v>
          </cell>
          <cell r="AQ1198" t="str">
            <v>建築一式</v>
          </cell>
          <cell r="AR1198" t="str">
            <v>特定</v>
          </cell>
          <cell r="AS1198">
            <v>769</v>
          </cell>
          <cell r="AT1198">
            <v>152084</v>
          </cell>
          <cell r="AU1198" t="str">
            <v>1(1)/2/0</v>
          </cell>
          <cell r="AV1198" t="str">
            <v/>
          </cell>
          <cell r="AW1198" t="str">
            <v/>
          </cell>
          <cell r="AX1198" t="str">
            <v/>
          </cell>
          <cell r="AY1198" t="str">
            <v/>
          </cell>
          <cell r="AZ1198" t="str">
            <v/>
          </cell>
          <cell r="BA1198" t="str">
            <v>大阪府</v>
          </cell>
          <cell r="CR1198">
            <v>6958</v>
          </cell>
          <cell r="CS1198" t="str">
            <v>ｴｸﾞﾁ ｱｲ</v>
          </cell>
          <cell r="CT1198" t="str">
            <v>江口  藍</v>
          </cell>
          <cell r="CU1198" t="str">
            <v>工務課</v>
          </cell>
          <cell r="CW1198" t="str">
            <v xml:space="preserve"> </v>
          </cell>
          <cell r="CX1198" t="str">
            <v xml:space="preserve"> </v>
          </cell>
          <cell r="CY1198" t="str">
            <v>工務課長</v>
          </cell>
        </row>
        <row r="1199">
          <cell r="B1199">
            <v>4316</v>
          </cell>
          <cell r="C1199" t="str">
            <v>(株)山西サク井設備</v>
          </cell>
          <cell r="D1199" t="str">
            <v>072-962-4848</v>
          </cell>
          <cell r="E1199" t="str">
            <v>578-0911</v>
          </cell>
          <cell r="F1199" t="str">
            <v>大阪府東大阪市中新開1-5-25</v>
          </cell>
          <cell r="G1199" t="str">
            <v>東大阪市</v>
          </cell>
          <cell r="H1199" t="str">
            <v/>
          </cell>
          <cell r="I1199" t="str">
            <v>代表取締役 山西　真希</v>
          </cell>
          <cell r="J1199" t="str">
            <v>本店</v>
          </cell>
          <cell r="K1199" t="str">
            <v>072-961-4818</v>
          </cell>
          <cell r="L1199" t="str">
            <v>okada@yamasaku.co.jp</v>
          </cell>
          <cell r="M1199" t="str">
            <v>ﾔﾏﾆｼｻｸｲｾﾂﾋﾞ</v>
          </cell>
          <cell r="N1199" t="str">
            <v>無</v>
          </cell>
          <cell r="O1199">
            <v>20</v>
          </cell>
          <cell r="P1199">
            <v>10</v>
          </cell>
          <cell r="Q1199">
            <v>5122001007940</v>
          </cell>
          <cell r="R1199">
            <v>20000</v>
          </cell>
          <cell r="S1199">
            <v>155571</v>
          </cell>
          <cell r="T1199">
            <v>423868</v>
          </cell>
          <cell r="V1199" t="str">
            <v>zc480217</v>
          </cell>
          <cell r="W1199" t="str">
            <v>jw748483</v>
          </cell>
          <cell r="X1199" t="str">
            <v>井</v>
          </cell>
          <cell r="Y1199" t="str">
            <v/>
          </cell>
          <cell r="Z1199" t="str">
            <v>井</v>
          </cell>
          <cell r="AA1199" t="str">
            <v>さく井</v>
          </cell>
          <cell r="AB1199" t="str">
            <v/>
          </cell>
          <cell r="AC1199" t="str">
            <v/>
          </cell>
          <cell r="AD1199" t="str">
            <v/>
          </cell>
          <cell r="AE1199">
            <v>43190</v>
          </cell>
          <cell r="AF1199" t="str">
            <v/>
          </cell>
          <cell r="AG1199" t="str">
            <v>さく井</v>
          </cell>
          <cell r="AH1199" t="str">
            <v>特定</v>
          </cell>
          <cell r="AI1199">
            <v>805</v>
          </cell>
          <cell r="AJ1199">
            <v>388018</v>
          </cell>
          <cell r="AK1199" t="str">
            <v>0(0)/3/1</v>
          </cell>
          <cell r="AL1199" t="str">
            <v/>
          </cell>
          <cell r="AM1199" t="str">
            <v/>
          </cell>
          <cell r="AN1199" t="str">
            <v/>
          </cell>
          <cell r="AO1199" t="str">
            <v/>
          </cell>
          <cell r="AP1199" t="str">
            <v/>
          </cell>
          <cell r="AQ1199" t="str">
            <v/>
          </cell>
          <cell r="AR1199" t="str">
            <v/>
          </cell>
          <cell r="AS1199" t="str">
            <v/>
          </cell>
          <cell r="AT1199" t="str">
            <v/>
          </cell>
          <cell r="AU1199" t="str">
            <v/>
          </cell>
          <cell r="AV1199" t="str">
            <v/>
          </cell>
          <cell r="AW1199" t="str">
            <v/>
          </cell>
          <cell r="AX1199" t="str">
            <v/>
          </cell>
          <cell r="AY1199" t="str">
            <v/>
          </cell>
          <cell r="AZ1199" t="str">
            <v/>
          </cell>
          <cell r="BA1199" t="str">
            <v>大阪府</v>
          </cell>
          <cell r="CR1199">
            <v>6959</v>
          </cell>
          <cell r="CS1199" t="str">
            <v>ｵﾉｳｴ ﾕﾐｺ</v>
          </cell>
          <cell r="CT1199" t="str">
            <v>尾上  裕充子</v>
          </cell>
          <cell r="CU1199" t="str">
            <v>市民課</v>
          </cell>
          <cell r="CW1199">
            <v>2616</v>
          </cell>
          <cell r="CX1199" t="str">
            <v xml:space="preserve"> </v>
          </cell>
          <cell r="CY1199" t="str">
            <v>市民課長</v>
          </cell>
        </row>
        <row r="1200">
          <cell r="B1200">
            <v>4323</v>
          </cell>
          <cell r="C1200" t="str">
            <v>山本建設工業(株)</v>
          </cell>
          <cell r="D1200" t="str">
            <v>06-6571-3444</v>
          </cell>
          <cell r="E1200" t="str">
            <v>552-0005</v>
          </cell>
          <cell r="F1200" t="str">
            <v>大阪府大阪市港区田中2-12-30</v>
          </cell>
          <cell r="G1200" t="str">
            <v>大阪市</v>
          </cell>
          <cell r="H1200" t="str">
            <v/>
          </cell>
          <cell r="I1200" t="str">
            <v>代表取締役 山本　仁美</v>
          </cell>
          <cell r="J1200" t="str">
            <v>本店</v>
          </cell>
          <cell r="K1200" t="str">
            <v>06-6571-4123</v>
          </cell>
          <cell r="L1200" t="str">
            <v>kaneaki.yamamoto@yamamoto-ci.co.jp</v>
          </cell>
          <cell r="M1200" t="str">
            <v>ﾔﾏﾓﾄｹﾝｾﾂｺｳｷﾞｮｳ</v>
          </cell>
          <cell r="N1200" t="str">
            <v>無</v>
          </cell>
          <cell r="O1200">
            <v>52</v>
          </cell>
          <cell r="P1200">
            <v>28</v>
          </cell>
          <cell r="Q1200">
            <v>2120001030024</v>
          </cell>
          <cell r="R1200">
            <v>30000</v>
          </cell>
          <cell r="S1200">
            <v>208015</v>
          </cell>
          <cell r="T1200">
            <v>471309</v>
          </cell>
          <cell r="V1200" t="str">
            <v>fn338110</v>
          </cell>
          <cell r="W1200" t="str">
            <v>te575145</v>
          </cell>
          <cell r="X1200" t="str">
            <v>管土建大と鋼鉄舗浚塗防水解</v>
          </cell>
          <cell r="Y1200" t="str">
            <v>管</v>
          </cell>
          <cell r="Z1200" t="str">
            <v>土建大と鋼鉄舗浚塗防水解</v>
          </cell>
          <cell r="AA1200" t="str">
            <v>鋼構造物</v>
          </cell>
          <cell r="AB1200" t="str">
            <v>土木一式</v>
          </cell>
          <cell r="AC1200" t="str">
            <v>とび土工</v>
          </cell>
          <cell r="AD1200" t="str">
            <v>建築一式</v>
          </cell>
          <cell r="AE1200">
            <v>43069</v>
          </cell>
          <cell r="AF1200" t="str">
            <v>希望しない</v>
          </cell>
          <cell r="AG1200" t="str">
            <v>鋼構造物</v>
          </cell>
          <cell r="AH1200" t="str">
            <v>特定</v>
          </cell>
          <cell r="AI1200">
            <v>849</v>
          </cell>
          <cell r="AJ1200">
            <v>201007</v>
          </cell>
          <cell r="AK1200" t="str">
            <v>5(5)/5/4</v>
          </cell>
          <cell r="AL1200" t="str">
            <v>土木一式</v>
          </cell>
          <cell r="AM1200" t="str">
            <v>特定</v>
          </cell>
          <cell r="AN1200">
            <v>769</v>
          </cell>
          <cell r="AO1200">
            <v>91361</v>
          </cell>
          <cell r="AP1200" t="str">
            <v>2(2)/0/0</v>
          </cell>
          <cell r="AQ1200" t="str">
            <v>とび土工</v>
          </cell>
          <cell r="AR1200" t="str">
            <v>特定</v>
          </cell>
          <cell r="AS1200">
            <v>735</v>
          </cell>
          <cell r="AT1200">
            <v>129906</v>
          </cell>
          <cell r="AU1200" t="str">
            <v>0(0)/1/1</v>
          </cell>
          <cell r="AV1200" t="str">
            <v>建築一式</v>
          </cell>
          <cell r="AW1200" t="str">
            <v>特定</v>
          </cell>
          <cell r="AX1200">
            <v>776</v>
          </cell>
          <cell r="AY1200">
            <v>141653</v>
          </cell>
          <cell r="AZ1200" t="str">
            <v>1(1)/1/0</v>
          </cell>
          <cell r="BA1200" t="str">
            <v>大阪府</v>
          </cell>
          <cell r="CR1200">
            <v>6960</v>
          </cell>
          <cell r="CS1200" t="str">
            <v>ｶﾐﾀﾆ ﾖｳｺ</v>
          </cell>
          <cell r="CT1200" t="str">
            <v>上谷  陽子</v>
          </cell>
          <cell r="CU1200" t="str">
            <v>地域・高年福祉課</v>
          </cell>
          <cell r="CW1200">
            <v>2515</v>
          </cell>
          <cell r="CX1200" t="str">
            <v xml:space="preserve"> </v>
          </cell>
          <cell r="CY1200" t="str">
            <v>地域・高年福祉課長</v>
          </cell>
        </row>
        <row r="1201">
          <cell r="B1201">
            <v>4327</v>
          </cell>
          <cell r="C1201" t="str">
            <v>ヤンマーエネルギーシステム(株)</v>
          </cell>
          <cell r="D1201" t="str">
            <v>06-4960-8158</v>
          </cell>
          <cell r="E1201" t="str">
            <v>661-0976</v>
          </cell>
          <cell r="F1201" t="str">
            <v>兵庫県尼崎市潮江1-3-30</v>
          </cell>
          <cell r="G1201" t="str">
            <v>大阪市</v>
          </cell>
          <cell r="H1201" t="str">
            <v>大阪支社</v>
          </cell>
          <cell r="I1201" t="str">
            <v>執行役員大阪支社長 新見　雅徳</v>
          </cell>
          <cell r="J1201" t="str">
            <v>大阪府大阪市</v>
          </cell>
          <cell r="K1201" t="str">
            <v>06-4960-8159</v>
          </cell>
          <cell r="L1201" t="str">
            <v/>
          </cell>
          <cell r="M1201" t="str">
            <v>ﾔﾝﾏｰｴﾈﾙｷﾞｰｼｽﾃﾑ</v>
          </cell>
          <cell r="N1201" t="str">
            <v>有</v>
          </cell>
          <cell r="O1201">
            <v>14</v>
          </cell>
          <cell r="P1201">
            <v>817</v>
          </cell>
          <cell r="Q1201">
            <v>7120001103691</v>
          </cell>
          <cell r="R1201">
            <v>90000</v>
          </cell>
          <cell r="S1201">
            <v>21028630</v>
          </cell>
          <cell r="T1201">
            <v>66632524</v>
          </cell>
          <cell r="V1201" t="str">
            <v>wu478273</v>
          </cell>
          <cell r="W1201" t="str">
            <v>ry277407</v>
          </cell>
          <cell r="X1201" t="str">
            <v>機(電)(管)(機)電管</v>
          </cell>
          <cell r="Y1201" t="str">
            <v>機(電)(管)(機)</v>
          </cell>
          <cell r="Z1201" t="str">
            <v>電管</v>
          </cell>
          <cell r="AA1201" t="str">
            <v>電気</v>
          </cell>
          <cell r="AB1201" t="str">
            <v>機械器具</v>
          </cell>
          <cell r="AC1201" t="str">
            <v>管</v>
          </cell>
          <cell r="AD1201" t="str">
            <v/>
          </cell>
          <cell r="AE1201">
            <v>43190</v>
          </cell>
          <cell r="AF1201" t="str">
            <v/>
          </cell>
          <cell r="AG1201" t="str">
            <v>電気</v>
          </cell>
          <cell r="AH1201" t="str">
            <v>特定</v>
          </cell>
          <cell r="AI1201">
            <v>1346</v>
          </cell>
          <cell r="AJ1201">
            <v>3712942</v>
          </cell>
          <cell r="AK1201" t="str">
            <v>98(72)/35/74</v>
          </cell>
          <cell r="AL1201" t="str">
            <v>機械器具</v>
          </cell>
          <cell r="AM1201" t="str">
            <v>一般</v>
          </cell>
          <cell r="AN1201">
            <v>1242</v>
          </cell>
          <cell r="AO1201">
            <v>1825712</v>
          </cell>
          <cell r="AP1201" t="str">
            <v>()//150</v>
          </cell>
          <cell r="AQ1201" t="str">
            <v>管</v>
          </cell>
          <cell r="AR1201" t="str">
            <v>特定</v>
          </cell>
          <cell r="AS1201">
            <v>1239</v>
          </cell>
          <cell r="AT1201">
            <v>673980</v>
          </cell>
          <cell r="AU1201" t="str">
            <v>50(25)/35/47</v>
          </cell>
          <cell r="AV1201" t="str">
            <v/>
          </cell>
          <cell r="AW1201" t="str">
            <v/>
          </cell>
          <cell r="AX1201" t="str">
            <v/>
          </cell>
          <cell r="AY1201" t="str">
            <v/>
          </cell>
          <cell r="AZ1201" t="str">
            <v/>
          </cell>
          <cell r="BA1201" t="str">
            <v>大阪府</v>
          </cell>
          <cell r="CR1201">
            <v>6961</v>
          </cell>
          <cell r="CS1201" t="str">
            <v>ｷｸﾁ ｱﾔ</v>
          </cell>
          <cell r="CT1201" t="str">
            <v>菊池  亜耶</v>
          </cell>
          <cell r="CU1201" t="str">
            <v>国保年金課</v>
          </cell>
          <cell r="CW1201">
            <v>6961</v>
          </cell>
          <cell r="CX1201" t="str">
            <v xml:space="preserve"> </v>
          </cell>
          <cell r="CY1201" t="str">
            <v>給与制度課長</v>
          </cell>
        </row>
        <row r="1202">
          <cell r="B1202">
            <v>4328</v>
          </cell>
          <cell r="C1202" t="str">
            <v>(株)大和工業所</v>
          </cell>
          <cell r="D1202" t="str">
            <v>06-6409-0131</v>
          </cell>
          <cell r="E1202" t="str">
            <v>660-0843</v>
          </cell>
          <cell r="F1202" t="str">
            <v>兵庫県尼崎市東海岸町1-43</v>
          </cell>
          <cell r="G1202" t="str">
            <v>尼崎市</v>
          </cell>
          <cell r="H1202" t="str">
            <v/>
          </cell>
          <cell r="I1202" t="str">
            <v>代表取締役 西本　貴春</v>
          </cell>
          <cell r="J1202" t="str">
            <v>本店</v>
          </cell>
          <cell r="K1202" t="str">
            <v>06-6409-0136</v>
          </cell>
          <cell r="L1202" t="str">
            <v>yamato@kk-yamato.co.jp</v>
          </cell>
          <cell r="M1202" t="str">
            <v>ﾔﾏﾄｺｳｷﾞｮｳｼｮ</v>
          </cell>
          <cell r="N1202" t="str">
            <v>無</v>
          </cell>
          <cell r="O1202">
            <v>67</v>
          </cell>
          <cell r="P1202">
            <v>23</v>
          </cell>
          <cell r="Q1202">
            <v>4140001049770</v>
          </cell>
          <cell r="R1202">
            <v>20908</v>
          </cell>
          <cell r="S1202">
            <v>31421</v>
          </cell>
          <cell r="T1202">
            <v>898512</v>
          </cell>
          <cell r="V1202" t="str">
            <v>vw541699</v>
          </cell>
          <cell r="W1202" t="str">
            <v>fx980401</v>
          </cell>
          <cell r="X1202" t="str">
            <v>建土と石管鋼舗浚塗機水</v>
          </cell>
          <cell r="Y1202" t="str">
            <v>建</v>
          </cell>
          <cell r="Z1202" t="str">
            <v>土と石管鋼舗浚塗機水</v>
          </cell>
          <cell r="AA1202" t="str">
            <v>機械器具</v>
          </cell>
          <cell r="AB1202" t="str">
            <v>管</v>
          </cell>
          <cell r="AC1202" t="str">
            <v>水道施設</v>
          </cell>
          <cell r="AD1202" t="str">
            <v>鋼構造物</v>
          </cell>
          <cell r="AE1202">
            <v>42947</v>
          </cell>
          <cell r="AF1202" t="str">
            <v>希望しない</v>
          </cell>
          <cell r="AG1202" t="str">
            <v>機械器具</v>
          </cell>
          <cell r="AH1202" t="str">
            <v>特定</v>
          </cell>
          <cell r="AI1202">
            <v>797</v>
          </cell>
          <cell r="AJ1202">
            <v>931400</v>
          </cell>
          <cell r="AK1202" t="str">
            <v>0(0)/0/11</v>
          </cell>
          <cell r="AL1202" t="str">
            <v>管</v>
          </cell>
          <cell r="AM1202" t="str">
            <v>特定</v>
          </cell>
          <cell r="AN1202">
            <v>644</v>
          </cell>
          <cell r="AO1202">
            <v>4981</v>
          </cell>
          <cell r="AP1202" t="str">
            <v>2(2)/1/2</v>
          </cell>
          <cell r="AQ1202" t="str">
            <v>水道施設</v>
          </cell>
          <cell r="AR1202" t="str">
            <v>特定</v>
          </cell>
          <cell r="AS1202">
            <v>584</v>
          </cell>
          <cell r="AT1202" t="str">
            <v/>
          </cell>
          <cell r="AU1202" t="str">
            <v>0(0)/0/0</v>
          </cell>
          <cell r="AV1202" t="str">
            <v>鋼構造物</v>
          </cell>
          <cell r="AW1202" t="str">
            <v>特定</v>
          </cell>
          <cell r="AX1202">
            <v>629</v>
          </cell>
          <cell r="AY1202">
            <v>6761</v>
          </cell>
          <cell r="AZ1202" t="str">
            <v>0(0)/3/0</v>
          </cell>
          <cell r="BA1202" t="str">
            <v>兵庫県</v>
          </cell>
          <cell r="CR1202">
            <v>6962</v>
          </cell>
          <cell r="CS1202" t="str">
            <v>ｷﾀｶﾞﾜ ﾓﾄﾋﾛ</v>
          </cell>
          <cell r="CT1202" t="str">
            <v>北川  大裕</v>
          </cell>
          <cell r="CU1202" t="str">
            <v>都市基盤総務課</v>
          </cell>
          <cell r="CW1202">
            <v>3005</v>
          </cell>
          <cell r="CX1202" t="str">
            <v xml:space="preserve"> </v>
          </cell>
          <cell r="CY1202" t="str">
            <v>都市基盤総務課長</v>
          </cell>
        </row>
        <row r="1203">
          <cell r="B1203">
            <v>4333</v>
          </cell>
          <cell r="C1203" t="str">
            <v>(有)山本設備工業</v>
          </cell>
          <cell r="D1203" t="str">
            <v>072-695-0129</v>
          </cell>
          <cell r="E1203" t="str">
            <v>569-0855</v>
          </cell>
          <cell r="F1203" t="str">
            <v>大阪府高槻市牧田町19-7</v>
          </cell>
          <cell r="G1203" t="str">
            <v>高槻市</v>
          </cell>
          <cell r="H1203" t="str">
            <v/>
          </cell>
          <cell r="I1203" t="str">
            <v>代表取締役 山本　秀志</v>
          </cell>
          <cell r="J1203" t="str">
            <v>本店</v>
          </cell>
          <cell r="K1203" t="str">
            <v>072-695-0127</v>
          </cell>
          <cell r="L1203" t="str">
            <v>yamamotosetsubi@yamamoto-sk.co.jp</v>
          </cell>
          <cell r="M1203" t="str">
            <v>ﾔﾏﾓﾄｾﾂﾋﾞｺｳｷﾞｮｳ</v>
          </cell>
          <cell r="N1203" t="str">
            <v>無</v>
          </cell>
          <cell r="O1203">
            <v>28</v>
          </cell>
          <cell r="P1203">
            <v>11</v>
          </cell>
          <cell r="Q1203">
            <v>1120902011503</v>
          </cell>
          <cell r="R1203">
            <v>5000</v>
          </cell>
          <cell r="S1203">
            <v>34638</v>
          </cell>
          <cell r="T1203">
            <v>254015</v>
          </cell>
          <cell r="V1203" t="str">
            <v>xx748215</v>
          </cell>
          <cell r="W1203" t="str">
            <v>sp673087</v>
          </cell>
          <cell r="X1203" t="str">
            <v>土管井</v>
          </cell>
          <cell r="Y1203" t="str">
            <v>土管井</v>
          </cell>
          <cell r="Z1203" t="str">
            <v/>
          </cell>
          <cell r="AA1203" t="str">
            <v>さく井</v>
          </cell>
          <cell r="AB1203" t="str">
            <v>管</v>
          </cell>
          <cell r="AC1203" t="str">
            <v/>
          </cell>
          <cell r="AD1203" t="str">
            <v/>
          </cell>
          <cell r="AE1203">
            <v>43039</v>
          </cell>
          <cell r="AF1203" t="str">
            <v>希望しない</v>
          </cell>
          <cell r="AG1203" t="str">
            <v>さく井</v>
          </cell>
          <cell r="AH1203" t="str">
            <v>一般</v>
          </cell>
          <cell r="AI1203">
            <v>730</v>
          </cell>
          <cell r="AJ1203">
            <v>139499</v>
          </cell>
          <cell r="AK1203" t="str">
            <v>0(0)/6/1</v>
          </cell>
          <cell r="AL1203" t="str">
            <v>管</v>
          </cell>
          <cell r="AM1203" t="str">
            <v>一般</v>
          </cell>
          <cell r="AN1203">
            <v>715</v>
          </cell>
          <cell r="AO1203">
            <v>93132</v>
          </cell>
          <cell r="AP1203" t="str">
            <v>0(0)/3/2</v>
          </cell>
          <cell r="AQ1203" t="str">
            <v/>
          </cell>
          <cell r="AR1203" t="str">
            <v/>
          </cell>
          <cell r="AS1203" t="str">
            <v/>
          </cell>
          <cell r="AT1203" t="str">
            <v/>
          </cell>
          <cell r="AU1203" t="str">
            <v/>
          </cell>
          <cell r="AV1203" t="str">
            <v/>
          </cell>
          <cell r="AW1203" t="str">
            <v/>
          </cell>
          <cell r="AX1203" t="str">
            <v/>
          </cell>
          <cell r="AY1203" t="str">
            <v/>
          </cell>
          <cell r="AZ1203" t="str">
            <v/>
          </cell>
          <cell r="BA1203" t="str">
            <v>大阪府</v>
          </cell>
          <cell r="CR1203">
            <v>6963</v>
          </cell>
          <cell r="CS1203" t="str">
            <v>ｷﾀﾔﾏ ﾀﾞｲｽｹ</v>
          </cell>
          <cell r="CT1203" t="str">
            <v>北山  大輔</v>
          </cell>
          <cell r="CU1203" t="str">
            <v>環境保全課</v>
          </cell>
          <cell r="CW1203">
            <v>2829</v>
          </cell>
          <cell r="CX1203" t="str">
            <v xml:space="preserve"> </v>
          </cell>
          <cell r="CY1203" t="str">
            <v>環境保全課長</v>
          </cell>
        </row>
        <row r="1204">
          <cell r="B1204">
            <v>4334</v>
          </cell>
          <cell r="C1204" t="str">
            <v>山﨑工業(株)</v>
          </cell>
          <cell r="D1204" t="str">
            <v>06-6392-9471</v>
          </cell>
          <cell r="E1204" t="str">
            <v>532-0001</v>
          </cell>
          <cell r="F1204" t="str">
            <v>大阪府大阪市淀川区十八条2-13-5</v>
          </cell>
          <cell r="G1204" t="str">
            <v>大阪市</v>
          </cell>
          <cell r="H1204" t="str">
            <v/>
          </cell>
          <cell r="I1204" t="str">
            <v>代表取締役　 山﨑　睦治</v>
          </cell>
          <cell r="J1204" t="str">
            <v>本店</v>
          </cell>
          <cell r="K1204" t="str">
            <v>06-6393-2421</v>
          </cell>
          <cell r="L1204" t="str">
            <v>a-arino@yamazaki-ind.co.jp</v>
          </cell>
          <cell r="M1204" t="str">
            <v>ﾔﾏｻﾞｷｺｳｷﾞﾖｳ</v>
          </cell>
          <cell r="N1204" t="str">
            <v>無</v>
          </cell>
          <cell r="O1204">
            <v>44</v>
          </cell>
          <cell r="P1204">
            <v>29</v>
          </cell>
          <cell r="Q1204">
            <v>2120000000000</v>
          </cell>
          <cell r="R1204">
            <v>50000</v>
          </cell>
          <cell r="S1204">
            <v>93217</v>
          </cell>
          <cell r="T1204">
            <v>1556621</v>
          </cell>
          <cell r="V1204" t="str">
            <v>na466153</v>
          </cell>
          <cell r="W1204" t="str">
            <v>wn430478</v>
          </cell>
          <cell r="X1204" t="str">
            <v>土管井</v>
          </cell>
          <cell r="Y1204" t="str">
            <v>土管井</v>
          </cell>
          <cell r="Z1204" t="str">
            <v/>
          </cell>
          <cell r="AA1204" t="str">
            <v>防水</v>
          </cell>
          <cell r="AB1204" t="str">
            <v/>
          </cell>
          <cell r="AC1204" t="str">
            <v/>
          </cell>
          <cell r="AD1204" t="str">
            <v/>
          </cell>
          <cell r="AE1204">
            <v>43008</v>
          </cell>
          <cell r="AF1204" t="str">
            <v>希望しない</v>
          </cell>
          <cell r="AG1204" t="str">
            <v>防水</v>
          </cell>
          <cell r="AH1204" t="str">
            <v>特定</v>
          </cell>
          <cell r="AI1204">
            <v>870</v>
          </cell>
          <cell r="AJ1204">
            <v>703108</v>
          </cell>
          <cell r="AK1204" t="str">
            <v>3(3)/7/4</v>
          </cell>
          <cell r="AL1204" t="str">
            <v/>
          </cell>
          <cell r="AM1204" t="str">
            <v/>
          </cell>
          <cell r="AN1204" t="str">
            <v/>
          </cell>
          <cell r="AO1204" t="str">
            <v/>
          </cell>
          <cell r="AP1204" t="str">
            <v/>
          </cell>
          <cell r="AQ1204" t="str">
            <v/>
          </cell>
          <cell r="AR1204" t="str">
            <v/>
          </cell>
          <cell r="AS1204" t="str">
            <v/>
          </cell>
          <cell r="AT1204" t="str">
            <v/>
          </cell>
          <cell r="AU1204" t="str">
            <v/>
          </cell>
          <cell r="AV1204" t="str">
            <v/>
          </cell>
          <cell r="AW1204" t="str">
            <v/>
          </cell>
          <cell r="AX1204" t="str">
            <v/>
          </cell>
          <cell r="AY1204" t="str">
            <v/>
          </cell>
          <cell r="AZ1204" t="str">
            <v/>
          </cell>
          <cell r="BA1204" t="str">
            <v>大阪府</v>
          </cell>
          <cell r="CR1204">
            <v>6964</v>
          </cell>
          <cell r="CS1204" t="str">
            <v>ｻｶｳｴ ﾅｵﾔ</v>
          </cell>
          <cell r="CT1204" t="str">
            <v>阪上  直也</v>
          </cell>
          <cell r="CU1204" t="str">
            <v>生活支援課</v>
          </cell>
          <cell r="CW1204">
            <v>2647</v>
          </cell>
          <cell r="CX1204" t="str">
            <v xml:space="preserve"> </v>
          </cell>
          <cell r="CY1204" t="str">
            <v>生活支援課長</v>
          </cell>
        </row>
        <row r="1205">
          <cell r="B1205">
            <v>4336</v>
          </cell>
          <cell r="C1205" t="str">
            <v>矢田工業(株)</v>
          </cell>
          <cell r="D1205" t="str">
            <v>06-6392-1184</v>
          </cell>
          <cell r="E1205" t="str">
            <v>532-0005</v>
          </cell>
          <cell r="F1205" t="str">
            <v>大阪府大阪市淀川区三国本町1-6-22</v>
          </cell>
          <cell r="G1205" t="str">
            <v>郡山市</v>
          </cell>
          <cell r="H1205" t="str">
            <v>大阪支店</v>
          </cell>
          <cell r="I1205" t="str">
            <v>支店長 尾崎　邦彦</v>
          </cell>
          <cell r="J1205" t="str">
            <v>福島県郡山市</v>
          </cell>
          <cell r="K1205" t="str">
            <v>06-6392-1185</v>
          </cell>
          <cell r="L1205" t="str">
            <v>so-mu@yada-k.co.jp</v>
          </cell>
          <cell r="M1205" t="str">
            <v>ﾔﾀﾞｺｳｷﾞｮｳ</v>
          </cell>
          <cell r="N1205" t="str">
            <v>有</v>
          </cell>
          <cell r="O1205">
            <v>67</v>
          </cell>
          <cell r="P1205">
            <v>108</v>
          </cell>
          <cell r="Q1205">
            <v>6380001006829</v>
          </cell>
          <cell r="R1205">
            <v>80720</v>
          </cell>
          <cell r="S1205">
            <v>3324875</v>
          </cell>
          <cell r="T1205">
            <v>4563286</v>
          </cell>
          <cell r="V1205" t="str">
            <v>cm178351</v>
          </cell>
          <cell r="W1205" t="str">
            <v>hb822621</v>
          </cell>
          <cell r="X1205" t="str">
            <v>機(清)(と)(鋼)(塗)(水)土建と鋼塗水</v>
          </cell>
          <cell r="Y1205" t="str">
            <v>機(清)(と)(鋼)(塗)(水)</v>
          </cell>
          <cell r="Z1205" t="str">
            <v>土建と鋼塗水</v>
          </cell>
          <cell r="AA1205" t="str">
            <v>鋼構造物</v>
          </cell>
          <cell r="AB1205" t="str">
            <v>土木一式</v>
          </cell>
          <cell r="AC1205" t="str">
            <v>とび土工</v>
          </cell>
          <cell r="AD1205" t="str">
            <v>水道施設</v>
          </cell>
          <cell r="AE1205">
            <v>43100</v>
          </cell>
          <cell r="AF1205" t="str">
            <v>希望しない</v>
          </cell>
          <cell r="AG1205" t="str">
            <v>鋼構造物</v>
          </cell>
          <cell r="AH1205" t="str">
            <v>特定</v>
          </cell>
          <cell r="AI1205">
            <v>1216</v>
          </cell>
          <cell r="AJ1205">
            <v>3630047</v>
          </cell>
          <cell r="AK1205" t="str">
            <v>40(33)/7/15</v>
          </cell>
          <cell r="AL1205" t="str">
            <v>土木一式</v>
          </cell>
          <cell r="AM1205" t="str">
            <v>特定</v>
          </cell>
          <cell r="AN1205">
            <v>948</v>
          </cell>
          <cell r="AO1205">
            <v>11848</v>
          </cell>
          <cell r="AP1205" t="str">
            <v>20(16)/5/0</v>
          </cell>
          <cell r="AQ1205" t="str">
            <v>とび土工</v>
          </cell>
          <cell r="AR1205" t="str">
            <v>特定</v>
          </cell>
          <cell r="AS1205">
            <v>918</v>
          </cell>
          <cell r="AT1205">
            <v>9483</v>
          </cell>
          <cell r="AU1205" t="str">
            <v>11(9)/0/0</v>
          </cell>
          <cell r="AV1205" t="str">
            <v>水道施設</v>
          </cell>
          <cell r="AW1205" t="str">
            <v>特定</v>
          </cell>
          <cell r="AX1205">
            <v>866</v>
          </cell>
          <cell r="AY1205">
            <v>6035</v>
          </cell>
          <cell r="AZ1205" t="str">
            <v>5(4)/1/0</v>
          </cell>
          <cell r="BA1205" t="str">
            <v>福島県</v>
          </cell>
          <cell r="CR1205">
            <v>6965</v>
          </cell>
          <cell r="CS1205" t="str">
            <v>ｼﾓｶﾜ ﾋﾛｷ</v>
          </cell>
          <cell r="CT1205" t="str">
            <v>下川  拓起</v>
          </cell>
          <cell r="CU1205" t="str">
            <v>広報課</v>
          </cell>
          <cell r="CW1205">
            <v>2118</v>
          </cell>
          <cell r="CX1205" t="str">
            <v xml:space="preserve"> </v>
          </cell>
          <cell r="CY1205" t="str">
            <v>広報課長</v>
          </cell>
        </row>
        <row r="1206">
          <cell r="B1206">
            <v>4338</v>
          </cell>
          <cell r="C1206" t="str">
            <v>(株)山口商店</v>
          </cell>
          <cell r="D1206" t="str">
            <v>06-6939-1040</v>
          </cell>
          <cell r="E1206" t="str">
            <v>536-0007</v>
          </cell>
          <cell r="F1206" t="str">
            <v>大阪府大阪市城東区成育2丁目7番2号</v>
          </cell>
          <cell r="G1206" t="str">
            <v>大阪市</v>
          </cell>
          <cell r="H1206" t="str">
            <v/>
          </cell>
          <cell r="I1206" t="str">
            <v>代表取締役 山口　敦広</v>
          </cell>
          <cell r="J1206" t="str">
            <v>本店</v>
          </cell>
          <cell r="K1206" t="str">
            <v>06-6939-1050</v>
          </cell>
          <cell r="L1206" t="str">
            <v>yamasako@bca.ne.jp</v>
          </cell>
          <cell r="M1206" t="str">
            <v>ｶﾌﾞｼｷｶﾞｲｼｬﾔﾏｸﾞﾁｼｮｳﾃﾝ</v>
          </cell>
          <cell r="N1206" t="str">
            <v>無</v>
          </cell>
          <cell r="O1206">
            <v>29</v>
          </cell>
          <cell r="P1206">
            <v>14</v>
          </cell>
          <cell r="Q1206">
            <v>8120901025984</v>
          </cell>
          <cell r="R1206">
            <v>20000</v>
          </cell>
          <cell r="S1206">
            <v>94229</v>
          </cell>
          <cell r="T1206">
            <v>330042</v>
          </cell>
          <cell r="V1206" t="str">
            <v>ba142058</v>
          </cell>
          <cell r="W1206" t="str">
            <v>sq102456</v>
          </cell>
          <cell r="X1206" t="str">
            <v>土と舗</v>
          </cell>
          <cell r="Y1206" t="str">
            <v/>
          </cell>
          <cell r="Z1206" t="str">
            <v>土と舗</v>
          </cell>
          <cell r="AA1206" t="str">
            <v>土木一式</v>
          </cell>
          <cell r="AB1206" t="str">
            <v>とび土工</v>
          </cell>
          <cell r="AC1206" t="str">
            <v>舗装</v>
          </cell>
          <cell r="AD1206" t="str">
            <v/>
          </cell>
          <cell r="AE1206">
            <v>43373</v>
          </cell>
          <cell r="AF1206" t="str">
            <v>希望しない</v>
          </cell>
          <cell r="AG1206" t="str">
            <v>土木一式</v>
          </cell>
          <cell r="AH1206" t="str">
            <v>特定</v>
          </cell>
          <cell r="AI1206">
            <v>678</v>
          </cell>
          <cell r="AJ1206">
            <v>44433</v>
          </cell>
          <cell r="AK1206" t="str">
            <v>1()/3/0</v>
          </cell>
          <cell r="AL1206" t="str">
            <v>とび土工</v>
          </cell>
          <cell r="AM1206" t="str">
            <v>特定</v>
          </cell>
          <cell r="AN1206">
            <v>703</v>
          </cell>
          <cell r="AO1206">
            <v>245244</v>
          </cell>
          <cell r="AP1206" t="str">
            <v>0()/1/2</v>
          </cell>
          <cell r="AQ1206" t="str">
            <v>舗装</v>
          </cell>
          <cell r="AR1206" t="str">
            <v>特定</v>
          </cell>
          <cell r="AS1206">
            <v>651</v>
          </cell>
          <cell r="AT1206">
            <v>8383</v>
          </cell>
          <cell r="AU1206" t="str">
            <v>0()/0/0</v>
          </cell>
          <cell r="AV1206" t="str">
            <v/>
          </cell>
          <cell r="AW1206" t="str">
            <v/>
          </cell>
          <cell r="AX1206" t="str">
            <v/>
          </cell>
          <cell r="AY1206" t="str">
            <v/>
          </cell>
          <cell r="AZ1206" t="str">
            <v/>
          </cell>
          <cell r="BA1206" t="str">
            <v>大阪府</v>
          </cell>
        </row>
        <row r="1207">
          <cell r="B1207">
            <v>4339</v>
          </cell>
          <cell r="C1207" t="str">
            <v>(株)八女テクノ</v>
          </cell>
          <cell r="D1207" t="str">
            <v>072-971-2887</v>
          </cell>
          <cell r="E1207" t="str">
            <v>582-0015</v>
          </cell>
          <cell r="F1207" t="str">
            <v>大阪府柏原市高井田9-23</v>
          </cell>
          <cell r="G1207" t="str">
            <v>柏原市</v>
          </cell>
          <cell r="H1207" t="str">
            <v/>
          </cell>
          <cell r="I1207" t="str">
            <v>代表取締役 高木　繁成</v>
          </cell>
          <cell r="J1207" t="str">
            <v>本店</v>
          </cell>
          <cell r="K1207" t="str">
            <v>072-973-1282</v>
          </cell>
          <cell r="L1207" t="str">
            <v>yame-takaki@nifty</v>
          </cell>
          <cell r="M1207" t="str">
            <v>ﾔﾒﾃｸﾉ</v>
          </cell>
          <cell r="N1207" t="str">
            <v>無</v>
          </cell>
          <cell r="O1207">
            <v>10</v>
          </cell>
          <cell r="P1207">
            <v>212591</v>
          </cell>
          <cell r="Q1207">
            <v>1122001022563</v>
          </cell>
          <cell r="R1207" t="str">
            <v/>
          </cell>
          <cell r="S1207">
            <v>10000</v>
          </cell>
          <cell r="T1207">
            <v>-23537</v>
          </cell>
          <cell r="V1207" t="str">
            <v>vq140257</v>
          </cell>
          <cell r="W1207" t="str">
            <v>qw425389</v>
          </cell>
          <cell r="X1207" t="str">
            <v>具</v>
          </cell>
          <cell r="Y1207" t="str">
            <v>具</v>
          </cell>
          <cell r="Z1207" t="str">
            <v/>
          </cell>
          <cell r="AA1207" t="str">
            <v/>
          </cell>
          <cell r="AB1207" t="str">
            <v/>
          </cell>
          <cell r="AC1207" t="str">
            <v/>
          </cell>
          <cell r="AD1207" t="str">
            <v/>
          </cell>
          <cell r="AE1207">
            <v>43100</v>
          </cell>
          <cell r="AF1207" t="str">
            <v>希望しない</v>
          </cell>
          <cell r="AG1207" t="str">
            <v>さく井</v>
          </cell>
          <cell r="AH1207" t="str">
            <v>一般</v>
          </cell>
          <cell r="AI1207">
            <v>622</v>
          </cell>
          <cell r="AJ1207">
            <v>190807</v>
          </cell>
          <cell r="AK1207" t="str">
            <v>0(0)/5</v>
          </cell>
          <cell r="AM1207" t="str">
            <v/>
          </cell>
          <cell r="AN1207" t="str">
            <v/>
          </cell>
          <cell r="AO1207" t="str">
            <v/>
          </cell>
          <cell r="AP1207" t="str">
            <v/>
          </cell>
          <cell r="AQ1207" t="str">
            <v/>
          </cell>
          <cell r="AR1207" t="str">
            <v/>
          </cell>
          <cell r="AS1207" t="str">
            <v/>
          </cell>
          <cell r="AT1207" t="str">
            <v/>
          </cell>
          <cell r="AU1207" t="str">
            <v/>
          </cell>
          <cell r="AV1207" t="str">
            <v/>
          </cell>
          <cell r="AW1207" t="str">
            <v/>
          </cell>
          <cell r="AX1207" t="str">
            <v/>
          </cell>
          <cell r="AY1207" t="str">
            <v/>
          </cell>
          <cell r="AZ1207" t="str">
            <v>大阪府</v>
          </cell>
          <cell r="CR1207">
            <v>6966</v>
          </cell>
          <cell r="CS1207" t="str">
            <v>ﾀﾆｻﾞﾜ　ﾕｳｽｹ</v>
          </cell>
          <cell r="CT1207" t="str">
            <v>谷澤  祐介</v>
          </cell>
          <cell r="CU1207" t="str">
            <v>地域・高年福祉課</v>
          </cell>
          <cell r="CW1207">
            <v>4483</v>
          </cell>
          <cell r="CY1207" t="str">
            <v>地域・高年福祉課長</v>
          </cell>
        </row>
        <row r="1208">
          <cell r="B1208">
            <v>4351</v>
          </cell>
          <cell r="C1208" t="str">
            <v>ユアサエムアンドビー(株)</v>
          </cell>
          <cell r="D1208" t="str">
            <v>06-6443-0111</v>
          </cell>
          <cell r="E1208" t="str">
            <v>530-6127</v>
          </cell>
          <cell r="F1208" t="str">
            <v>大阪府大阪市北区中之島3‐3‐23</v>
          </cell>
          <cell r="G1208" t="str">
            <v>大阪市</v>
          </cell>
          <cell r="H1208" t="str">
            <v/>
          </cell>
          <cell r="I1208" t="str">
            <v>代表取締役 松田　憲二</v>
          </cell>
          <cell r="J1208" t="str">
            <v>本店</v>
          </cell>
          <cell r="K1208" t="str">
            <v>06-6443-0116</v>
          </cell>
          <cell r="L1208" t="str">
            <v>info@yuasamxb.com</v>
          </cell>
          <cell r="M1208" t="str">
            <v>ﾕｱｻｴﾑｱﾝﾄﾞﾋﾞｰ</v>
          </cell>
          <cell r="N1208" t="str">
            <v>無</v>
          </cell>
          <cell r="O1208">
            <v>22</v>
          </cell>
          <cell r="P1208">
            <v>67</v>
          </cell>
          <cell r="Q1208">
            <v>4120002091502</v>
          </cell>
          <cell r="R1208">
            <v>50000</v>
          </cell>
          <cell r="S1208">
            <v>603388</v>
          </cell>
          <cell r="T1208">
            <v>5391560</v>
          </cell>
          <cell r="V1208" t="str">
            <v>fb876804</v>
          </cell>
          <cell r="W1208" t="str">
            <v>fa402225</v>
          </cell>
          <cell r="X1208" t="str">
            <v>内機通建電鋼</v>
          </cell>
          <cell r="Y1208" t="str">
            <v>内機通</v>
          </cell>
          <cell r="Z1208" t="str">
            <v>建電鋼</v>
          </cell>
          <cell r="AA1208" t="str">
            <v>電気</v>
          </cell>
          <cell r="AB1208" t="str">
            <v>内装仕上</v>
          </cell>
          <cell r="AC1208" t="str">
            <v>機械器具</v>
          </cell>
          <cell r="AD1208" t="str">
            <v>建築一式</v>
          </cell>
          <cell r="AE1208">
            <v>43190</v>
          </cell>
          <cell r="AF1208" t="str">
            <v>希望しない</v>
          </cell>
          <cell r="AG1208" t="str">
            <v>電気</v>
          </cell>
          <cell r="AH1208" t="str">
            <v>特定</v>
          </cell>
          <cell r="AI1208">
            <v>836</v>
          </cell>
          <cell r="AJ1208">
            <v>720202</v>
          </cell>
          <cell r="AK1208" t="str">
            <v>6(5)/1/18</v>
          </cell>
          <cell r="AL1208" t="str">
            <v>内装仕上</v>
          </cell>
          <cell r="AM1208" t="str">
            <v>一般</v>
          </cell>
          <cell r="AN1208">
            <v>620</v>
          </cell>
          <cell r="AO1208">
            <v>11081</v>
          </cell>
          <cell r="AP1208" t="str">
            <v>1(1)/0/0</v>
          </cell>
          <cell r="AQ1208" t="str">
            <v>機械器具</v>
          </cell>
          <cell r="AR1208" t="str">
            <v>一般</v>
          </cell>
          <cell r="AS1208">
            <v>579</v>
          </cell>
          <cell r="AT1208" t="str">
            <v/>
          </cell>
          <cell r="AU1208" t="str">
            <v>0(0)/0/3</v>
          </cell>
          <cell r="AV1208" t="str">
            <v>建築一式</v>
          </cell>
          <cell r="AW1208" t="str">
            <v>特定</v>
          </cell>
          <cell r="AX1208">
            <v>586</v>
          </cell>
          <cell r="AY1208" t="str">
            <v/>
          </cell>
          <cell r="AZ1208" t="str">
            <v>1(1)/0/0</v>
          </cell>
          <cell r="BA1208" t="str">
            <v>大阪府</v>
          </cell>
          <cell r="CR1208">
            <v>6967</v>
          </cell>
          <cell r="CS1208" t="str">
            <v>ﾀﾏｴ ｱｽﾐ</v>
          </cell>
          <cell r="CT1208" t="str">
            <v>田前  あすみ</v>
          </cell>
          <cell r="CU1208" t="str">
            <v>生活環境課</v>
          </cell>
          <cell r="CW1208">
            <v>2808</v>
          </cell>
          <cell r="CX1208" t="str">
            <v xml:space="preserve"> </v>
          </cell>
          <cell r="CY1208" t="str">
            <v>生活環境課長</v>
          </cell>
        </row>
        <row r="1209">
          <cell r="B1209">
            <v>4352</v>
          </cell>
          <cell r="C1209" t="str">
            <v>(株)ユアテック</v>
          </cell>
          <cell r="D1209" t="str">
            <v>06-6201-1525</v>
          </cell>
          <cell r="E1209" t="str">
            <v>541-0046</v>
          </cell>
          <cell r="F1209" t="str">
            <v>大阪府大阪市中央区平野町2-2-8</v>
          </cell>
          <cell r="G1209" t="str">
            <v>仙台市</v>
          </cell>
          <cell r="H1209" t="str">
            <v>大阪支社</v>
          </cell>
          <cell r="I1209" t="str">
            <v>支社長 星　好人</v>
          </cell>
          <cell r="J1209" t="str">
            <v>宮城県仙台市</v>
          </cell>
          <cell r="K1209" t="str">
            <v>06-6201-1598</v>
          </cell>
          <cell r="L1209" t="str">
            <v>yurtec-eigyo01@juno.ocn.ne.jp</v>
          </cell>
          <cell r="M1209" t="str">
            <v>ﾕｱﾃｯｸ</v>
          </cell>
          <cell r="N1209" t="str">
            <v>有</v>
          </cell>
          <cell r="O1209">
            <v>68</v>
          </cell>
          <cell r="P1209">
            <v>3765</v>
          </cell>
          <cell r="Q1209">
            <v>4370001006286</v>
          </cell>
          <cell r="R1209">
            <v>7803900</v>
          </cell>
          <cell r="S1209">
            <v>110458000</v>
          </cell>
          <cell r="T1209">
            <v>213251000</v>
          </cell>
          <cell r="V1209" t="str">
            <v>qr927583</v>
          </cell>
          <cell r="W1209" t="str">
            <v>fq550685</v>
          </cell>
          <cell r="X1209" t="str">
            <v>消(電)土建と屋電管鋼舗浚塗防内通水</v>
          </cell>
          <cell r="Y1209" t="str">
            <v>消(電)</v>
          </cell>
          <cell r="Z1209" t="str">
            <v>土建と屋電管鋼舗浚塗防内通水</v>
          </cell>
          <cell r="AA1209" t="str">
            <v>電気</v>
          </cell>
          <cell r="AB1209" t="str">
            <v/>
          </cell>
          <cell r="AC1209" t="str">
            <v/>
          </cell>
          <cell r="AD1209" t="str">
            <v/>
          </cell>
          <cell r="AE1209">
            <v>43190</v>
          </cell>
          <cell r="AF1209" t="str">
            <v>希望しない</v>
          </cell>
          <cell r="AG1209" t="str">
            <v>電気</v>
          </cell>
          <cell r="AH1209" t="str">
            <v>特定</v>
          </cell>
          <cell r="AI1209">
            <v>2309</v>
          </cell>
          <cell r="AJ1209">
            <v>161355359</v>
          </cell>
          <cell r="AK1209" t="str">
            <v>1128(760)/408/89</v>
          </cell>
          <cell r="AL1209" t="str">
            <v/>
          </cell>
          <cell r="AM1209" t="str">
            <v/>
          </cell>
          <cell r="AN1209" t="str">
            <v/>
          </cell>
          <cell r="AO1209" t="str">
            <v/>
          </cell>
          <cell r="AP1209" t="str">
            <v/>
          </cell>
          <cell r="AQ1209" t="str">
            <v/>
          </cell>
          <cell r="AR1209" t="str">
            <v/>
          </cell>
          <cell r="AS1209" t="str">
            <v/>
          </cell>
          <cell r="AT1209" t="str">
            <v/>
          </cell>
          <cell r="AU1209" t="str">
            <v/>
          </cell>
          <cell r="AV1209" t="str">
            <v/>
          </cell>
          <cell r="AW1209" t="str">
            <v/>
          </cell>
          <cell r="AX1209" t="str">
            <v/>
          </cell>
          <cell r="AY1209" t="str">
            <v/>
          </cell>
          <cell r="AZ1209" t="str">
            <v/>
          </cell>
          <cell r="BA1209" t="str">
            <v>宮城県</v>
          </cell>
          <cell r="CR1209">
            <v>6968</v>
          </cell>
          <cell r="CS1209" t="str">
            <v>ﾄﾔﾏ ﾕｳｲﾁﾛｳ</v>
          </cell>
          <cell r="CT1209" t="str">
            <v>外山  雄一郎</v>
          </cell>
          <cell r="CU1209" t="str">
            <v>国保年金課</v>
          </cell>
          <cell r="CW1209">
            <v>2752</v>
          </cell>
          <cell r="CX1209" t="str">
            <v xml:space="preserve"> </v>
          </cell>
          <cell r="CY1209" t="str">
            <v>国保年金課長</v>
          </cell>
        </row>
        <row r="1210">
          <cell r="B1210">
            <v>4354</v>
          </cell>
          <cell r="C1210" t="str">
            <v>(株)友興組</v>
          </cell>
          <cell r="D1210" t="str">
            <v>078-741-5800</v>
          </cell>
          <cell r="E1210" t="str">
            <v>654-0121</v>
          </cell>
          <cell r="F1210" t="str">
            <v>兵庫県神戸市須磨区妙法寺字廿苅1125-1</v>
          </cell>
          <cell r="G1210" t="str">
            <v>神戸市</v>
          </cell>
          <cell r="H1210" t="str">
            <v/>
          </cell>
          <cell r="I1210" t="str">
            <v>代表取締役 安藤　文久</v>
          </cell>
          <cell r="J1210" t="str">
            <v>本店</v>
          </cell>
          <cell r="K1210" t="str">
            <v>078-741-6611</v>
          </cell>
          <cell r="L1210" t="str">
            <v>a.sakurai@youkou-g.co.jp</v>
          </cell>
          <cell r="M1210" t="str">
            <v>ﾕｳｺｳｸﾞﾐ</v>
          </cell>
          <cell r="N1210" t="str">
            <v>無</v>
          </cell>
          <cell r="O1210">
            <v>51</v>
          </cell>
          <cell r="P1210">
            <v>46</v>
          </cell>
          <cell r="Q1210">
            <v>5140001017041</v>
          </cell>
          <cell r="R1210">
            <v>45000</v>
          </cell>
          <cell r="S1210">
            <v>727125</v>
          </cell>
          <cell r="T1210">
            <v>1503320</v>
          </cell>
          <cell r="V1210" t="str">
            <v>bp705381</v>
          </cell>
          <cell r="W1210" t="str">
            <v>as657714</v>
          </cell>
          <cell r="X1210" t="str">
            <v>土建大と石屋タ鋼鉄舗浚板ガ塗防内熱園具水解</v>
          </cell>
          <cell r="Y1210" t="str">
            <v/>
          </cell>
          <cell r="Z1210" t="str">
            <v>土建大と石屋タ鋼鉄舗浚板ガ塗防内熱園具水解</v>
          </cell>
          <cell r="AA1210" t="str">
            <v>土木一式</v>
          </cell>
          <cell r="AB1210" t="str">
            <v>舗装</v>
          </cell>
          <cell r="AC1210" t="str">
            <v>とび土工</v>
          </cell>
          <cell r="AD1210" t="str">
            <v>建築一式</v>
          </cell>
          <cell r="AE1210">
            <v>43271</v>
          </cell>
          <cell r="AF1210" t="str">
            <v>希望する</v>
          </cell>
          <cell r="AG1210" t="str">
            <v>土木一式</v>
          </cell>
          <cell r="AH1210" t="str">
            <v>特定</v>
          </cell>
          <cell r="AI1210">
            <v>1052</v>
          </cell>
          <cell r="AJ1210">
            <v>1357801</v>
          </cell>
          <cell r="AK1210" t="str">
            <v>11(11)/6/13</v>
          </cell>
          <cell r="AL1210" t="str">
            <v>舗装</v>
          </cell>
          <cell r="AM1210" t="str">
            <v>特定</v>
          </cell>
          <cell r="AN1210">
            <v>875</v>
          </cell>
          <cell r="AO1210">
            <v>15300</v>
          </cell>
          <cell r="AP1210" t="str">
            <v>11(11)/7/9</v>
          </cell>
          <cell r="AQ1210" t="str">
            <v>とび土工</v>
          </cell>
          <cell r="AR1210" t="str">
            <v>特定</v>
          </cell>
          <cell r="AS1210">
            <v>727</v>
          </cell>
          <cell r="AT1210">
            <v>1917</v>
          </cell>
          <cell r="AU1210" t="str">
            <v>0(0)/0/0</v>
          </cell>
          <cell r="AV1210" t="str">
            <v>建築一式</v>
          </cell>
          <cell r="AW1210" t="str">
            <v>特定</v>
          </cell>
          <cell r="AX1210">
            <v>738</v>
          </cell>
          <cell r="AY1210">
            <v>3752</v>
          </cell>
          <cell r="AZ1210" t="str">
            <v>0(0)/1/0</v>
          </cell>
          <cell r="BA1210" t="str">
            <v>兵庫県</v>
          </cell>
          <cell r="CR1210">
            <v>6969</v>
          </cell>
          <cell r="CS1210" t="str">
            <v>ﾊｼｵｶ ｻﾅ</v>
          </cell>
          <cell r="CT1210" t="str">
            <v>橋丘  紗奈</v>
          </cell>
          <cell r="CU1210" t="str">
            <v>介護保険課</v>
          </cell>
          <cell r="CW1210">
            <v>4484</v>
          </cell>
          <cell r="CX1210" t="str">
            <v xml:space="preserve"> </v>
          </cell>
          <cell r="CY1210" t="str">
            <v>介護保険課長</v>
          </cell>
        </row>
        <row r="1211">
          <cell r="B1211">
            <v>4360</v>
          </cell>
          <cell r="C1211" t="str">
            <v>日本ファシリオ(株)</v>
          </cell>
          <cell r="D1211" t="str">
            <v>078-252-0368</v>
          </cell>
          <cell r="E1211" t="str">
            <v>651-0083</v>
          </cell>
          <cell r="F1211" t="str">
            <v>兵庫県神戸市中央区浜辺通5-1-14</v>
          </cell>
          <cell r="G1211" t="str">
            <v/>
          </cell>
          <cell r="H1211" t="str">
            <v>神戸営業所</v>
          </cell>
          <cell r="I1211" t="str">
            <v>神戸営業所長 城内　誠</v>
          </cell>
          <cell r="J1211" t="str">
            <v>東京都</v>
          </cell>
          <cell r="K1211" t="str">
            <v>078-252-0369</v>
          </cell>
          <cell r="L1211" t="str">
            <v>osk.eigyobu@j-facilio.com</v>
          </cell>
          <cell r="M1211" t="str">
            <v>ﾆﾎﾝﾌｧｼﾘｵ</v>
          </cell>
          <cell r="N1211" t="str">
            <v>有</v>
          </cell>
          <cell r="O1211">
            <v>68</v>
          </cell>
          <cell r="P1211">
            <v>398</v>
          </cell>
          <cell r="Q1211">
            <v>8010401028417</v>
          </cell>
          <cell r="R1211">
            <v>2500000</v>
          </cell>
          <cell r="S1211">
            <v>7546964</v>
          </cell>
          <cell r="T1211">
            <v>22388870</v>
          </cell>
          <cell r="V1211" t="str">
            <v>qr448584</v>
          </cell>
          <cell r="W1211" t="str">
            <v>ds364377</v>
          </cell>
          <cell r="X1211" t="str">
            <v>機消(電)(管)(消)土建大と石屋電管タ鋼鉄舗浚板ガ塗防内熱通具水</v>
          </cell>
          <cell r="Y1211" t="str">
            <v>機消(電)(管)(消)</v>
          </cell>
          <cell r="Z1211" t="str">
            <v>土建大と石屋電管タ鋼鉄舗浚板ガ塗防内熱通具水</v>
          </cell>
          <cell r="AA1211" t="str">
            <v>電気</v>
          </cell>
          <cell r="AB1211" t="str">
            <v>管</v>
          </cell>
          <cell r="AC1211" t="str">
            <v>消防施設</v>
          </cell>
          <cell r="AD1211" t="str">
            <v/>
          </cell>
          <cell r="AE1211">
            <v>43190</v>
          </cell>
          <cell r="AF1211" t="str">
            <v>希望しない</v>
          </cell>
          <cell r="AG1211" t="str">
            <v>電気</v>
          </cell>
          <cell r="AH1211" t="str">
            <v>特定</v>
          </cell>
          <cell r="AI1211">
            <v>1302</v>
          </cell>
          <cell r="AJ1211">
            <v>5152932</v>
          </cell>
          <cell r="AK1211" t="str">
            <v>73(61)/19/43</v>
          </cell>
          <cell r="AL1211" t="str">
            <v>管</v>
          </cell>
          <cell r="AM1211" t="str">
            <v>特定</v>
          </cell>
          <cell r="AN1211">
            <v>1415</v>
          </cell>
          <cell r="AO1211">
            <v>16328899</v>
          </cell>
          <cell r="AP1211" t="str">
            <v>143(126)/38/27</v>
          </cell>
          <cell r="AQ1211" t="str">
            <v>消防施設</v>
          </cell>
          <cell r="AR1211" t="str">
            <v>一般</v>
          </cell>
          <cell r="AS1211">
            <v>1092</v>
          </cell>
          <cell r="AT1211">
            <v>168055</v>
          </cell>
          <cell r="AU1211" t="str">
            <v>0(0)/80/61</v>
          </cell>
          <cell r="AV1211" t="str">
            <v/>
          </cell>
          <cell r="AW1211" t="str">
            <v/>
          </cell>
          <cell r="AX1211" t="str">
            <v/>
          </cell>
          <cell r="AY1211" t="str">
            <v/>
          </cell>
          <cell r="AZ1211" t="str">
            <v/>
          </cell>
          <cell r="BA1211" t="str">
            <v>東京都</v>
          </cell>
          <cell r="CR1211">
            <v>6970</v>
          </cell>
          <cell r="CS1211" t="str">
            <v>ﾊﾔｼ ﾀｶﾋﾛ</v>
          </cell>
          <cell r="CT1211" t="str">
            <v>林  高広</v>
          </cell>
          <cell r="CU1211" t="str">
            <v>都市安全企画課</v>
          </cell>
          <cell r="CW1211">
            <v>2152</v>
          </cell>
          <cell r="CX1211" t="str">
            <v xml:space="preserve"> </v>
          </cell>
          <cell r="CY1211" t="str">
            <v>都市安全企画課長</v>
          </cell>
        </row>
        <row r="1212">
          <cell r="B1212">
            <v>4363</v>
          </cell>
          <cell r="C1212" t="str">
            <v>株式会社　ユーテック</v>
          </cell>
          <cell r="D1212" t="str">
            <v>0790-78-1080</v>
          </cell>
          <cell r="F1212" t="str">
            <v>兵庫県佐用郡佐用町安川205-1</v>
          </cell>
          <cell r="G1212" t="str">
            <v>佐用郡佐用町安川２</v>
          </cell>
          <cell r="H1212" t="str">
            <v/>
          </cell>
          <cell r="I1212" t="str">
            <v>代表取締役　 森崎　悠爾</v>
          </cell>
          <cell r="J1212" t="str">
            <v>本店</v>
          </cell>
          <cell r="K1212" t="str">
            <v>0790-78-1080</v>
          </cell>
          <cell r="L1212" t="str">
            <v>morisaki@aioros.ocn.ne.jp</v>
          </cell>
          <cell r="M1212" t="str">
            <v>ｶﾌﾞｼｷｶﾞｲｼﾔ ﾕ-ﾃﾂｸ</v>
          </cell>
          <cell r="N1212" t="str">
            <v>無</v>
          </cell>
          <cell r="O1212">
            <v>21</v>
          </cell>
          <cell r="P1212">
            <v>11</v>
          </cell>
          <cell r="Q1212">
            <v>6140000000000</v>
          </cell>
          <cell r="R1212">
            <v>49500</v>
          </cell>
          <cell r="S1212">
            <v>644373</v>
          </cell>
          <cell r="T1212">
            <v>860677</v>
          </cell>
          <cell r="V1212" t="str">
            <v>ld154505</v>
          </cell>
          <cell r="W1212" t="str">
            <v>mr162281</v>
          </cell>
          <cell r="X1212" t="str">
            <v>機消(電)(管)(消)土建大と石屋電管タ鋼鉄舗浚板ガ塗防内熱通具水</v>
          </cell>
          <cell r="Y1212" t="str">
            <v>機消(電)(管)(消)</v>
          </cell>
          <cell r="Z1212" t="str">
            <v>土建大と石屋電管タ鋼鉄舗浚板ガ塗防内熱通具水</v>
          </cell>
          <cell r="AA1212" t="str">
            <v>土木一式</v>
          </cell>
          <cell r="AB1212" t="str">
            <v>舗装</v>
          </cell>
          <cell r="AC1212" t="str">
            <v>とび（法面）</v>
          </cell>
          <cell r="AD1212" t="str">
            <v>しゅんせつ</v>
          </cell>
          <cell r="AE1212">
            <v>43039</v>
          </cell>
          <cell r="AF1212" t="str">
            <v/>
          </cell>
          <cell r="AG1212" t="str">
            <v>土木一式</v>
          </cell>
          <cell r="AH1212">
            <v>2</v>
          </cell>
          <cell r="AI1212">
            <v>906</v>
          </cell>
          <cell r="AJ1212">
            <v>865914</v>
          </cell>
          <cell r="AK1212" t="str">
            <v>8/0/0</v>
          </cell>
          <cell r="AL1212" t="str">
            <v>舗装</v>
          </cell>
          <cell r="AM1212">
            <v>2</v>
          </cell>
          <cell r="AN1212">
            <v>809</v>
          </cell>
          <cell r="AO1212">
            <v>93492</v>
          </cell>
          <cell r="AP1212" t="str">
            <v>8/0/0</v>
          </cell>
          <cell r="AQ1212" t="str">
            <v>とび（法面）</v>
          </cell>
          <cell r="AR1212">
            <v>2</v>
          </cell>
          <cell r="AS1212">
            <v>695</v>
          </cell>
          <cell r="AT1212">
            <v>56574</v>
          </cell>
          <cell r="AU1212" t="str">
            <v>8/0/0</v>
          </cell>
          <cell r="AV1212" t="str">
            <v>しゅんせつ</v>
          </cell>
          <cell r="AW1212">
            <v>2</v>
          </cell>
          <cell r="AX1212">
            <v>687</v>
          </cell>
          <cell r="AY1212">
            <v>14671</v>
          </cell>
          <cell r="AZ1212" t="str">
            <v>8/0/0</v>
          </cell>
          <cell r="BA1212" t="str">
            <v>兵庫県</v>
          </cell>
          <cell r="CR1212">
            <v>6971</v>
          </cell>
          <cell r="CS1212" t="str">
            <v>ﾌｸﾀﾞ ﾁｶｹﾞ</v>
          </cell>
          <cell r="CT1212" t="str">
            <v>福田  千景</v>
          </cell>
          <cell r="CU1212" t="str">
            <v>こども家庭課</v>
          </cell>
          <cell r="CW1212">
            <v>4486</v>
          </cell>
          <cell r="CX1212" t="str">
            <v xml:space="preserve"> </v>
          </cell>
          <cell r="CY1212" t="str">
            <v>こども家庭課長</v>
          </cell>
        </row>
        <row r="1213">
          <cell r="B1213">
            <v>4375</v>
          </cell>
          <cell r="C1213" t="str">
            <v>横手産業(株)</v>
          </cell>
          <cell r="D1213" t="str">
            <v>06-6308-7493</v>
          </cell>
          <cell r="E1213" t="str">
            <v>532-0011</v>
          </cell>
          <cell r="F1213" t="str">
            <v>大阪府大阪市淀川区西中島4-2-21</v>
          </cell>
          <cell r="G1213" t="str">
            <v>大阪市</v>
          </cell>
          <cell r="H1213" t="str">
            <v/>
          </cell>
          <cell r="I1213" t="str">
            <v>代表取締役 横手　政英</v>
          </cell>
          <cell r="J1213" t="str">
            <v>本店</v>
          </cell>
          <cell r="K1213" t="str">
            <v>06-6308-7443</v>
          </cell>
          <cell r="L1213" t="str">
            <v>nyusatsu@yokotesangyou.co.jp</v>
          </cell>
          <cell r="M1213" t="str">
            <v>ﾖｺﾃｻﾝｷﾞｮｳ</v>
          </cell>
          <cell r="N1213" t="str">
            <v>無</v>
          </cell>
          <cell r="O1213">
            <v>68</v>
          </cell>
          <cell r="P1213">
            <v>31</v>
          </cell>
          <cell r="Q1213">
            <v>7120001059018</v>
          </cell>
          <cell r="R1213">
            <v>40000</v>
          </cell>
          <cell r="S1213">
            <v>249731</v>
          </cell>
          <cell r="T1213">
            <v>976236</v>
          </cell>
          <cell r="V1213" t="str">
            <v>tm742701</v>
          </cell>
          <cell r="W1213" t="str">
            <v>mg291851</v>
          </cell>
          <cell r="X1213" t="str">
            <v>土電塗機水</v>
          </cell>
          <cell r="Y1213" t="str">
            <v/>
          </cell>
          <cell r="Z1213" t="str">
            <v>土電塗機水</v>
          </cell>
          <cell r="AA1213" t="str">
            <v>水道施設</v>
          </cell>
          <cell r="AB1213" t="str">
            <v>機械器具</v>
          </cell>
          <cell r="AC1213" t="str">
            <v>塗装</v>
          </cell>
          <cell r="AD1213" t="str">
            <v>電気</v>
          </cell>
          <cell r="AE1213">
            <v>43251</v>
          </cell>
          <cell r="AF1213" t="str">
            <v>希望しない</v>
          </cell>
          <cell r="AG1213" t="str">
            <v>水道施設</v>
          </cell>
          <cell r="AH1213" t="str">
            <v>特定</v>
          </cell>
          <cell r="AI1213">
            <v>991</v>
          </cell>
          <cell r="AJ1213">
            <v>639877</v>
          </cell>
          <cell r="AK1213" t="str">
            <v>8(6)/6/9</v>
          </cell>
          <cell r="AL1213" t="str">
            <v>機械器具</v>
          </cell>
          <cell r="AM1213" t="str">
            <v>特定</v>
          </cell>
          <cell r="AN1213">
            <v>884</v>
          </cell>
          <cell r="AO1213">
            <v>203753</v>
          </cell>
          <cell r="AP1213" t="str">
            <v>0(0)/0/17</v>
          </cell>
          <cell r="AQ1213" t="str">
            <v>塗装</v>
          </cell>
          <cell r="AR1213" t="str">
            <v>特定</v>
          </cell>
          <cell r="AS1213">
            <v>709</v>
          </cell>
          <cell r="AT1213" t="str">
            <v/>
          </cell>
          <cell r="AU1213" t="str">
            <v>0(0)/0/0</v>
          </cell>
          <cell r="AV1213" t="str">
            <v>電気</v>
          </cell>
          <cell r="AW1213" t="str">
            <v>特定</v>
          </cell>
          <cell r="AX1213">
            <v>792</v>
          </cell>
          <cell r="AY1213">
            <v>29100</v>
          </cell>
          <cell r="AZ1213" t="str">
            <v>1(1)/0/0</v>
          </cell>
          <cell r="BA1213" t="str">
            <v>大阪府</v>
          </cell>
          <cell r="CR1213">
            <v>6972</v>
          </cell>
          <cell r="CS1213" t="str">
            <v>ﾌｼﾞﾜﾗ ﾕｳｺ</v>
          </cell>
          <cell r="CT1213" t="str">
            <v>藤原  優子</v>
          </cell>
          <cell r="CU1213" t="str">
            <v>徴収対策課</v>
          </cell>
          <cell r="CW1213">
            <v>2369</v>
          </cell>
          <cell r="CX1213" t="str">
            <v xml:space="preserve"> </v>
          </cell>
          <cell r="CY1213" t="str">
            <v>徴収対策課長</v>
          </cell>
        </row>
        <row r="1214">
          <cell r="B1214">
            <v>4376</v>
          </cell>
          <cell r="C1214" t="str">
            <v>(株)吉川組</v>
          </cell>
          <cell r="D1214" t="str">
            <v>06-6432-6000</v>
          </cell>
          <cell r="E1214" t="str">
            <v>661-0031</v>
          </cell>
          <cell r="F1214" t="str">
            <v>兵庫県尼崎市武庫之荘本町3-11-20</v>
          </cell>
          <cell r="G1214" t="str">
            <v>尼崎市</v>
          </cell>
          <cell r="H1214" t="str">
            <v/>
          </cell>
          <cell r="I1214" t="str">
            <v>代表取締役 吉川　壽一</v>
          </cell>
          <cell r="J1214" t="str">
            <v>本店</v>
          </cell>
          <cell r="K1214" t="str">
            <v>06-6432-6066</v>
          </cell>
          <cell r="L1214" t="str">
            <v>info@yoshikawa-gumi.co.jp</v>
          </cell>
          <cell r="M1214" t="str">
            <v>ﾖｼｶﾜｸﾞﾐ</v>
          </cell>
          <cell r="N1214" t="str">
            <v>無</v>
          </cell>
          <cell r="O1214">
            <v>60</v>
          </cell>
          <cell r="P1214">
            <v>20</v>
          </cell>
          <cell r="Q1214">
            <v>5140001051841</v>
          </cell>
          <cell r="R1214">
            <v>48000</v>
          </cell>
          <cell r="S1214">
            <v>-162851</v>
          </cell>
          <cell r="T1214">
            <v>1225734</v>
          </cell>
          <cell r="V1214" t="str">
            <v>ez242338</v>
          </cell>
          <cell r="W1214" t="str">
            <v>gf805206</v>
          </cell>
          <cell r="X1214" t="str">
            <v>土建大と舗塗防内解</v>
          </cell>
          <cell r="Y1214" t="str">
            <v/>
          </cell>
          <cell r="Z1214" t="str">
            <v>土建大と舗塗防内解</v>
          </cell>
          <cell r="AA1214" t="str">
            <v>建築一式</v>
          </cell>
          <cell r="AB1214" t="str">
            <v>土木一式</v>
          </cell>
          <cell r="AC1214" t="str">
            <v>とび土工</v>
          </cell>
          <cell r="AD1214" t="str">
            <v>塗装</v>
          </cell>
          <cell r="AE1214">
            <v>43210</v>
          </cell>
          <cell r="AF1214" t="str">
            <v>希望しない</v>
          </cell>
          <cell r="AG1214" t="str">
            <v>建築一式</v>
          </cell>
          <cell r="AH1214" t="str">
            <v>一般</v>
          </cell>
          <cell r="AI1214">
            <v>874</v>
          </cell>
          <cell r="AJ1214">
            <v>1510374</v>
          </cell>
          <cell r="AK1214" t="str">
            <v>6(6)/2/1</v>
          </cell>
          <cell r="AL1214" t="str">
            <v>土木一式</v>
          </cell>
          <cell r="AM1214" t="str">
            <v>一般</v>
          </cell>
          <cell r="AN1214">
            <v>664</v>
          </cell>
          <cell r="AO1214">
            <v>28892</v>
          </cell>
          <cell r="AP1214" t="str">
            <v>1(1)/0/2</v>
          </cell>
          <cell r="AQ1214" t="str">
            <v>とび土工</v>
          </cell>
          <cell r="AR1214" t="str">
            <v>一般</v>
          </cell>
          <cell r="AS1214">
            <v>586</v>
          </cell>
          <cell r="AT1214">
            <v>2945</v>
          </cell>
          <cell r="AU1214" t="str">
            <v>0(0)/0/0</v>
          </cell>
          <cell r="AV1214" t="str">
            <v>塗装</v>
          </cell>
          <cell r="AW1214" t="str">
            <v>一般</v>
          </cell>
          <cell r="AX1214">
            <v>664</v>
          </cell>
          <cell r="AY1214">
            <v>5918</v>
          </cell>
          <cell r="AZ1214" t="str">
            <v>5(5)/0/0</v>
          </cell>
          <cell r="BA1214" t="str">
            <v>兵庫県</v>
          </cell>
          <cell r="CR1214">
            <v>6973</v>
          </cell>
          <cell r="CS1214" t="str">
            <v>ﾎﾘｵ ﾄﾓﾖ</v>
          </cell>
          <cell r="CT1214" t="str">
            <v>堀尾  朋世</v>
          </cell>
          <cell r="CU1214" t="str">
            <v>まちづくり推進課</v>
          </cell>
          <cell r="CW1214">
            <v>2132</v>
          </cell>
          <cell r="CX1214" t="str">
            <v xml:space="preserve"> </v>
          </cell>
          <cell r="CY1214" t="str">
            <v>まちづくり推進課長</v>
          </cell>
        </row>
        <row r="1215">
          <cell r="B1215">
            <v>4377</v>
          </cell>
          <cell r="C1215" t="str">
            <v>吉田機電(株)</v>
          </cell>
          <cell r="D1215" t="str">
            <v>06-6973-4501</v>
          </cell>
          <cell r="E1215" t="str">
            <v>537-0024</v>
          </cell>
          <cell r="F1215" t="str">
            <v>大阪府大阪市東成区東小橋1-15-19</v>
          </cell>
          <cell r="G1215" t="str">
            <v>奈良市</v>
          </cell>
          <cell r="H1215" t="str">
            <v>大阪支店</v>
          </cell>
          <cell r="I1215" t="str">
            <v>代表取締役 吉田　武人</v>
          </cell>
          <cell r="J1215" t="str">
            <v>奈良県奈良市</v>
          </cell>
          <cell r="K1215" t="str">
            <v>06-6973-4537</v>
          </cell>
          <cell r="L1215" t="str">
            <v>shunichi.ishida@yoshida-kiden.co.jp</v>
          </cell>
          <cell r="M1215" t="str">
            <v>ﾖｼﾀﾞｷﾃﾞﾝ</v>
          </cell>
          <cell r="N1215" t="str">
            <v>有</v>
          </cell>
          <cell r="O1215">
            <v>72</v>
          </cell>
          <cell r="P1215">
            <v>104</v>
          </cell>
          <cell r="Q1215">
            <v>8150001002576</v>
          </cell>
          <cell r="R1215">
            <v>90000</v>
          </cell>
          <cell r="S1215">
            <v>1312466</v>
          </cell>
          <cell r="T1215">
            <v>5712095</v>
          </cell>
          <cell r="V1215" t="str">
            <v>uy625087</v>
          </cell>
          <cell r="W1215" t="str">
            <v>ea848195</v>
          </cell>
          <cell r="X1215" t="str">
            <v>(電)(管)(機)建電管機</v>
          </cell>
          <cell r="Y1215" t="str">
            <v>(電)(管)(機)</v>
          </cell>
          <cell r="Z1215" t="str">
            <v>建電管機</v>
          </cell>
          <cell r="AA1215" t="str">
            <v>電気</v>
          </cell>
          <cell r="AB1215" t="str">
            <v>管</v>
          </cell>
          <cell r="AC1215" t="str">
            <v>機械器具</v>
          </cell>
          <cell r="AD1215" t="str">
            <v/>
          </cell>
          <cell r="AE1215">
            <v>43190</v>
          </cell>
          <cell r="AF1215" t="str">
            <v/>
          </cell>
          <cell r="AG1215" t="str">
            <v>電気</v>
          </cell>
          <cell r="AH1215" t="str">
            <v>特定</v>
          </cell>
          <cell r="AI1215">
            <v>965</v>
          </cell>
          <cell r="AJ1215">
            <v>375813</v>
          </cell>
          <cell r="AK1215" t="str">
            <v>14(9)/8/1</v>
          </cell>
          <cell r="AL1215" t="str">
            <v>管</v>
          </cell>
          <cell r="AM1215" t="str">
            <v>特定</v>
          </cell>
          <cell r="AN1215">
            <v>1024</v>
          </cell>
          <cell r="AO1215">
            <v>893727</v>
          </cell>
          <cell r="AP1215" t="str">
            <v>22(14)/12/0</v>
          </cell>
          <cell r="AQ1215" t="str">
            <v>機械器具</v>
          </cell>
          <cell r="AR1215" t="str">
            <v>特定</v>
          </cell>
          <cell r="AS1215">
            <v>797</v>
          </cell>
          <cell r="AT1215">
            <v>102685</v>
          </cell>
          <cell r="AU1215" t="str">
            <v>0(0)/0/3</v>
          </cell>
          <cell r="AV1215" t="str">
            <v/>
          </cell>
          <cell r="AW1215" t="str">
            <v/>
          </cell>
          <cell r="AX1215" t="str">
            <v/>
          </cell>
          <cell r="AY1215" t="str">
            <v/>
          </cell>
          <cell r="AZ1215" t="str">
            <v/>
          </cell>
          <cell r="BA1215" t="str">
            <v>奈良県</v>
          </cell>
          <cell r="CR1215">
            <v>6975</v>
          </cell>
          <cell r="CS1215" t="str">
            <v>ﾎﾝｺﾞｳ ﾊﾙﾋ</v>
          </cell>
          <cell r="CT1215" t="str">
            <v>本郷  春日</v>
          </cell>
          <cell r="CU1215" t="str">
            <v>障害福祉課</v>
          </cell>
          <cell r="CW1215">
            <v>4489</v>
          </cell>
          <cell r="CX1215" t="str">
            <v xml:space="preserve"> </v>
          </cell>
          <cell r="CY1215" t="str">
            <v>障害福祉課長</v>
          </cell>
        </row>
        <row r="1216">
          <cell r="B1216">
            <v>4378</v>
          </cell>
          <cell r="C1216" t="str">
            <v>(株)吉田組</v>
          </cell>
          <cell r="D1216" t="str">
            <v>078-411-3902</v>
          </cell>
          <cell r="E1216" t="str">
            <v>658-0022</v>
          </cell>
          <cell r="F1216" t="str">
            <v>兵庫県神戸市東灘区深江南町2-1-17</v>
          </cell>
          <cell r="G1216" t="str">
            <v>姫路市</v>
          </cell>
          <cell r="H1216" t="str">
            <v>神戸営業所</v>
          </cell>
          <cell r="I1216" t="str">
            <v>所長 海老名　康</v>
          </cell>
          <cell r="J1216" t="str">
            <v>兵庫県姫路市</v>
          </cell>
          <cell r="K1216" t="str">
            <v>078-441-3324</v>
          </cell>
          <cell r="L1216" t="str">
            <v>eigyo_himeji@yoshida-gumi.co.jp</v>
          </cell>
          <cell r="M1216" t="str">
            <v>ﾖｼﾀﾞｸﾞﾐ</v>
          </cell>
          <cell r="N1216" t="str">
            <v>有</v>
          </cell>
          <cell r="O1216">
            <v>68</v>
          </cell>
          <cell r="P1216">
            <v>181</v>
          </cell>
          <cell r="Q1216">
            <v>2140001062214</v>
          </cell>
          <cell r="R1216">
            <v>718475</v>
          </cell>
          <cell r="S1216">
            <v>7587677</v>
          </cell>
          <cell r="T1216">
            <v>12949034</v>
          </cell>
          <cell r="V1216" t="str">
            <v>jt489991</v>
          </cell>
          <cell r="W1216" t="str">
            <v>yx639343</v>
          </cell>
          <cell r="X1216" t="str">
            <v>(清)(と)(石)(鋼)(舗)(浚)(塗)(水)土建と石電鋼舗浚塗園水</v>
          </cell>
          <cell r="Y1216" t="str">
            <v>(清)(と)(石)(鋼)(舗)(浚)(塗)(水)</v>
          </cell>
          <cell r="Z1216" t="str">
            <v>土建と石電鋼舗浚塗園水</v>
          </cell>
          <cell r="AA1216" t="str">
            <v>土木一式</v>
          </cell>
          <cell r="AB1216" t="str">
            <v>舗装</v>
          </cell>
          <cell r="AC1216" t="str">
            <v>浚渫</v>
          </cell>
          <cell r="AD1216" t="str">
            <v>水道施設</v>
          </cell>
          <cell r="AE1216">
            <v>43190</v>
          </cell>
          <cell r="AF1216" t="str">
            <v>希望しない</v>
          </cell>
          <cell r="AG1216" t="str">
            <v>土木一式</v>
          </cell>
          <cell r="AH1216" t="str">
            <v>特定</v>
          </cell>
          <cell r="AI1216">
            <v>1352</v>
          </cell>
          <cell r="AJ1216">
            <v>10971557</v>
          </cell>
          <cell r="AK1216" t="str">
            <v>97(94)/6/1</v>
          </cell>
          <cell r="AL1216" t="str">
            <v>舗装</v>
          </cell>
          <cell r="AM1216" t="str">
            <v>特定</v>
          </cell>
          <cell r="AN1216">
            <v>999</v>
          </cell>
          <cell r="AO1216">
            <v>375908</v>
          </cell>
          <cell r="AP1216" t="str">
            <v>2(2)/4/0</v>
          </cell>
          <cell r="AQ1216" t="str">
            <v>浚渫</v>
          </cell>
          <cell r="AR1216" t="str">
            <v>特定</v>
          </cell>
          <cell r="AS1216">
            <v>1170</v>
          </cell>
          <cell r="AT1216">
            <v>530303</v>
          </cell>
          <cell r="AU1216" t="str">
            <v>89(86)/2/0</v>
          </cell>
          <cell r="AV1216" t="str">
            <v>水道施設</v>
          </cell>
          <cell r="AW1216" t="str">
            <v>特定</v>
          </cell>
          <cell r="AX1216">
            <v>794</v>
          </cell>
          <cell r="AY1216" t="str">
            <v/>
          </cell>
          <cell r="AZ1216" t="str">
            <v>0(0)/0/0</v>
          </cell>
          <cell r="BA1216" t="str">
            <v>兵庫県</v>
          </cell>
          <cell r="CR1216">
            <v>6976</v>
          </cell>
          <cell r="CS1216" t="str">
            <v>ﾐｾ ﾏｺﾄ</v>
          </cell>
          <cell r="CT1216" t="str">
            <v>三瀬  誠</v>
          </cell>
          <cell r="CU1216" t="str">
            <v>住宅政策課</v>
          </cell>
          <cell r="CW1216">
            <v>3364</v>
          </cell>
          <cell r="CX1216" t="str">
            <v xml:space="preserve"> </v>
          </cell>
          <cell r="CY1216" t="str">
            <v>住宅政策課長</v>
          </cell>
        </row>
        <row r="1217">
          <cell r="B1217">
            <v>4379</v>
          </cell>
          <cell r="C1217" t="str">
            <v>(株)ヨシダ興業</v>
          </cell>
          <cell r="D1217" t="str">
            <v>078-881-3663</v>
          </cell>
          <cell r="E1217" t="str">
            <v>657-0842</v>
          </cell>
          <cell r="F1217" t="str">
            <v>兵庫県神戸市灘区船寺通3-2-1</v>
          </cell>
          <cell r="G1217" t="str">
            <v>神戸市</v>
          </cell>
          <cell r="H1217" t="str">
            <v/>
          </cell>
          <cell r="I1217" t="str">
            <v>代表取締役 吉田　昇生</v>
          </cell>
          <cell r="J1217" t="str">
            <v>本店</v>
          </cell>
          <cell r="K1217" t="str">
            <v>078-881-4073</v>
          </cell>
          <cell r="L1217" t="str">
            <v>ysdkg@hm.h555.net</v>
          </cell>
          <cell r="M1217" t="str">
            <v>ﾖｼﾀﾞｺｳｷﾞｮｳ</v>
          </cell>
          <cell r="N1217" t="str">
            <v>無</v>
          </cell>
          <cell r="O1217">
            <v>49</v>
          </cell>
          <cell r="P1217">
            <v>3</v>
          </cell>
          <cell r="Q1217">
            <v>1140001004217</v>
          </cell>
          <cell r="R1217">
            <v>10000</v>
          </cell>
          <cell r="S1217">
            <v>7672</v>
          </cell>
          <cell r="T1217">
            <v>44875</v>
          </cell>
          <cell r="V1217" t="str">
            <v>md364762</v>
          </cell>
          <cell r="W1217" t="str">
            <v>ga896263</v>
          </cell>
          <cell r="X1217" t="str">
            <v>土と</v>
          </cell>
          <cell r="Y1217" t="str">
            <v>土と</v>
          </cell>
          <cell r="Z1217" t="str">
            <v/>
          </cell>
          <cell r="AA1217" t="str">
            <v>土木一式</v>
          </cell>
          <cell r="AB1217" t="str">
            <v>とび土工</v>
          </cell>
          <cell r="AC1217" t="str">
            <v/>
          </cell>
          <cell r="AD1217" t="str">
            <v/>
          </cell>
          <cell r="AE1217">
            <v>43069</v>
          </cell>
          <cell r="AF1217" t="str">
            <v/>
          </cell>
          <cell r="AG1217" t="str">
            <v>土木一式</v>
          </cell>
          <cell r="AH1217" t="str">
            <v>一般</v>
          </cell>
          <cell r="AI1217">
            <v>597</v>
          </cell>
          <cell r="AJ1217" t="str">
            <v/>
          </cell>
          <cell r="AK1217" t="str">
            <v>1(1)/1/0</v>
          </cell>
          <cell r="AL1217" t="str">
            <v>とび土工</v>
          </cell>
          <cell r="AM1217" t="str">
            <v>一般</v>
          </cell>
          <cell r="AN1217">
            <v>680</v>
          </cell>
          <cell r="AO1217">
            <v>44078</v>
          </cell>
          <cell r="AP1217" t="str">
            <v>1(1)/1/0</v>
          </cell>
          <cell r="AQ1217" t="str">
            <v/>
          </cell>
          <cell r="AR1217" t="str">
            <v/>
          </cell>
          <cell r="AS1217" t="str">
            <v/>
          </cell>
          <cell r="AT1217" t="str">
            <v/>
          </cell>
          <cell r="AU1217" t="str">
            <v/>
          </cell>
          <cell r="AV1217" t="str">
            <v/>
          </cell>
          <cell r="AW1217" t="str">
            <v/>
          </cell>
          <cell r="AX1217" t="str">
            <v/>
          </cell>
          <cell r="AY1217" t="str">
            <v/>
          </cell>
          <cell r="AZ1217" t="str">
            <v/>
          </cell>
          <cell r="BA1217" t="str">
            <v>兵庫県</v>
          </cell>
          <cell r="CR1217">
            <v>6977</v>
          </cell>
          <cell r="CS1217" t="str">
            <v>ﾐﾂｲ ﾘｻ</v>
          </cell>
          <cell r="CT1217" t="str">
            <v>三井  理沙</v>
          </cell>
          <cell r="CU1217" t="str">
            <v>市民課</v>
          </cell>
          <cell r="CW1217">
            <v>2627</v>
          </cell>
          <cell r="CX1217" t="str">
            <v xml:space="preserve"> </v>
          </cell>
          <cell r="CY1217" t="str">
            <v>市民課長</v>
          </cell>
        </row>
        <row r="1218">
          <cell r="B1218">
            <v>4383</v>
          </cell>
          <cell r="C1218" t="str">
            <v>米沢電気工事(株)</v>
          </cell>
          <cell r="D1218" t="str">
            <v>06-6933-1159</v>
          </cell>
          <cell r="E1218" t="str">
            <v>536-0007</v>
          </cell>
          <cell r="F1218" t="str">
            <v>大阪府大阪市城東区成育1-5-41</v>
          </cell>
          <cell r="G1218" t="str">
            <v>金沢市</v>
          </cell>
          <cell r="H1218" t="str">
            <v>大阪支店</v>
          </cell>
          <cell r="I1218" t="str">
            <v>執行役員大阪支店長 砺波　洋</v>
          </cell>
          <cell r="J1218" t="str">
            <v>石川県金沢市</v>
          </cell>
          <cell r="K1218" t="str">
            <v>06-6935-6110</v>
          </cell>
          <cell r="L1218" t="str">
            <v>kadota@yonezawa.co.jp</v>
          </cell>
          <cell r="M1218" t="str">
            <v>ﾖﾈｻﾞﾜﾃﾞﾝｷｺｳｼﾞ</v>
          </cell>
          <cell r="N1218" t="str">
            <v>有</v>
          </cell>
          <cell r="O1218">
            <v>70</v>
          </cell>
          <cell r="P1218">
            <v>342</v>
          </cell>
          <cell r="Q1218">
            <v>5220001007439</v>
          </cell>
          <cell r="R1218">
            <v>80000</v>
          </cell>
          <cell r="S1218">
            <v>8722</v>
          </cell>
          <cell r="T1218">
            <v>17153934</v>
          </cell>
          <cell r="V1218" t="str">
            <v>pn985278</v>
          </cell>
          <cell r="W1218" t="str">
            <v>hk226167</v>
          </cell>
          <cell r="X1218" t="str">
            <v>消(電)(消)電</v>
          </cell>
          <cell r="Y1218" t="str">
            <v>消(電)(消)</v>
          </cell>
          <cell r="Z1218" t="str">
            <v>電</v>
          </cell>
          <cell r="AA1218" t="str">
            <v>電気</v>
          </cell>
          <cell r="AB1218" t="str">
            <v>消防施設</v>
          </cell>
          <cell r="AC1218" t="str">
            <v/>
          </cell>
          <cell r="AD1218" t="str">
            <v/>
          </cell>
          <cell r="AE1218">
            <v>43100</v>
          </cell>
          <cell r="AF1218" t="str">
            <v>希望しない</v>
          </cell>
          <cell r="AG1218" t="str">
            <v>電気</v>
          </cell>
          <cell r="AH1218" t="str">
            <v>特定</v>
          </cell>
          <cell r="AI1218">
            <v>1428</v>
          </cell>
          <cell r="AJ1218">
            <v>15209209</v>
          </cell>
          <cell r="AK1218" t="str">
            <v>124(124)/64/4</v>
          </cell>
          <cell r="AL1218" t="str">
            <v>消防施設</v>
          </cell>
          <cell r="AM1218" t="str">
            <v>一般</v>
          </cell>
          <cell r="AN1218">
            <v>1112</v>
          </cell>
          <cell r="AO1218">
            <v>69931</v>
          </cell>
          <cell r="AP1218" t="str">
            <v>0(0)/165/0</v>
          </cell>
          <cell r="AQ1218" t="str">
            <v/>
          </cell>
          <cell r="AR1218" t="str">
            <v/>
          </cell>
          <cell r="AS1218" t="str">
            <v/>
          </cell>
          <cell r="AT1218" t="str">
            <v/>
          </cell>
          <cell r="AU1218" t="str">
            <v/>
          </cell>
          <cell r="AV1218" t="str">
            <v/>
          </cell>
          <cell r="AW1218" t="str">
            <v/>
          </cell>
          <cell r="AX1218" t="str">
            <v/>
          </cell>
          <cell r="AY1218" t="str">
            <v/>
          </cell>
          <cell r="AZ1218" t="str">
            <v/>
          </cell>
          <cell r="BA1218" t="str">
            <v>石川県</v>
          </cell>
          <cell r="CR1218">
            <v>6978</v>
          </cell>
          <cell r="CS1218" t="str">
            <v>ﾔﾏｸﾞﾁ ﾅｵｺ</v>
          </cell>
          <cell r="CT1218" t="str">
            <v>山口  直子</v>
          </cell>
          <cell r="CU1218" t="str">
            <v>市民税課</v>
          </cell>
          <cell r="CW1218">
            <v>2321</v>
          </cell>
          <cell r="CX1218" t="str">
            <v xml:space="preserve"> </v>
          </cell>
          <cell r="CY1218" t="str">
            <v>市民税課長</v>
          </cell>
        </row>
        <row r="1219">
          <cell r="B1219">
            <v>4384</v>
          </cell>
          <cell r="C1219" t="str">
            <v>寄神建設(株)</v>
          </cell>
          <cell r="D1219" t="str">
            <v>078-681-3123</v>
          </cell>
          <cell r="E1219" t="str">
            <v>652-0831</v>
          </cell>
          <cell r="F1219" t="str">
            <v>兵庫県神戸市兵庫区七宮町2-1-1</v>
          </cell>
          <cell r="G1219" t="str">
            <v>神戸市</v>
          </cell>
          <cell r="H1219" t="str">
            <v>神戸営業所</v>
          </cell>
          <cell r="I1219" t="str">
            <v>所長 山下　治</v>
          </cell>
          <cell r="J1219" t="str">
            <v>兵庫県神戸市</v>
          </cell>
          <cell r="K1219" t="str">
            <v>078-681-3779</v>
          </cell>
          <cell r="L1219" t="str">
            <v>ysc-1212j005@mopera.net</v>
          </cell>
          <cell r="M1219" t="str">
            <v>ﾖﾘｶﾞﾐｹﾝｾﾂ</v>
          </cell>
          <cell r="N1219" t="str">
            <v>有</v>
          </cell>
          <cell r="O1219">
            <v>60</v>
          </cell>
          <cell r="P1219">
            <v>258</v>
          </cell>
          <cell r="Q1219">
            <v>2140001012854</v>
          </cell>
          <cell r="R1219">
            <v>200400</v>
          </cell>
          <cell r="S1219">
            <v>5398295</v>
          </cell>
          <cell r="T1219">
            <v>15235356</v>
          </cell>
          <cell r="V1219" t="str">
            <v>sj926417</v>
          </cell>
          <cell r="W1219" t="str">
            <v>uz742805</v>
          </cell>
          <cell r="X1219" t="str">
            <v>(清)(建)(大)(左)(と)(石)(屋)(タ)(鋼)(鉄)(舗)(浚)(板)(ガ)(塗)(防)(内)(熱)(具)(水)土建大と石屋電タ鋼鉄舗浚板ガ塗防内熱園具水解</v>
          </cell>
          <cell r="Y1219" t="str">
            <v>(清)(建)(大)(左)(と)(石)(屋)(タ)(鋼)(鉄)(舗)(浚)(板)(ガ)(塗)(防)(内)(熱)(具)(水)</v>
          </cell>
          <cell r="Z1219" t="str">
            <v>土建大と石屋電タ鋼鉄舗浚板ガ塗防内熱園具水解</v>
          </cell>
          <cell r="AA1219" t="str">
            <v>土木一式</v>
          </cell>
          <cell r="AB1219" t="str">
            <v>建築一式</v>
          </cell>
          <cell r="AC1219" t="str">
            <v>鋼構造物</v>
          </cell>
          <cell r="AD1219" t="str">
            <v>水道施設</v>
          </cell>
          <cell r="AE1219">
            <v>43281</v>
          </cell>
          <cell r="AF1219" t="str">
            <v>希望する</v>
          </cell>
          <cell r="AG1219" t="str">
            <v>土木一式</v>
          </cell>
          <cell r="AH1219" t="str">
            <v>特定</v>
          </cell>
          <cell r="AI1219">
            <v>1286</v>
          </cell>
          <cell r="AJ1219">
            <v>10705814</v>
          </cell>
          <cell r="AK1219" t="str">
            <v>82(78)/4/26</v>
          </cell>
          <cell r="AL1219" t="str">
            <v>建築一式</v>
          </cell>
          <cell r="AM1219" t="str">
            <v>特定</v>
          </cell>
          <cell r="AN1219">
            <v>1035</v>
          </cell>
          <cell r="AO1219">
            <v>1311934</v>
          </cell>
          <cell r="AP1219" t="str">
            <v>7(7)/0/2</v>
          </cell>
          <cell r="AQ1219" t="str">
            <v>鋼構造物</v>
          </cell>
          <cell r="AR1219" t="str">
            <v>特定</v>
          </cell>
          <cell r="AS1219">
            <v>866</v>
          </cell>
          <cell r="AT1219" t="str">
            <v/>
          </cell>
          <cell r="AU1219" t="str">
            <v>19(19)/1/4</v>
          </cell>
          <cell r="AV1219" t="str">
            <v>水道施設</v>
          </cell>
          <cell r="AW1219" t="str">
            <v>特定</v>
          </cell>
          <cell r="AX1219">
            <v>856</v>
          </cell>
          <cell r="AY1219" t="str">
            <v/>
          </cell>
          <cell r="AZ1219" t="str">
            <v>16(15)/2/0</v>
          </cell>
          <cell r="BA1219" t="str">
            <v>兵庫県</v>
          </cell>
          <cell r="CR1219">
            <v>6980</v>
          </cell>
          <cell r="CS1219" t="str">
            <v>ﾄｳﾏ ｺｳｼﾞ</v>
          </cell>
          <cell r="CT1219" t="str">
            <v>當眞  康嗣</v>
          </cell>
          <cell r="CU1219" t="str">
            <v>情報管理課</v>
          </cell>
          <cell r="CW1219">
            <v>4493</v>
          </cell>
          <cell r="CX1219" t="str">
            <v>主査</v>
          </cell>
          <cell r="CY1219" t="str">
            <v>情報管理課長</v>
          </cell>
        </row>
        <row r="1220">
          <cell r="B1220">
            <v>4385</v>
          </cell>
          <cell r="C1220" t="str">
            <v>(株)頼白組</v>
          </cell>
          <cell r="D1220" t="str">
            <v>078-371-9898</v>
          </cell>
          <cell r="E1220" t="str">
            <v>650-0023</v>
          </cell>
          <cell r="F1220" t="str">
            <v>兵庫県神戸市中央区栄町通4-1-16</v>
          </cell>
          <cell r="G1220" t="str">
            <v>大阪市</v>
          </cell>
          <cell r="H1220" t="str">
            <v>神戸支店</v>
          </cell>
          <cell r="I1220" t="str">
            <v>神戸支店長 西村　剛</v>
          </cell>
          <cell r="J1220" t="str">
            <v>大阪府大阪市</v>
          </cell>
          <cell r="K1220" t="str">
            <v>078-371-9899</v>
          </cell>
          <cell r="L1220" t="str">
            <v>yorihaku@orion.ocn.ne.jp</v>
          </cell>
          <cell r="M1220" t="str">
            <v>ﾖﾘﾊｸｸﾞﾐ</v>
          </cell>
          <cell r="N1220" t="str">
            <v>有</v>
          </cell>
          <cell r="O1220">
            <v>31</v>
          </cell>
          <cell r="P1220">
            <v>15</v>
          </cell>
          <cell r="Q1220">
            <v>7120001162589</v>
          </cell>
          <cell r="R1220">
            <v>34000</v>
          </cell>
          <cell r="S1220">
            <v>232892</v>
          </cell>
          <cell r="T1220">
            <v>578284</v>
          </cell>
          <cell r="V1220" t="str">
            <v>ys927928</v>
          </cell>
          <cell r="W1220" t="str">
            <v>fc774696</v>
          </cell>
          <cell r="X1220" t="str">
            <v>(清)(建)(大)(左)(と)(石)(屋)(タ)(鋼)(鉄)(舗)(浚)(板)(ガ)(塗)(防)(内)(熱)(園)(具)(水)(解)土建大と石屋タ鋼鉄舗浚板ガ塗防内熱園具水解</v>
          </cell>
          <cell r="Y1220" t="str">
            <v>(清)(建)(大)(左)(と)(石)(屋)(タ)(鋼)(鉄)(舗)(浚)(板)(ガ)(塗)(防)(内)(熱)(園)(具)(水)(解)</v>
          </cell>
          <cell r="Z1220" t="str">
            <v>土建大と石屋タ鋼鉄舗浚板ガ塗防内熱園具水解</v>
          </cell>
          <cell r="AA1220" t="str">
            <v>造園</v>
          </cell>
          <cell r="AB1220" t="str">
            <v>とび土工</v>
          </cell>
          <cell r="AC1220" t="str">
            <v>土木一式</v>
          </cell>
          <cell r="AD1220" t="str">
            <v/>
          </cell>
          <cell r="AE1220">
            <v>43190</v>
          </cell>
          <cell r="AF1220" t="str">
            <v>希望しない</v>
          </cell>
          <cell r="AG1220" t="str">
            <v>造園</v>
          </cell>
          <cell r="AH1220" t="str">
            <v>特定</v>
          </cell>
          <cell r="AI1220">
            <v>922</v>
          </cell>
          <cell r="AJ1220">
            <v>506257</v>
          </cell>
          <cell r="AK1220" t="str">
            <v>8(6)/1/3</v>
          </cell>
          <cell r="AL1220" t="str">
            <v>とび土工</v>
          </cell>
          <cell r="AM1220" t="str">
            <v>特定</v>
          </cell>
          <cell r="AN1220">
            <v>667</v>
          </cell>
          <cell r="AO1220">
            <v>802</v>
          </cell>
          <cell r="AP1220" t="str">
            <v>8(7)/0/3</v>
          </cell>
          <cell r="AQ1220" t="str">
            <v>土木一式</v>
          </cell>
          <cell r="AR1220" t="str">
            <v>特定</v>
          </cell>
          <cell r="AS1220">
            <v>807</v>
          </cell>
          <cell r="AT1220">
            <v>39788</v>
          </cell>
          <cell r="AU1220" t="str">
            <v>8(7)/0/3</v>
          </cell>
          <cell r="AV1220" t="str">
            <v/>
          </cell>
          <cell r="AW1220" t="str">
            <v/>
          </cell>
          <cell r="AX1220" t="str">
            <v/>
          </cell>
          <cell r="AY1220" t="str">
            <v/>
          </cell>
          <cell r="AZ1220" t="str">
            <v/>
          </cell>
          <cell r="BA1220" t="str">
            <v>大阪府</v>
          </cell>
          <cell r="CR1220">
            <v>6981</v>
          </cell>
          <cell r="CS1220" t="str">
            <v>ﾅｶﾞﾑﾗ ﾕﾀｶ</v>
          </cell>
          <cell r="CT1220" t="str">
            <v>永村  豊</v>
          </cell>
          <cell r="CU1220" t="str">
            <v>政策室</v>
          </cell>
          <cell r="CW1220">
            <v>2208</v>
          </cell>
          <cell r="CX1220" t="str">
            <v xml:space="preserve"> </v>
          </cell>
          <cell r="CY1220" t="str">
            <v>政策室長</v>
          </cell>
        </row>
        <row r="1221">
          <cell r="B1221">
            <v>4386</v>
          </cell>
          <cell r="C1221" t="str">
            <v>(株)四電工</v>
          </cell>
          <cell r="D1221" t="str">
            <v>06-6244-8700</v>
          </cell>
          <cell r="E1221" t="str">
            <v>541-0059</v>
          </cell>
          <cell r="F1221" t="str">
            <v>大阪府大阪市中央区博労町3-3-7</v>
          </cell>
          <cell r="G1221" t="str">
            <v>高松市</v>
          </cell>
          <cell r="H1221" t="str">
            <v>（株）四電工　大阪本部</v>
          </cell>
          <cell r="I1221" t="str">
            <v>執行役員本部長 白川　俊三</v>
          </cell>
          <cell r="J1221" t="str">
            <v>香川県高松市</v>
          </cell>
          <cell r="K1221" t="str">
            <v>06-6243-1555</v>
          </cell>
          <cell r="L1221" t="str">
            <v/>
          </cell>
          <cell r="M1221" t="str">
            <v>ﾖﾝﾃﾞﾝｺｳ</v>
          </cell>
          <cell r="N1221" t="str">
            <v>有</v>
          </cell>
          <cell r="O1221">
            <v>54</v>
          </cell>
          <cell r="P1221">
            <v>2121</v>
          </cell>
          <cell r="Q1221">
            <v>7470001004244</v>
          </cell>
          <cell r="R1221">
            <v>3451000</v>
          </cell>
          <cell r="S1221">
            <v>44486000</v>
          </cell>
          <cell r="T1221">
            <v>77055000</v>
          </cell>
          <cell r="V1221" t="str">
            <v>su357440</v>
          </cell>
          <cell r="W1221" t="str">
            <v>ru354601</v>
          </cell>
          <cell r="X1221" t="str">
            <v>消(清)(と)(電)(管)(鋼)(消)土建と電管鋼舗浚塗内通水解</v>
          </cell>
          <cell r="Y1221" t="str">
            <v>消(清)(と)(電)(管)(鋼)(消)</v>
          </cell>
          <cell r="Z1221" t="str">
            <v>土建と電管鋼舗浚塗内通水解</v>
          </cell>
          <cell r="AA1221" t="str">
            <v>電気</v>
          </cell>
          <cell r="AB1221" t="str">
            <v>管</v>
          </cell>
          <cell r="AC1221" t="str">
            <v>土木一式</v>
          </cell>
          <cell r="AD1221" t="str">
            <v>消防施設</v>
          </cell>
          <cell r="AE1221">
            <v>43190</v>
          </cell>
          <cell r="AF1221" t="str">
            <v/>
          </cell>
          <cell r="AG1221" t="str">
            <v>電気</v>
          </cell>
          <cell r="AH1221" t="str">
            <v>特定</v>
          </cell>
          <cell r="AI1221">
            <v>1744</v>
          </cell>
          <cell r="AJ1221">
            <v>59739000</v>
          </cell>
          <cell r="AK1221" t="str">
            <v>626(309)/342/162</v>
          </cell>
          <cell r="AL1221" t="str">
            <v>管</v>
          </cell>
          <cell r="AM1221" t="str">
            <v>特定</v>
          </cell>
          <cell r="AN1221">
            <v>1454</v>
          </cell>
          <cell r="AO1221">
            <v>7037000</v>
          </cell>
          <cell r="AP1221" t="str">
            <v>183(117)/43/1</v>
          </cell>
          <cell r="AQ1221" t="str">
            <v>土木一式</v>
          </cell>
          <cell r="AR1221" t="str">
            <v>特定</v>
          </cell>
          <cell r="AS1221">
            <v>1255</v>
          </cell>
          <cell r="AT1221">
            <v>157500</v>
          </cell>
          <cell r="AU1221" t="str">
            <v>121(70)/95/1</v>
          </cell>
          <cell r="AV1221" t="str">
            <v>消防施設</v>
          </cell>
          <cell r="AW1221" t="str">
            <v>一般</v>
          </cell>
          <cell r="AX1221">
            <v>1177</v>
          </cell>
          <cell r="AY1221">
            <v>74500</v>
          </cell>
          <cell r="AZ1221" t="str">
            <v>0(0)/145/0</v>
          </cell>
          <cell r="BA1221" t="str">
            <v>香川県</v>
          </cell>
          <cell r="CR1221">
            <v>6982</v>
          </cell>
          <cell r="CS1221" t="str">
            <v>ﾏｽｲ ﾕｷｵ</v>
          </cell>
          <cell r="CT1221" t="str">
            <v>升井  幸男</v>
          </cell>
          <cell r="CU1221" t="str">
            <v>政策室</v>
          </cell>
          <cell r="CW1221">
            <v>2209</v>
          </cell>
          <cell r="CX1221" t="str">
            <v xml:space="preserve"> </v>
          </cell>
          <cell r="CY1221" t="str">
            <v>政策室長</v>
          </cell>
        </row>
        <row r="1222">
          <cell r="B1222">
            <v>4388</v>
          </cell>
          <cell r="C1222" t="str">
            <v>(株)吉住工務店</v>
          </cell>
          <cell r="D1222" t="str">
            <v>0795-74-0712</v>
          </cell>
          <cell r="E1222" t="str">
            <v>669-4132</v>
          </cell>
          <cell r="F1222" t="str">
            <v>兵庫県丹波市春日町野村2465</v>
          </cell>
          <cell r="G1222" t="str">
            <v>丹波市</v>
          </cell>
          <cell r="H1222" t="str">
            <v/>
          </cell>
          <cell r="I1222" t="str">
            <v>代表取締役　 吉住　正基</v>
          </cell>
          <cell r="J1222" t="str">
            <v>本店</v>
          </cell>
          <cell r="K1222" t="str">
            <v>0795-74-2329</v>
          </cell>
          <cell r="L1222" t="str">
            <v>honsya@yoshizumi.com</v>
          </cell>
          <cell r="M1222" t="str">
            <v>ﾖｼｽﾞﾐｺｳﾑﾃﾝ</v>
          </cell>
          <cell r="N1222" t="str">
            <v>無</v>
          </cell>
          <cell r="O1222">
            <v>55</v>
          </cell>
          <cell r="P1222">
            <v>42</v>
          </cell>
          <cell r="Q1222">
            <v>6140000000000</v>
          </cell>
          <cell r="R1222">
            <v>3000</v>
          </cell>
          <cell r="S1222">
            <v>1481357</v>
          </cell>
          <cell r="T1222">
            <v>1976100</v>
          </cell>
          <cell r="V1222" t="str">
            <v>pw990028</v>
          </cell>
          <cell r="W1222" t="str">
            <v>vd581707</v>
          </cell>
          <cell r="X1222" t="str">
            <v>消(清)(と)(電)(管)(鋼)(消)土建と電管鋼舗浚塗内通水解</v>
          </cell>
          <cell r="Y1222" t="str">
            <v>消(清)(と)(電)(管)(鋼)(消)</v>
          </cell>
          <cell r="Z1222" t="str">
            <v>土建と電管鋼舗浚塗内通水解</v>
          </cell>
          <cell r="AA1222" t="str">
            <v>建築一式</v>
          </cell>
          <cell r="AB1222" t="str">
            <v>土木一式</v>
          </cell>
          <cell r="AC1222" t="str">
            <v/>
          </cell>
          <cell r="AD1222" t="str">
            <v/>
          </cell>
          <cell r="AE1222">
            <v>43190</v>
          </cell>
          <cell r="AF1222" t="str">
            <v>希望しない</v>
          </cell>
          <cell r="AG1222" t="str">
            <v>建築一式</v>
          </cell>
          <cell r="AH1222" t="str">
            <v>特定</v>
          </cell>
          <cell r="AI1222">
            <v>831</v>
          </cell>
          <cell r="AJ1222">
            <v>12202</v>
          </cell>
          <cell r="AK1222" t="str">
            <v>1(1)/2/10</v>
          </cell>
          <cell r="AL1222" t="str">
            <v>土木一式</v>
          </cell>
          <cell r="AM1222" t="str">
            <v>特定</v>
          </cell>
          <cell r="AN1222">
            <v>1087</v>
          </cell>
          <cell r="AO1222">
            <v>2002076</v>
          </cell>
          <cell r="AP1222" t="str">
            <v>15(14)/4/4</v>
          </cell>
          <cell r="AQ1222" t="str">
            <v/>
          </cell>
          <cell r="AR1222" t="str">
            <v/>
          </cell>
          <cell r="AS1222" t="str">
            <v/>
          </cell>
          <cell r="AT1222" t="str">
            <v/>
          </cell>
          <cell r="AU1222" t="str">
            <v/>
          </cell>
          <cell r="AV1222" t="str">
            <v/>
          </cell>
          <cell r="AW1222" t="str">
            <v/>
          </cell>
          <cell r="AX1222" t="str">
            <v/>
          </cell>
          <cell r="AY1222" t="str">
            <v/>
          </cell>
          <cell r="AZ1222" t="str">
            <v/>
          </cell>
          <cell r="BA1222" t="str">
            <v>兵庫県</v>
          </cell>
          <cell r="CR1222">
            <v>6983</v>
          </cell>
          <cell r="CS1222" t="str">
            <v>ﾔﾏｼﾀ ﾏｻﾌﾐ</v>
          </cell>
          <cell r="CT1222" t="str">
            <v>山下  雅史</v>
          </cell>
          <cell r="CU1222" t="str">
            <v>国保年金課</v>
          </cell>
          <cell r="CW1222">
            <v>2776</v>
          </cell>
          <cell r="CX1222" t="str">
            <v xml:space="preserve"> </v>
          </cell>
          <cell r="CY1222" t="str">
            <v>国保年金課長</v>
          </cell>
        </row>
        <row r="1223">
          <cell r="B1223">
            <v>4389</v>
          </cell>
          <cell r="C1223" t="str">
            <v>吉田体機工業(株)</v>
          </cell>
          <cell r="D1223" t="str">
            <v>06-6661-0900</v>
          </cell>
          <cell r="E1223" t="str">
            <v>545-0043</v>
          </cell>
          <cell r="F1223" t="str">
            <v>大阪府大阪市阿倍野区松虫通3-8-4</v>
          </cell>
          <cell r="G1223" t="str">
            <v>大阪市</v>
          </cell>
          <cell r="H1223" t="str">
            <v/>
          </cell>
          <cell r="I1223" t="str">
            <v>代表取締役 吉田　正樹</v>
          </cell>
          <cell r="J1223" t="str">
            <v>本店</v>
          </cell>
          <cell r="K1223" t="str">
            <v>06-6661-0901</v>
          </cell>
          <cell r="L1223" t="str">
            <v>info@yoshida-taiki.co.jp</v>
          </cell>
          <cell r="M1223" t="str">
            <v>ﾖｼﾀﾞﾀｲｷｺｳｷﾞｮｳ</v>
          </cell>
          <cell r="N1223" t="str">
            <v>無</v>
          </cell>
          <cell r="O1223">
            <v>37</v>
          </cell>
          <cell r="P1223">
            <v>33</v>
          </cell>
          <cell r="Q1223">
            <v>8120001006679</v>
          </cell>
          <cell r="R1223">
            <v>10000</v>
          </cell>
          <cell r="S1223">
            <v>44141</v>
          </cell>
          <cell r="T1223">
            <v>510208</v>
          </cell>
          <cell r="V1223" t="str">
            <v>mv734754</v>
          </cell>
          <cell r="W1223" t="str">
            <v>wp620615</v>
          </cell>
          <cell r="X1223" t="str">
            <v>と鋼内園</v>
          </cell>
          <cell r="Y1223" t="str">
            <v>と鋼内園</v>
          </cell>
          <cell r="Z1223" t="str">
            <v/>
          </cell>
          <cell r="AA1223" t="str">
            <v>とび土工</v>
          </cell>
          <cell r="AB1223" t="str">
            <v>造園</v>
          </cell>
          <cell r="AC1223" t="str">
            <v>内装仕上</v>
          </cell>
          <cell r="AD1223" t="str">
            <v>鋼構造物</v>
          </cell>
          <cell r="AE1223">
            <v>42978</v>
          </cell>
          <cell r="AF1223" t="str">
            <v>希望しない</v>
          </cell>
          <cell r="AG1223" t="str">
            <v>とび土工</v>
          </cell>
          <cell r="AH1223" t="str">
            <v>一般</v>
          </cell>
          <cell r="AI1223">
            <v>789</v>
          </cell>
          <cell r="AJ1223">
            <v>264170</v>
          </cell>
          <cell r="AK1223" t="str">
            <v>0(0)/3/16</v>
          </cell>
          <cell r="AL1223" t="str">
            <v>造園</v>
          </cell>
          <cell r="AM1223" t="str">
            <v>一般</v>
          </cell>
          <cell r="AN1223">
            <v>697</v>
          </cell>
          <cell r="AO1223">
            <v>70670</v>
          </cell>
          <cell r="AP1223" t="str">
            <v>0(0)/1/0</v>
          </cell>
          <cell r="AQ1223" t="str">
            <v>内装仕上</v>
          </cell>
          <cell r="AR1223" t="str">
            <v>一般</v>
          </cell>
          <cell r="AS1223">
            <v>695</v>
          </cell>
          <cell r="AT1223">
            <v>100881</v>
          </cell>
          <cell r="AU1223" t="str">
            <v>0(0)/0/3</v>
          </cell>
          <cell r="AV1223" t="str">
            <v>鋼構造物</v>
          </cell>
          <cell r="AW1223" t="str">
            <v>一般</v>
          </cell>
          <cell r="AX1223">
            <v>745</v>
          </cell>
          <cell r="AY1223">
            <v>75136</v>
          </cell>
          <cell r="AZ1223" t="str">
            <v>0(0)/3/14</v>
          </cell>
          <cell r="BA1223" t="str">
            <v>大阪府</v>
          </cell>
          <cell r="CR1223">
            <v>6984</v>
          </cell>
          <cell r="CS1223" t="str">
            <v>ｲﾏﾅｶ ｼﾖｳﾀ</v>
          </cell>
          <cell r="CT1223" t="str">
            <v>今中  翔太</v>
          </cell>
          <cell r="CU1223" t="str">
            <v>収納管理課</v>
          </cell>
          <cell r="CW1223">
            <v>2368</v>
          </cell>
          <cell r="CX1223" t="str">
            <v xml:space="preserve"> </v>
          </cell>
          <cell r="CY1223" t="str">
            <v>収納管理課長</v>
          </cell>
        </row>
        <row r="1224">
          <cell r="B1224">
            <v>4392</v>
          </cell>
          <cell r="C1224" t="str">
            <v>(株)四ッ橋組</v>
          </cell>
          <cell r="D1224" t="str">
            <v>078-927-3777</v>
          </cell>
          <cell r="E1224" t="str">
            <v>651-2132</v>
          </cell>
          <cell r="F1224" t="str">
            <v>兵庫県神戸市西区森友5-53-1</v>
          </cell>
          <cell r="G1224" t="str">
            <v>神戸市</v>
          </cell>
          <cell r="H1224" t="str">
            <v/>
          </cell>
          <cell r="I1224" t="str">
            <v>代表取締役 四ッ橋　次雄</v>
          </cell>
          <cell r="J1224" t="str">
            <v>本店</v>
          </cell>
          <cell r="K1224" t="str">
            <v>078-927-0300</v>
          </cell>
          <cell r="L1224" t="str">
            <v>eigyo2@yotsuhashigumi.co.jp</v>
          </cell>
          <cell r="M1224" t="str">
            <v>ﾖﾂﾊｼｸﾞﾐ</v>
          </cell>
          <cell r="N1224" t="str">
            <v>無</v>
          </cell>
          <cell r="O1224">
            <v>67</v>
          </cell>
          <cell r="P1224">
            <v>19</v>
          </cell>
          <cell r="Q1224">
            <v>1140001005504</v>
          </cell>
          <cell r="R1224">
            <v>50500</v>
          </cell>
          <cell r="S1224">
            <v>671215</v>
          </cell>
          <cell r="T1224">
            <v>923423</v>
          </cell>
          <cell r="V1224" t="str">
            <v>hc113393</v>
          </cell>
          <cell r="W1224" t="str">
            <v>dt421600</v>
          </cell>
          <cell r="X1224" t="str">
            <v>土建と解</v>
          </cell>
          <cell r="Y1224" t="str">
            <v/>
          </cell>
          <cell r="Z1224" t="str">
            <v>土建と解</v>
          </cell>
          <cell r="AA1224" t="str">
            <v>建築一式</v>
          </cell>
          <cell r="AB1224" t="str">
            <v>解体</v>
          </cell>
          <cell r="AC1224" t="str">
            <v>とび土工</v>
          </cell>
          <cell r="AD1224" t="str">
            <v>土木一式</v>
          </cell>
          <cell r="AE1224">
            <v>43281</v>
          </cell>
          <cell r="AF1224" t="str">
            <v>希望しない</v>
          </cell>
          <cell r="AG1224" t="str">
            <v>建築一式</v>
          </cell>
          <cell r="AH1224" t="str">
            <v>特定</v>
          </cell>
          <cell r="AI1224">
            <v>1007</v>
          </cell>
          <cell r="AJ1224">
            <v>1157233</v>
          </cell>
          <cell r="AK1224" t="str">
            <v>10(10)/1/1</v>
          </cell>
          <cell r="AL1224" t="str">
            <v>解体</v>
          </cell>
          <cell r="AM1224" t="str">
            <v>特定</v>
          </cell>
          <cell r="AN1224">
            <v>765</v>
          </cell>
          <cell r="AO1224">
            <v>23961</v>
          </cell>
          <cell r="AP1224" t="str">
            <v>1(1)/0/0</v>
          </cell>
          <cell r="AQ1224" t="str">
            <v>とび土工</v>
          </cell>
          <cell r="AR1224" t="str">
            <v>特定</v>
          </cell>
          <cell r="AS1224">
            <v>764</v>
          </cell>
          <cell r="AT1224">
            <v>3021</v>
          </cell>
          <cell r="AU1224" t="str">
            <v>3(3)/1/0</v>
          </cell>
          <cell r="AV1224" t="str">
            <v>土木一式</v>
          </cell>
          <cell r="AW1224" t="str">
            <v>特定</v>
          </cell>
          <cell r="AX1224">
            <v>821</v>
          </cell>
          <cell r="AY1224">
            <v>12513</v>
          </cell>
          <cell r="AZ1224" t="str">
            <v>5(5)/2/1</v>
          </cell>
          <cell r="BA1224" t="str">
            <v>兵庫県</v>
          </cell>
          <cell r="CR1224">
            <v>6985</v>
          </cell>
          <cell r="CS1224" t="str">
            <v>ｷﾑﾗ ｼﾖｳﾀ</v>
          </cell>
          <cell r="CT1224" t="str">
            <v>木村  彰太</v>
          </cell>
          <cell r="CU1224" t="str">
            <v>市民税課</v>
          </cell>
          <cell r="CW1224">
            <v>4498</v>
          </cell>
          <cell r="CX1224" t="str">
            <v xml:space="preserve"> </v>
          </cell>
          <cell r="CY1224" t="str">
            <v>市民税課長</v>
          </cell>
        </row>
        <row r="1225">
          <cell r="B1225">
            <v>4393</v>
          </cell>
          <cell r="C1225" t="str">
            <v>(株)横河ＮＳエンジニアリング</v>
          </cell>
          <cell r="D1225" t="str">
            <v>06-6203-8031</v>
          </cell>
          <cell r="E1225" t="str">
            <v>541-0048</v>
          </cell>
          <cell r="F1225" t="str">
            <v>大阪府大阪市中央区瓦町4-3-7</v>
          </cell>
          <cell r="G1225" t="str">
            <v>神栖市</v>
          </cell>
          <cell r="H1225" t="str">
            <v>大阪営業部</v>
          </cell>
          <cell r="I1225" t="str">
            <v>大阪営業部長 谷中　聡久</v>
          </cell>
          <cell r="J1225" t="str">
            <v>茨城県神栖市</v>
          </cell>
          <cell r="K1225" t="str">
            <v>06-6203-8035</v>
          </cell>
          <cell r="L1225" t="str">
            <v>ysbc-sd@ysbc.co.jp</v>
          </cell>
          <cell r="M1225" t="str">
            <v>ﾖｺｶﾞﾜｽﾐｷﾝﾌﾞﾘｯｼﾞ</v>
          </cell>
          <cell r="N1225" t="str">
            <v>有</v>
          </cell>
          <cell r="O1225">
            <v>59</v>
          </cell>
          <cell r="P1225">
            <v>182</v>
          </cell>
          <cell r="Q1225">
            <v>1050001021106</v>
          </cell>
          <cell r="R1225">
            <v>499000</v>
          </cell>
          <cell r="S1225">
            <v>3875093</v>
          </cell>
          <cell r="T1225">
            <v>16738538</v>
          </cell>
          <cell r="V1225" t="str">
            <v>nm558111</v>
          </cell>
          <cell r="W1225" t="str">
            <v>ut161512</v>
          </cell>
          <cell r="X1225" t="str">
            <v>(清)(と)(鋼)(塗)土と鋼塗</v>
          </cell>
          <cell r="Y1225" t="str">
            <v>(清)(と)(鋼)(塗)</v>
          </cell>
          <cell r="Z1225" t="str">
            <v>土と鋼塗</v>
          </cell>
          <cell r="AA1225" t="str">
            <v>鋼構造物</v>
          </cell>
          <cell r="AB1225" t="str">
            <v>土木一式</v>
          </cell>
          <cell r="AC1225" t="str">
            <v/>
          </cell>
          <cell r="AD1225" t="str">
            <v/>
          </cell>
          <cell r="AE1225">
            <v>43190</v>
          </cell>
          <cell r="AF1225" t="str">
            <v/>
          </cell>
          <cell r="AG1225" t="str">
            <v>鋼構造物</v>
          </cell>
          <cell r="AH1225" t="str">
            <v>特定</v>
          </cell>
          <cell r="AI1225">
            <v>1320</v>
          </cell>
          <cell r="AJ1225">
            <v>9596414</v>
          </cell>
          <cell r="AK1225" t="str">
            <v>76(66)/2/2</v>
          </cell>
          <cell r="AL1225" t="str">
            <v>土木一式</v>
          </cell>
          <cell r="AM1225" t="str">
            <v>特定</v>
          </cell>
          <cell r="AN1225">
            <v>976</v>
          </cell>
          <cell r="AO1225" t="str">
            <v/>
          </cell>
          <cell r="AP1225" t="str">
            <v>76(66)/2/1</v>
          </cell>
          <cell r="AQ1225" t="str">
            <v/>
          </cell>
          <cell r="AR1225" t="str">
            <v/>
          </cell>
          <cell r="AS1225" t="str">
            <v/>
          </cell>
          <cell r="AT1225" t="str">
            <v/>
          </cell>
          <cell r="AU1225" t="str">
            <v/>
          </cell>
          <cell r="AV1225" t="str">
            <v/>
          </cell>
          <cell r="AW1225" t="str">
            <v/>
          </cell>
          <cell r="AX1225" t="str">
            <v/>
          </cell>
          <cell r="AY1225" t="str">
            <v/>
          </cell>
          <cell r="AZ1225" t="str">
            <v/>
          </cell>
          <cell r="BA1225" t="str">
            <v>茨城県</v>
          </cell>
          <cell r="CR1225">
            <v>6986</v>
          </cell>
          <cell r="CS1225" t="str">
            <v>ﾎｿﾀﾞ ｶﾅﾐ</v>
          </cell>
          <cell r="CT1225" t="str">
            <v>細田  佳奈美</v>
          </cell>
          <cell r="CU1225" t="str">
            <v>広報課</v>
          </cell>
          <cell r="CW1225">
            <v>2123</v>
          </cell>
          <cell r="CX1225" t="str">
            <v xml:space="preserve"> </v>
          </cell>
          <cell r="CY1225" t="str">
            <v>広報課長</v>
          </cell>
        </row>
        <row r="1226">
          <cell r="B1226">
            <v>4394</v>
          </cell>
          <cell r="C1226" t="str">
            <v>横河ソリューションサービス(株)</v>
          </cell>
          <cell r="D1226" t="str">
            <v>06-6341-1440</v>
          </cell>
          <cell r="E1226" t="str">
            <v>530-0001</v>
          </cell>
          <cell r="F1226" t="str">
            <v>大阪府大阪市北区梅田2-4-9</v>
          </cell>
          <cell r="G1226" t="str">
            <v>武蔵野市</v>
          </cell>
          <cell r="H1226" t="str">
            <v>関西支社</v>
          </cell>
          <cell r="I1226" t="str">
            <v>支社長 田中　顕</v>
          </cell>
          <cell r="J1226" t="str">
            <v>東京都武蔵野市</v>
          </cell>
          <cell r="K1226" t="str">
            <v>06-6341-1448</v>
          </cell>
          <cell r="L1226" t="str">
            <v>hyogo-yhq@csv.yokogawa.co.jp</v>
          </cell>
          <cell r="M1226" t="str">
            <v>ﾖｺｶﾞﾜｿﾘｭｰｼｮﾝｻｰﾋﾞｽ</v>
          </cell>
          <cell r="N1226" t="str">
            <v>有</v>
          </cell>
          <cell r="O1226">
            <v>18</v>
          </cell>
          <cell r="P1226">
            <v>2462</v>
          </cell>
          <cell r="Q1226">
            <v>2012401013379</v>
          </cell>
          <cell r="R1226">
            <v>3000000</v>
          </cell>
          <cell r="S1226">
            <v>15792882</v>
          </cell>
          <cell r="T1226">
            <v>98675577</v>
          </cell>
          <cell r="V1226" t="str">
            <v>aq845640</v>
          </cell>
          <cell r="W1226" t="str">
            <v>mv734754</v>
          </cell>
          <cell r="X1226" t="str">
            <v>(電)(機)(通)電管機通水</v>
          </cell>
          <cell r="Y1226" t="str">
            <v>(電)(機)(通)</v>
          </cell>
          <cell r="Z1226" t="str">
            <v>電管機通水</v>
          </cell>
          <cell r="AA1226" t="str">
            <v>電気</v>
          </cell>
          <cell r="AB1226" t="str">
            <v>電気通信</v>
          </cell>
          <cell r="AC1226" t="str">
            <v>機械器具</v>
          </cell>
          <cell r="AD1226" t="str">
            <v/>
          </cell>
          <cell r="AE1226">
            <v>43190</v>
          </cell>
          <cell r="AF1226" t="str">
            <v/>
          </cell>
          <cell r="AG1226" t="str">
            <v>電気</v>
          </cell>
          <cell r="AH1226" t="str">
            <v>特定</v>
          </cell>
          <cell r="AI1226">
            <v>1524</v>
          </cell>
          <cell r="AJ1226">
            <v>23696272</v>
          </cell>
          <cell r="AK1226" t="str">
            <v>294(200)/94/245</v>
          </cell>
          <cell r="AL1226" t="str">
            <v>電気通信</v>
          </cell>
          <cell r="AM1226" t="str">
            <v>特定</v>
          </cell>
          <cell r="AN1226">
            <v>1351</v>
          </cell>
          <cell r="AO1226">
            <v>7888283</v>
          </cell>
          <cell r="AP1226" t="str">
            <v>0(0)/0/436</v>
          </cell>
          <cell r="AQ1226" t="str">
            <v>機械器具</v>
          </cell>
          <cell r="AR1226" t="str">
            <v>特定</v>
          </cell>
          <cell r="AS1226">
            <v>1167</v>
          </cell>
          <cell r="AT1226">
            <v>2086074</v>
          </cell>
          <cell r="AU1226" t="str">
            <v>0(0)/0/73</v>
          </cell>
          <cell r="AV1226" t="str">
            <v/>
          </cell>
          <cell r="AW1226" t="str">
            <v/>
          </cell>
          <cell r="AX1226" t="str">
            <v/>
          </cell>
          <cell r="AY1226" t="str">
            <v/>
          </cell>
          <cell r="AZ1226" t="str">
            <v/>
          </cell>
          <cell r="BA1226" t="str">
            <v>東京都</v>
          </cell>
          <cell r="CR1226">
            <v>6987</v>
          </cell>
          <cell r="CS1226" t="str">
            <v>ﾏﾂﾀﾞ ﾅｵｷ</v>
          </cell>
          <cell r="CT1226" t="str">
            <v>松田  直樹</v>
          </cell>
          <cell r="CU1226" t="str">
            <v>地域・高年福祉課</v>
          </cell>
          <cell r="CW1226">
            <v>2731</v>
          </cell>
          <cell r="CX1226" t="str">
            <v xml:space="preserve"> </v>
          </cell>
          <cell r="CY1226" t="str">
            <v>地域・高年福祉課長</v>
          </cell>
        </row>
        <row r="1227">
          <cell r="B1227">
            <v>4401</v>
          </cell>
          <cell r="C1227" t="str">
            <v>ライト工業(株)</v>
          </cell>
          <cell r="D1227" t="str">
            <v>078-242-8758</v>
          </cell>
          <cell r="E1227" t="str">
            <v>651-0095</v>
          </cell>
          <cell r="F1227" t="str">
            <v>兵庫県神戸市中央区旭通1-2-7</v>
          </cell>
          <cell r="G1227" t="str">
            <v/>
          </cell>
          <cell r="H1227" t="str">
            <v>神戸営業所</v>
          </cell>
          <cell r="I1227" t="str">
            <v>所長 中島　達志</v>
          </cell>
          <cell r="J1227" t="str">
            <v>東京都</v>
          </cell>
          <cell r="K1227" t="str">
            <v>078-242-8759</v>
          </cell>
          <cell r="L1227" t="str">
            <v>4142@raito.co.jp</v>
          </cell>
          <cell r="M1227" t="str">
            <v>ﾗｲﾄｺｳｷﾞｮｳ</v>
          </cell>
          <cell r="N1227" t="str">
            <v>有</v>
          </cell>
          <cell r="O1227">
            <v>68</v>
          </cell>
          <cell r="P1227">
            <v>895</v>
          </cell>
          <cell r="Q1227">
            <v>7010001008811</v>
          </cell>
          <cell r="R1227">
            <v>6119475</v>
          </cell>
          <cell r="S1227">
            <v>52035081</v>
          </cell>
          <cell r="T1227">
            <v>84180398</v>
          </cell>
          <cell r="V1227" t="str">
            <v>nj352572</v>
          </cell>
          <cell r="W1227" t="str">
            <v>ab350181</v>
          </cell>
          <cell r="X1227" t="str">
            <v>井(清)(と)(石)(鋼)(舗)(塗)(水)土建大と石屋管タ鋼鉄舗浚板ガ塗防内熱園具水解</v>
          </cell>
          <cell r="Y1227" t="str">
            <v>井(清)(と)(石)(鋼)(舗)(塗)(水)</v>
          </cell>
          <cell r="Z1227" t="str">
            <v>土建大と石屋管タ鋼鉄舗浚板ガ塗防内熱園具水解</v>
          </cell>
          <cell r="AA1227" t="str">
            <v>とび土工</v>
          </cell>
          <cell r="AB1227" t="str">
            <v>土木一式</v>
          </cell>
          <cell r="AC1227" t="str">
            <v>鋼構造物</v>
          </cell>
          <cell r="AD1227" t="str">
            <v>塗装</v>
          </cell>
          <cell r="AE1227">
            <v>43190</v>
          </cell>
          <cell r="AF1227" t="str">
            <v>希望しない</v>
          </cell>
          <cell r="AG1227" t="str">
            <v>とび土工</v>
          </cell>
          <cell r="AH1227" t="str">
            <v>特定</v>
          </cell>
          <cell r="AI1227">
            <v>1771</v>
          </cell>
          <cell r="AJ1227">
            <v>68943050</v>
          </cell>
          <cell r="AK1227" t="str">
            <v>549(422)/51/18</v>
          </cell>
          <cell r="AL1227" t="str">
            <v>土木一式</v>
          </cell>
          <cell r="AM1227" t="str">
            <v>特定</v>
          </cell>
          <cell r="AN1227">
            <v>1499</v>
          </cell>
          <cell r="AO1227">
            <v>1734671</v>
          </cell>
          <cell r="AP1227" t="str">
            <v>577(447)/35/13</v>
          </cell>
          <cell r="AQ1227" t="str">
            <v>鋼構造物</v>
          </cell>
          <cell r="AR1227" t="str">
            <v>特定</v>
          </cell>
          <cell r="AS1227">
            <v>1262</v>
          </cell>
          <cell r="AT1227">
            <v>105441</v>
          </cell>
          <cell r="AU1227" t="str">
            <v>51(42)/0/3</v>
          </cell>
          <cell r="AV1227" t="str">
            <v>塗装</v>
          </cell>
          <cell r="AW1227" t="str">
            <v>特定</v>
          </cell>
          <cell r="AX1227">
            <v>1050</v>
          </cell>
          <cell r="AY1227">
            <v>30070</v>
          </cell>
          <cell r="AZ1227" t="str">
            <v>0(0)/0/0</v>
          </cell>
          <cell r="BA1227" t="str">
            <v>東京都</v>
          </cell>
          <cell r="CR1227">
            <v>6988</v>
          </cell>
          <cell r="CS1227" t="str">
            <v>ｺﾊﾞﾔｼ ﾋﾃﾞｷ</v>
          </cell>
          <cell r="CT1227" t="str">
            <v>小林  秀樹</v>
          </cell>
          <cell r="CU1227" t="str">
            <v>道路建設課</v>
          </cell>
          <cell r="CW1227">
            <v>4501</v>
          </cell>
          <cell r="CX1227" t="str">
            <v xml:space="preserve"> </v>
          </cell>
          <cell r="CY1227" t="str">
            <v>道路建設課長</v>
          </cell>
        </row>
        <row r="1228">
          <cell r="B1228">
            <v>4405</v>
          </cell>
          <cell r="C1228" t="str">
            <v>(株)洛南エンジニアリング</v>
          </cell>
          <cell r="D1228" t="str">
            <v>0774-22-6357</v>
          </cell>
          <cell r="E1228" t="str">
            <v>611-0013</v>
          </cell>
          <cell r="F1228" t="str">
            <v>京都府宇治市莵道田中34-5</v>
          </cell>
          <cell r="G1228" t="str">
            <v>宇治市</v>
          </cell>
          <cell r="H1228" t="str">
            <v/>
          </cell>
          <cell r="I1228" t="str">
            <v>代表取締役 堀　誠典</v>
          </cell>
          <cell r="J1228" t="str">
            <v>本店</v>
          </cell>
          <cell r="K1228" t="str">
            <v>0774-21-4112</v>
          </cell>
          <cell r="L1228" t="str">
            <v>info@rec2000.co.jp</v>
          </cell>
          <cell r="M1228" t="str">
            <v>ﾗｸﾅﾝｴﾝｼﾞﾆｱﾘﾝｸﾞ</v>
          </cell>
          <cell r="N1228" t="str">
            <v>無</v>
          </cell>
          <cell r="O1228">
            <v>38</v>
          </cell>
          <cell r="P1228">
            <v>15</v>
          </cell>
          <cell r="Q1228">
            <v>4130001033239</v>
          </cell>
          <cell r="R1228">
            <v>30000</v>
          </cell>
          <cell r="S1228">
            <v>554012</v>
          </cell>
          <cell r="T1228">
            <v>607644</v>
          </cell>
          <cell r="V1228" t="str">
            <v>rj717814</v>
          </cell>
          <cell r="W1228" t="str">
            <v>ck470194</v>
          </cell>
          <cell r="X1228" t="str">
            <v>電通水</v>
          </cell>
          <cell r="Y1228" t="str">
            <v/>
          </cell>
          <cell r="Z1228" t="str">
            <v>電通水</v>
          </cell>
          <cell r="AA1228" t="str">
            <v>電気</v>
          </cell>
          <cell r="AB1228" t="str">
            <v>電気通信</v>
          </cell>
          <cell r="AC1228" t="str">
            <v>水道施設</v>
          </cell>
          <cell r="AD1228" t="str">
            <v/>
          </cell>
          <cell r="AE1228">
            <v>43646</v>
          </cell>
          <cell r="AF1228" t="str">
            <v/>
          </cell>
          <cell r="AG1228" t="str">
            <v>電気</v>
          </cell>
          <cell r="AH1228" t="str">
            <v>特定</v>
          </cell>
          <cell r="AI1228">
            <v>993</v>
          </cell>
          <cell r="AJ1228">
            <v>586471</v>
          </cell>
          <cell r="AK1228" t="str">
            <v>8(8)/1/0</v>
          </cell>
          <cell r="AL1228" t="str">
            <v>電気通信</v>
          </cell>
          <cell r="AM1228" t="str">
            <v>特定</v>
          </cell>
          <cell r="AN1228">
            <v>844</v>
          </cell>
          <cell r="AO1228">
            <v>92218</v>
          </cell>
          <cell r="AP1228" t="str">
            <v>0(0)/0/4</v>
          </cell>
          <cell r="AQ1228" t="str">
            <v>水道施設</v>
          </cell>
          <cell r="AR1228" t="str">
            <v>特定</v>
          </cell>
          <cell r="AS1228">
            <v>846</v>
          </cell>
          <cell r="AT1228">
            <v>13387</v>
          </cell>
          <cell r="AU1228" t="str">
            <v>5(5)/0/0</v>
          </cell>
          <cell r="AV1228" t="str">
            <v/>
          </cell>
          <cell r="AW1228" t="str">
            <v/>
          </cell>
          <cell r="AX1228" t="str">
            <v/>
          </cell>
          <cell r="AY1228" t="str">
            <v/>
          </cell>
          <cell r="AZ1228" t="str">
            <v/>
          </cell>
          <cell r="BA1228" t="str">
            <v>京都府</v>
          </cell>
        </row>
        <row r="1229">
          <cell r="B1229">
            <v>4406</v>
          </cell>
          <cell r="C1229" t="str">
            <v>(株)ラピスネット</v>
          </cell>
          <cell r="D1229" t="str">
            <v>078-940-4681</v>
          </cell>
          <cell r="E1229" t="str">
            <v>658-0033</v>
          </cell>
          <cell r="F1229" t="str">
            <v>兵庫県神戸市東灘区向洋町西3-1-10</v>
          </cell>
          <cell r="G1229" t="str">
            <v>神戸市</v>
          </cell>
          <cell r="H1229" t="str">
            <v/>
          </cell>
          <cell r="I1229" t="str">
            <v>代表取締役　 河本　誠</v>
          </cell>
          <cell r="J1229" t="str">
            <v>本店</v>
          </cell>
          <cell r="K1229" t="str">
            <v>078-940-4682</v>
          </cell>
          <cell r="L1229" t="str">
            <v>ishii.kyouko@mirait.co.jp</v>
          </cell>
          <cell r="M1229" t="str">
            <v>ﾗﾋﾟｽﾈﾂﾄ</v>
          </cell>
          <cell r="N1229" t="str">
            <v>無</v>
          </cell>
          <cell r="O1229">
            <v>15</v>
          </cell>
          <cell r="P1229">
            <v>243</v>
          </cell>
          <cell r="Q1229">
            <v>1140000000000</v>
          </cell>
          <cell r="R1229">
            <v>50000</v>
          </cell>
          <cell r="S1229">
            <v>999026</v>
          </cell>
          <cell r="T1229">
            <v>9323916</v>
          </cell>
          <cell r="V1229" t="str">
            <v>ab350181</v>
          </cell>
          <cell r="W1229" t="str">
            <v>kk321376</v>
          </cell>
          <cell r="X1229" t="str">
            <v>電通水</v>
          </cell>
          <cell r="Y1229" t="str">
            <v/>
          </cell>
          <cell r="Z1229" t="str">
            <v>電通水</v>
          </cell>
          <cell r="AA1229" t="str">
            <v>電気</v>
          </cell>
          <cell r="AB1229" t="str">
            <v>電気通信</v>
          </cell>
          <cell r="AC1229" t="str">
            <v>土木一式</v>
          </cell>
          <cell r="AD1229" t="str">
            <v/>
          </cell>
          <cell r="AE1229">
            <v>43190</v>
          </cell>
          <cell r="AF1229" t="str">
            <v>希望しない</v>
          </cell>
          <cell r="AG1229" t="str">
            <v>電気</v>
          </cell>
          <cell r="AH1229" t="str">
            <v>特定</v>
          </cell>
          <cell r="AI1229">
            <v>896</v>
          </cell>
          <cell r="AJ1229">
            <v>574471</v>
          </cell>
          <cell r="AK1229" t="str">
            <v>5(4)/3/10</v>
          </cell>
          <cell r="AL1229" t="str">
            <v>電気通信</v>
          </cell>
          <cell r="AM1229" t="str">
            <v>特定</v>
          </cell>
          <cell r="AN1229">
            <v>1011</v>
          </cell>
          <cell r="AO1229">
            <v>8769422</v>
          </cell>
          <cell r="AP1229" t="str">
            <v>3(2)/0/125</v>
          </cell>
          <cell r="AQ1229" t="str">
            <v>土木一式</v>
          </cell>
          <cell r="AR1229" t="str">
            <v>特定</v>
          </cell>
          <cell r="AS1229">
            <v>826</v>
          </cell>
          <cell r="AT1229">
            <v>518942</v>
          </cell>
          <cell r="AU1229" t="str">
            <v>9(9)/1/0</v>
          </cell>
          <cell r="AV1229" t="str">
            <v/>
          </cell>
          <cell r="AW1229" t="str">
            <v/>
          </cell>
          <cell r="AX1229" t="str">
            <v/>
          </cell>
          <cell r="AY1229" t="str">
            <v/>
          </cell>
          <cell r="AZ1229" t="str">
            <v/>
          </cell>
          <cell r="BA1229" t="str">
            <v>兵庫県</v>
          </cell>
          <cell r="CR1229">
            <v>6989</v>
          </cell>
          <cell r="CS1229" t="str">
            <v>ﾊｼ ﾀｶﾌﾐ</v>
          </cell>
          <cell r="CT1229" t="str">
            <v>枦  敬文</v>
          </cell>
          <cell r="CU1229" t="str">
            <v>建築指導課</v>
          </cell>
          <cell r="CW1229">
            <v>3231</v>
          </cell>
          <cell r="CX1229" t="str">
            <v xml:space="preserve"> </v>
          </cell>
          <cell r="CY1229" t="str">
            <v>建築指導課長</v>
          </cell>
        </row>
        <row r="1230">
          <cell r="B1230">
            <v>4414</v>
          </cell>
          <cell r="C1230" t="str">
            <v>理水化学(株)</v>
          </cell>
          <cell r="D1230" t="str">
            <v>06-6362-6526</v>
          </cell>
          <cell r="E1230" t="str">
            <v>530-0054</v>
          </cell>
          <cell r="F1230" t="str">
            <v>大阪府大阪市北区南森町1-4-10</v>
          </cell>
          <cell r="G1230" t="str">
            <v>大阪市</v>
          </cell>
          <cell r="H1230" t="str">
            <v>大阪支店</v>
          </cell>
          <cell r="I1230" t="str">
            <v>支店長 木澤　太郎</v>
          </cell>
          <cell r="J1230" t="str">
            <v>大阪府大阪市</v>
          </cell>
          <cell r="K1230" t="str">
            <v>06-6362-6529</v>
          </cell>
          <cell r="L1230" t="str">
            <v>sales_admin@risui-kagaku.co.jp</v>
          </cell>
          <cell r="M1230" t="str">
            <v>ﾘｽｲｶｶﾞｸ</v>
          </cell>
          <cell r="N1230" t="str">
            <v>有</v>
          </cell>
          <cell r="O1230">
            <v>55</v>
          </cell>
          <cell r="P1230">
            <v>123</v>
          </cell>
          <cell r="Q1230">
            <v>4120001071999</v>
          </cell>
          <cell r="R1230">
            <v>88000</v>
          </cell>
          <cell r="S1230">
            <v>4927600</v>
          </cell>
          <cell r="T1230">
            <v>61194324</v>
          </cell>
          <cell r="V1230" t="str">
            <v>dk596393</v>
          </cell>
          <cell r="W1230" t="str">
            <v>gr207025</v>
          </cell>
          <cell r="X1230" t="str">
            <v>(機)(水)土電管機水</v>
          </cell>
          <cell r="Y1230" t="str">
            <v>(機)(水)</v>
          </cell>
          <cell r="Z1230" t="str">
            <v>土電管機水</v>
          </cell>
          <cell r="AA1230" t="str">
            <v>水道施設</v>
          </cell>
          <cell r="AB1230" t="str">
            <v>機械器具</v>
          </cell>
          <cell r="AC1230" t="str">
            <v/>
          </cell>
          <cell r="AD1230" t="str">
            <v/>
          </cell>
          <cell r="AE1230">
            <v>43312</v>
          </cell>
          <cell r="AF1230" t="str">
            <v>希望しない</v>
          </cell>
          <cell r="AG1230" t="str">
            <v>水道施設</v>
          </cell>
          <cell r="AH1230" t="str">
            <v>特定</v>
          </cell>
          <cell r="AI1230">
            <v>1157</v>
          </cell>
          <cell r="AJ1230">
            <v>2119486</v>
          </cell>
          <cell r="AK1230" t="str">
            <v>37(37)/6/17</v>
          </cell>
          <cell r="AL1230" t="str">
            <v>機械器具</v>
          </cell>
          <cell r="AM1230" t="str">
            <v>特定</v>
          </cell>
          <cell r="AN1230">
            <v>1135</v>
          </cell>
          <cell r="AO1230">
            <v>4082862</v>
          </cell>
          <cell r="AP1230" t="str">
            <v>0(0)/0/70</v>
          </cell>
          <cell r="AQ1230" t="str">
            <v/>
          </cell>
          <cell r="AR1230" t="str">
            <v/>
          </cell>
          <cell r="AS1230" t="str">
            <v/>
          </cell>
          <cell r="AT1230" t="str">
            <v/>
          </cell>
          <cell r="AU1230" t="str">
            <v/>
          </cell>
          <cell r="AV1230" t="str">
            <v/>
          </cell>
          <cell r="AW1230" t="str">
            <v/>
          </cell>
          <cell r="AX1230" t="str">
            <v/>
          </cell>
          <cell r="AY1230" t="str">
            <v/>
          </cell>
          <cell r="AZ1230" t="str">
            <v/>
          </cell>
          <cell r="BA1230" t="str">
            <v>大阪府</v>
          </cell>
          <cell r="CR1230">
            <v>6990</v>
          </cell>
          <cell r="CS1230" t="str">
            <v>ﾋﾗﾔﾏ ｻﾄｼ</v>
          </cell>
          <cell r="CT1230" t="str">
            <v>平山  諭志</v>
          </cell>
          <cell r="CU1230" t="str">
            <v>下水道課</v>
          </cell>
          <cell r="CW1230">
            <v>3106</v>
          </cell>
          <cell r="CX1230" t="str">
            <v xml:space="preserve"> </v>
          </cell>
          <cell r="CY1230" t="str">
            <v>下水道課長</v>
          </cell>
        </row>
        <row r="1231">
          <cell r="B1231">
            <v>4415</v>
          </cell>
          <cell r="C1231" t="str">
            <v>立建設(株)</v>
          </cell>
          <cell r="D1231" t="str">
            <v>079-297-2130</v>
          </cell>
          <cell r="E1231" t="str">
            <v>670-0971</v>
          </cell>
          <cell r="F1231" t="str">
            <v>兵庫県姫路市西延末269‐6</v>
          </cell>
          <cell r="G1231" t="str">
            <v>姫路市</v>
          </cell>
          <cell r="H1231" t="str">
            <v/>
          </cell>
          <cell r="I1231" t="str">
            <v>代表取締役 井上　浩二</v>
          </cell>
          <cell r="J1231" t="str">
            <v>本店</v>
          </cell>
          <cell r="K1231" t="str">
            <v>079-297-3303</v>
          </cell>
          <cell r="L1231" t="str">
            <v>honteneigyobu2@ryukensetsu.co.jp</v>
          </cell>
          <cell r="M1231" t="str">
            <v>ﾘｭｳｹﾝｾﾂ</v>
          </cell>
          <cell r="N1231" t="str">
            <v>無</v>
          </cell>
          <cell r="O1231">
            <v>62</v>
          </cell>
          <cell r="P1231">
            <v>89</v>
          </cell>
          <cell r="Q1231">
            <v>5140001062310</v>
          </cell>
          <cell r="R1231">
            <v>459296</v>
          </cell>
          <cell r="S1231">
            <v>1626055</v>
          </cell>
          <cell r="T1231">
            <v>7777878</v>
          </cell>
          <cell r="V1231" t="str">
            <v>mj118333</v>
          </cell>
          <cell r="W1231" t="str">
            <v>kd804197</v>
          </cell>
          <cell r="X1231" t="str">
            <v>建大と石屋鋼内解</v>
          </cell>
          <cell r="Y1231" t="str">
            <v/>
          </cell>
          <cell r="Z1231" t="str">
            <v>建大と石屋鋼内解</v>
          </cell>
          <cell r="AA1231" t="str">
            <v>建築一式</v>
          </cell>
          <cell r="AB1231" t="str">
            <v>解体</v>
          </cell>
          <cell r="AC1231" t="str">
            <v>とび土工</v>
          </cell>
          <cell r="AD1231" t="str">
            <v>内装仕上</v>
          </cell>
          <cell r="AE1231">
            <v>43190</v>
          </cell>
          <cell r="AF1231" t="str">
            <v>希望しない</v>
          </cell>
          <cell r="AG1231" t="str">
            <v>建築一式</v>
          </cell>
          <cell r="AH1231" t="str">
            <v>特定</v>
          </cell>
          <cell r="AI1231">
            <v>1172</v>
          </cell>
          <cell r="AJ1231">
            <v>7555628</v>
          </cell>
          <cell r="AK1231" t="str">
            <v>52(46)/7/4</v>
          </cell>
          <cell r="AL1231" t="str">
            <v>解体</v>
          </cell>
          <cell r="AM1231" t="str">
            <v>特定</v>
          </cell>
          <cell r="AN1231">
            <v>876</v>
          </cell>
          <cell r="AO1231">
            <v>12500</v>
          </cell>
          <cell r="AP1231" t="str">
            <v>34(34)/0/0</v>
          </cell>
          <cell r="AQ1231" t="str">
            <v>とび土工</v>
          </cell>
          <cell r="AR1231" t="str">
            <v>特定</v>
          </cell>
          <cell r="AS1231">
            <v>822</v>
          </cell>
          <cell r="AT1231" t="str">
            <v/>
          </cell>
          <cell r="AU1231" t="str">
            <v>34(0)/0/0</v>
          </cell>
          <cell r="AV1231" t="str">
            <v>内装仕上</v>
          </cell>
          <cell r="AW1231" t="str">
            <v>特定</v>
          </cell>
          <cell r="AX1231">
            <v>765</v>
          </cell>
          <cell r="AY1231" t="str">
            <v/>
          </cell>
          <cell r="AZ1231" t="str">
            <v>10(4)/5/0</v>
          </cell>
          <cell r="BA1231" t="str">
            <v>兵庫県</v>
          </cell>
          <cell r="CR1231">
            <v>6991</v>
          </cell>
          <cell r="CS1231" t="str">
            <v>ﾏｴﾀﾞ ﾔｽﾋｺ</v>
          </cell>
          <cell r="CT1231" t="str">
            <v>前田  泰彦</v>
          </cell>
          <cell r="CU1231" t="str">
            <v xml:space="preserve">道路保全課 </v>
          </cell>
          <cell r="CW1231">
            <v>3061</v>
          </cell>
          <cell r="CX1231" t="str">
            <v xml:space="preserve"> </v>
          </cell>
          <cell r="CY1231" t="str">
            <v>道路保全課 長</v>
          </cell>
        </row>
        <row r="1232">
          <cell r="B1232">
            <v>4417</v>
          </cell>
          <cell r="C1232" t="str">
            <v>菱星システム(株)</v>
          </cell>
          <cell r="D1232" t="str">
            <v>06-6411-1560</v>
          </cell>
          <cell r="E1232" t="str">
            <v>660-0856</v>
          </cell>
          <cell r="F1232" t="str">
            <v>兵庫県尼崎市東向島西之町8番地</v>
          </cell>
          <cell r="G1232" t="str">
            <v>尼崎市</v>
          </cell>
          <cell r="H1232" t="str">
            <v/>
          </cell>
          <cell r="I1232" t="str">
            <v>代表取締役 戸ノ本　雅三</v>
          </cell>
          <cell r="J1232" t="str">
            <v>本店</v>
          </cell>
          <cell r="K1232" t="str">
            <v>06-6411-1561</v>
          </cell>
          <cell r="L1232" t="str">
            <v>masayone@mitsubishi-cable.co.jp</v>
          </cell>
          <cell r="M1232" t="str">
            <v>ﾘｮｳｾｲｼｽﾃﾑ</v>
          </cell>
          <cell r="N1232" t="str">
            <v>無</v>
          </cell>
          <cell r="O1232">
            <v>52</v>
          </cell>
          <cell r="P1232">
            <v>218</v>
          </cell>
          <cell r="Q1232">
            <v>3140001053006</v>
          </cell>
          <cell r="R1232">
            <v>100000</v>
          </cell>
          <cell r="S1232">
            <v>1547738</v>
          </cell>
          <cell r="T1232">
            <v>546600</v>
          </cell>
          <cell r="V1232" t="str">
            <v>ek924707</v>
          </cell>
          <cell r="W1232" t="str">
            <v>pr139817</v>
          </cell>
          <cell r="X1232" t="str">
            <v>土電管通</v>
          </cell>
          <cell r="Y1232" t="str">
            <v/>
          </cell>
          <cell r="Z1232" t="str">
            <v>土電管通</v>
          </cell>
          <cell r="AA1232" t="str">
            <v>電気</v>
          </cell>
          <cell r="AB1232" t="str">
            <v>電気通信</v>
          </cell>
          <cell r="AC1232" t="str">
            <v>土木一式</v>
          </cell>
          <cell r="AD1232" t="str">
            <v>管</v>
          </cell>
          <cell r="AE1232">
            <v>43190</v>
          </cell>
          <cell r="AF1232" t="str">
            <v/>
          </cell>
          <cell r="AG1232" t="str">
            <v>電気</v>
          </cell>
          <cell r="AH1232" t="str">
            <v>特定</v>
          </cell>
          <cell r="AI1232">
            <v>1119</v>
          </cell>
          <cell r="AJ1232">
            <v>3200481</v>
          </cell>
          <cell r="AK1232" t="str">
            <v>52(23)/16/1</v>
          </cell>
          <cell r="AL1232" t="str">
            <v>電気通信</v>
          </cell>
          <cell r="AM1232" t="str">
            <v>特定</v>
          </cell>
          <cell r="AN1232">
            <v>904</v>
          </cell>
          <cell r="AO1232">
            <v>1106565</v>
          </cell>
          <cell r="AP1232" t="str">
            <v/>
          </cell>
          <cell r="AQ1232" t="str">
            <v>土木一式</v>
          </cell>
          <cell r="AR1232" t="str">
            <v>特定</v>
          </cell>
          <cell r="AS1232">
            <v>954</v>
          </cell>
          <cell r="AT1232">
            <v>301574</v>
          </cell>
          <cell r="AU1232" t="str">
            <v>19(13)/2/</v>
          </cell>
          <cell r="AV1232" t="str">
            <v>管</v>
          </cell>
          <cell r="AW1232" t="str">
            <v>特定</v>
          </cell>
          <cell r="AX1232">
            <v>696</v>
          </cell>
          <cell r="AY1232" t="str">
            <v/>
          </cell>
          <cell r="AZ1232" t="str">
            <v>1(1)//10</v>
          </cell>
          <cell r="BA1232" t="str">
            <v>兵庫県</v>
          </cell>
          <cell r="CR1232">
            <v>6992</v>
          </cell>
          <cell r="CS1232" t="str">
            <v>ﾓﾄﾏﾂ ﾘﾖｳ</v>
          </cell>
          <cell r="CT1232" t="str">
            <v>元松  亮</v>
          </cell>
          <cell r="CU1232" t="str">
            <v>都市計画課</v>
          </cell>
          <cell r="CW1232">
            <v>3216</v>
          </cell>
          <cell r="CX1232" t="str">
            <v xml:space="preserve"> </v>
          </cell>
          <cell r="CY1232" t="str">
            <v>都市計画課長</v>
          </cell>
        </row>
        <row r="1233">
          <cell r="B1233">
            <v>4418</v>
          </cell>
          <cell r="C1233" t="str">
            <v>菱電エレベータ施設(株)</v>
          </cell>
          <cell r="D1233" t="str">
            <v>06-4797-7370</v>
          </cell>
          <cell r="E1233" t="str">
            <v>530-0003</v>
          </cell>
          <cell r="F1233" t="str">
            <v>大阪府大阪市北区堂島2-2-2</v>
          </cell>
          <cell r="G1233" t="str">
            <v>新宿区市</v>
          </cell>
          <cell r="H1233" t="str">
            <v>大阪支店</v>
          </cell>
          <cell r="I1233" t="str">
            <v>取締役支店長 藤川　正昭</v>
          </cell>
          <cell r="J1233" t="str">
            <v>東京都新宿区市</v>
          </cell>
          <cell r="K1233" t="str">
            <v>06-4797-7371</v>
          </cell>
          <cell r="L1233" t="str">
            <v>akazawaj@resco.co.jp</v>
          </cell>
          <cell r="M1233" t="str">
            <v>ﾘﾖｳﾃﾞﾝｴﾚﾍﾞ-ﾀｼｾﾂ</v>
          </cell>
          <cell r="N1233" t="str">
            <v>有</v>
          </cell>
          <cell r="O1233">
            <v>44</v>
          </cell>
          <cell r="P1233">
            <v>916</v>
          </cell>
          <cell r="Q1233">
            <v>3011100000000</v>
          </cell>
          <cell r="R1233">
            <v>200000</v>
          </cell>
          <cell r="S1233">
            <v>5500378</v>
          </cell>
          <cell r="T1233">
            <v>20177195</v>
          </cell>
          <cell r="V1233" t="str">
            <v>kk321376</v>
          </cell>
          <cell r="W1233" t="str">
            <v>ku877127</v>
          </cell>
          <cell r="X1233" t="str">
            <v>と板塗内通具(と)(機)(通)電機</v>
          </cell>
          <cell r="Y1233" t="str">
            <v>と板塗内通具(と)(機)(通)</v>
          </cell>
          <cell r="Z1233" t="str">
            <v>電機</v>
          </cell>
          <cell r="AA1233" t="str">
            <v>機械器具</v>
          </cell>
          <cell r="AB1233" t="str">
            <v/>
          </cell>
          <cell r="AC1233" t="str">
            <v/>
          </cell>
          <cell r="AD1233" t="str">
            <v/>
          </cell>
          <cell r="AE1233">
            <v>43190</v>
          </cell>
          <cell r="AF1233" t="str">
            <v>希望しない</v>
          </cell>
          <cell r="AG1233" t="str">
            <v>機械器具</v>
          </cell>
          <cell r="AH1233" t="str">
            <v>特定</v>
          </cell>
          <cell r="AI1233">
            <v>1154</v>
          </cell>
          <cell r="AJ1233">
            <v>8116125</v>
          </cell>
          <cell r="AK1233" t="str">
            <v>0(0)/0/386</v>
          </cell>
          <cell r="AL1233" t="str">
            <v/>
          </cell>
          <cell r="AM1233" t="str">
            <v/>
          </cell>
          <cell r="AN1233" t="str">
            <v/>
          </cell>
          <cell r="AO1233" t="str">
            <v/>
          </cell>
          <cell r="AP1233" t="str">
            <v/>
          </cell>
          <cell r="AQ1233" t="str">
            <v/>
          </cell>
          <cell r="AR1233" t="str">
            <v/>
          </cell>
          <cell r="AS1233" t="str">
            <v/>
          </cell>
          <cell r="AT1233" t="str">
            <v/>
          </cell>
          <cell r="AU1233" t="str">
            <v/>
          </cell>
          <cell r="AV1233" t="str">
            <v/>
          </cell>
          <cell r="AW1233" t="str">
            <v/>
          </cell>
          <cell r="AX1233" t="str">
            <v/>
          </cell>
          <cell r="AY1233" t="str">
            <v/>
          </cell>
          <cell r="AZ1233" t="str">
            <v/>
          </cell>
          <cell r="BA1233" t="str">
            <v>東京都</v>
          </cell>
          <cell r="CR1233">
            <v>6993</v>
          </cell>
          <cell r="CS1233" t="str">
            <v>ﾜﾀﾞ ﾋﾛﾉﾌﾞ</v>
          </cell>
          <cell r="CT1233" t="str">
            <v>和田  浩延</v>
          </cell>
          <cell r="CU1233" t="str">
            <v>工務課</v>
          </cell>
          <cell r="CW1233" t="str">
            <v xml:space="preserve"> </v>
          </cell>
          <cell r="CX1233" t="str">
            <v xml:space="preserve"> </v>
          </cell>
          <cell r="CY1233" t="str">
            <v>工務課長</v>
          </cell>
        </row>
        <row r="1234">
          <cell r="B1234">
            <v>4419</v>
          </cell>
          <cell r="C1234" t="str">
            <v>(株)緑創</v>
          </cell>
          <cell r="D1234" t="str">
            <v>078-939-5500</v>
          </cell>
          <cell r="E1234" t="str">
            <v>651-2111</v>
          </cell>
          <cell r="F1234" t="str">
            <v>兵庫県神戸市西区池上3-1-5-804</v>
          </cell>
          <cell r="G1234" t="str">
            <v>神戸市</v>
          </cell>
          <cell r="H1234" t="str">
            <v/>
          </cell>
          <cell r="I1234" t="str">
            <v>代表取締役　 常岡　正樹</v>
          </cell>
          <cell r="J1234" t="str">
            <v>本店</v>
          </cell>
          <cell r="K1234" t="str">
            <v>078-939-4988</v>
          </cell>
          <cell r="L1234" t="str">
            <v>ryokuso2002@ybb.ne.jp</v>
          </cell>
          <cell r="M1234" t="str">
            <v>ﾘﾖｸｿｳ</v>
          </cell>
          <cell r="N1234" t="str">
            <v>無</v>
          </cell>
          <cell r="O1234">
            <v>27</v>
          </cell>
          <cell r="P1234">
            <v>8</v>
          </cell>
          <cell r="Q1234">
            <v>4140000000000</v>
          </cell>
          <cell r="R1234">
            <v>10000</v>
          </cell>
          <cell r="S1234">
            <v>27065</v>
          </cell>
          <cell r="T1234">
            <v>128165</v>
          </cell>
          <cell r="V1234" t="str">
            <v>yj667197</v>
          </cell>
          <cell r="W1234" t="str">
            <v>vf372508</v>
          </cell>
          <cell r="X1234" t="str">
            <v>と板塗内通具(と)(機)(通)電機</v>
          </cell>
          <cell r="Y1234" t="str">
            <v>と板塗内通具(と)(機)(通)</v>
          </cell>
          <cell r="Z1234" t="str">
            <v>電機</v>
          </cell>
          <cell r="AA1234" t="str">
            <v>造園</v>
          </cell>
          <cell r="AB1234" t="str">
            <v>土木一式</v>
          </cell>
          <cell r="AC1234" t="str">
            <v/>
          </cell>
          <cell r="AD1234" t="str">
            <v/>
          </cell>
          <cell r="AE1234">
            <v>43240</v>
          </cell>
          <cell r="AF1234" t="str">
            <v>希望しない</v>
          </cell>
          <cell r="AG1234" t="str">
            <v>造園</v>
          </cell>
          <cell r="AH1234" t="str">
            <v>一般</v>
          </cell>
          <cell r="AI1234">
            <v>751</v>
          </cell>
          <cell r="AJ1234">
            <v>121722</v>
          </cell>
          <cell r="AK1234" t="str">
            <v>3(3)/0/</v>
          </cell>
          <cell r="AL1234" t="str">
            <v>土木一式</v>
          </cell>
          <cell r="AM1234" t="str">
            <v>一般</v>
          </cell>
          <cell r="AN1234">
            <v>618</v>
          </cell>
          <cell r="AO1234">
            <v>6444</v>
          </cell>
          <cell r="AP1234" t="str">
            <v>0(0)/1/0</v>
          </cell>
          <cell r="AQ1234" t="str">
            <v/>
          </cell>
          <cell r="AR1234" t="str">
            <v/>
          </cell>
          <cell r="AS1234" t="str">
            <v/>
          </cell>
          <cell r="AT1234" t="str">
            <v/>
          </cell>
          <cell r="AU1234" t="str">
            <v/>
          </cell>
          <cell r="AV1234" t="str">
            <v/>
          </cell>
          <cell r="AW1234" t="str">
            <v/>
          </cell>
          <cell r="AX1234" t="str">
            <v/>
          </cell>
          <cell r="AY1234" t="str">
            <v/>
          </cell>
          <cell r="AZ1234" t="str">
            <v/>
          </cell>
          <cell r="BA1234" t="str">
            <v>兵庫県</v>
          </cell>
          <cell r="CR1234">
            <v>6994</v>
          </cell>
          <cell r="CS1234" t="str">
            <v>ｷﾑﾗ ｶｽﾞﾏ</v>
          </cell>
          <cell r="CT1234" t="str">
            <v>木村  和真</v>
          </cell>
          <cell r="CU1234" t="str">
            <v>都市デザイン課</v>
          </cell>
          <cell r="CW1234">
            <v>3214</v>
          </cell>
          <cell r="CX1234" t="str">
            <v xml:space="preserve"> </v>
          </cell>
          <cell r="CY1234" t="str">
            <v>都市デザイン課長</v>
          </cell>
        </row>
        <row r="1235">
          <cell r="B1235">
            <v>4420</v>
          </cell>
          <cell r="C1235" t="str">
            <v>りんかい日産建設(株)</v>
          </cell>
          <cell r="D1235" t="str">
            <v>078-599-6418</v>
          </cell>
          <cell r="E1235" t="str">
            <v>650-0024</v>
          </cell>
          <cell r="F1235" t="str">
            <v>兵庫県神戸市中央区海岸通8</v>
          </cell>
          <cell r="G1235" t="str">
            <v/>
          </cell>
          <cell r="H1235" t="str">
            <v>神戸営業所</v>
          </cell>
          <cell r="I1235" t="str">
            <v>所長 森　英明</v>
          </cell>
          <cell r="J1235" t="str">
            <v>東京都</v>
          </cell>
          <cell r="K1235" t="str">
            <v>078-599-6419</v>
          </cell>
          <cell r="L1235" t="str">
            <v>osk-deig@rncc.co.jp</v>
          </cell>
          <cell r="M1235" t="str">
            <v>ﾘﾝｶｲﾆｯｻﾝｹﾝｾﾂ</v>
          </cell>
          <cell r="N1235" t="str">
            <v>有</v>
          </cell>
          <cell r="O1235">
            <v>68</v>
          </cell>
          <cell r="P1235">
            <v>620</v>
          </cell>
          <cell r="Q1235">
            <v>3010401031409</v>
          </cell>
          <cell r="R1235">
            <v>1950000</v>
          </cell>
          <cell r="S1235">
            <v>13474247</v>
          </cell>
          <cell r="T1235">
            <v>57913764</v>
          </cell>
          <cell r="V1235" t="str">
            <v>fs285287</v>
          </cell>
          <cell r="W1235" t="str">
            <v>zw397204</v>
          </cell>
          <cell r="X1235" t="str">
            <v>(清)(建)(大)(と)(石)(屋)(タ)(鋼)(舗)(浚)(防)(内)(水)(解)土建大と石屋電管タ鋼舗浚塗防内園具水解</v>
          </cell>
          <cell r="Y1235" t="str">
            <v>(清)(建)(大)(と)(石)(屋)(タ)(鋼)(舗)(浚)(防)(内)(水)(解)</v>
          </cell>
          <cell r="Z1235" t="str">
            <v>土建大と石屋電管タ鋼舗浚塗防内園具水解</v>
          </cell>
          <cell r="AA1235" t="str">
            <v>土木一式</v>
          </cell>
          <cell r="AB1235" t="str">
            <v>建築一式</v>
          </cell>
          <cell r="AC1235" t="str">
            <v>浚渫</v>
          </cell>
          <cell r="AD1235" t="str">
            <v>水道施設</v>
          </cell>
          <cell r="AE1235" t="str">
            <v>30.3.31</v>
          </cell>
          <cell r="AF1235" t="str">
            <v>希望する</v>
          </cell>
          <cell r="AG1235" t="str">
            <v>土木一式</v>
          </cell>
          <cell r="AH1235" t="str">
            <v>特定</v>
          </cell>
          <cell r="AI1235">
            <v>1620</v>
          </cell>
          <cell r="AJ1235">
            <v>31293806</v>
          </cell>
          <cell r="AK1235" t="str">
            <v>249(218)/12/17</v>
          </cell>
          <cell r="AL1235" t="str">
            <v>建築一式</v>
          </cell>
          <cell r="AM1235" t="str">
            <v>特定</v>
          </cell>
          <cell r="AN1235">
            <v>1563</v>
          </cell>
          <cell r="AO1235">
            <v>24268520</v>
          </cell>
          <cell r="AP1235" t="str">
            <v>139(124)/7/21</v>
          </cell>
          <cell r="AQ1235" t="str">
            <v>浚渫</v>
          </cell>
          <cell r="AR1235" t="str">
            <v>特定</v>
          </cell>
          <cell r="AS1235">
            <v>1400</v>
          </cell>
          <cell r="AT1235">
            <v>2662195</v>
          </cell>
          <cell r="AU1235" t="str">
            <v>189(167)/7/3</v>
          </cell>
          <cell r="AV1235" t="str">
            <v>水道施設</v>
          </cell>
          <cell r="AW1235" t="str">
            <v>特定</v>
          </cell>
          <cell r="AX1235">
            <v>1090</v>
          </cell>
          <cell r="AY1235">
            <v>130197</v>
          </cell>
          <cell r="AZ1235" t="str">
            <v>6(4)/0/0</v>
          </cell>
          <cell r="BA1235" t="str">
            <v>東京都</v>
          </cell>
          <cell r="CR1235">
            <v>6995</v>
          </cell>
          <cell r="CS1235" t="str">
            <v>ﾎﾝｼﾞﾖｳ ﾕｳｷ</v>
          </cell>
          <cell r="CT1235" t="str">
            <v>本條  裕起</v>
          </cell>
          <cell r="CU1235" t="str">
            <v>営繕課</v>
          </cell>
          <cell r="CW1235">
            <v>3306</v>
          </cell>
          <cell r="CX1235" t="str">
            <v xml:space="preserve"> </v>
          </cell>
          <cell r="CY1235" t="str">
            <v>営繕課長</v>
          </cell>
        </row>
        <row r="1236">
          <cell r="B1236">
            <v>4424</v>
          </cell>
          <cell r="C1236" t="str">
            <v>(有)リバーツリー開発</v>
          </cell>
          <cell r="D1236" t="str">
            <v>078-855-2110</v>
          </cell>
          <cell r="E1236" t="str">
            <v>651-0084</v>
          </cell>
          <cell r="F1236" t="str">
            <v>兵庫県神戸市中央区磯辺通四丁目1-8-705</v>
          </cell>
          <cell r="G1236" t="str">
            <v>神戸市</v>
          </cell>
          <cell r="H1236" t="str">
            <v/>
          </cell>
          <cell r="I1236" t="str">
            <v>代表取締役 川木　登紀子</v>
          </cell>
          <cell r="J1236" t="str">
            <v>本店</v>
          </cell>
          <cell r="K1236" t="str">
            <v>078-855-2111</v>
          </cell>
          <cell r="L1236" t="str">
            <v>info@river-tree.jp</v>
          </cell>
          <cell r="M1236" t="str">
            <v>ﾘﾊﾞｰﾂﾘｰｶｲﾊﾂ</v>
          </cell>
          <cell r="N1236" t="str">
            <v>無</v>
          </cell>
          <cell r="O1236">
            <v>18</v>
          </cell>
          <cell r="P1236">
            <v>4</v>
          </cell>
          <cell r="Q1236">
            <v>6140002030059</v>
          </cell>
          <cell r="R1236">
            <v>3000</v>
          </cell>
          <cell r="S1236">
            <v>12570</v>
          </cell>
          <cell r="T1236">
            <v>138803</v>
          </cell>
          <cell r="V1236" t="str">
            <v>rd255552</v>
          </cell>
          <cell r="W1236" t="str">
            <v>zx301816</v>
          </cell>
          <cell r="X1236" t="str">
            <v>土と管舗浚水</v>
          </cell>
          <cell r="Y1236" t="str">
            <v>土と管舗浚水</v>
          </cell>
          <cell r="Z1236" t="str">
            <v/>
          </cell>
          <cell r="AA1236" t="str">
            <v>土木一式</v>
          </cell>
          <cell r="AB1236" t="str">
            <v>浚渫</v>
          </cell>
          <cell r="AC1236" t="str">
            <v/>
          </cell>
          <cell r="AD1236" t="str">
            <v/>
          </cell>
          <cell r="AE1236">
            <v>42947</v>
          </cell>
          <cell r="AF1236" t="str">
            <v>希望する</v>
          </cell>
          <cell r="AG1236" t="str">
            <v>土木一式</v>
          </cell>
          <cell r="AH1236" t="str">
            <v>一般</v>
          </cell>
          <cell r="AI1236">
            <v>769</v>
          </cell>
          <cell r="AJ1236">
            <v>126708</v>
          </cell>
          <cell r="AK1236" t="str">
            <v>3(3)/1/0</v>
          </cell>
          <cell r="AL1236" t="str">
            <v>浚渫</v>
          </cell>
          <cell r="AM1236" t="str">
            <v>一般</v>
          </cell>
          <cell r="AN1236">
            <v>668</v>
          </cell>
          <cell r="AO1236">
            <v>4451</v>
          </cell>
          <cell r="AP1236" t="str">
            <v>3(3)/1/0</v>
          </cell>
          <cell r="AQ1236" t="str">
            <v/>
          </cell>
          <cell r="AR1236" t="str">
            <v/>
          </cell>
          <cell r="AS1236" t="str">
            <v/>
          </cell>
          <cell r="AT1236" t="str">
            <v/>
          </cell>
          <cell r="AU1236" t="str">
            <v/>
          </cell>
          <cell r="AV1236" t="str">
            <v/>
          </cell>
          <cell r="AW1236" t="str">
            <v/>
          </cell>
          <cell r="AX1236" t="str">
            <v/>
          </cell>
          <cell r="AY1236" t="str">
            <v/>
          </cell>
          <cell r="AZ1236" t="str">
            <v/>
          </cell>
          <cell r="BA1236" t="str">
            <v>兵庫県</v>
          </cell>
          <cell r="CR1236">
            <v>6996</v>
          </cell>
          <cell r="CS1236" t="str">
            <v>ﾐﾔｹ ﾀｶｱｷ</v>
          </cell>
          <cell r="CT1236" t="str">
            <v>三宅  貴章</v>
          </cell>
          <cell r="CU1236" t="str">
            <v xml:space="preserve">道路保全課 </v>
          </cell>
          <cell r="CW1236">
            <v>4507</v>
          </cell>
          <cell r="CX1236" t="str">
            <v xml:space="preserve"> </v>
          </cell>
          <cell r="CY1236" t="str">
            <v>道路保全課長</v>
          </cell>
        </row>
        <row r="1237">
          <cell r="B1237">
            <v>4426</v>
          </cell>
          <cell r="C1237" t="str">
            <v>(株)リ・コート</v>
          </cell>
          <cell r="D1237" t="str">
            <v>06-6380-3535</v>
          </cell>
          <cell r="E1237" t="str">
            <v>564-0042</v>
          </cell>
          <cell r="F1237" t="str">
            <v>大阪府吹田市穂波町25‐11</v>
          </cell>
          <cell r="G1237" t="str">
            <v>吹田市</v>
          </cell>
          <cell r="H1237" t="str">
            <v/>
          </cell>
          <cell r="I1237" t="str">
            <v>代表取締役 田中　宏和</v>
          </cell>
          <cell r="J1237" t="str">
            <v>本店</v>
          </cell>
          <cell r="K1237" t="str">
            <v>06-6380-2484</v>
          </cell>
          <cell r="L1237" t="str">
            <v>nyusatsu@re-coat.jp</v>
          </cell>
          <cell r="M1237" t="str">
            <v>ﾘ･ｺｰﾄ</v>
          </cell>
          <cell r="N1237" t="str">
            <v>無</v>
          </cell>
          <cell r="O1237">
            <v>17</v>
          </cell>
          <cell r="P1237">
            <v>7</v>
          </cell>
          <cell r="Q1237">
            <v>3120901016179</v>
          </cell>
          <cell r="R1237">
            <v>24000</v>
          </cell>
          <cell r="S1237">
            <v>40119</v>
          </cell>
          <cell r="T1237">
            <v>409848</v>
          </cell>
          <cell r="V1237" t="str">
            <v>qk160758</v>
          </cell>
          <cell r="W1237" t="str">
            <v>lw184301</v>
          </cell>
          <cell r="X1237" t="str">
            <v>建大と石屋タ鋼鉄板ガ塗防内熱具解</v>
          </cell>
          <cell r="Y1237" t="str">
            <v/>
          </cell>
          <cell r="Z1237" t="str">
            <v>建大と石屋タ鋼鉄板ガ塗防内熱具解</v>
          </cell>
          <cell r="AA1237" t="str">
            <v>防水</v>
          </cell>
          <cell r="AB1237" t="str">
            <v>塗装</v>
          </cell>
          <cell r="AC1237" t="str">
            <v>建築一式</v>
          </cell>
          <cell r="AD1237" t="str">
            <v>タイル</v>
          </cell>
          <cell r="AE1237">
            <v>43008</v>
          </cell>
          <cell r="AF1237" t="str">
            <v>希望しない</v>
          </cell>
          <cell r="AG1237" t="str">
            <v>防水</v>
          </cell>
          <cell r="AH1237" t="str">
            <v>特定</v>
          </cell>
          <cell r="AI1237">
            <v>710</v>
          </cell>
          <cell r="AJ1237">
            <v>67522</v>
          </cell>
          <cell r="AK1237" t="str">
            <v>1(1)/0/0</v>
          </cell>
          <cell r="AL1237" t="str">
            <v>塗装</v>
          </cell>
          <cell r="AM1237" t="str">
            <v>特定</v>
          </cell>
          <cell r="AN1237">
            <v>753</v>
          </cell>
          <cell r="AO1237">
            <v>255830</v>
          </cell>
          <cell r="AP1237" t="str">
            <v>0(0)/0/4</v>
          </cell>
          <cell r="AQ1237" t="str">
            <v>建築一式</v>
          </cell>
          <cell r="AR1237" t="str">
            <v>特定</v>
          </cell>
          <cell r="AS1237">
            <v>693</v>
          </cell>
          <cell r="AT1237">
            <v>44771</v>
          </cell>
          <cell r="AU1237" t="str">
            <v>1(1)/0/0</v>
          </cell>
          <cell r="AV1237" t="str">
            <v>タイル</v>
          </cell>
          <cell r="AW1237" t="str">
            <v>特定</v>
          </cell>
          <cell r="AX1237">
            <v>616</v>
          </cell>
          <cell r="AY1237" t="str">
            <v/>
          </cell>
          <cell r="AZ1237" t="str">
            <v>0(0)/0/0</v>
          </cell>
          <cell r="BA1237" t="str">
            <v>大阪府</v>
          </cell>
          <cell r="CR1237">
            <v>6997</v>
          </cell>
          <cell r="CS1237" t="str">
            <v>ﾔｷﾞﾕｳ ﾀｸﾔ</v>
          </cell>
          <cell r="CT1237" t="str">
            <v>柳生  拓也</v>
          </cell>
          <cell r="CU1237" t="str">
            <v>営繕課</v>
          </cell>
          <cell r="CW1237">
            <v>3330</v>
          </cell>
          <cell r="CX1237" t="str">
            <v xml:space="preserve"> </v>
          </cell>
          <cell r="CY1237" t="str">
            <v>営繕課長</v>
          </cell>
        </row>
        <row r="1238">
          <cell r="B1238">
            <v>4427</v>
          </cell>
          <cell r="C1238" t="str">
            <v>(株)緑花園</v>
          </cell>
          <cell r="D1238" t="str">
            <v>078-904-2339</v>
          </cell>
          <cell r="E1238" t="str">
            <v>651-1412</v>
          </cell>
          <cell r="F1238" t="str">
            <v>兵庫県西宮市山口町下山口3-14-46</v>
          </cell>
          <cell r="G1238" t="str">
            <v>西宮市</v>
          </cell>
          <cell r="H1238" t="str">
            <v/>
          </cell>
          <cell r="I1238" t="str">
            <v>代表取締役 辻　博</v>
          </cell>
          <cell r="J1238" t="str">
            <v>本店</v>
          </cell>
          <cell r="K1238" t="str">
            <v>078-904-2348</v>
          </cell>
          <cell r="L1238" t="str">
            <v>info@ryokkaen.co.jp</v>
          </cell>
          <cell r="M1238" t="str">
            <v>ﾘｮｸｶｴﾝ</v>
          </cell>
          <cell r="N1238" t="str">
            <v>無</v>
          </cell>
          <cell r="O1238">
            <v>47</v>
          </cell>
          <cell r="P1238">
            <v>5</v>
          </cell>
          <cell r="Q1238">
            <v>6140001070808</v>
          </cell>
          <cell r="R1238">
            <v>30000</v>
          </cell>
          <cell r="S1238">
            <v>38544</v>
          </cell>
          <cell r="T1238">
            <v>145304</v>
          </cell>
          <cell r="V1238" t="str">
            <v>fp115911</v>
          </cell>
          <cell r="W1238" t="str">
            <v>fx119631</v>
          </cell>
          <cell r="X1238" t="str">
            <v>土と石園</v>
          </cell>
          <cell r="Y1238" t="str">
            <v/>
          </cell>
          <cell r="Z1238" t="str">
            <v>土と石園</v>
          </cell>
          <cell r="AA1238" t="str">
            <v>造園</v>
          </cell>
          <cell r="AB1238" t="str">
            <v/>
          </cell>
          <cell r="AC1238" t="str">
            <v/>
          </cell>
          <cell r="AD1238" t="str">
            <v/>
          </cell>
          <cell r="AE1238">
            <v>43434</v>
          </cell>
          <cell r="AF1238" t="str">
            <v/>
          </cell>
          <cell r="AG1238" t="str">
            <v>造園</v>
          </cell>
          <cell r="AH1238" t="str">
            <v>特定</v>
          </cell>
          <cell r="AI1238">
            <v>847</v>
          </cell>
          <cell r="AJ1238">
            <v>131216</v>
          </cell>
          <cell r="AK1238" t="str">
            <v>4(3)/0/0</v>
          </cell>
          <cell r="AL1238" t="str">
            <v/>
          </cell>
          <cell r="AM1238" t="str">
            <v/>
          </cell>
          <cell r="AN1238" t="str">
            <v/>
          </cell>
          <cell r="AO1238" t="str">
            <v/>
          </cell>
          <cell r="AP1238" t="str">
            <v/>
          </cell>
          <cell r="AQ1238" t="str">
            <v/>
          </cell>
          <cell r="AR1238" t="str">
            <v/>
          </cell>
          <cell r="AS1238" t="str">
            <v/>
          </cell>
          <cell r="AT1238" t="str">
            <v/>
          </cell>
          <cell r="AU1238" t="str">
            <v/>
          </cell>
          <cell r="AV1238" t="str">
            <v/>
          </cell>
          <cell r="AW1238" t="str">
            <v/>
          </cell>
          <cell r="AX1238" t="str">
            <v/>
          </cell>
          <cell r="AY1238" t="str">
            <v/>
          </cell>
          <cell r="AZ1238" t="str">
            <v/>
          </cell>
          <cell r="BA1238" t="str">
            <v>兵庫県</v>
          </cell>
        </row>
        <row r="1239">
          <cell r="B1239">
            <v>4453</v>
          </cell>
          <cell r="C1239" t="str">
            <v>ローレル(株)</v>
          </cell>
          <cell r="D1239" t="str">
            <v>06-6696-7675</v>
          </cell>
          <cell r="E1239" t="str">
            <v>558-0003</v>
          </cell>
          <cell r="F1239" t="str">
            <v>大阪府大阪市住吉区長居2-5-11</v>
          </cell>
          <cell r="G1239" t="str">
            <v>岩出市</v>
          </cell>
          <cell r="H1239" t="str">
            <v>大阪本社</v>
          </cell>
          <cell r="I1239" t="str">
            <v>代表者 牧野　哲也</v>
          </cell>
          <cell r="J1239" t="str">
            <v>和歌山県岩出市</v>
          </cell>
          <cell r="K1239" t="str">
            <v>06-6696-7676</v>
          </cell>
          <cell r="L1239" t="str">
            <v>wakayama@laurel-h2o.co.jp</v>
          </cell>
          <cell r="M1239" t="str">
            <v>ﾛｰﾚﾙ</v>
          </cell>
          <cell r="N1239" t="str">
            <v>有</v>
          </cell>
          <cell r="O1239">
            <v>53</v>
          </cell>
          <cell r="P1239">
            <v>35</v>
          </cell>
          <cell r="Q1239">
            <v>4170001003584</v>
          </cell>
          <cell r="R1239">
            <v>10000</v>
          </cell>
          <cell r="S1239">
            <v>217774</v>
          </cell>
          <cell r="T1239">
            <v>641154</v>
          </cell>
          <cell r="V1239" t="str">
            <v>cq129494</v>
          </cell>
          <cell r="W1239" t="str">
            <v>jm894223</v>
          </cell>
          <cell r="X1239" t="str">
            <v>土電管機水(電)(管)(機)</v>
          </cell>
          <cell r="Y1239" t="str">
            <v>土電管機水(電)(管)(機)</v>
          </cell>
          <cell r="Z1239" t="str">
            <v/>
          </cell>
          <cell r="AA1239" t="str">
            <v>機械器具</v>
          </cell>
          <cell r="AB1239" t="str">
            <v>管</v>
          </cell>
          <cell r="AC1239" t="str">
            <v/>
          </cell>
          <cell r="AD1239" t="str">
            <v/>
          </cell>
          <cell r="AE1239">
            <v>43039</v>
          </cell>
          <cell r="AF1239" t="str">
            <v>希望しない</v>
          </cell>
          <cell r="AG1239" t="str">
            <v>機械器具</v>
          </cell>
          <cell r="AH1239" t="str">
            <v>一般</v>
          </cell>
          <cell r="AI1239">
            <v>775</v>
          </cell>
          <cell r="AJ1239">
            <v>344976</v>
          </cell>
          <cell r="AK1239" t="str">
            <v>0(0)/0/11</v>
          </cell>
          <cell r="AL1239" t="str">
            <v>管</v>
          </cell>
          <cell r="AM1239" t="str">
            <v>一般</v>
          </cell>
          <cell r="AN1239">
            <v>747</v>
          </cell>
          <cell r="AO1239">
            <v>165771</v>
          </cell>
          <cell r="AP1239" t="str">
            <v>0(0)/5/1</v>
          </cell>
          <cell r="AQ1239" t="str">
            <v/>
          </cell>
          <cell r="AR1239" t="str">
            <v/>
          </cell>
          <cell r="AS1239" t="str">
            <v/>
          </cell>
          <cell r="AT1239" t="str">
            <v/>
          </cell>
          <cell r="AU1239" t="str">
            <v/>
          </cell>
          <cell r="AV1239" t="str">
            <v/>
          </cell>
          <cell r="AW1239" t="str">
            <v/>
          </cell>
          <cell r="AX1239" t="str">
            <v/>
          </cell>
          <cell r="AY1239" t="str">
            <v/>
          </cell>
          <cell r="AZ1239" t="str">
            <v/>
          </cell>
          <cell r="BA1239" t="str">
            <v>和歌山県</v>
          </cell>
          <cell r="CR1239">
            <v>6998</v>
          </cell>
          <cell r="CS1239" t="str">
            <v>ﾂﾀﾞ ﾏｺﾄ</v>
          </cell>
          <cell r="CT1239" t="str">
            <v>津田  誠</v>
          </cell>
          <cell r="CU1239" t="str">
            <v>農業政策課</v>
          </cell>
          <cell r="CW1239">
            <v>2911</v>
          </cell>
          <cell r="CX1239" t="str">
            <v xml:space="preserve"> </v>
          </cell>
          <cell r="CY1239" t="str">
            <v>農業政策課長</v>
          </cell>
        </row>
        <row r="1240">
          <cell r="B1240">
            <v>4456</v>
          </cell>
          <cell r="C1240" t="str">
            <v>ローデックス(株)</v>
          </cell>
          <cell r="D1240" t="str">
            <v>0790-34-1260</v>
          </cell>
          <cell r="E1240" t="str">
            <v>679-3121</v>
          </cell>
          <cell r="F1240" t="str">
            <v>兵庫県神崎郡神河町上岩188-1</v>
          </cell>
          <cell r="G1240" t="str">
            <v>神崎郡</v>
          </cell>
          <cell r="H1240" t="str">
            <v/>
          </cell>
          <cell r="I1240" t="str">
            <v>代表取締役 田中　積</v>
          </cell>
          <cell r="J1240" t="str">
            <v>本店</v>
          </cell>
          <cell r="K1240" t="str">
            <v>0790-34-0880</v>
          </cell>
          <cell r="L1240" t="str">
            <v>info@roadex.co.jp</v>
          </cell>
          <cell r="M1240" t="str">
            <v>ﾛｰﾃﾞｯｸｽ</v>
          </cell>
          <cell r="N1240" t="str">
            <v>無</v>
          </cell>
          <cell r="O1240">
            <v>20</v>
          </cell>
          <cell r="P1240">
            <v>24</v>
          </cell>
          <cell r="Q1240">
            <v>8140001065236</v>
          </cell>
          <cell r="R1240">
            <v>10000</v>
          </cell>
          <cell r="S1240">
            <v>80010</v>
          </cell>
          <cell r="T1240">
            <v>946844</v>
          </cell>
          <cell r="V1240" t="str">
            <v>bk919094</v>
          </cell>
          <cell r="W1240" t="str">
            <v>se908401</v>
          </cell>
          <cell r="X1240" t="str">
            <v>土建と鋼舗塗園</v>
          </cell>
          <cell r="Y1240" t="str">
            <v>土建と鋼舗塗園</v>
          </cell>
          <cell r="Z1240" t="str">
            <v/>
          </cell>
          <cell r="AA1240" t="str">
            <v>とび土工</v>
          </cell>
          <cell r="AB1240" t="str">
            <v>塗装</v>
          </cell>
          <cell r="AC1240" t="str">
            <v>土木一式</v>
          </cell>
          <cell r="AD1240" t="str">
            <v>舗装</v>
          </cell>
          <cell r="AE1240">
            <v>43159</v>
          </cell>
          <cell r="AF1240" t="str">
            <v>希望しない</v>
          </cell>
          <cell r="AG1240" t="str">
            <v>とび土工</v>
          </cell>
          <cell r="AH1240" t="str">
            <v>一般</v>
          </cell>
          <cell r="AI1240">
            <v>754</v>
          </cell>
          <cell r="AJ1240">
            <v>453919</v>
          </cell>
          <cell r="AK1240" t="str">
            <v>2(2)/1/0</v>
          </cell>
          <cell r="AL1240" t="str">
            <v>塗装</v>
          </cell>
          <cell r="AM1240" t="str">
            <v>一般</v>
          </cell>
          <cell r="AN1240">
            <v>698</v>
          </cell>
          <cell r="AO1240">
            <v>160098</v>
          </cell>
          <cell r="AP1240" t="str">
            <v>0(0)/5/0</v>
          </cell>
          <cell r="AQ1240" t="str">
            <v>土木一式</v>
          </cell>
          <cell r="AR1240" t="str">
            <v>一般</v>
          </cell>
          <cell r="AS1240">
            <v>712</v>
          </cell>
          <cell r="AT1240">
            <v>149473</v>
          </cell>
          <cell r="AU1240" t="str">
            <v>2(2)/2/1</v>
          </cell>
          <cell r="AV1240" t="str">
            <v>舗装</v>
          </cell>
          <cell r="AW1240" t="str">
            <v>一般</v>
          </cell>
          <cell r="AX1240">
            <v>678</v>
          </cell>
          <cell r="AY1240">
            <v>120599</v>
          </cell>
          <cell r="AZ1240" t="str">
            <v>1(1)/1/0</v>
          </cell>
          <cell r="BA1240" t="str">
            <v>兵庫県</v>
          </cell>
          <cell r="CR1240">
            <v>6999</v>
          </cell>
          <cell r="CS1240" t="str">
            <v>ﾖｺﾔﾏ ﾕｳﾀ</v>
          </cell>
          <cell r="CT1240" t="str">
            <v>横山  祐太</v>
          </cell>
          <cell r="CU1240" t="str">
            <v>公園課</v>
          </cell>
          <cell r="CW1240">
            <v>4509</v>
          </cell>
          <cell r="CX1240" t="str">
            <v xml:space="preserve"> </v>
          </cell>
          <cell r="CY1240" t="str">
            <v>道路保全課長</v>
          </cell>
        </row>
        <row r="1241">
          <cell r="B1241">
            <v>4457</v>
          </cell>
          <cell r="C1241" t="str">
            <v>ロードテック(株)</v>
          </cell>
          <cell r="D1241" t="str">
            <v>0797-72-3270</v>
          </cell>
          <cell r="E1241" t="str">
            <v>665-0033</v>
          </cell>
          <cell r="F1241" t="str">
            <v>兵庫県宝塚市伊孑志2-3-10</v>
          </cell>
          <cell r="G1241" t="str">
            <v>姫路市</v>
          </cell>
          <cell r="H1241" t="str">
            <v>宝塚営業所</v>
          </cell>
          <cell r="I1241" t="str">
            <v>所長 圓井　洋介</v>
          </cell>
          <cell r="J1241" t="str">
            <v>兵庫県姫路市</v>
          </cell>
          <cell r="K1241" t="str">
            <v>0797-72-3271</v>
          </cell>
          <cell r="L1241" t="str">
            <v>info@roadtech.co.jp</v>
          </cell>
          <cell r="M1241" t="str">
            <v>ﾛｰﾄﾞﾃｯｸ</v>
          </cell>
          <cell r="N1241" t="str">
            <v>有</v>
          </cell>
          <cell r="O1241">
            <v>40</v>
          </cell>
          <cell r="P1241">
            <v>15</v>
          </cell>
          <cell r="Q1241">
            <v>8140001062349</v>
          </cell>
          <cell r="R1241">
            <v>10000</v>
          </cell>
          <cell r="S1241">
            <v>248187</v>
          </cell>
          <cell r="T1241">
            <v>399105</v>
          </cell>
          <cell r="V1241" t="str">
            <v>za627693</v>
          </cell>
          <cell r="W1241" t="str">
            <v>rb259937</v>
          </cell>
          <cell r="X1241" t="str">
            <v>土と鋼塗(清)(と)(鋼)(塗)</v>
          </cell>
          <cell r="Y1241" t="str">
            <v>土と鋼塗(清)(と)(鋼)(塗)</v>
          </cell>
          <cell r="Z1241" t="str">
            <v/>
          </cell>
          <cell r="AA1241" t="str">
            <v>塗装</v>
          </cell>
          <cell r="AB1241" t="str">
            <v>とび土工</v>
          </cell>
          <cell r="AC1241" t="str">
            <v>土木一式</v>
          </cell>
          <cell r="AD1241" t="str">
            <v>鋼構造物</v>
          </cell>
          <cell r="AE1241">
            <v>43059</v>
          </cell>
          <cell r="AF1241" t="str">
            <v/>
          </cell>
          <cell r="AG1241" t="str">
            <v>塗装</v>
          </cell>
          <cell r="AH1241" t="str">
            <v>一般</v>
          </cell>
          <cell r="AI1241">
            <v>897</v>
          </cell>
          <cell r="AJ1241">
            <v>154560</v>
          </cell>
          <cell r="AK1241" t="str">
            <v>6(4)/3/2</v>
          </cell>
          <cell r="AL1241" t="str">
            <v>とび土工</v>
          </cell>
          <cell r="AM1241" t="str">
            <v>一般</v>
          </cell>
          <cell r="AN1241">
            <v>898</v>
          </cell>
          <cell r="AO1241">
            <v>177007</v>
          </cell>
          <cell r="AP1241" t="str">
            <v>6(4)/2/1</v>
          </cell>
          <cell r="AQ1241" t="str">
            <v>土木一式</v>
          </cell>
          <cell r="AR1241" t="str">
            <v>一般</v>
          </cell>
          <cell r="AS1241">
            <v>782</v>
          </cell>
          <cell r="AT1241">
            <v>37825</v>
          </cell>
          <cell r="AU1241" t="str">
            <v>0(0)/1/0</v>
          </cell>
          <cell r="AV1241" t="str">
            <v>鋼構造物</v>
          </cell>
          <cell r="AW1241" t="str">
            <v>一般</v>
          </cell>
          <cell r="AX1241">
            <v>773</v>
          </cell>
          <cell r="AY1241">
            <v>30978</v>
          </cell>
          <cell r="AZ1241" t="str">
            <v>0(0)/0/0</v>
          </cell>
          <cell r="BA1241" t="str">
            <v>兵庫県</v>
          </cell>
          <cell r="CR1241">
            <v>7000</v>
          </cell>
          <cell r="CS1241" t="str">
            <v>ｲﾜﾄ ﾕｷﾉ</v>
          </cell>
          <cell r="CT1241" t="str">
            <v>岩戸  由紀乃</v>
          </cell>
          <cell r="CU1241" t="str">
            <v>健康政策課</v>
          </cell>
          <cell r="CW1241">
            <v>2989</v>
          </cell>
          <cell r="CX1241" t="str">
            <v xml:space="preserve"> </v>
          </cell>
          <cell r="CY1241" t="str">
            <v>健康政策課長</v>
          </cell>
        </row>
        <row r="1242">
          <cell r="B1242">
            <v>4462</v>
          </cell>
          <cell r="C1242" t="str">
            <v>若築建設(株)</v>
          </cell>
          <cell r="D1242" t="str">
            <v>06-6261-6736</v>
          </cell>
          <cell r="E1242" t="str">
            <v>541-0056</v>
          </cell>
          <cell r="F1242" t="str">
            <v>大阪府大阪市中央区久太郎町2-2-8</v>
          </cell>
          <cell r="G1242" t="str">
            <v/>
          </cell>
          <cell r="H1242" t="str">
            <v>大阪支店</v>
          </cell>
          <cell r="I1242" t="str">
            <v>執行役員支店長 宮坂　豊光</v>
          </cell>
          <cell r="J1242" t="str">
            <v>東京都</v>
          </cell>
          <cell r="K1242" t="str">
            <v>06-6261-6587</v>
          </cell>
          <cell r="L1242" t="str">
            <v>eigyou01-os@wakachiku.co.jp</v>
          </cell>
          <cell r="M1242" t="str">
            <v>ﾜｶﾁｸｹﾝｾﾂ</v>
          </cell>
          <cell r="N1242" t="str">
            <v>有</v>
          </cell>
          <cell r="O1242">
            <v>67</v>
          </cell>
          <cell r="P1242">
            <v>676</v>
          </cell>
          <cell r="Q1242">
            <v>6290801012011</v>
          </cell>
          <cell r="R1242">
            <v>11374533</v>
          </cell>
          <cell r="S1242">
            <v>25740399</v>
          </cell>
          <cell r="T1242">
            <v>92467000</v>
          </cell>
          <cell r="V1242" t="str">
            <v>uy438490</v>
          </cell>
          <cell r="W1242" t="str">
            <v>vs941321</v>
          </cell>
          <cell r="X1242" t="str">
            <v>(清)(建)(大)(左)(と)(石)(屋)(タ)(鋼)(鉄)(舗)(浚)(板)(ガ)(塗)(防)(内)(熱)(具)(水)(解)土建大と石屋電管タ鋼鉄舗浚板ガ塗防内熱園具水解(清)(建)(大)(左)(と)(石)(屋)(タ)(鋼)(鉄)(舗)(浚)(板)(ガ)(塗)(防)(内)(熱)(具)(水)(解)</v>
          </cell>
          <cell r="Y1242" t="str">
            <v>(清)(建)(大)(左)(と)(石)(屋)(タ)(鋼)(鉄)(舗)(浚)(板)(ガ)(塗)(防)(内)(熱)(具)(水)(解)</v>
          </cell>
          <cell r="Z1242" t="str">
            <v>土建大と石屋電管タ鋼鉄舗浚板ガ塗防内熱園具水解(清)(建)(大)(左)(と)(石)(屋)(タ)(鋼)(鉄)(舗)(浚)(板)(ガ)(塗)(防)(内)(熱)(具)(水)(解)</v>
          </cell>
          <cell r="AA1242" t="str">
            <v>土木一式</v>
          </cell>
          <cell r="AB1242" t="str">
            <v>建築一式</v>
          </cell>
          <cell r="AC1242" t="str">
            <v>水道施設</v>
          </cell>
          <cell r="AD1242" t="str">
            <v>浚渫</v>
          </cell>
          <cell r="AE1242">
            <v>43190</v>
          </cell>
          <cell r="AF1242" t="str">
            <v/>
          </cell>
          <cell r="AG1242" t="str">
            <v>土木一式</v>
          </cell>
          <cell r="AH1242" t="str">
            <v>特定</v>
          </cell>
          <cell r="AI1242">
            <v>1703</v>
          </cell>
          <cell r="AJ1242">
            <v>55008265</v>
          </cell>
          <cell r="AK1242" t="str">
            <v>392(356)/0/0</v>
          </cell>
          <cell r="AL1242" t="str">
            <v>建築一式</v>
          </cell>
          <cell r="AM1242" t="str">
            <v>特定</v>
          </cell>
          <cell r="AN1242">
            <v>1535</v>
          </cell>
          <cell r="AO1242">
            <v>18624796</v>
          </cell>
          <cell r="AP1242" t="str">
            <v>149(141)/4/0</v>
          </cell>
          <cell r="AQ1242" t="str">
            <v>水道施設</v>
          </cell>
          <cell r="AR1242" t="str">
            <v>特定</v>
          </cell>
          <cell r="AS1242">
            <v>1221</v>
          </cell>
          <cell r="AT1242">
            <v>327564</v>
          </cell>
          <cell r="AU1242" t="str">
            <v>43(39)/0/0</v>
          </cell>
          <cell r="AV1242" t="str">
            <v>浚渫</v>
          </cell>
          <cell r="AW1242" t="str">
            <v>特定</v>
          </cell>
          <cell r="AX1242">
            <v>1449</v>
          </cell>
          <cell r="AY1242">
            <v>3795329</v>
          </cell>
          <cell r="AZ1242" t="str">
            <v>367(330)/0/0</v>
          </cell>
          <cell r="BA1242" t="str">
            <v>東京都</v>
          </cell>
          <cell r="CR1242">
            <v>7001</v>
          </cell>
          <cell r="CS1242" t="str">
            <v>ｶﾅﾓﾘ ｱｲ</v>
          </cell>
          <cell r="CT1242" t="str">
            <v>金森  歩衣</v>
          </cell>
          <cell r="CU1242" t="str">
            <v>健康政策課</v>
          </cell>
          <cell r="CW1242">
            <v>2801</v>
          </cell>
          <cell r="CX1242" t="str">
            <v xml:space="preserve"> </v>
          </cell>
          <cell r="CY1242" t="str">
            <v>健康政策課長</v>
          </cell>
        </row>
        <row r="1243">
          <cell r="B1243">
            <v>4463</v>
          </cell>
          <cell r="C1243" t="str">
            <v>若林設備工業(株)</v>
          </cell>
          <cell r="D1243" t="str">
            <v>06-6266-1631</v>
          </cell>
          <cell r="E1243" t="str">
            <v>541-0054</v>
          </cell>
          <cell r="F1243" t="str">
            <v>大阪府大阪市中央区南本町2-4-15</v>
          </cell>
          <cell r="G1243" t="str">
            <v>大阪市</v>
          </cell>
          <cell r="H1243" t="str">
            <v/>
          </cell>
          <cell r="I1243" t="str">
            <v>代表取締役 若林　豊</v>
          </cell>
          <cell r="J1243" t="str">
            <v>本店</v>
          </cell>
          <cell r="K1243" t="str">
            <v>06-6266-1635</v>
          </cell>
          <cell r="L1243" t="str">
            <v>osaka-info@wakabayashi-inc.co.jp</v>
          </cell>
          <cell r="M1243" t="str">
            <v>ﾜｶﾊﾞﾔｼｾﾂﾋﾞｺｳｷﾞｮｳ</v>
          </cell>
          <cell r="N1243" t="str">
            <v>無</v>
          </cell>
          <cell r="O1243">
            <v>63</v>
          </cell>
          <cell r="P1243">
            <v>45</v>
          </cell>
          <cell r="Q1243">
            <v>6120001092597</v>
          </cell>
          <cell r="R1243">
            <v>96199</v>
          </cell>
          <cell r="S1243">
            <v>1226372</v>
          </cell>
          <cell r="T1243">
            <v>3033131</v>
          </cell>
          <cell r="V1243" t="str">
            <v>zx987860</v>
          </cell>
          <cell r="W1243" t="str">
            <v>mt412209</v>
          </cell>
          <cell r="X1243" t="str">
            <v>井消土管機水</v>
          </cell>
          <cell r="Y1243" t="str">
            <v>井消</v>
          </cell>
          <cell r="Z1243" t="str">
            <v>土管機水</v>
          </cell>
          <cell r="AA1243" t="str">
            <v>管</v>
          </cell>
          <cell r="AB1243" t="str">
            <v>機械器具</v>
          </cell>
          <cell r="AC1243" t="str">
            <v>水道施設</v>
          </cell>
          <cell r="AD1243" t="str">
            <v>土木一式</v>
          </cell>
          <cell r="AE1243">
            <v>43332</v>
          </cell>
          <cell r="AF1243" t="str">
            <v>希望しない</v>
          </cell>
          <cell r="AG1243" t="str">
            <v>管</v>
          </cell>
          <cell r="AH1243" t="str">
            <v>特定</v>
          </cell>
          <cell r="AI1243">
            <v>1133</v>
          </cell>
          <cell r="AJ1243">
            <v>3404899</v>
          </cell>
          <cell r="AK1243" t="str">
            <v>33(33)/3/7</v>
          </cell>
          <cell r="AL1243" t="str">
            <v>機械器具</v>
          </cell>
          <cell r="AM1243" t="str">
            <v>特定</v>
          </cell>
          <cell r="AN1243">
            <v>821</v>
          </cell>
          <cell r="AO1243">
            <v>22082</v>
          </cell>
          <cell r="AP1243" t="str">
            <v>0(0)/0/13</v>
          </cell>
          <cell r="AQ1243" t="str">
            <v>水道施設</v>
          </cell>
          <cell r="AR1243" t="str">
            <v>特定</v>
          </cell>
          <cell r="AS1243">
            <v>728</v>
          </cell>
          <cell r="AT1243">
            <v>140</v>
          </cell>
          <cell r="AU1243" t="str">
            <v>0(0)/1/0</v>
          </cell>
          <cell r="AV1243" t="str">
            <v>土木一式</v>
          </cell>
          <cell r="AW1243" t="str">
            <v>特定</v>
          </cell>
          <cell r="AX1243">
            <v>835</v>
          </cell>
          <cell r="AY1243">
            <v>5738</v>
          </cell>
          <cell r="AZ1243" t="str">
            <v>6(6)/1/9</v>
          </cell>
          <cell r="BA1243" t="str">
            <v>大阪府</v>
          </cell>
          <cell r="CR1243">
            <v>7002</v>
          </cell>
          <cell r="CS1243" t="str">
            <v>ｲｼﾊﾗ ﾉﾌﾞｴ</v>
          </cell>
          <cell r="CT1243" t="str">
            <v>石原  宣枝</v>
          </cell>
          <cell r="CU1243" t="str">
            <v>保育課</v>
          </cell>
          <cell r="CW1243" t="str">
            <v xml:space="preserve"> </v>
          </cell>
          <cell r="CX1243" t="str">
            <v xml:space="preserve"> </v>
          </cell>
          <cell r="CY1243" t="str">
            <v>保育課長</v>
          </cell>
        </row>
        <row r="1244">
          <cell r="B1244">
            <v>4467</v>
          </cell>
          <cell r="C1244" t="str">
            <v>和田精工(株)</v>
          </cell>
          <cell r="D1244" t="str">
            <v>06-6497-4603</v>
          </cell>
          <cell r="E1244" t="str">
            <v>661-0965</v>
          </cell>
          <cell r="F1244" t="str">
            <v>兵庫県尼崎市次屋3-6-60</v>
          </cell>
          <cell r="G1244" t="str">
            <v>尼崎市</v>
          </cell>
          <cell r="H1244" t="str">
            <v/>
          </cell>
          <cell r="I1244" t="str">
            <v>代表取締役 和田　正明</v>
          </cell>
          <cell r="J1244" t="str">
            <v>本店</v>
          </cell>
          <cell r="K1244" t="str">
            <v>06-6497-4606</v>
          </cell>
          <cell r="L1244" t="str">
            <v>wadaseiko1@carrot.ocn.ne.jp</v>
          </cell>
          <cell r="M1244" t="str">
            <v>ﾜﾀﾞｾｲｺｳ</v>
          </cell>
          <cell r="N1244" t="str">
            <v>無</v>
          </cell>
          <cell r="O1244">
            <v>30</v>
          </cell>
          <cell r="P1244">
            <v>36</v>
          </cell>
          <cell r="Q1244">
            <v>9140001051920</v>
          </cell>
          <cell r="R1244">
            <v>10000</v>
          </cell>
          <cell r="S1244">
            <v>54067</v>
          </cell>
          <cell r="T1244">
            <v>374040</v>
          </cell>
          <cell r="V1244" t="str">
            <v>mp896624</v>
          </cell>
          <cell r="W1244" t="str">
            <v>vt590260</v>
          </cell>
          <cell r="X1244" t="str">
            <v>管機</v>
          </cell>
          <cell r="Y1244" t="str">
            <v>管機</v>
          </cell>
          <cell r="Z1244" t="str">
            <v/>
          </cell>
          <cell r="AA1244" t="str">
            <v>機械器具</v>
          </cell>
          <cell r="AB1244" t="str">
            <v>管</v>
          </cell>
          <cell r="AC1244" t="str">
            <v/>
          </cell>
          <cell r="AD1244" t="str">
            <v/>
          </cell>
          <cell r="AE1244">
            <v>43190</v>
          </cell>
          <cell r="AF1244" t="str">
            <v>希望しない</v>
          </cell>
          <cell r="AG1244" t="str">
            <v>機械器具</v>
          </cell>
          <cell r="AH1244" t="str">
            <v>一般</v>
          </cell>
          <cell r="AI1244">
            <v>675</v>
          </cell>
          <cell r="AJ1244">
            <v>160287</v>
          </cell>
          <cell r="AK1244" t="str">
            <v>0(0)/0/6</v>
          </cell>
          <cell r="AL1244" t="str">
            <v>管</v>
          </cell>
          <cell r="AM1244" t="str">
            <v>一般</v>
          </cell>
          <cell r="AN1244">
            <v>634</v>
          </cell>
          <cell r="AO1244">
            <v>49846</v>
          </cell>
          <cell r="AP1244" t="str">
            <v>0(0)/1/2</v>
          </cell>
          <cell r="AQ1244" t="str">
            <v/>
          </cell>
          <cell r="AR1244" t="str">
            <v/>
          </cell>
          <cell r="AS1244" t="str">
            <v/>
          </cell>
          <cell r="AT1244" t="str">
            <v/>
          </cell>
          <cell r="AU1244" t="str">
            <v/>
          </cell>
          <cell r="AV1244" t="str">
            <v/>
          </cell>
          <cell r="AW1244" t="str">
            <v/>
          </cell>
          <cell r="AX1244" t="str">
            <v/>
          </cell>
          <cell r="AY1244" t="str">
            <v/>
          </cell>
          <cell r="AZ1244" t="str">
            <v/>
          </cell>
          <cell r="BA1244" t="str">
            <v>兵庫県</v>
          </cell>
          <cell r="CR1244">
            <v>7003</v>
          </cell>
          <cell r="CS1244" t="str">
            <v>ｵﾁ ﾏﾕｺ</v>
          </cell>
          <cell r="CT1244" t="str">
            <v>越智　麻祐子</v>
          </cell>
          <cell r="CU1244" t="str">
            <v>こども福祉課</v>
          </cell>
          <cell r="CW1244" t="str">
            <v xml:space="preserve"> </v>
          </cell>
          <cell r="CX1244" t="str">
            <v xml:space="preserve"> </v>
          </cell>
          <cell r="CY1244" t="str">
            <v>こども福祉課長</v>
          </cell>
        </row>
        <row r="1245">
          <cell r="B1245">
            <v>4468</v>
          </cell>
          <cell r="C1245" t="str">
            <v>ワタナベ忠電(株)</v>
          </cell>
          <cell r="D1245" t="str">
            <v>0798-35-0660</v>
          </cell>
          <cell r="E1245" t="str">
            <v>662-0947</v>
          </cell>
          <cell r="F1245" t="str">
            <v>兵庫県西宮市宮前町6-12</v>
          </cell>
          <cell r="G1245" t="str">
            <v>西宮市</v>
          </cell>
          <cell r="H1245" t="str">
            <v/>
          </cell>
          <cell r="I1245" t="str">
            <v>代表取締役 渡辺　真一</v>
          </cell>
          <cell r="J1245" t="str">
            <v>本店</v>
          </cell>
          <cell r="K1245" t="str">
            <v>0798-35-8925</v>
          </cell>
          <cell r="L1245" t="str">
            <v>jyun@w-chuden.com</v>
          </cell>
          <cell r="M1245" t="str">
            <v>ﾜﾀﾅﾍﾞﾁｭｳﾃﾞﾝ</v>
          </cell>
          <cell r="N1245" t="str">
            <v>無</v>
          </cell>
          <cell r="O1245">
            <v>41</v>
          </cell>
          <cell r="P1245">
            <v>37</v>
          </cell>
          <cell r="Q1245">
            <v>5140001070767</v>
          </cell>
          <cell r="R1245">
            <v>60000</v>
          </cell>
          <cell r="S1245">
            <v>384690</v>
          </cell>
          <cell r="T1245">
            <v>691305</v>
          </cell>
          <cell r="V1245" t="str">
            <v>dt984678</v>
          </cell>
          <cell r="W1245" t="str">
            <v>bk919094</v>
          </cell>
          <cell r="X1245" t="str">
            <v>土と石電鋼舗浚水解</v>
          </cell>
          <cell r="Y1245" t="str">
            <v/>
          </cell>
          <cell r="Z1245" t="str">
            <v>土と石電鋼舗浚水解</v>
          </cell>
          <cell r="AA1245" t="str">
            <v>電気</v>
          </cell>
          <cell r="AB1245" t="str">
            <v>土木一式</v>
          </cell>
          <cell r="AC1245" t="str">
            <v>とび土工</v>
          </cell>
          <cell r="AD1245" t="str">
            <v>舗装</v>
          </cell>
          <cell r="AE1245">
            <v>43301</v>
          </cell>
          <cell r="AF1245" t="str">
            <v/>
          </cell>
          <cell r="AG1245" t="str">
            <v>電気</v>
          </cell>
          <cell r="AH1245" t="str">
            <v>特定</v>
          </cell>
          <cell r="AI1245">
            <v>923</v>
          </cell>
          <cell r="AJ1245">
            <v>464905</v>
          </cell>
          <cell r="AK1245" t="str">
            <v>5(4)/2/3</v>
          </cell>
          <cell r="AL1245" t="str">
            <v>土木一式</v>
          </cell>
          <cell r="AM1245" t="str">
            <v>特定</v>
          </cell>
          <cell r="AN1245">
            <v>849</v>
          </cell>
          <cell r="AO1245">
            <v>77308</v>
          </cell>
          <cell r="AP1245" t="str">
            <v>3(3)/1/4</v>
          </cell>
          <cell r="AQ1245" t="str">
            <v>とび土工</v>
          </cell>
          <cell r="AR1245" t="str">
            <v>特定</v>
          </cell>
          <cell r="AS1245">
            <v>713</v>
          </cell>
          <cell r="AT1245">
            <v>79</v>
          </cell>
          <cell r="AU1245" t="str">
            <v>1(1)/0/0</v>
          </cell>
          <cell r="AV1245" t="str">
            <v>舗装</v>
          </cell>
          <cell r="AW1245" t="str">
            <v>特定</v>
          </cell>
          <cell r="AX1245">
            <v>698</v>
          </cell>
          <cell r="AY1245" t="str">
            <v/>
          </cell>
          <cell r="AZ1245" t="str">
            <v>0(0)/0/0</v>
          </cell>
          <cell r="BA1245" t="str">
            <v>兵庫県</v>
          </cell>
          <cell r="CR1245">
            <v>7004</v>
          </cell>
          <cell r="CS1245" t="str">
            <v>ｺｲﾃﾞ ﾅｵｺ</v>
          </cell>
          <cell r="CT1245" t="str">
            <v>小出  奈央子</v>
          </cell>
          <cell r="CU1245" t="str">
            <v>保育課</v>
          </cell>
          <cell r="CW1245" t="str">
            <v xml:space="preserve"> </v>
          </cell>
          <cell r="CX1245" t="str">
            <v xml:space="preserve"> </v>
          </cell>
          <cell r="CY1245" t="str">
            <v>保育課長</v>
          </cell>
        </row>
        <row r="1246">
          <cell r="B1246">
            <v>5008</v>
          </cell>
          <cell r="C1246" t="str">
            <v>(株)アーバンクリエイト</v>
          </cell>
          <cell r="D1246" t="str">
            <v>072-759-3666</v>
          </cell>
          <cell r="E1246" t="str">
            <v>666-0024</v>
          </cell>
          <cell r="F1246" t="str">
            <v>兵庫県川西市久代1-23-16</v>
          </cell>
          <cell r="G1246" t="str">
            <v>川西市</v>
          </cell>
          <cell r="H1246" t="str">
            <v/>
          </cell>
          <cell r="I1246" t="str">
            <v>代表取締役 玉利　正人</v>
          </cell>
          <cell r="J1246" t="str">
            <v>本店</v>
          </cell>
          <cell r="K1246" t="str">
            <v>072-759-3999</v>
          </cell>
          <cell r="L1246" t="str">
            <v>info@urban-create.jp</v>
          </cell>
          <cell r="M1246" t="str">
            <v>ｱｰﾊﾞﾝｸﾘｴｲﾄ</v>
          </cell>
          <cell r="N1246" t="str">
            <v>無</v>
          </cell>
          <cell r="O1246">
            <v>22</v>
          </cell>
          <cell r="P1246">
            <v>9</v>
          </cell>
          <cell r="Q1246">
            <v>2140001080075</v>
          </cell>
          <cell r="R1246">
            <v>10000</v>
          </cell>
          <cell r="S1246">
            <v>30837</v>
          </cell>
          <cell r="T1246">
            <v>106626</v>
          </cell>
          <cell r="V1246" t="str">
            <v>hn155963</v>
          </cell>
          <cell r="W1246" t="str">
            <v>mp942752</v>
          </cell>
          <cell r="Y1246" t="str">
            <v>測量,</v>
          </cell>
          <cell r="Z1246">
            <v>101226</v>
          </cell>
          <cell r="AA1246" t="str">
            <v/>
          </cell>
          <cell r="AB1246" t="str">
            <v/>
          </cell>
          <cell r="AC1246" t="str">
            <v/>
          </cell>
          <cell r="AD1246" t="str">
            <v/>
          </cell>
          <cell r="AE1246" t="str">
            <v/>
          </cell>
          <cell r="AF1246" t="str">
            <v/>
          </cell>
          <cell r="AI1246">
            <v>1</v>
          </cell>
          <cell r="AJ1246" t="str">
            <v>測量</v>
          </cell>
          <cell r="CR1246">
            <v>7005</v>
          </cell>
          <cell r="CS1246" t="str">
            <v>ｺｲﾈ ｴﾘﾅ</v>
          </cell>
          <cell r="CT1246" t="str">
            <v>小稲  絵梨奈</v>
          </cell>
          <cell r="CU1246" t="str">
            <v>保育課</v>
          </cell>
          <cell r="CW1246" t="str">
            <v xml:space="preserve"> </v>
          </cell>
          <cell r="CX1246" t="str">
            <v xml:space="preserve"> </v>
          </cell>
          <cell r="CY1246" t="str">
            <v>保育課長</v>
          </cell>
        </row>
        <row r="1247">
          <cell r="B1247">
            <v>5011</v>
          </cell>
          <cell r="C1247" t="str">
            <v>(株)アーバンパイオニア設計</v>
          </cell>
          <cell r="D1247" t="str">
            <v>078-271-8700</v>
          </cell>
          <cell r="E1247" t="str">
            <v>651-0092</v>
          </cell>
          <cell r="F1247" t="str">
            <v>兵庫県神戸市中央区生田町1-1-22</v>
          </cell>
          <cell r="G1247" t="str">
            <v>大阪市</v>
          </cell>
          <cell r="H1247" t="str">
            <v>神戸事務所</v>
          </cell>
          <cell r="I1247" t="str">
            <v>所長 佐藤　三登晴</v>
          </cell>
          <cell r="J1247" t="str">
            <v>大阪府大阪市</v>
          </cell>
          <cell r="K1247" t="str">
            <v>078-271-8701</v>
          </cell>
          <cell r="L1247" t="str">
            <v>contract@upd.co.jp</v>
          </cell>
          <cell r="M1247" t="str">
            <v>ｱｰﾊﾞﾝﾊﾟｲｵﾆｱｾｯｹｲ</v>
          </cell>
          <cell r="N1247" t="str">
            <v>有</v>
          </cell>
          <cell r="O1247">
            <v>29</v>
          </cell>
          <cell r="P1247">
            <v>48</v>
          </cell>
          <cell r="Q1247">
            <v>3120001053676</v>
          </cell>
          <cell r="R1247">
            <v>10000</v>
          </cell>
          <cell r="S1247">
            <v>12920</v>
          </cell>
          <cell r="T1247">
            <v>379385</v>
          </cell>
          <cell r="V1247" t="str">
            <v>zu752469</v>
          </cell>
          <cell r="W1247" t="str">
            <v>ff111580</v>
          </cell>
          <cell r="Y1247" t="str">
            <v>測量,建築,意匠,土質,鋼構,河川,道路,施行,造園,都市,</v>
          </cell>
          <cell r="Z1247">
            <v>6070</v>
          </cell>
          <cell r="AA1247">
            <v>24555</v>
          </cell>
          <cell r="AB1247">
            <v>342985</v>
          </cell>
          <cell r="AC1247" t="str">
            <v/>
          </cell>
          <cell r="AD1247" t="str">
            <v/>
          </cell>
          <cell r="AE1247" t="str">
            <v/>
          </cell>
          <cell r="AF1247" t="str">
            <v/>
          </cell>
          <cell r="AI1247">
            <v>3</v>
          </cell>
          <cell r="AJ1247" t="str">
            <v>土木</v>
          </cell>
          <cell r="CR1247">
            <v>7006</v>
          </cell>
          <cell r="CS1247" t="str">
            <v>ﾄﾔﾏ ｼﾕｳｼﾞ</v>
          </cell>
          <cell r="CT1247" t="str">
            <v>外山  秀治</v>
          </cell>
          <cell r="CU1247" t="str">
            <v>保育課</v>
          </cell>
          <cell r="CW1247" t="str">
            <v xml:space="preserve"> </v>
          </cell>
          <cell r="CX1247" t="str">
            <v xml:space="preserve"> </v>
          </cell>
          <cell r="CY1247" t="str">
            <v>保育課長</v>
          </cell>
        </row>
        <row r="1248">
          <cell r="B1248">
            <v>5012</v>
          </cell>
          <cell r="C1248" t="str">
            <v>(株)アール・アイ・エー</v>
          </cell>
          <cell r="D1248" t="str">
            <v>06-6312-9154</v>
          </cell>
          <cell r="E1248" t="str">
            <v>530-0027</v>
          </cell>
          <cell r="F1248" t="str">
            <v>大阪府大阪市北区堂山町3-3</v>
          </cell>
          <cell r="H1248" t="str">
            <v>大阪支社</v>
          </cell>
          <cell r="I1248" t="str">
            <v>支社長 奥村　雅一</v>
          </cell>
          <cell r="J1248" t="str">
            <v>東京都</v>
          </cell>
          <cell r="K1248" t="str">
            <v>06-6312-9167</v>
          </cell>
          <cell r="L1248" t="str">
            <v>ria-ahd@ria.co.jp</v>
          </cell>
          <cell r="M1248" t="str">
            <v>ｱｰﾙ･ｱｲ･ｴｰ</v>
          </cell>
          <cell r="N1248" t="str">
            <v>有</v>
          </cell>
          <cell r="O1248">
            <v>84</v>
          </cell>
          <cell r="P1248">
            <v>203</v>
          </cell>
          <cell r="Q1248">
            <v>6010401000963</v>
          </cell>
          <cell r="R1248">
            <v>95000</v>
          </cell>
          <cell r="S1248">
            <v>1966028</v>
          </cell>
          <cell r="T1248">
            <v>4821669</v>
          </cell>
          <cell r="V1248" t="str">
            <v>ky978497</v>
          </cell>
          <cell r="W1248" t="str">
            <v>am686745</v>
          </cell>
          <cell r="Y1248" t="str">
            <v>建築,都市,</v>
          </cell>
          <cell r="Z1248" t="str">
            <v/>
          </cell>
          <cell r="AA1248">
            <v>3301077</v>
          </cell>
          <cell r="AB1248">
            <v>1129340</v>
          </cell>
          <cell r="AC1248" t="str">
            <v/>
          </cell>
          <cell r="AD1248" t="str">
            <v/>
          </cell>
          <cell r="AE1248" t="str">
            <v/>
          </cell>
          <cell r="AF1248" t="str">
            <v/>
          </cell>
          <cell r="AI1248">
            <v>2</v>
          </cell>
          <cell r="AJ1248" t="str">
            <v>建築</v>
          </cell>
          <cell r="CR1248">
            <v>7007</v>
          </cell>
          <cell r="CS1248" t="str">
            <v>ﾊｾｶﾞﾜ ﾀﾛｳ</v>
          </cell>
          <cell r="CT1248" t="str">
            <v>長谷川  太郎</v>
          </cell>
          <cell r="CU1248" t="str">
            <v>保育課</v>
          </cell>
          <cell r="CW1248" t="str">
            <v xml:space="preserve"> </v>
          </cell>
          <cell r="CX1248" t="str">
            <v xml:space="preserve"> </v>
          </cell>
          <cell r="CY1248" t="str">
            <v>保育課長</v>
          </cell>
        </row>
        <row r="1249">
          <cell r="B1249">
            <v>5015</v>
          </cell>
          <cell r="C1249" t="str">
            <v>(株)ＩＡＯ竹田設計</v>
          </cell>
          <cell r="D1249" t="str">
            <v>06-6532-8700</v>
          </cell>
          <cell r="E1249" t="str">
            <v>550-0005</v>
          </cell>
          <cell r="F1249" t="str">
            <v>大阪府大阪市西区西本町1-4-1</v>
          </cell>
          <cell r="G1249" t="str">
            <v>大阪市</v>
          </cell>
          <cell r="H1249" t="str">
            <v/>
          </cell>
          <cell r="I1249" t="str">
            <v>代表取締役社長 金峰　鐘大</v>
          </cell>
          <cell r="J1249" t="str">
            <v>本店</v>
          </cell>
          <cell r="K1249" t="str">
            <v>06-6532-3939</v>
          </cell>
          <cell r="L1249" t="str">
            <v>osaka-ofc@iao.co.jp</v>
          </cell>
          <cell r="M1249" t="str">
            <v>ｱｲｴｰｵｰﾀｹﾀﾞｾｯｹｲ</v>
          </cell>
          <cell r="N1249" t="str">
            <v>無</v>
          </cell>
          <cell r="O1249">
            <v>42</v>
          </cell>
          <cell r="P1249">
            <v>206</v>
          </cell>
          <cell r="Q1249">
            <v>2120001073106</v>
          </cell>
          <cell r="R1249">
            <v>68336</v>
          </cell>
          <cell r="S1249">
            <v>800171</v>
          </cell>
          <cell r="T1249">
            <v>3985558</v>
          </cell>
          <cell r="V1249" t="str">
            <v>vm196777</v>
          </cell>
          <cell r="W1249" t="str">
            <v>vc455217</v>
          </cell>
          <cell r="Y1249" t="str">
            <v>建築,意匠,調査,</v>
          </cell>
          <cell r="Z1249" t="str">
            <v/>
          </cell>
          <cell r="AA1249">
            <v>3685452</v>
          </cell>
          <cell r="AB1249" t="str">
            <v/>
          </cell>
          <cell r="AC1249" t="str">
            <v/>
          </cell>
          <cell r="AD1249" t="str">
            <v/>
          </cell>
          <cell r="AE1249" t="str">
            <v/>
          </cell>
          <cell r="AF1249" t="str">
            <v/>
          </cell>
          <cell r="AI1249">
            <v>2</v>
          </cell>
          <cell r="AJ1249" t="str">
            <v>建築</v>
          </cell>
          <cell r="CR1249">
            <v>7014</v>
          </cell>
          <cell r="CS1249" t="str">
            <v>ｳﾀｶ ﾘﾖｳｽｹ</v>
          </cell>
          <cell r="CT1249" t="str">
            <v>宇高  良祐</v>
          </cell>
          <cell r="CU1249" t="str">
            <v>浄水課</v>
          </cell>
          <cell r="CW1249" t="str">
            <v xml:space="preserve"> </v>
          </cell>
          <cell r="CX1249" t="str">
            <v xml:space="preserve"> </v>
          </cell>
          <cell r="CY1249" t="str">
            <v>浄水課長</v>
          </cell>
        </row>
        <row r="1250">
          <cell r="B1250">
            <v>5017</v>
          </cell>
          <cell r="C1250" t="str">
            <v>(株)アイコン</v>
          </cell>
          <cell r="D1250" t="str">
            <v>078-252-2830</v>
          </cell>
          <cell r="E1250" t="str">
            <v>651-0092</v>
          </cell>
          <cell r="F1250" t="str">
            <v>兵庫県神戸市中央区生田町2-2-2</v>
          </cell>
          <cell r="G1250" t="str">
            <v>姫路市</v>
          </cell>
          <cell r="H1250" t="str">
            <v>神戸営業所</v>
          </cell>
          <cell r="I1250" t="str">
            <v>所長 坂根　貴史</v>
          </cell>
          <cell r="J1250" t="str">
            <v>兵庫県姫路市</v>
          </cell>
          <cell r="K1250" t="str">
            <v>078-252-2871</v>
          </cell>
          <cell r="L1250" t="str">
            <v>office@ai-con.co.jp</v>
          </cell>
          <cell r="M1250" t="str">
            <v>ｱｲｺﾝ</v>
          </cell>
          <cell r="N1250" t="str">
            <v>有</v>
          </cell>
          <cell r="O1250">
            <v>37</v>
          </cell>
          <cell r="P1250">
            <v>18</v>
          </cell>
          <cell r="Q1250">
            <v>4140001064340</v>
          </cell>
          <cell r="R1250">
            <v>40000</v>
          </cell>
          <cell r="S1250">
            <v>103083</v>
          </cell>
          <cell r="T1250">
            <v>275777</v>
          </cell>
          <cell r="V1250" t="str">
            <v>sz427074</v>
          </cell>
          <cell r="W1250" t="str">
            <v>zs254813</v>
          </cell>
          <cell r="Y1250" t="str">
            <v/>
          </cell>
          <cell r="Z1250">
            <v>68076</v>
          </cell>
          <cell r="AA1250" t="str">
            <v/>
          </cell>
          <cell r="AB1250">
            <v>183068</v>
          </cell>
          <cell r="AC1250">
            <v>13727</v>
          </cell>
          <cell r="AD1250" t="str">
            <v/>
          </cell>
          <cell r="AE1250" t="str">
            <v/>
          </cell>
          <cell r="AF1250" t="str">
            <v/>
          </cell>
          <cell r="AI1250">
            <v>3</v>
          </cell>
          <cell r="AJ1250" t="str">
            <v>土木</v>
          </cell>
          <cell r="CR1250">
            <v>7015</v>
          </cell>
          <cell r="CS1250" t="str">
            <v>ｺﾃﾗ ﾄﾖｶｽﾞ</v>
          </cell>
          <cell r="CT1250" t="str">
            <v>小寺  豊和</v>
          </cell>
          <cell r="CU1250" t="str">
            <v>浄水課</v>
          </cell>
          <cell r="CW1250" t="str">
            <v xml:space="preserve"> </v>
          </cell>
          <cell r="CX1250" t="str">
            <v xml:space="preserve"> </v>
          </cell>
          <cell r="CY1250" t="str">
            <v>浄水課長</v>
          </cell>
        </row>
        <row r="1251">
          <cell r="B1251">
            <v>5018</v>
          </cell>
          <cell r="C1251" t="str">
            <v>(株)アイテクノ</v>
          </cell>
          <cell r="D1251" t="str">
            <v>072-756-6526</v>
          </cell>
          <cell r="E1251" t="str">
            <v>666-0015</v>
          </cell>
          <cell r="F1251" t="str">
            <v>兵庫県川西市小花2-7-5-801</v>
          </cell>
          <cell r="G1251" t="str">
            <v>大阪市</v>
          </cell>
          <cell r="H1251" t="str">
            <v>兵庫事務所</v>
          </cell>
          <cell r="I1251" t="str">
            <v>所長 阪井　壽浩</v>
          </cell>
          <cell r="J1251" t="str">
            <v>大阪府大阪市</v>
          </cell>
          <cell r="K1251" t="str">
            <v>072-756-6527</v>
          </cell>
          <cell r="L1251" t="str">
            <v>eigyo@aitecno.com</v>
          </cell>
          <cell r="M1251" t="str">
            <v>ｱｲﾃｸﾉ</v>
          </cell>
          <cell r="N1251" t="str">
            <v>有</v>
          </cell>
          <cell r="O1251">
            <v>45</v>
          </cell>
          <cell r="P1251">
            <v>15</v>
          </cell>
          <cell r="Q1251">
            <v>2120001051061</v>
          </cell>
          <cell r="R1251">
            <v>15000</v>
          </cell>
          <cell r="S1251">
            <v>15801</v>
          </cell>
          <cell r="T1251">
            <v>144062</v>
          </cell>
          <cell r="V1251" t="str">
            <v>pt319651</v>
          </cell>
          <cell r="W1251" t="str">
            <v>yh129819</v>
          </cell>
          <cell r="Y1251" t="str">
            <v>物件,機工,営業,損失,補償,</v>
          </cell>
          <cell r="Z1251" t="str">
            <v/>
          </cell>
          <cell r="AA1251" t="str">
            <v/>
          </cell>
          <cell r="AB1251" t="str">
            <v/>
          </cell>
          <cell r="AC1251">
            <v>142569</v>
          </cell>
          <cell r="AD1251" t="str">
            <v/>
          </cell>
          <cell r="AE1251" t="str">
            <v/>
          </cell>
          <cell r="AF1251" t="str">
            <v/>
          </cell>
          <cell r="AI1251">
            <v>4</v>
          </cell>
          <cell r="AJ1251" t="str">
            <v>補償</v>
          </cell>
          <cell r="CR1251">
            <v>7044</v>
          </cell>
          <cell r="CS1251" t="str">
            <v>ｲﾜﾀ ﾏｻﾄﾓ</v>
          </cell>
          <cell r="CT1251" t="str">
            <v>岩田  雅友</v>
          </cell>
          <cell r="CU1251" t="str">
            <v>公園課</v>
          </cell>
          <cell r="CW1251">
            <v>2875</v>
          </cell>
          <cell r="CX1251" t="str">
            <v xml:space="preserve"> </v>
          </cell>
          <cell r="CY1251" t="str">
            <v>公園課長</v>
          </cell>
        </row>
        <row r="1252">
          <cell r="B1252">
            <v>5020</v>
          </cell>
          <cell r="C1252" t="str">
            <v>(株)茜建築設計事務所</v>
          </cell>
          <cell r="D1252" t="str">
            <v>072-751-8316</v>
          </cell>
          <cell r="E1252" t="str">
            <v>563-0041</v>
          </cell>
          <cell r="F1252" t="str">
            <v>大阪府池田市満寿美町1-7</v>
          </cell>
          <cell r="G1252" t="str">
            <v>池田市</v>
          </cell>
          <cell r="H1252" t="str">
            <v/>
          </cell>
          <cell r="I1252" t="str">
            <v>代表取締役 笹川　哲士</v>
          </cell>
          <cell r="J1252" t="str">
            <v>本店</v>
          </cell>
          <cell r="K1252" t="str">
            <v>072-751-8325</v>
          </cell>
          <cell r="L1252" t="str">
            <v>shiozaki@akaneweb.com</v>
          </cell>
          <cell r="M1252" t="str">
            <v>ｱｶﾈｹﾝﾁｸｾｯｹｲｼﾞﾑｼｮ</v>
          </cell>
          <cell r="N1252" t="str">
            <v>無</v>
          </cell>
          <cell r="O1252">
            <v>44</v>
          </cell>
          <cell r="P1252">
            <v>8</v>
          </cell>
          <cell r="Q1252">
            <v>5120901019320</v>
          </cell>
          <cell r="R1252">
            <v>10000</v>
          </cell>
          <cell r="S1252">
            <v>9748</v>
          </cell>
          <cell r="T1252">
            <v>77745</v>
          </cell>
          <cell r="V1252" t="str">
            <v>ff106747</v>
          </cell>
          <cell r="W1252" t="str">
            <v>az295795</v>
          </cell>
          <cell r="Y1252" t="str">
            <v>建築,意匠,冷暖,衛生,電気,建積,機積,電積,</v>
          </cell>
          <cell r="Z1252" t="str">
            <v/>
          </cell>
          <cell r="AA1252">
            <v>77745</v>
          </cell>
          <cell r="AB1252" t="str">
            <v/>
          </cell>
          <cell r="AC1252" t="str">
            <v/>
          </cell>
          <cell r="AD1252" t="str">
            <v/>
          </cell>
          <cell r="AE1252" t="str">
            <v/>
          </cell>
          <cell r="AF1252" t="str">
            <v/>
          </cell>
          <cell r="AI1252">
            <v>2</v>
          </cell>
          <cell r="AJ1252" t="str">
            <v>建築</v>
          </cell>
          <cell r="CR1252">
            <v>7045</v>
          </cell>
          <cell r="CS1252" t="str">
            <v>ｺﾞﾄｳ ｶｽﾞﾔ</v>
          </cell>
          <cell r="CT1252" t="str">
            <v>後藤  和也</v>
          </cell>
          <cell r="CU1252" t="str">
            <v xml:space="preserve"> </v>
          </cell>
          <cell r="CW1252">
            <v>3300</v>
          </cell>
          <cell r="CX1252" t="str">
            <v>部長</v>
          </cell>
        </row>
        <row r="1253">
          <cell r="B1253">
            <v>5022</v>
          </cell>
          <cell r="C1253" t="str">
            <v>アクア環境(株)</v>
          </cell>
          <cell r="D1253" t="str">
            <v>06-6419-3121</v>
          </cell>
          <cell r="E1253" t="str">
            <v>660-0862</v>
          </cell>
          <cell r="F1253" t="str">
            <v>兵庫県尼崎市開明町1-61</v>
          </cell>
          <cell r="G1253" t="str">
            <v>尼崎市</v>
          </cell>
          <cell r="H1253" t="str">
            <v/>
          </cell>
          <cell r="I1253" t="str">
            <v>代表取締役　 萩原　由起子</v>
          </cell>
          <cell r="J1253" t="str">
            <v>本店</v>
          </cell>
          <cell r="K1253" t="str">
            <v>06-6411-1180</v>
          </cell>
          <cell r="L1253" t="str">
            <v>main@aqua-kankya.com</v>
          </cell>
          <cell r="M1253" t="str">
            <v>ｱｸｱｶﾝｷﾖｳ</v>
          </cell>
          <cell r="N1253" t="str">
            <v>無</v>
          </cell>
          <cell r="O1253">
            <v>15</v>
          </cell>
          <cell r="P1253">
            <v>7</v>
          </cell>
          <cell r="Q1253">
            <v>9140001053116</v>
          </cell>
          <cell r="R1253">
            <v>1000</v>
          </cell>
          <cell r="S1253" t="str">
            <v/>
          </cell>
          <cell r="T1253">
            <v>20140</v>
          </cell>
          <cell r="V1253" t="str">
            <v>zm919080</v>
          </cell>
          <cell r="W1253" t="str">
            <v>uj559667</v>
          </cell>
          <cell r="Y1253" t="str">
            <v>水質,</v>
          </cell>
          <cell r="Z1253" t="str">
            <v/>
          </cell>
          <cell r="AA1253" t="str">
            <v/>
          </cell>
          <cell r="AB1253" t="str">
            <v/>
          </cell>
          <cell r="AC1253" t="str">
            <v/>
          </cell>
          <cell r="AD1253" t="str">
            <v/>
          </cell>
          <cell r="AE1253" t="str">
            <v/>
          </cell>
          <cell r="AF1253" t="str">
            <v/>
          </cell>
          <cell r="AI1253">
            <v>1</v>
          </cell>
          <cell r="AJ1253" t="str">
            <v>測量</v>
          </cell>
          <cell r="CR1253">
            <v>7046</v>
          </cell>
          <cell r="CS1253" t="str">
            <v>ﾀﾆｸﾞﾁ ﾄｼﾋｻ</v>
          </cell>
          <cell r="CT1253" t="str">
            <v>谷口  幸史</v>
          </cell>
          <cell r="CU1253" t="str">
            <v>農業政策課</v>
          </cell>
          <cell r="CW1253">
            <v>2914</v>
          </cell>
          <cell r="CX1253" t="str">
            <v>課長</v>
          </cell>
          <cell r="CY1253" t="str">
            <v>農業政策課長</v>
          </cell>
        </row>
        <row r="1254">
          <cell r="B1254">
            <v>5023</v>
          </cell>
          <cell r="C1254" t="str">
            <v>(株)アアク設計</v>
          </cell>
          <cell r="D1254" t="str">
            <v>0797-71-0432</v>
          </cell>
          <cell r="E1254" t="str">
            <v>665-0022</v>
          </cell>
          <cell r="F1254" t="str">
            <v>兵庫県宝塚市野上1-2-7</v>
          </cell>
          <cell r="G1254" t="str">
            <v>宝塚市</v>
          </cell>
          <cell r="H1254" t="str">
            <v/>
          </cell>
          <cell r="I1254" t="str">
            <v>代表取締役 畑　淳一</v>
          </cell>
          <cell r="J1254" t="str">
            <v>本店</v>
          </cell>
          <cell r="K1254" t="str">
            <v>0797-71-5139</v>
          </cell>
          <cell r="L1254" t="str">
            <v>aac@joy.ocn.ne.jp</v>
          </cell>
          <cell r="M1254" t="str">
            <v>ｱｱｸｾｯｹｲ</v>
          </cell>
          <cell r="N1254" t="str">
            <v>無</v>
          </cell>
          <cell r="O1254">
            <v>18</v>
          </cell>
          <cell r="P1254">
            <v>18</v>
          </cell>
          <cell r="Q1254">
            <v>4140001082796</v>
          </cell>
          <cell r="R1254">
            <v>10000</v>
          </cell>
          <cell r="S1254">
            <v>76048</v>
          </cell>
          <cell r="T1254">
            <v>140905</v>
          </cell>
          <cell r="V1254" t="str">
            <v>kr882825</v>
          </cell>
          <cell r="W1254" t="str">
            <v>gc227921</v>
          </cell>
          <cell r="Y1254" t="str">
            <v>測量,測量,土質,鋼構,河川,道路,施行,造園,上水,下水,都市,土調,登記,交通,</v>
          </cell>
          <cell r="Z1254">
            <v>42403</v>
          </cell>
          <cell r="AA1254" t="str">
            <v/>
          </cell>
          <cell r="AB1254">
            <v>74724</v>
          </cell>
          <cell r="AC1254">
            <v>23591</v>
          </cell>
          <cell r="AD1254" t="str">
            <v/>
          </cell>
          <cell r="AE1254" t="str">
            <v/>
          </cell>
          <cell r="AF1254" t="str">
            <v/>
          </cell>
          <cell r="AI1254">
            <v>3</v>
          </cell>
          <cell r="AJ1254" t="str">
            <v>土木</v>
          </cell>
          <cell r="CR1254">
            <v>7049</v>
          </cell>
          <cell r="CS1254" t="str">
            <v>ｲｼﾀﾞ ｲｸﾐ</v>
          </cell>
          <cell r="CT1254" t="str">
            <v>石田　育実</v>
          </cell>
          <cell r="CU1254" t="str">
            <v>都市安全企画課</v>
          </cell>
          <cell r="CW1254">
            <v>2160</v>
          </cell>
          <cell r="CY1254" t="str">
            <v>都市安全企画課長</v>
          </cell>
        </row>
        <row r="1255">
          <cell r="B1255">
            <v>5025</v>
          </cell>
          <cell r="C1255" t="str">
            <v>(株)アクセス鑑定</v>
          </cell>
          <cell r="D1255" t="str">
            <v>06-6365-5460</v>
          </cell>
          <cell r="E1255" t="str">
            <v>530-0047</v>
          </cell>
          <cell r="F1255" t="str">
            <v>大阪府大阪市北区西天満3-14-16</v>
          </cell>
          <cell r="G1255" t="str">
            <v>大阪市</v>
          </cell>
          <cell r="H1255" t="str">
            <v/>
          </cell>
          <cell r="I1255" t="str">
            <v>代表取締役 松永　明</v>
          </cell>
          <cell r="J1255" t="str">
            <v>本店</v>
          </cell>
          <cell r="K1255" t="str">
            <v>06-6365-5459</v>
          </cell>
          <cell r="L1255" t="str">
            <v>a-sougou@a-kantei.co.jp</v>
          </cell>
          <cell r="M1255" t="str">
            <v>ｱｸｾｽｶﾝﾃｲ</v>
          </cell>
          <cell r="N1255" t="str">
            <v>無</v>
          </cell>
          <cell r="O1255">
            <v>23</v>
          </cell>
          <cell r="P1255">
            <v>4</v>
          </cell>
          <cell r="Q1255">
            <v>9120001059924</v>
          </cell>
          <cell r="R1255">
            <v>10000</v>
          </cell>
          <cell r="S1255">
            <v>-2041</v>
          </cell>
          <cell r="T1255">
            <v>38366</v>
          </cell>
          <cell r="V1255" t="str">
            <v>wh111555</v>
          </cell>
          <cell r="W1255" t="str">
            <v>ef952795</v>
          </cell>
          <cell r="Y1255" t="str">
            <v>鑑定,</v>
          </cell>
          <cell r="Z1255" t="str">
            <v/>
          </cell>
          <cell r="AA1255" t="str">
            <v/>
          </cell>
          <cell r="AB1255" t="str">
            <v/>
          </cell>
          <cell r="AC1255">
            <v>44983</v>
          </cell>
          <cell r="AD1255" t="str">
            <v/>
          </cell>
          <cell r="AE1255" t="str">
            <v/>
          </cell>
          <cell r="AF1255" t="str">
            <v/>
          </cell>
          <cell r="AI1255">
            <v>4</v>
          </cell>
          <cell r="AJ1255" t="str">
            <v>補償</v>
          </cell>
          <cell r="CR1255">
            <v>7050</v>
          </cell>
          <cell r="CS1255" t="str">
            <v>ｶﾏﾀ ｶｽﾞﾔ</v>
          </cell>
          <cell r="CT1255" t="str">
            <v>鎌田　一哉</v>
          </cell>
          <cell r="CU1255" t="str">
            <v>債権管理課</v>
          </cell>
          <cell r="CW1255">
            <v>2242</v>
          </cell>
          <cell r="CY1255" t="str">
            <v>債権管理課長</v>
          </cell>
        </row>
        <row r="1256">
          <cell r="B1256">
            <v>5026</v>
          </cell>
          <cell r="C1256" t="str">
            <v>(株)アクタス</v>
          </cell>
          <cell r="D1256" t="str">
            <v>06-6312-2771</v>
          </cell>
          <cell r="E1256" t="str">
            <v>530-0047</v>
          </cell>
          <cell r="F1256" t="str">
            <v>大阪府大阪市北区西天満5-6-10</v>
          </cell>
          <cell r="G1256" t="str">
            <v>大阪市</v>
          </cell>
          <cell r="H1256" t="str">
            <v/>
          </cell>
          <cell r="I1256" t="str">
            <v>代表取締役 髙橋　正敏</v>
          </cell>
          <cell r="J1256" t="str">
            <v>本店</v>
          </cell>
          <cell r="K1256" t="str">
            <v>06-6312-2774</v>
          </cell>
          <cell r="L1256" t="str">
            <v>daihyou@actas.info</v>
          </cell>
          <cell r="M1256" t="str">
            <v>ｱｸﾀｽ</v>
          </cell>
          <cell r="N1256" t="str">
            <v>無</v>
          </cell>
          <cell r="O1256">
            <v>39</v>
          </cell>
          <cell r="P1256">
            <v>18</v>
          </cell>
          <cell r="Q1256">
            <v>8120001059941</v>
          </cell>
          <cell r="R1256">
            <v>25000</v>
          </cell>
          <cell r="S1256">
            <v>41319</v>
          </cell>
          <cell r="T1256">
            <v>157722</v>
          </cell>
          <cell r="V1256" t="str">
            <v>rp234307</v>
          </cell>
          <cell r="W1256" t="str">
            <v>ab360324</v>
          </cell>
          <cell r="Y1256" t="str">
            <v>測量,測量,航空,土質,鋼構,河川,道路,施行,建機,地質,造園,上水,下水,都市,スポ,環境,土他,地質,交通,調他</v>
          </cell>
          <cell r="Z1256">
            <v>8779</v>
          </cell>
          <cell r="AA1256" t="str">
            <v/>
          </cell>
          <cell r="AB1256">
            <v>152115</v>
          </cell>
          <cell r="AC1256" t="str">
            <v/>
          </cell>
          <cell r="AD1256" t="str">
            <v/>
          </cell>
          <cell r="AE1256" t="str">
            <v/>
          </cell>
          <cell r="AF1256" t="str">
            <v/>
          </cell>
          <cell r="AI1256">
            <v>3</v>
          </cell>
          <cell r="AJ1256" t="str">
            <v>土木</v>
          </cell>
          <cell r="CR1256">
            <v>7051</v>
          </cell>
          <cell r="CS1256" t="str">
            <v>ﾅｶｶﾞﾜ ﾄｼﾋﾃﾞ</v>
          </cell>
          <cell r="CT1256" t="str">
            <v>中川　俊秀</v>
          </cell>
          <cell r="CU1256" t="str">
            <v>資産税課</v>
          </cell>
          <cell r="CW1256">
            <v>2322</v>
          </cell>
          <cell r="CY1256" t="str">
            <v>資産税課長</v>
          </cell>
        </row>
        <row r="1257">
          <cell r="B1257">
            <v>5027</v>
          </cell>
          <cell r="C1257" t="str">
            <v>(株)アクト音響振動調査事務所</v>
          </cell>
          <cell r="D1257" t="str">
            <v>078-231-3001</v>
          </cell>
          <cell r="E1257" t="str">
            <v>658-0081</v>
          </cell>
          <cell r="F1257" t="str">
            <v>兵庫県神戸市東灘区田中町3-2-4</v>
          </cell>
          <cell r="G1257" t="str">
            <v>大阪市</v>
          </cell>
          <cell r="H1257" t="str">
            <v>神戸営業所</v>
          </cell>
          <cell r="I1257" t="str">
            <v>所長 野田　賢次</v>
          </cell>
          <cell r="J1257" t="str">
            <v>大阪府大阪市</v>
          </cell>
          <cell r="K1257" t="str">
            <v>078-231-3003</v>
          </cell>
          <cell r="L1257" t="str">
            <v>act-osaka@view.ocn.ne.jp</v>
          </cell>
          <cell r="M1257" t="str">
            <v>ｱｸﾄｵﾝｷｮｳｼﾝﾄﾞｳﾁｮｳｻｼﾞﾑｼｮ</v>
          </cell>
          <cell r="N1257" t="str">
            <v>有</v>
          </cell>
          <cell r="O1257">
            <v>36</v>
          </cell>
          <cell r="P1257">
            <v>8</v>
          </cell>
          <cell r="Q1257">
            <v>2120001053495</v>
          </cell>
          <cell r="R1257">
            <v>250000</v>
          </cell>
          <cell r="S1257">
            <v>22607</v>
          </cell>
          <cell r="T1257">
            <v>81978</v>
          </cell>
          <cell r="V1257" t="str">
            <v>qc427920</v>
          </cell>
          <cell r="W1257" t="str">
            <v>jh449296</v>
          </cell>
          <cell r="Y1257" t="str">
            <v>騒音,交通,</v>
          </cell>
          <cell r="Z1257" t="str">
            <v/>
          </cell>
          <cell r="AA1257" t="str">
            <v/>
          </cell>
          <cell r="AB1257" t="str">
            <v/>
          </cell>
          <cell r="AC1257" t="str">
            <v/>
          </cell>
          <cell r="AD1257">
            <v>81978</v>
          </cell>
          <cell r="AE1257" t="str">
            <v/>
          </cell>
          <cell r="AF1257" t="str">
            <v/>
          </cell>
          <cell r="AI1257">
            <v>5</v>
          </cell>
          <cell r="AJ1257" t="str">
            <v>調査</v>
          </cell>
          <cell r="CR1257">
            <v>7052</v>
          </cell>
          <cell r="CS1257" t="str">
            <v>ﾅｶﾃﾞ ﾀｸﾔ</v>
          </cell>
          <cell r="CT1257" t="str">
            <v>中出　拓哉</v>
          </cell>
          <cell r="CU1257" t="str">
            <v>こども若者企画課</v>
          </cell>
          <cell r="CW1257">
            <v>3730</v>
          </cell>
          <cell r="CY1257" t="str">
            <v>こども若者企画課長</v>
          </cell>
        </row>
        <row r="1258">
          <cell r="B1258">
            <v>5028</v>
          </cell>
          <cell r="C1258" t="str">
            <v>(株)アコード</v>
          </cell>
          <cell r="D1258" t="str">
            <v>079-492-9989</v>
          </cell>
          <cell r="E1258" t="str">
            <v>675-1122</v>
          </cell>
          <cell r="F1258" t="str">
            <v>兵庫県加古郡稲美町中村540-73</v>
          </cell>
          <cell r="G1258" t="str">
            <v>大阪市</v>
          </cell>
          <cell r="H1258" t="str">
            <v>神戸営業所</v>
          </cell>
          <cell r="I1258" t="str">
            <v>所長 白樫　淳</v>
          </cell>
          <cell r="J1258" t="str">
            <v>大阪府大阪市</v>
          </cell>
          <cell r="K1258" t="str">
            <v>079-492-9960</v>
          </cell>
          <cell r="L1258" t="str">
            <v>accord@pearl.ocn.ne.jp</v>
          </cell>
          <cell r="M1258" t="str">
            <v>ｱｺｰﾄﾞ</v>
          </cell>
          <cell r="N1258" t="str">
            <v>有</v>
          </cell>
          <cell r="O1258">
            <v>43</v>
          </cell>
          <cell r="P1258">
            <v>29</v>
          </cell>
          <cell r="Q1258">
            <v>8120001040851</v>
          </cell>
          <cell r="R1258">
            <v>10000</v>
          </cell>
          <cell r="S1258">
            <v>83827</v>
          </cell>
          <cell r="T1258">
            <v>0</v>
          </cell>
          <cell r="V1258" t="str">
            <v>ay604526</v>
          </cell>
          <cell r="W1258" t="str">
            <v>zc884037</v>
          </cell>
          <cell r="Y1258" t="str">
            <v/>
          </cell>
          <cell r="Z1258">
            <v>79864</v>
          </cell>
          <cell r="AA1258" t="str">
            <v/>
          </cell>
          <cell r="AB1258">
            <v>130086</v>
          </cell>
          <cell r="AC1258" t="str">
            <v/>
          </cell>
          <cell r="AD1258" t="str">
            <v/>
          </cell>
          <cell r="AE1258" t="str">
            <v/>
          </cell>
          <cell r="AF1258">
            <v>130086</v>
          </cell>
          <cell r="AI1258" t="str">
            <v>補償</v>
          </cell>
          <cell r="AJ1258" t="str">
            <v>大阪府</v>
          </cell>
        </row>
        <row r="1259">
          <cell r="B1259">
            <v>5031</v>
          </cell>
          <cell r="C1259" t="str">
            <v>朝日航洋(株)</v>
          </cell>
          <cell r="D1259" t="str">
            <v>078-360-1351</v>
          </cell>
          <cell r="E1259" t="str">
            <v>650-0023</v>
          </cell>
          <cell r="F1259" t="str">
            <v>兵庫県神戸市中央区栄町通6‐1‐21</v>
          </cell>
          <cell r="H1259" t="str">
            <v>神戸支店</v>
          </cell>
          <cell r="I1259" t="str">
            <v>支店長 坪井　健次</v>
          </cell>
          <cell r="J1259" t="str">
            <v>東京都</v>
          </cell>
          <cell r="K1259" t="str">
            <v>078-360-4551</v>
          </cell>
          <cell r="L1259" t="str">
            <v>s-koube2@aeroasahi.co.jp</v>
          </cell>
          <cell r="M1259" t="str">
            <v>ｱｻﾋｺｳﾖｳ</v>
          </cell>
          <cell r="N1259" t="str">
            <v>有</v>
          </cell>
          <cell r="O1259">
            <v>63</v>
          </cell>
          <cell r="P1259">
            <v>1447</v>
          </cell>
          <cell r="Q1259">
            <v>7010601041419</v>
          </cell>
          <cell r="R1259">
            <v>3192500</v>
          </cell>
          <cell r="S1259">
            <v>13488613</v>
          </cell>
          <cell r="T1259">
            <v>29813497</v>
          </cell>
          <cell r="V1259" t="str">
            <v>sj472030</v>
          </cell>
          <cell r="W1259" t="str">
            <v>xv232132</v>
          </cell>
          <cell r="Y1259" t="str">
            <v>測量,測量,航空,土質,鋼構,河川,道路,施行,建機,地質,造園,上水,下水,都市,環境,土調,土評,物件,機工,営業,損失,補償,鑑定,地質,</v>
          </cell>
          <cell r="Z1259">
            <v>8844623</v>
          </cell>
          <cell r="AA1259" t="str">
            <v/>
          </cell>
          <cell r="AB1259">
            <v>2941331</v>
          </cell>
          <cell r="AC1259">
            <v>41567</v>
          </cell>
          <cell r="AD1259">
            <v>46871</v>
          </cell>
          <cell r="AE1259" t="str">
            <v/>
          </cell>
          <cell r="AF1259" t="str">
            <v/>
          </cell>
          <cell r="AI1259">
            <v>1</v>
          </cell>
          <cell r="AJ1259" t="str">
            <v>測量</v>
          </cell>
          <cell r="CR1259">
            <v>7053</v>
          </cell>
          <cell r="CS1259" t="str">
            <v>ﾌｼﾞｲ ｼｮｳﾍｲ</v>
          </cell>
          <cell r="CT1259" t="str">
            <v>藤井  将平</v>
          </cell>
          <cell r="CU1259" t="str">
            <v>教育総務課</v>
          </cell>
          <cell r="CW1259">
            <v>3611</v>
          </cell>
          <cell r="CY1259" t="str">
            <v>教育総務課長</v>
          </cell>
        </row>
        <row r="1260">
          <cell r="B1260">
            <v>5032</v>
          </cell>
          <cell r="C1260" t="str">
            <v>アサヒコンサルタント(株)</v>
          </cell>
          <cell r="D1260" t="str">
            <v>078-995-5466</v>
          </cell>
          <cell r="E1260" t="str">
            <v>651-2113</v>
          </cell>
          <cell r="F1260" t="str">
            <v>兵庫県神戸市西区伊川谷町有瀬1150-2-201号</v>
          </cell>
          <cell r="G1260" t="str">
            <v>鳥取市</v>
          </cell>
          <cell r="H1260" t="str">
            <v>神戸営業所</v>
          </cell>
          <cell r="I1260" t="str">
            <v>所長 谷口　由紀夫</v>
          </cell>
          <cell r="J1260" t="str">
            <v>鳥取県鳥取市</v>
          </cell>
          <cell r="K1260" t="str">
            <v>078-995-5755</v>
          </cell>
          <cell r="L1260" t="str">
            <v>toh-mail@asahic.co.jp</v>
          </cell>
          <cell r="M1260" t="str">
            <v>ｱｻﾋｺﾝｻﾙﾀﾝﾄ</v>
          </cell>
          <cell r="N1260" t="str">
            <v>有</v>
          </cell>
          <cell r="O1260">
            <v>45</v>
          </cell>
          <cell r="P1260">
            <v>110</v>
          </cell>
          <cell r="Q1260">
            <v>6270001000041</v>
          </cell>
          <cell r="R1260">
            <v>30000</v>
          </cell>
          <cell r="S1260">
            <v>1103072</v>
          </cell>
          <cell r="T1260">
            <v>1334839</v>
          </cell>
          <cell r="V1260" t="str">
            <v>mc927619</v>
          </cell>
          <cell r="W1260" t="str">
            <v>cf931574</v>
          </cell>
          <cell r="Y1260" t="str">
            <v>測量,測量,航空,土質,鋼構,河川,道路,施行,地質,造園,上水,下水,都市,スポ,環境,土他,土調,土評,物件,機工,営業,損失,補償,地質,水質,大気,騒音,交通,商業,調他</v>
          </cell>
          <cell r="Z1260">
            <v>379524</v>
          </cell>
          <cell r="AA1260" t="str">
            <v/>
          </cell>
          <cell r="AB1260">
            <v>703522</v>
          </cell>
          <cell r="AC1260">
            <v>148633</v>
          </cell>
          <cell r="AD1260">
            <v>92051</v>
          </cell>
          <cell r="AE1260" t="str">
            <v/>
          </cell>
          <cell r="AF1260" t="str">
            <v/>
          </cell>
          <cell r="AI1260">
            <v>3</v>
          </cell>
          <cell r="AJ1260" t="str">
            <v>土木</v>
          </cell>
          <cell r="CR1260">
            <v>7053</v>
          </cell>
          <cell r="CS1260" t="str">
            <v>ﾌｼﾞｲ ﾏｻﾍｲ</v>
          </cell>
          <cell r="CT1260" t="str">
            <v>藤井　将平</v>
          </cell>
          <cell r="CU1260" t="str">
            <v>教育総務課</v>
          </cell>
          <cell r="CW1260">
            <v>3611</v>
          </cell>
          <cell r="CY1260" t="str">
            <v>教育総務課長</v>
          </cell>
        </row>
        <row r="1261">
          <cell r="B1261">
            <v>5033</v>
          </cell>
          <cell r="C1261" t="str">
            <v>(株)旭設備計画</v>
          </cell>
          <cell r="D1261" t="str">
            <v>06-6942-6738</v>
          </cell>
          <cell r="E1261" t="str">
            <v>540-0012</v>
          </cell>
          <cell r="F1261" t="str">
            <v>大阪府大阪市中央区谷町4-4-15</v>
          </cell>
          <cell r="G1261" t="str">
            <v>大阪市</v>
          </cell>
          <cell r="H1261" t="str">
            <v/>
          </cell>
          <cell r="I1261" t="str">
            <v>代表取締役 遠藤　謙</v>
          </cell>
          <cell r="J1261" t="str">
            <v>本店</v>
          </cell>
          <cell r="K1261" t="str">
            <v>06-6942-6734</v>
          </cell>
          <cell r="L1261" t="str">
            <v>office@asahi-ep.co.jp</v>
          </cell>
          <cell r="M1261" t="str">
            <v>ｱｻﾋｾﾂﾋﾞｹｲｶｸ</v>
          </cell>
          <cell r="N1261" t="str">
            <v>無</v>
          </cell>
          <cell r="O1261">
            <v>47</v>
          </cell>
          <cell r="P1261">
            <v>16</v>
          </cell>
          <cell r="Q1261">
            <v>1120001073536</v>
          </cell>
          <cell r="R1261">
            <v>10000</v>
          </cell>
          <cell r="S1261">
            <v>56479</v>
          </cell>
          <cell r="T1261">
            <v>120933</v>
          </cell>
          <cell r="V1261" t="str">
            <v>mn270144</v>
          </cell>
          <cell r="W1261" t="str">
            <v>cu756719</v>
          </cell>
          <cell r="Y1261" t="str">
            <v>冷暖,衛生,電気,機積,電積,</v>
          </cell>
          <cell r="Z1261" t="str">
            <v/>
          </cell>
          <cell r="AA1261">
            <v>122426</v>
          </cell>
          <cell r="AB1261" t="str">
            <v/>
          </cell>
          <cell r="AC1261" t="str">
            <v/>
          </cell>
          <cell r="AD1261" t="str">
            <v/>
          </cell>
          <cell r="AE1261" t="str">
            <v/>
          </cell>
          <cell r="AF1261" t="str">
            <v/>
          </cell>
          <cell r="AI1261">
            <v>2</v>
          </cell>
          <cell r="AJ1261" t="str">
            <v>建築</v>
          </cell>
          <cell r="CR1261">
            <v>7054</v>
          </cell>
          <cell r="CS1261" t="str">
            <v>ﾌｼﾞｻｷ ﾅｵ</v>
          </cell>
          <cell r="CT1261" t="str">
            <v>藤﨑　奈緒</v>
          </cell>
          <cell r="CU1261" t="str">
            <v>監査委員事務局</v>
          </cell>
          <cell r="CW1261">
            <v>3518</v>
          </cell>
          <cell r="CY1261" t="str">
            <v>監査委員事務局長</v>
          </cell>
        </row>
        <row r="1262">
          <cell r="B1262">
            <v>5036</v>
          </cell>
          <cell r="C1262" t="str">
            <v>アジア航測(株)</v>
          </cell>
          <cell r="D1262" t="str">
            <v>06-6942-6738</v>
          </cell>
          <cell r="E1262" t="str">
            <v>651-0084</v>
          </cell>
          <cell r="F1262" t="str">
            <v>兵庫県神戸市中央区磯辺通3-2-11</v>
          </cell>
          <cell r="H1262" t="str">
            <v>神戸支店</v>
          </cell>
          <cell r="I1262" t="str">
            <v>支店長 畠山　文憲</v>
          </cell>
          <cell r="J1262" t="str">
            <v>東京都</v>
          </cell>
          <cell r="K1262" t="str">
            <v>078-230-0951</v>
          </cell>
          <cell r="L1262" t="str">
            <v>ei.koube@ajiko.co.jp</v>
          </cell>
          <cell r="M1262" t="str">
            <v>ｱｼﾞｱｺｳｿｸ</v>
          </cell>
          <cell r="N1262" t="str">
            <v>有</v>
          </cell>
          <cell r="O1262">
            <v>69</v>
          </cell>
          <cell r="P1262">
            <v>1032</v>
          </cell>
          <cell r="Q1262">
            <v>6011101000700</v>
          </cell>
          <cell r="R1262">
            <v>1673778</v>
          </cell>
          <cell r="S1262">
            <v>10292255</v>
          </cell>
          <cell r="T1262">
            <v>23023111</v>
          </cell>
          <cell r="V1262" t="str">
            <v>cn232710</v>
          </cell>
          <cell r="W1262" t="str">
            <v>vz755479</v>
          </cell>
          <cell r="Y1262" t="str">
            <v>測量,測量,航空,調査,土質,鋼構,河川,道路,施行,地質,造園,上水,下水,都市,スポ,環境,土他,土調,土評,物件,機工,営業,損失,補償,鑑定,登記,地質,水質,大気,騒音,交通,商業,調他</v>
          </cell>
          <cell r="Z1262">
            <v>9174056</v>
          </cell>
          <cell r="AA1262">
            <v>10278</v>
          </cell>
          <cell r="AB1262">
            <v>10897454</v>
          </cell>
          <cell r="AC1262">
            <v>240382</v>
          </cell>
          <cell r="AD1262">
            <v>375198</v>
          </cell>
          <cell r="AE1262" t="str">
            <v/>
          </cell>
          <cell r="AF1262" t="str">
            <v/>
          </cell>
          <cell r="AI1262">
            <v>3</v>
          </cell>
          <cell r="AJ1262" t="str">
            <v>土木</v>
          </cell>
          <cell r="CR1262">
            <v>7055</v>
          </cell>
          <cell r="CS1262" t="str">
            <v>ﾌﾙｷ ｺｳｶ</v>
          </cell>
          <cell r="CT1262" t="str">
            <v>古木　光華</v>
          </cell>
          <cell r="CU1262" t="str">
            <v>介護保険課</v>
          </cell>
          <cell r="CW1262">
            <v>2704</v>
          </cell>
          <cell r="CY1262" t="str">
            <v>介護保険課長</v>
          </cell>
        </row>
        <row r="1263">
          <cell r="B1263">
            <v>5038</v>
          </cell>
          <cell r="C1263" t="str">
            <v>(株)芦沢設計</v>
          </cell>
          <cell r="D1263" t="str">
            <v>06-6766-3711</v>
          </cell>
          <cell r="E1263" t="str">
            <v>543-0001</v>
          </cell>
          <cell r="F1263" t="str">
            <v>大阪府大阪市天王寺区上本町5-2-14</v>
          </cell>
          <cell r="G1263" t="str">
            <v>大阪市</v>
          </cell>
          <cell r="H1263" t="str">
            <v/>
          </cell>
          <cell r="I1263" t="str">
            <v>代表取締役 芦沢　清隆</v>
          </cell>
          <cell r="J1263" t="str">
            <v>本店</v>
          </cell>
          <cell r="K1263" t="str">
            <v>06-6766-3722</v>
          </cell>
          <cell r="L1263" t="str">
            <v>info@ashisekkei.jp</v>
          </cell>
          <cell r="M1263" t="str">
            <v>ｱｼｻﾞﾜｾｯｹｲ</v>
          </cell>
          <cell r="N1263" t="str">
            <v>無</v>
          </cell>
          <cell r="O1263">
            <v>19</v>
          </cell>
          <cell r="P1263">
            <v>3</v>
          </cell>
          <cell r="Q1263">
            <v>2120001096437</v>
          </cell>
          <cell r="R1263">
            <v>15000</v>
          </cell>
          <cell r="S1263">
            <v>9511</v>
          </cell>
          <cell r="T1263">
            <v>41323</v>
          </cell>
          <cell r="V1263" t="str">
            <v>va500731</v>
          </cell>
          <cell r="W1263" t="str">
            <v>yh870913</v>
          </cell>
          <cell r="Y1263" t="str">
            <v>建築,意匠,構造,冷暖,衛生,電気,建積,機積,電積,調査,</v>
          </cell>
          <cell r="Z1263" t="str">
            <v/>
          </cell>
          <cell r="AA1263">
            <v>35704</v>
          </cell>
          <cell r="AB1263" t="str">
            <v/>
          </cell>
          <cell r="AC1263" t="str">
            <v/>
          </cell>
          <cell r="AD1263" t="str">
            <v/>
          </cell>
          <cell r="AE1263" t="str">
            <v/>
          </cell>
          <cell r="AF1263" t="str">
            <v/>
          </cell>
          <cell r="AI1263">
            <v>2</v>
          </cell>
          <cell r="AJ1263" t="str">
            <v>建築</v>
          </cell>
          <cell r="CR1263">
            <v>7056</v>
          </cell>
          <cell r="CS1263" t="str">
            <v>ﾏﾔﾏ ｶｽﾞﾀﾏ</v>
          </cell>
          <cell r="CT1263" t="str">
            <v>眞山　和珠</v>
          </cell>
          <cell r="CU1263" t="str">
            <v>市民課</v>
          </cell>
          <cell r="CW1263">
            <v>2688</v>
          </cell>
          <cell r="CY1263" t="str">
            <v>市民課長</v>
          </cell>
        </row>
        <row r="1264">
          <cell r="B1264">
            <v>5042</v>
          </cell>
          <cell r="C1264" t="str">
            <v>(株)アズクリエイト</v>
          </cell>
          <cell r="D1264" t="str">
            <v>0773-64-5559</v>
          </cell>
          <cell r="E1264" t="str">
            <v>625-0036</v>
          </cell>
          <cell r="F1264" t="str">
            <v>京都府舞鶴市字浜312</v>
          </cell>
          <cell r="G1264" t="str">
            <v>舞鶴市</v>
          </cell>
          <cell r="H1264" t="str">
            <v/>
          </cell>
          <cell r="I1264" t="str">
            <v>代表取締役 塩崎　幸生</v>
          </cell>
          <cell r="J1264" t="str">
            <v>本店</v>
          </cell>
          <cell r="K1264" t="str">
            <v>0773-64-5306</v>
          </cell>
          <cell r="L1264" t="str">
            <v>t.naya@ascreate.co.jp</v>
          </cell>
          <cell r="M1264" t="str">
            <v>ｱｽﾞｸﾘｴｲﾄ</v>
          </cell>
          <cell r="N1264" t="str">
            <v>無</v>
          </cell>
          <cell r="O1264">
            <v>46</v>
          </cell>
          <cell r="P1264">
            <v>22</v>
          </cell>
          <cell r="Q1264">
            <v>3130001043230</v>
          </cell>
          <cell r="R1264">
            <v>10000</v>
          </cell>
          <cell r="S1264">
            <v>141386</v>
          </cell>
          <cell r="T1264">
            <v>203541</v>
          </cell>
          <cell r="V1264" t="str">
            <v>be256832</v>
          </cell>
          <cell r="W1264" t="str">
            <v>zv433230</v>
          </cell>
          <cell r="Y1264" t="str">
            <v>測量,測量,航空,道路,登記,地質,</v>
          </cell>
          <cell r="Z1264">
            <v>75848</v>
          </cell>
          <cell r="AA1264" t="str">
            <v/>
          </cell>
          <cell r="AB1264">
            <v>40931</v>
          </cell>
          <cell r="AC1264">
            <v>64594</v>
          </cell>
          <cell r="AD1264">
            <v>17249</v>
          </cell>
          <cell r="AE1264" t="str">
            <v/>
          </cell>
          <cell r="AF1264" t="str">
            <v/>
          </cell>
          <cell r="AI1264">
            <v>1</v>
          </cell>
          <cell r="AJ1264" t="str">
            <v>測量</v>
          </cell>
          <cell r="CR1264">
            <v>7057</v>
          </cell>
          <cell r="CS1264" t="str">
            <v>ﾐｽﾞﾊﾗ ﾀｶﾋﾛ</v>
          </cell>
          <cell r="CT1264" t="str">
            <v>水原　隆裕</v>
          </cell>
          <cell r="CU1264" t="str">
            <v>国保年金課</v>
          </cell>
          <cell r="CW1264">
            <v>2797</v>
          </cell>
          <cell r="CY1264" t="str">
            <v>国保年金課長</v>
          </cell>
        </row>
        <row r="1265">
          <cell r="B1265">
            <v>5043</v>
          </cell>
          <cell r="C1265" t="str">
            <v>(株)日本インシーク</v>
          </cell>
          <cell r="D1265" t="str">
            <v>078-871-5611</v>
          </cell>
          <cell r="E1265" t="str">
            <v>666-0105</v>
          </cell>
          <cell r="F1265" t="str">
            <v>兵庫県神戸市灘区灘南通5-4-15</v>
          </cell>
          <cell r="G1265" t="str">
            <v>大阪市</v>
          </cell>
          <cell r="H1265" t="str">
            <v>神戸支社</v>
          </cell>
          <cell r="I1265" t="str">
            <v>支社長 古澤　清治</v>
          </cell>
          <cell r="J1265" t="str">
            <v>大阪府大阪市</v>
          </cell>
          <cell r="K1265" t="str">
            <v>078-871-5541</v>
          </cell>
          <cell r="L1265" t="str">
            <v>kobe@insiek.co.jp</v>
          </cell>
          <cell r="M1265" t="str">
            <v>ｱｽｺﾀﾞｲﾄｳ</v>
          </cell>
          <cell r="N1265" t="str">
            <v>有</v>
          </cell>
          <cell r="O1265">
            <v>48</v>
          </cell>
          <cell r="P1265">
            <v>373</v>
          </cell>
          <cell r="Q1265">
            <v>7120001040927</v>
          </cell>
          <cell r="R1265">
            <v>80000</v>
          </cell>
          <cell r="S1265">
            <v>1836658</v>
          </cell>
          <cell r="T1265">
            <v>5576824</v>
          </cell>
          <cell r="V1265" t="str">
            <v>th143966</v>
          </cell>
          <cell r="W1265" t="str">
            <v>md304264</v>
          </cell>
          <cell r="Y1265" t="str">
            <v>測量,測量,航空,建築,調査,土質,鋼構,河川,道路,施行,地質,造園,上水,下水,都市,スポ,環境,土他,土調,物件,損失,地質,水質,大気,騒音,交通,商業,調他</v>
          </cell>
          <cell r="Z1265">
            <v>909586</v>
          </cell>
          <cell r="AA1265">
            <v>7032</v>
          </cell>
          <cell r="AB1265">
            <v>3891031</v>
          </cell>
          <cell r="AC1265">
            <v>104756</v>
          </cell>
          <cell r="AD1265">
            <v>108403</v>
          </cell>
          <cell r="AE1265" t="str">
            <v>地質調査</v>
          </cell>
          <cell r="AF1265">
            <v>165242</v>
          </cell>
          <cell r="AI1265">
            <v>3</v>
          </cell>
          <cell r="AJ1265" t="str">
            <v>土木</v>
          </cell>
          <cell r="CR1265">
            <v>7058</v>
          </cell>
          <cell r="CS1265" t="str">
            <v>ﾌｼﾞﾀ ﾀｶﾋﾛ</v>
          </cell>
          <cell r="CT1265" t="str">
            <v>藤田　高弘</v>
          </cell>
          <cell r="CU1265" t="str">
            <v>営繕課</v>
          </cell>
          <cell r="CW1265">
            <v>3328</v>
          </cell>
          <cell r="CY1265" t="str">
            <v>営繕課長</v>
          </cell>
        </row>
        <row r="1266">
          <cell r="B1266">
            <v>5044</v>
          </cell>
          <cell r="C1266" t="str">
            <v>(株)梓設計</v>
          </cell>
          <cell r="D1266" t="str">
            <v>06-6450-1771</v>
          </cell>
          <cell r="E1266" t="str">
            <v>531-0076</v>
          </cell>
          <cell r="F1266" t="str">
            <v>大阪府大阪市北区大淀中1-1-90</v>
          </cell>
          <cell r="H1266" t="str">
            <v>関西支社</v>
          </cell>
          <cell r="I1266" t="str">
            <v>常務執行役員支社長 菅根　義明</v>
          </cell>
          <cell r="J1266" t="str">
            <v>東京都</v>
          </cell>
          <cell r="K1266" t="str">
            <v>06-6450-1707</v>
          </cell>
          <cell r="L1266" t="str">
            <v>osaka@azusasekkei.co.jp</v>
          </cell>
          <cell r="M1266" t="str">
            <v>ｱｽﾞｻｾｯｹｲ</v>
          </cell>
          <cell r="N1266" t="str">
            <v>有</v>
          </cell>
          <cell r="O1266">
            <v>72</v>
          </cell>
          <cell r="P1266">
            <v>608</v>
          </cell>
          <cell r="Q1266">
            <v>9010701000413</v>
          </cell>
          <cell r="R1266">
            <v>90000</v>
          </cell>
          <cell r="S1266">
            <v>2388008</v>
          </cell>
          <cell r="T1266">
            <v>12356322</v>
          </cell>
          <cell r="V1266" t="str">
            <v>ht273155</v>
          </cell>
          <cell r="W1266" t="str">
            <v>me126653</v>
          </cell>
          <cell r="Y1266" t="str">
            <v>建築,意匠,構造,冷暖,衛生,電気,建積,機積,電積,調査,都市,土他,</v>
          </cell>
          <cell r="Z1266" t="str">
            <v/>
          </cell>
          <cell r="AA1266">
            <v>10571680</v>
          </cell>
          <cell r="AB1266">
            <v>717474</v>
          </cell>
          <cell r="AC1266" t="str">
            <v/>
          </cell>
          <cell r="AD1266" t="str">
            <v/>
          </cell>
          <cell r="AE1266" t="str">
            <v/>
          </cell>
          <cell r="AF1266" t="str">
            <v/>
          </cell>
          <cell r="AI1266">
            <v>2</v>
          </cell>
          <cell r="AJ1266" t="str">
            <v>建築</v>
          </cell>
          <cell r="CR1266">
            <v>7058</v>
          </cell>
          <cell r="CS1266" t="str">
            <v>ﾌｼﾞﾀ ﾀｶﾋﾛ</v>
          </cell>
          <cell r="CT1266" t="str">
            <v>藤田　高弘</v>
          </cell>
          <cell r="CU1266" t="str">
            <v>営繕課</v>
          </cell>
          <cell r="CW1266">
            <v>3328</v>
          </cell>
          <cell r="CY1266" t="str">
            <v>営繕課長</v>
          </cell>
        </row>
        <row r="1267">
          <cell r="B1267">
            <v>5045</v>
          </cell>
          <cell r="C1267" t="str">
            <v>(株)アスト設備研究所</v>
          </cell>
          <cell r="D1267" t="str">
            <v>06-6446-1400</v>
          </cell>
          <cell r="E1267" t="str">
            <v>550-0004</v>
          </cell>
          <cell r="F1267" t="str">
            <v>大阪府大阪市西区靱本町1-7-18</v>
          </cell>
          <cell r="G1267" t="str">
            <v>大阪市</v>
          </cell>
          <cell r="H1267" t="str">
            <v/>
          </cell>
          <cell r="I1267" t="str">
            <v>代表取締役 益田　篤生</v>
          </cell>
          <cell r="J1267" t="str">
            <v>本店</v>
          </cell>
          <cell r="K1267" t="str">
            <v>06-6446-2800</v>
          </cell>
          <cell r="L1267" t="str">
            <v>ast@sky.plala.or.jp</v>
          </cell>
          <cell r="M1267" t="str">
            <v>ｱｽﾄｾﾂﾋﾞｹﾝｷｭｳｼｮ</v>
          </cell>
          <cell r="N1267" t="str">
            <v>無</v>
          </cell>
          <cell r="O1267">
            <v>28</v>
          </cell>
          <cell r="P1267">
            <v>10</v>
          </cell>
          <cell r="Q1267">
            <v>9120001040925</v>
          </cell>
          <cell r="R1267">
            <v>10000</v>
          </cell>
          <cell r="S1267">
            <v>12986</v>
          </cell>
          <cell r="T1267">
            <v>80681</v>
          </cell>
          <cell r="V1267" t="str">
            <v>et891595</v>
          </cell>
          <cell r="W1267" t="str">
            <v>tr897035</v>
          </cell>
          <cell r="Y1267" t="str">
            <v>冷暖,衛生,電気,機積,電積,</v>
          </cell>
          <cell r="Z1267" t="str">
            <v/>
          </cell>
          <cell r="AA1267">
            <v>74703</v>
          </cell>
          <cell r="AB1267" t="str">
            <v/>
          </cell>
          <cell r="AC1267" t="str">
            <v/>
          </cell>
          <cell r="AD1267" t="str">
            <v/>
          </cell>
          <cell r="AE1267" t="str">
            <v/>
          </cell>
          <cell r="AF1267" t="str">
            <v/>
          </cell>
          <cell r="AI1267">
            <v>2</v>
          </cell>
          <cell r="AJ1267" t="str">
            <v>建築</v>
          </cell>
          <cell r="CR1267">
            <v>7064</v>
          </cell>
          <cell r="CS1267" t="str">
            <v>ｶﾈｺ ﾄﾓﾐ</v>
          </cell>
          <cell r="CT1267" t="str">
            <v>金子　ともみ</v>
          </cell>
          <cell r="CU1267" t="str">
            <v>生活支援課</v>
          </cell>
          <cell r="CW1267">
            <v>2512</v>
          </cell>
          <cell r="CY1267" t="str">
            <v>生活支援課長</v>
          </cell>
        </row>
        <row r="1268">
          <cell r="B1268">
            <v>5047</v>
          </cell>
          <cell r="C1268" t="str">
            <v>(株)尼信経営相談所</v>
          </cell>
          <cell r="D1268" t="str">
            <v>06-6423-2212</v>
          </cell>
          <cell r="E1268" t="str">
            <v>661-0025</v>
          </cell>
          <cell r="F1268" t="str">
            <v>兵庫県尼崎市立花町1-17-24</v>
          </cell>
          <cell r="G1268" t="str">
            <v>尼崎市</v>
          </cell>
          <cell r="H1268" t="str">
            <v/>
          </cell>
          <cell r="I1268" t="str">
            <v>代表取締役 坂口　廣良</v>
          </cell>
          <cell r="J1268" t="str">
            <v>本店</v>
          </cell>
          <cell r="K1268" t="str">
            <v>06-6423-2378</v>
          </cell>
          <cell r="L1268" t="str">
            <v>k-kawachidani@kkf.biglobe.ne.jp</v>
          </cell>
          <cell r="M1268" t="str">
            <v>ｱﾏｼﾝｹｲｴｲｿｳﾀﾞﾝｼｮ</v>
          </cell>
          <cell r="N1268" t="str">
            <v>無</v>
          </cell>
          <cell r="O1268">
            <v>35</v>
          </cell>
          <cell r="P1268">
            <v>6</v>
          </cell>
          <cell r="Q1268">
            <v>5140001047534</v>
          </cell>
          <cell r="R1268">
            <v>10000</v>
          </cell>
          <cell r="S1268">
            <v>209071</v>
          </cell>
          <cell r="T1268">
            <v>174769</v>
          </cell>
          <cell r="V1268" t="str">
            <v>ah517763</v>
          </cell>
          <cell r="W1268" t="str">
            <v>yy413601</v>
          </cell>
          <cell r="Y1268" t="str">
            <v>鑑定,</v>
          </cell>
          <cell r="Z1268" t="str">
            <v/>
          </cell>
          <cell r="AA1268" t="str">
            <v/>
          </cell>
          <cell r="AB1268" t="str">
            <v/>
          </cell>
          <cell r="AC1268" t="str">
            <v/>
          </cell>
          <cell r="AD1268" t="str">
            <v/>
          </cell>
          <cell r="AE1268" t="str">
            <v/>
          </cell>
          <cell r="AF1268" t="str">
            <v/>
          </cell>
          <cell r="AI1268">
            <v>1</v>
          </cell>
          <cell r="AJ1268" t="str">
            <v>測量</v>
          </cell>
          <cell r="CR1268">
            <v>7065</v>
          </cell>
          <cell r="CS1268" t="str">
            <v>ﾅｶﾞｻﾜ ﾖｼﾋｺ</v>
          </cell>
          <cell r="CT1268" t="str">
            <v>長澤　良彦</v>
          </cell>
          <cell r="CU1268" t="str">
            <v>上下水道局営業課</v>
          </cell>
          <cell r="CW1268">
            <v>3947</v>
          </cell>
          <cell r="CY1268" t="str">
            <v>上下水道局営業課長</v>
          </cell>
        </row>
        <row r="1269">
          <cell r="B1269">
            <v>5049</v>
          </cell>
          <cell r="C1269" t="str">
            <v>(株)アルト建築設計事務所</v>
          </cell>
          <cell r="D1269" t="str">
            <v>06-6357-5351</v>
          </cell>
          <cell r="E1269" t="str">
            <v>530-0044</v>
          </cell>
          <cell r="F1269" t="str">
            <v>大阪府大阪市北区東天満2-6-8</v>
          </cell>
          <cell r="G1269" t="str">
            <v>大阪市</v>
          </cell>
          <cell r="H1269" t="str">
            <v/>
          </cell>
          <cell r="I1269" t="str">
            <v>代表取締役 松田　恒彦</v>
          </cell>
          <cell r="J1269" t="str">
            <v>本店</v>
          </cell>
          <cell r="K1269" t="str">
            <v>06-6357-5784</v>
          </cell>
          <cell r="L1269" t="str">
            <v>simokubo-k@art-ao.co.jp</v>
          </cell>
          <cell r="M1269" t="str">
            <v>ｱﾙﾄｹﾝﾁｸｾｯｹｲｼﾞﾑｼｮ</v>
          </cell>
          <cell r="N1269" t="str">
            <v>有</v>
          </cell>
          <cell r="O1269">
            <v>39</v>
          </cell>
          <cell r="P1269">
            <v>21</v>
          </cell>
          <cell r="Q1269">
            <v>8120001060453</v>
          </cell>
          <cell r="R1269">
            <v>15000</v>
          </cell>
          <cell r="S1269">
            <v>31722</v>
          </cell>
          <cell r="T1269">
            <v>198024</v>
          </cell>
          <cell r="V1269" t="str">
            <v>ps856065</v>
          </cell>
          <cell r="W1269" t="str">
            <v>ex478042</v>
          </cell>
          <cell r="Y1269" t="str">
            <v>建築,意匠,構造,調査,</v>
          </cell>
          <cell r="Z1269" t="str">
            <v/>
          </cell>
          <cell r="AA1269">
            <v>198024</v>
          </cell>
          <cell r="AB1269" t="str">
            <v/>
          </cell>
          <cell r="AC1269" t="str">
            <v/>
          </cell>
          <cell r="AD1269" t="str">
            <v/>
          </cell>
          <cell r="AE1269" t="str">
            <v/>
          </cell>
          <cell r="AF1269" t="str">
            <v/>
          </cell>
          <cell r="AI1269">
            <v>2</v>
          </cell>
          <cell r="AJ1269" t="str">
            <v>建築</v>
          </cell>
          <cell r="CR1269">
            <v>7066</v>
          </cell>
          <cell r="CS1269" t="str">
            <v>ﾊﾘﾏﾔ ﾘｮｳｽｹ</v>
          </cell>
          <cell r="CT1269" t="str">
            <v>針間矢　亮介</v>
          </cell>
          <cell r="CU1269" t="str">
            <v>契約・検査課</v>
          </cell>
          <cell r="CW1269">
            <v>2445</v>
          </cell>
          <cell r="CY1269" t="str">
            <v>契約・検査課長</v>
          </cell>
        </row>
        <row r="1270">
          <cell r="B1270">
            <v>5051</v>
          </cell>
          <cell r="C1270" t="str">
            <v>(株)阿波設計事務所</v>
          </cell>
          <cell r="D1270" t="str">
            <v>06-6631-8837</v>
          </cell>
          <cell r="E1270" t="str">
            <v>556-0016</v>
          </cell>
          <cell r="F1270" t="str">
            <v>大阪府大阪市浪速区元町2-2-12</v>
          </cell>
          <cell r="G1270" t="str">
            <v>大阪市</v>
          </cell>
          <cell r="H1270" t="str">
            <v/>
          </cell>
          <cell r="I1270" t="str">
            <v>代表取締役 瀬尾　忠治</v>
          </cell>
          <cell r="J1270" t="str">
            <v>本店</v>
          </cell>
          <cell r="K1270" t="str">
            <v>06-6633-7630</v>
          </cell>
          <cell r="L1270" t="str">
            <v>kanri@awax.jp</v>
          </cell>
          <cell r="M1270" t="str">
            <v>ｱﾜｾｯｹｲｼﾞﾑｼｮ</v>
          </cell>
          <cell r="N1270" t="str">
            <v>無</v>
          </cell>
          <cell r="O1270">
            <v>58</v>
          </cell>
          <cell r="P1270">
            <v>108</v>
          </cell>
          <cell r="Q1270">
            <v>7120001037196</v>
          </cell>
          <cell r="R1270">
            <v>35000</v>
          </cell>
          <cell r="S1270">
            <v>191603</v>
          </cell>
          <cell r="T1270">
            <v>1082977</v>
          </cell>
          <cell r="V1270" t="str">
            <v>xf408173</v>
          </cell>
          <cell r="W1270" t="str">
            <v>uz963371</v>
          </cell>
          <cell r="Y1270" t="str">
            <v>建築,意匠,構造,冷暖,衛生,電気,建積,機積,電積,調査,</v>
          </cell>
          <cell r="Z1270" t="str">
            <v/>
          </cell>
          <cell r="AA1270">
            <v>1082977</v>
          </cell>
          <cell r="AB1270" t="str">
            <v/>
          </cell>
          <cell r="AC1270" t="str">
            <v/>
          </cell>
          <cell r="AD1270" t="str">
            <v/>
          </cell>
          <cell r="AE1270" t="str">
            <v/>
          </cell>
          <cell r="AF1270" t="str">
            <v/>
          </cell>
          <cell r="AI1270">
            <v>2</v>
          </cell>
          <cell r="AJ1270" t="str">
            <v>建築</v>
          </cell>
          <cell r="CR1270">
            <v>7067</v>
          </cell>
          <cell r="CS1270" t="str">
            <v>ﾓﾘ　ﾉﾘｺ</v>
          </cell>
          <cell r="CT1270" t="str">
            <v>森　展子</v>
          </cell>
          <cell r="CU1270" t="str">
            <v>教育総務課</v>
          </cell>
          <cell r="CW1270">
            <v>3607</v>
          </cell>
          <cell r="CY1270" t="str">
            <v>教育総務課長</v>
          </cell>
        </row>
        <row r="1271">
          <cell r="B1271">
            <v>5055</v>
          </cell>
          <cell r="C1271" t="str">
            <v>(株)朝日コンサル</v>
          </cell>
          <cell r="D1271" t="str">
            <v>0794-63-6491</v>
          </cell>
          <cell r="E1271" t="str">
            <v>675-1372</v>
          </cell>
          <cell r="F1271" t="str">
            <v>兵庫県小野市本町52-9</v>
          </cell>
          <cell r="G1271" t="str">
            <v>小野市</v>
          </cell>
          <cell r="H1271" t="str">
            <v/>
          </cell>
          <cell r="I1271" t="str">
            <v>代表取締役 竹内　敏雄</v>
          </cell>
          <cell r="J1271" t="str">
            <v>本店</v>
          </cell>
          <cell r="K1271" t="str">
            <v>0794-63-6498</v>
          </cell>
          <cell r="L1271" t="str">
            <v>asahicon@maia.eonet.ne.jp</v>
          </cell>
          <cell r="M1271" t="str">
            <v>ｱｻﾋｺﾝｻﾙ</v>
          </cell>
          <cell r="N1271" t="str">
            <v>無</v>
          </cell>
          <cell r="O1271">
            <v>31</v>
          </cell>
          <cell r="P1271">
            <v>18</v>
          </cell>
          <cell r="Q1271">
            <v>3140001076576</v>
          </cell>
          <cell r="R1271">
            <v>10000</v>
          </cell>
          <cell r="S1271">
            <v>111037</v>
          </cell>
          <cell r="T1271">
            <v>122761</v>
          </cell>
          <cell r="V1271" t="str">
            <v>jv109949</v>
          </cell>
          <cell r="W1271" t="str">
            <v>jr529512</v>
          </cell>
          <cell r="Y1271" t="str">
            <v>測量,測量,鋼構,河川,道路,都市,土調,登記,交通,調他</v>
          </cell>
          <cell r="Z1271">
            <v>60671</v>
          </cell>
          <cell r="AA1271" t="str">
            <v/>
          </cell>
          <cell r="AB1271">
            <v>43654</v>
          </cell>
          <cell r="AC1271">
            <v>18225</v>
          </cell>
          <cell r="AD1271" t="str">
            <v/>
          </cell>
          <cell r="AE1271" t="str">
            <v>その他</v>
          </cell>
          <cell r="AF1271">
            <v>211</v>
          </cell>
          <cell r="AI1271">
            <v>1</v>
          </cell>
          <cell r="AJ1271" t="str">
            <v>測量</v>
          </cell>
          <cell r="CR1271">
            <v>7075</v>
          </cell>
          <cell r="CS1271" t="str">
            <v>ﾄﾞｲ ﾀﾞｲｽｹ</v>
          </cell>
          <cell r="CT1271" t="str">
            <v>土井　大介</v>
          </cell>
          <cell r="CU1271" t="str">
            <v>障害福祉課</v>
          </cell>
          <cell r="CW1271">
            <v>2595</v>
          </cell>
          <cell r="CY1271" t="str">
            <v>障害福祉課長</v>
          </cell>
        </row>
        <row r="1272">
          <cell r="B1272">
            <v>5057</v>
          </cell>
          <cell r="C1272" t="str">
            <v>(株)アクアプランニング</v>
          </cell>
          <cell r="D1272" t="str">
            <v>072-794-5801</v>
          </cell>
          <cell r="E1272" t="str">
            <v>666-0105</v>
          </cell>
          <cell r="F1272" t="str">
            <v>兵庫県川西市見野3-14-50</v>
          </cell>
          <cell r="G1272" t="str">
            <v>岡山市</v>
          </cell>
          <cell r="H1272" t="str">
            <v>兵庫営業所</v>
          </cell>
          <cell r="I1272" t="str">
            <v>所長 田中　潤</v>
          </cell>
          <cell r="J1272" t="str">
            <v>岡山県岡山市</v>
          </cell>
          <cell r="K1272" t="str">
            <v>072-794-5801</v>
          </cell>
          <cell r="L1272" t="str">
            <v>honsya@aqua-p.co.jp</v>
          </cell>
          <cell r="M1272" t="str">
            <v>ｱｸｱﾌﾟﾗﾝﾆﾝｸﾞ</v>
          </cell>
          <cell r="N1272" t="str">
            <v>有</v>
          </cell>
          <cell r="O1272">
            <v>27</v>
          </cell>
          <cell r="P1272">
            <v>22</v>
          </cell>
          <cell r="Q1272">
            <v>8260001000180</v>
          </cell>
          <cell r="R1272">
            <v>10000</v>
          </cell>
          <cell r="S1272">
            <v>171365</v>
          </cell>
          <cell r="T1272">
            <v>252117</v>
          </cell>
          <cell r="V1272" t="str">
            <v>ce408441</v>
          </cell>
          <cell r="W1272" t="str">
            <v>xn943850</v>
          </cell>
          <cell r="Y1272" t="str">
            <v>測量,建築,土質,施行,地質,上水,下水,土他,</v>
          </cell>
          <cell r="Z1272">
            <v>14690</v>
          </cell>
          <cell r="AA1272">
            <v>573</v>
          </cell>
          <cell r="AB1272">
            <v>210997</v>
          </cell>
          <cell r="AC1272" t="str">
            <v/>
          </cell>
          <cell r="AD1272" t="str">
            <v/>
          </cell>
          <cell r="AE1272" t="str">
            <v/>
          </cell>
          <cell r="AF1272" t="str">
            <v/>
          </cell>
          <cell r="AI1272">
            <v>3</v>
          </cell>
          <cell r="AJ1272" t="str">
            <v>土木</v>
          </cell>
          <cell r="CR1272">
            <v>7078</v>
          </cell>
          <cell r="CS1272" t="str">
            <v>ﾋﾛｵｶ ﾀﾐｴ</v>
          </cell>
          <cell r="CT1272" t="str">
            <v>広岡　民絵</v>
          </cell>
          <cell r="CU1272" t="str">
            <v>会計室</v>
          </cell>
          <cell r="CW1272">
            <v>3411</v>
          </cell>
          <cell r="CY1272" t="str">
            <v>会計室長</v>
          </cell>
        </row>
        <row r="1273">
          <cell r="B1273">
            <v>5064</v>
          </cell>
          <cell r="C1273" t="str">
            <v>(株)葵総合計画</v>
          </cell>
          <cell r="D1273" t="str">
            <v>06-6131-6551</v>
          </cell>
          <cell r="E1273" t="str">
            <v>530-0012</v>
          </cell>
          <cell r="F1273" t="str">
            <v>大阪府大阪市北区芝田1丁目14番8号</v>
          </cell>
          <cell r="G1273" t="str">
            <v>大阪市</v>
          </cell>
          <cell r="H1273" t="str">
            <v/>
          </cell>
          <cell r="I1273" t="str">
            <v>代表取締役 浅田　真広</v>
          </cell>
          <cell r="J1273" t="str">
            <v>本店</v>
          </cell>
          <cell r="K1273" t="str">
            <v>06-6131-6552</v>
          </cell>
          <cell r="L1273" t="str">
            <v>aoi.act@aoi-a.co.jp</v>
          </cell>
          <cell r="M1273" t="str">
            <v>ｱｵｲｿｳｺﾞｳｹｲｶｸ</v>
          </cell>
          <cell r="N1273" t="str">
            <v>無</v>
          </cell>
          <cell r="O1273">
            <v>62</v>
          </cell>
          <cell r="P1273">
            <v>15</v>
          </cell>
          <cell r="Q1273">
            <v>4120001154960</v>
          </cell>
          <cell r="R1273">
            <v>55000</v>
          </cell>
          <cell r="S1273">
            <v>15107</v>
          </cell>
          <cell r="T1273">
            <v>77789</v>
          </cell>
          <cell r="V1273" t="str">
            <v>rz860843</v>
          </cell>
          <cell r="W1273" t="str">
            <v>yv229055</v>
          </cell>
          <cell r="Y1273" t="str">
            <v>建築,意匠,構造,冷暖,衛生,電気,建積,機積,電積,調査,</v>
          </cell>
          <cell r="Z1273" t="str">
            <v/>
          </cell>
          <cell r="AA1273">
            <v>77789</v>
          </cell>
          <cell r="AB1273" t="str">
            <v/>
          </cell>
          <cell r="AC1273" t="str">
            <v/>
          </cell>
          <cell r="AD1273" t="str">
            <v/>
          </cell>
          <cell r="AE1273" t="str">
            <v/>
          </cell>
          <cell r="AF1273" t="str">
            <v/>
          </cell>
          <cell r="AI1273">
            <v>2</v>
          </cell>
          <cell r="AJ1273" t="str">
            <v>建築</v>
          </cell>
          <cell r="CR1273">
            <v>7079</v>
          </cell>
          <cell r="CS1273" t="str">
            <v>ｵｶﾞﾜ ﾄﾓﾋﾛ</v>
          </cell>
          <cell r="CT1273" t="str">
            <v>小川　智広</v>
          </cell>
          <cell r="CU1273" t="str">
            <v>後期医療福祉課</v>
          </cell>
          <cell r="CW1273">
            <v>2967</v>
          </cell>
          <cell r="CY1273" t="str">
            <v>後期医療福祉課長</v>
          </cell>
        </row>
        <row r="1274">
          <cell r="B1274">
            <v>5066</v>
          </cell>
          <cell r="C1274" t="str">
            <v>アセス(株)</v>
          </cell>
          <cell r="D1274" t="str">
            <v>079-271-3772</v>
          </cell>
          <cell r="E1274" t="str">
            <v>671-1235</v>
          </cell>
          <cell r="F1274" t="str">
            <v>兵庫県姫路市網干区北新在家139-2</v>
          </cell>
          <cell r="G1274" t="str">
            <v>津山市</v>
          </cell>
          <cell r="H1274" t="str">
            <v>姫路支店</v>
          </cell>
          <cell r="I1274" t="str">
            <v>支店長 田村　汎史</v>
          </cell>
          <cell r="J1274" t="str">
            <v>岡山県津山市</v>
          </cell>
          <cell r="K1274" t="str">
            <v>079-271-3773</v>
          </cell>
          <cell r="L1274" t="str">
            <v>tsuyama-e@assess.co.jp</v>
          </cell>
          <cell r="M1274" t="str">
            <v>ｱｾｽ</v>
          </cell>
          <cell r="N1274" t="str">
            <v>有</v>
          </cell>
          <cell r="O1274">
            <v>26</v>
          </cell>
          <cell r="P1274">
            <v>42</v>
          </cell>
          <cell r="Q1274">
            <v>2260001019499</v>
          </cell>
          <cell r="R1274">
            <v>50000</v>
          </cell>
          <cell r="S1274">
            <v>158453</v>
          </cell>
          <cell r="T1274">
            <v>509758</v>
          </cell>
          <cell r="V1274" t="str">
            <v>sz612971</v>
          </cell>
          <cell r="W1274" t="str">
            <v>cv956152</v>
          </cell>
          <cell r="Y1274" t="str">
            <v>測量,測量,航空,土質,鋼構,河川,道路,施行,建機,地質,造園,上水,下水,都市,スポ,環境,土他,土調,土評,物件,機工,営業,損失,補償,登記,地質,水質,大気,騒音,交通,</v>
          </cell>
          <cell r="Z1274">
            <v>71958</v>
          </cell>
          <cell r="AA1274">
            <v>4095</v>
          </cell>
          <cell r="AB1274">
            <v>166023</v>
          </cell>
          <cell r="AC1274">
            <v>50781</v>
          </cell>
          <cell r="AD1274">
            <v>26378</v>
          </cell>
          <cell r="AE1274" t="str">
            <v>環境コンサルタント</v>
          </cell>
          <cell r="AF1274">
            <v>190523</v>
          </cell>
          <cell r="AI1274">
            <v>3</v>
          </cell>
          <cell r="AJ1274" t="str">
            <v>土木</v>
          </cell>
          <cell r="CR1274">
            <v>7083</v>
          </cell>
          <cell r="CS1274" t="str">
            <v>ﾀﾏｲ ﾉﾌﾞｴ</v>
          </cell>
          <cell r="CT1274" t="str">
            <v>玉井　伸枝</v>
          </cell>
          <cell r="CU1274" t="str">
            <v>地域・高年福祉課</v>
          </cell>
          <cell r="CW1274">
            <v>2587</v>
          </cell>
          <cell r="CY1274" t="str">
            <v>地域・高年福祉課長</v>
          </cell>
        </row>
        <row r="1275">
          <cell r="B1275">
            <v>5069</v>
          </cell>
          <cell r="C1275" t="str">
            <v>あすなろコンサル(株)</v>
          </cell>
          <cell r="D1275" t="str">
            <v>079-280-1070</v>
          </cell>
          <cell r="E1275" t="str">
            <v>671-1113</v>
          </cell>
          <cell r="F1275" t="str">
            <v>兵庫県姫路市広畑区清水町3-327-1</v>
          </cell>
          <cell r="G1275" t="str">
            <v>姫路市</v>
          </cell>
          <cell r="H1275" t="str">
            <v/>
          </cell>
          <cell r="I1275" t="str">
            <v>代表取締役 佐竹　守</v>
          </cell>
          <cell r="J1275" t="str">
            <v>本店</v>
          </cell>
          <cell r="K1275" t="str">
            <v>079-280-1071</v>
          </cell>
          <cell r="L1275" t="str">
            <v>asunaro_nagura@yahoo.co.jp</v>
          </cell>
          <cell r="M1275" t="str">
            <v>ｱｽﾅﾛｺﾝｻﾙ</v>
          </cell>
          <cell r="N1275" t="str">
            <v>無</v>
          </cell>
          <cell r="O1275">
            <v>7</v>
          </cell>
          <cell r="P1275">
            <v>5</v>
          </cell>
          <cell r="Q1275">
            <v>7140001066128</v>
          </cell>
          <cell r="R1275">
            <v>10000</v>
          </cell>
          <cell r="S1275">
            <v>10943</v>
          </cell>
          <cell r="T1275">
            <v>55421</v>
          </cell>
          <cell r="V1275" t="str">
            <v>vq317937</v>
          </cell>
          <cell r="W1275" t="str">
            <v>ta941784</v>
          </cell>
          <cell r="Y1275" t="str">
            <v>物件,機工,営業,損失,</v>
          </cell>
          <cell r="Z1275" t="str">
            <v/>
          </cell>
          <cell r="AA1275" t="str">
            <v/>
          </cell>
          <cell r="AB1275" t="str">
            <v/>
          </cell>
          <cell r="AC1275">
            <v>50488</v>
          </cell>
          <cell r="AD1275" t="str">
            <v/>
          </cell>
          <cell r="AE1275" t="str">
            <v/>
          </cell>
          <cell r="AF1275" t="str">
            <v/>
          </cell>
          <cell r="AI1275">
            <v>4</v>
          </cell>
          <cell r="AJ1275" t="str">
            <v>補償</v>
          </cell>
          <cell r="CR1275">
            <v>7084</v>
          </cell>
          <cell r="CS1275" t="str">
            <v>ﾉﾀﾞ ﾕｳｽｹ</v>
          </cell>
          <cell r="CT1275" t="str">
            <v>野田　悠介</v>
          </cell>
          <cell r="CU1275" t="str">
            <v>国際・平和課</v>
          </cell>
          <cell r="CW1275">
            <v>2174</v>
          </cell>
          <cell r="CY1275" t="str">
            <v>国際・平和課長</v>
          </cell>
        </row>
        <row r="1276">
          <cell r="B1276">
            <v>5072</v>
          </cell>
          <cell r="C1276" t="str">
            <v>(株)アイ・エフ建築設計研究所</v>
          </cell>
          <cell r="D1276" t="str">
            <v>06-6947-5953</v>
          </cell>
          <cell r="E1276" t="str">
            <v>540-0036</v>
          </cell>
          <cell r="F1276" t="str">
            <v>大阪府大阪市中央区船越町1-3-4</v>
          </cell>
          <cell r="G1276" t="str">
            <v>大阪市</v>
          </cell>
          <cell r="H1276" t="str">
            <v/>
          </cell>
          <cell r="I1276" t="str">
            <v>代表取締役 吉羽　逸郎</v>
          </cell>
          <cell r="J1276" t="str">
            <v>本店</v>
          </cell>
          <cell r="K1276" t="str">
            <v>06-6947-0943</v>
          </cell>
          <cell r="L1276" t="str">
            <v>ifa@h2.dion.ne.jp</v>
          </cell>
          <cell r="M1276" t="str">
            <v>ｱｲｴﾌｹﾝﾁｸｾｯｹｲｹﾝｷｭｳｼｮ</v>
          </cell>
          <cell r="N1276" t="str">
            <v>無</v>
          </cell>
          <cell r="O1276">
            <v>28</v>
          </cell>
          <cell r="P1276">
            <v>10</v>
          </cell>
          <cell r="Q1276">
            <v>3120001073121</v>
          </cell>
          <cell r="R1276">
            <v>10000</v>
          </cell>
          <cell r="S1276">
            <v>-18646</v>
          </cell>
          <cell r="T1276">
            <v>75342</v>
          </cell>
          <cell r="V1276" t="str">
            <v>fb272479</v>
          </cell>
          <cell r="W1276" t="str">
            <v>yb787567</v>
          </cell>
          <cell r="Y1276" t="str">
            <v>建築,意匠,</v>
          </cell>
          <cell r="Z1276" t="str">
            <v/>
          </cell>
          <cell r="AA1276">
            <v>75342</v>
          </cell>
          <cell r="AB1276" t="str">
            <v/>
          </cell>
          <cell r="AC1276" t="str">
            <v/>
          </cell>
          <cell r="AD1276" t="str">
            <v/>
          </cell>
          <cell r="AE1276" t="str">
            <v/>
          </cell>
          <cell r="AF1276" t="str">
            <v/>
          </cell>
          <cell r="AI1276">
            <v>2</v>
          </cell>
          <cell r="AJ1276" t="str">
            <v>建築</v>
          </cell>
          <cell r="CR1276">
            <v>7085</v>
          </cell>
          <cell r="CS1276" t="str">
            <v>ﾌｼﾞﾜﾗ ﾘｮｳﾀ</v>
          </cell>
          <cell r="CT1276" t="str">
            <v>藤原　亮太</v>
          </cell>
          <cell r="CU1276" t="str">
            <v>経営企画課</v>
          </cell>
          <cell r="CW1276">
            <v>6725</v>
          </cell>
          <cell r="CY1276" t="str">
            <v>経営企画課長</v>
          </cell>
        </row>
        <row r="1277">
          <cell r="B1277">
            <v>5076</v>
          </cell>
          <cell r="C1277" t="str">
            <v>(株)アクセス</v>
          </cell>
          <cell r="D1277" t="str">
            <v>079-230-0065</v>
          </cell>
          <cell r="E1277" t="str">
            <v>671-1211</v>
          </cell>
          <cell r="F1277" t="str">
            <v>兵庫県姫路市勝原区熊見459-37</v>
          </cell>
          <cell r="G1277" t="str">
            <v>北葛城郡広陵町</v>
          </cell>
          <cell r="H1277" t="str">
            <v>兵庫営業所</v>
          </cell>
          <cell r="I1277" t="str">
            <v>所長 西川　誉英</v>
          </cell>
          <cell r="J1277" t="str">
            <v>奈良県北葛城郡広陵町</v>
          </cell>
          <cell r="K1277" t="str">
            <v>0745-57-3999</v>
          </cell>
          <cell r="L1277" t="str">
            <v>nishikawa@wsa.co.jp</v>
          </cell>
          <cell r="M1277" t="str">
            <v>ｱｸｾｽ</v>
          </cell>
          <cell r="N1277" t="str">
            <v>有</v>
          </cell>
          <cell r="O1277">
            <v>12</v>
          </cell>
          <cell r="P1277">
            <v>8</v>
          </cell>
          <cell r="Q1277">
            <v>4150001014773</v>
          </cell>
          <cell r="R1277">
            <v>10000</v>
          </cell>
          <cell r="S1277">
            <v>51536</v>
          </cell>
          <cell r="T1277">
            <v>16643</v>
          </cell>
          <cell r="V1277" t="str">
            <v>sq032458</v>
          </cell>
          <cell r="W1277" t="str">
            <v>fq032689</v>
          </cell>
          <cell r="Y1277" t="str">
            <v>測量,測量,航空,</v>
          </cell>
          <cell r="Z1277">
            <v>80913</v>
          </cell>
          <cell r="AA1277" t="str">
            <v/>
          </cell>
          <cell r="AB1277" t="str">
            <v/>
          </cell>
          <cell r="AC1277" t="str">
            <v/>
          </cell>
          <cell r="AD1277" t="str">
            <v/>
          </cell>
          <cell r="AE1277" t="str">
            <v/>
          </cell>
          <cell r="AF1277" t="str">
            <v/>
          </cell>
          <cell r="AI1277">
            <v>1</v>
          </cell>
          <cell r="AJ1277" t="str">
            <v>測量</v>
          </cell>
          <cell r="CR1277">
            <v>7086</v>
          </cell>
          <cell r="CS1277" t="str">
            <v>ﾎﾝｼﾞｮｳ ﾘｮｳｲﾁ</v>
          </cell>
          <cell r="CT1277" t="str">
            <v>本庄　亮一</v>
          </cell>
          <cell r="CU1277" t="str">
            <v>生活支援課</v>
          </cell>
          <cell r="CW1277">
            <v>2847</v>
          </cell>
          <cell r="CY1277" t="str">
            <v>生活支援課長</v>
          </cell>
        </row>
        <row r="1278">
          <cell r="B1278">
            <v>5077</v>
          </cell>
          <cell r="C1278" t="str">
            <v>(株)アイプラス設計事務所</v>
          </cell>
          <cell r="D1278" t="str">
            <v>06-6910-1203</v>
          </cell>
          <cell r="E1278" t="str">
            <v>540-0028</v>
          </cell>
          <cell r="F1278" t="str">
            <v>大阪府大阪市中央区常盤町1-4-12</v>
          </cell>
          <cell r="G1278" t="str">
            <v>大阪市</v>
          </cell>
          <cell r="H1278" t="str">
            <v/>
          </cell>
          <cell r="I1278" t="str">
            <v>代表取締役 米田　啓一</v>
          </cell>
          <cell r="J1278" t="str">
            <v>本店</v>
          </cell>
          <cell r="K1278" t="str">
            <v>06-6910-1204</v>
          </cell>
          <cell r="L1278" t="str">
            <v>yoneda@ai-plus.jp</v>
          </cell>
          <cell r="M1278" t="str">
            <v>ｱｲﾌﾟﾗｽｾｯｹｲｼﾞﾑｼｮ</v>
          </cell>
          <cell r="N1278" t="str">
            <v>無</v>
          </cell>
          <cell r="O1278">
            <v>4</v>
          </cell>
          <cell r="P1278">
            <v>7</v>
          </cell>
          <cell r="Q1278">
            <v>3120001183746</v>
          </cell>
          <cell r="R1278">
            <v>4500</v>
          </cell>
          <cell r="S1278">
            <v>4322</v>
          </cell>
          <cell r="T1278">
            <v>53052</v>
          </cell>
          <cell r="V1278" t="str">
            <v>yy188860</v>
          </cell>
          <cell r="W1278" t="str">
            <v>zm178902</v>
          </cell>
          <cell r="Y1278" t="str">
            <v>建築,意匠,構造,冷暖,衛生,電気,調査,</v>
          </cell>
          <cell r="Z1278" t="str">
            <v/>
          </cell>
          <cell r="AA1278">
            <v>44939</v>
          </cell>
          <cell r="AB1278" t="str">
            <v/>
          </cell>
          <cell r="AC1278" t="str">
            <v/>
          </cell>
          <cell r="AD1278" t="str">
            <v/>
          </cell>
          <cell r="AE1278" t="str">
            <v/>
          </cell>
          <cell r="AF1278" t="str">
            <v/>
          </cell>
          <cell r="AI1278">
            <v>2</v>
          </cell>
          <cell r="AJ1278" t="str">
            <v>建築</v>
          </cell>
          <cell r="CR1278">
            <v>7087</v>
          </cell>
          <cell r="CS1278" t="str">
            <v>ﾀｶｲ ﾐｷ</v>
          </cell>
          <cell r="CT1278" t="str">
            <v>髙井　美樹</v>
          </cell>
          <cell r="CU1278" t="str">
            <v>施設課</v>
          </cell>
          <cell r="CW1278">
            <v>3647</v>
          </cell>
          <cell r="CY1278" t="str">
            <v>施設課長</v>
          </cell>
        </row>
        <row r="1279">
          <cell r="B1279">
            <v>5079</v>
          </cell>
          <cell r="C1279" t="str">
            <v>(有)アルファ建築設計</v>
          </cell>
          <cell r="D1279" t="str">
            <v>06-6492-0448</v>
          </cell>
          <cell r="E1279" t="str">
            <v>661-0953</v>
          </cell>
          <cell r="F1279" t="str">
            <v>兵庫県尼崎市東園田町4丁目14 8番地の24</v>
          </cell>
          <cell r="G1279" t="str">
            <v>尼崎市</v>
          </cell>
          <cell r="H1279" t="str">
            <v/>
          </cell>
          <cell r="I1279" t="str">
            <v>取締役　 長谷　俊秀</v>
          </cell>
          <cell r="J1279" t="str">
            <v>本店</v>
          </cell>
          <cell r="K1279" t="str">
            <v>06-6492-4544</v>
          </cell>
          <cell r="L1279" t="str">
            <v>alfa0664920448@gmail.com</v>
          </cell>
          <cell r="M1279" t="str">
            <v>ﾕ)ｱﾙﾌｱｹﾝﾁｸｾﾂｹｲ</v>
          </cell>
          <cell r="N1279" t="str">
            <v>無</v>
          </cell>
          <cell r="O1279">
            <v>17</v>
          </cell>
          <cell r="P1279">
            <v>4</v>
          </cell>
          <cell r="Q1279">
            <v>2140002044070</v>
          </cell>
          <cell r="R1279">
            <v>3000</v>
          </cell>
          <cell r="S1279">
            <v>-989</v>
          </cell>
          <cell r="T1279">
            <v>16432</v>
          </cell>
          <cell r="V1279" t="str">
            <v>kk169644</v>
          </cell>
          <cell r="W1279" t="str">
            <v>ur132776</v>
          </cell>
          <cell r="Y1279" t="str">
            <v>建築,意匠,構造,建積,調査,</v>
          </cell>
          <cell r="Z1279" t="str">
            <v/>
          </cell>
          <cell r="AA1279">
            <v>16432</v>
          </cell>
          <cell r="AB1279" t="str">
            <v/>
          </cell>
          <cell r="AC1279" t="str">
            <v/>
          </cell>
          <cell r="AD1279" t="str">
            <v/>
          </cell>
          <cell r="AE1279" t="str">
            <v/>
          </cell>
          <cell r="AF1279" t="str">
            <v/>
          </cell>
          <cell r="AI1279">
            <v>2</v>
          </cell>
          <cell r="AJ1279" t="str">
            <v>建築</v>
          </cell>
          <cell r="CR1279">
            <v>7088</v>
          </cell>
          <cell r="CS1279" t="str">
            <v>ﾌｼﾞﾀ ｲｸｺ</v>
          </cell>
          <cell r="CT1279" t="str">
            <v>冨士田　育子</v>
          </cell>
          <cell r="CU1279" t="str">
            <v>債権管理課</v>
          </cell>
          <cell r="CW1279">
            <v>2243</v>
          </cell>
          <cell r="CY1279" t="str">
            <v>債権管理課長</v>
          </cell>
        </row>
        <row r="1280">
          <cell r="B1280">
            <v>5080</v>
          </cell>
          <cell r="C1280" t="str">
            <v>麻建築工房</v>
          </cell>
          <cell r="D1280" t="str">
            <v>078-955-4460</v>
          </cell>
          <cell r="E1280" t="str">
            <v>673-0033</v>
          </cell>
          <cell r="F1280" t="str">
            <v>兵庫県明石市林崎町3-486-15</v>
          </cell>
          <cell r="G1280" t="str">
            <v>明石市</v>
          </cell>
          <cell r="H1280" t="str">
            <v/>
          </cell>
          <cell r="I1280" t="str">
            <v>代表 岸本　麻衣子</v>
          </cell>
          <cell r="J1280" t="str">
            <v>本店</v>
          </cell>
          <cell r="K1280" t="str">
            <v>078-955-4460</v>
          </cell>
          <cell r="L1280" t="str">
            <v/>
          </cell>
          <cell r="M1280" t="str">
            <v>ｱｻｹﾝﾁｸｺｳﾎﾞｳ</v>
          </cell>
          <cell r="N1280" t="str">
            <v>無</v>
          </cell>
          <cell r="O1280">
            <v>3</v>
          </cell>
          <cell r="P1280">
            <v>2</v>
          </cell>
          <cell r="R1280">
            <v>2000</v>
          </cell>
          <cell r="S1280">
            <v>2000</v>
          </cell>
          <cell r="T1280">
            <v>2700</v>
          </cell>
          <cell r="V1280" t="str">
            <v>jw119464</v>
          </cell>
          <cell r="W1280" t="str">
            <v>aw123961</v>
          </cell>
          <cell r="Y1280" t="str">
            <v>建築,意匠,構造,建積,調査,</v>
          </cell>
          <cell r="Z1280" t="str">
            <v/>
          </cell>
          <cell r="AA1280">
            <v>2126</v>
          </cell>
          <cell r="AB1280" t="str">
            <v/>
          </cell>
          <cell r="AC1280" t="str">
            <v/>
          </cell>
          <cell r="AD1280" t="str">
            <v/>
          </cell>
          <cell r="AE1280" t="str">
            <v/>
          </cell>
          <cell r="AF1280" t="str">
            <v/>
          </cell>
          <cell r="AI1280">
            <v>2</v>
          </cell>
          <cell r="AJ1280" t="str">
            <v>建築</v>
          </cell>
          <cell r="CR1280">
            <v>7089</v>
          </cell>
          <cell r="CS1280" t="str">
            <v>ｸｷﾊﾗ ﾋﾛｼ</v>
          </cell>
          <cell r="CT1280" t="str">
            <v>久木原　博</v>
          </cell>
          <cell r="CU1280" t="str">
            <v>健康政策課</v>
          </cell>
          <cell r="CW1280">
            <v>2561</v>
          </cell>
          <cell r="CY1280" t="str">
            <v>健康政策課長</v>
          </cell>
        </row>
        <row r="1281">
          <cell r="B1281">
            <v>5082</v>
          </cell>
          <cell r="C1281" t="str">
            <v>(株)Ｅ＆Ｓエンジニアリング</v>
          </cell>
          <cell r="D1281" t="str">
            <v>06-6585-3020</v>
          </cell>
          <cell r="E1281" t="str">
            <v>650-0027</v>
          </cell>
          <cell r="F1281" t="str">
            <v>大阪府大阪市港区市岡元町3-7-10</v>
          </cell>
          <cell r="G1281" t="str">
            <v>大阪市</v>
          </cell>
          <cell r="H1281" t="str">
            <v/>
          </cell>
          <cell r="I1281" t="str">
            <v>代表取締役社長　 瀬戸　克美</v>
          </cell>
          <cell r="J1281" t="str">
            <v>本店</v>
          </cell>
          <cell r="K1281" t="str">
            <v>06-6585-3028</v>
          </cell>
          <cell r="L1281" t="str">
            <v>eigyo@eands.co.jp</v>
          </cell>
          <cell r="M1281" t="str">
            <v>ｲ-ｱﾝﾄﾞｴｽｴﾝｼﾞﾆｱﾘﾝｸﾞ</v>
          </cell>
          <cell r="N1281" t="str">
            <v>無</v>
          </cell>
          <cell r="O1281">
            <v>15</v>
          </cell>
          <cell r="P1281">
            <v>19</v>
          </cell>
          <cell r="Q1281">
            <v>8120001105828</v>
          </cell>
          <cell r="R1281">
            <v>26000</v>
          </cell>
          <cell r="S1281">
            <v>90885</v>
          </cell>
          <cell r="T1281">
            <v>203021</v>
          </cell>
          <cell r="V1281" t="str">
            <v>kh848281</v>
          </cell>
          <cell r="W1281" t="str">
            <v>ra454984</v>
          </cell>
          <cell r="Y1281" t="str">
            <v>建築,構造,冷暖,衛生,電気,機積,電積,調査,</v>
          </cell>
          <cell r="Z1281" t="str">
            <v/>
          </cell>
          <cell r="AA1281">
            <v>207950</v>
          </cell>
          <cell r="AB1281" t="str">
            <v/>
          </cell>
          <cell r="AC1281" t="str">
            <v/>
          </cell>
          <cell r="AD1281" t="str">
            <v/>
          </cell>
          <cell r="AE1281" t="str">
            <v/>
          </cell>
          <cell r="AF1281" t="str">
            <v/>
          </cell>
          <cell r="AI1281">
            <v>2</v>
          </cell>
          <cell r="AJ1281" t="str">
            <v>建築</v>
          </cell>
          <cell r="CR1281">
            <v>7090</v>
          </cell>
          <cell r="CS1281" t="str">
            <v>ｼﾐｽﾞ ﾄﾓﾀﾞｲ</v>
          </cell>
          <cell r="CT1281" t="str">
            <v>清水　知大</v>
          </cell>
          <cell r="CU1281" t="str">
            <v>文化振興課</v>
          </cell>
          <cell r="CW1281">
            <v>2932</v>
          </cell>
          <cell r="CY1281" t="str">
            <v>文化振興課長</v>
          </cell>
        </row>
        <row r="1282">
          <cell r="B1282">
            <v>5083</v>
          </cell>
          <cell r="C1282" t="str">
            <v>(有)井伊測量設計事務所</v>
          </cell>
          <cell r="D1282" t="str">
            <v>06-6384-0997</v>
          </cell>
          <cell r="E1282" t="str">
            <v>564-0063</v>
          </cell>
          <cell r="F1282" t="str">
            <v>大阪府吹田市江坂町3-22-23</v>
          </cell>
          <cell r="G1282" t="str">
            <v>吹田市</v>
          </cell>
          <cell r="H1282" t="str">
            <v/>
          </cell>
          <cell r="I1282" t="str">
            <v>代表取締役 井伊　圭一郎</v>
          </cell>
          <cell r="J1282" t="str">
            <v>本店</v>
          </cell>
          <cell r="K1282" t="str">
            <v>06-6821-7764</v>
          </cell>
          <cell r="L1282" t="str">
            <v>ii@iiss.co.jp</v>
          </cell>
          <cell r="M1282" t="str">
            <v>ｲｲｿｸﾘｮｳｾｯｹｲｼﾞﾑｼｮ</v>
          </cell>
          <cell r="N1282" t="str">
            <v>有</v>
          </cell>
          <cell r="O1282">
            <v>29</v>
          </cell>
          <cell r="P1282">
            <v>10</v>
          </cell>
          <cell r="Q1282">
            <v>6120902005244</v>
          </cell>
          <cell r="R1282">
            <v>10000</v>
          </cell>
          <cell r="S1282">
            <v>9051</v>
          </cell>
          <cell r="T1282">
            <v>0</v>
          </cell>
          <cell r="V1282" t="str">
            <v>tp153271</v>
          </cell>
          <cell r="W1282" t="str">
            <v>rq367764</v>
          </cell>
          <cell r="Y1282" t="str">
            <v>測量,測量,下水,交通,</v>
          </cell>
          <cell r="Z1282">
            <v>34293</v>
          </cell>
          <cell r="AA1282" t="str">
            <v/>
          </cell>
          <cell r="AB1282">
            <v>1210</v>
          </cell>
          <cell r="AC1282" t="str">
            <v/>
          </cell>
          <cell r="AD1282" t="str">
            <v/>
          </cell>
          <cell r="AE1282" t="str">
            <v/>
          </cell>
          <cell r="AF1282" t="str">
            <v/>
          </cell>
          <cell r="AI1282">
            <v>1</v>
          </cell>
          <cell r="AJ1282" t="str">
            <v>測量</v>
          </cell>
          <cell r="CR1282">
            <v>7091</v>
          </cell>
          <cell r="CS1282" t="str">
            <v>ﾉﾑﾗ ｼｮｳｺﾞ</v>
          </cell>
          <cell r="CT1282" t="str">
            <v>野村　祥吾</v>
          </cell>
          <cell r="CU1282" t="str">
            <v>子育て支援課</v>
          </cell>
          <cell r="CW1282">
            <v>2608</v>
          </cell>
          <cell r="CY1282" t="str">
            <v>子育て支援課長</v>
          </cell>
        </row>
        <row r="1283">
          <cell r="B1283">
            <v>5087</v>
          </cell>
          <cell r="C1283" t="str">
            <v>(株)井沢設計</v>
          </cell>
          <cell r="D1283" t="str">
            <v>078-579-8390</v>
          </cell>
          <cell r="E1283" t="str">
            <v>652-0801</v>
          </cell>
          <cell r="F1283" t="str">
            <v>兵庫県神戸市兵庫区中道通9-2-5</v>
          </cell>
          <cell r="G1283" t="str">
            <v>八尾市</v>
          </cell>
          <cell r="H1283" t="str">
            <v>神戸営業所</v>
          </cell>
          <cell r="I1283" t="str">
            <v>所長 柳田　佳宏</v>
          </cell>
          <cell r="J1283" t="str">
            <v>大阪府八尾市</v>
          </cell>
          <cell r="K1283" t="str">
            <v>078-579-8391</v>
          </cell>
          <cell r="L1283" t="str">
            <v>info@izawasekkei.co.jp</v>
          </cell>
          <cell r="M1283" t="str">
            <v>ｲｻﾞﾜｾｯｹｲ</v>
          </cell>
          <cell r="N1283" t="str">
            <v>有</v>
          </cell>
          <cell r="O1283">
            <v>55</v>
          </cell>
          <cell r="P1283">
            <v>26</v>
          </cell>
          <cell r="Q1283">
            <v>6122001017708</v>
          </cell>
          <cell r="R1283">
            <v>21000</v>
          </cell>
          <cell r="S1283">
            <v>3948</v>
          </cell>
          <cell r="T1283">
            <v>288519</v>
          </cell>
          <cell r="V1283" t="str">
            <v>nr957834</v>
          </cell>
          <cell r="W1283" t="str">
            <v>tc625086</v>
          </cell>
          <cell r="Y1283" t="str">
            <v>測量,測量,土質,鋼構,河川,道路,施行,造園,上水,下水,</v>
          </cell>
          <cell r="Z1283">
            <v>11763</v>
          </cell>
          <cell r="AA1283" t="str">
            <v/>
          </cell>
          <cell r="AB1283">
            <v>278417</v>
          </cell>
          <cell r="AC1283" t="str">
            <v/>
          </cell>
          <cell r="AD1283" t="str">
            <v/>
          </cell>
          <cell r="AE1283" t="str">
            <v/>
          </cell>
          <cell r="AF1283" t="str">
            <v/>
          </cell>
          <cell r="AI1283">
            <v>3</v>
          </cell>
          <cell r="AJ1283" t="str">
            <v>土木</v>
          </cell>
          <cell r="CR1283">
            <v>7092</v>
          </cell>
          <cell r="CS1283" t="str">
            <v>ﾔｱｲ ﾊﾔﾄ</v>
          </cell>
          <cell r="CT1283" t="str">
            <v>家合　隼人</v>
          </cell>
          <cell r="CU1283" t="str">
            <v>市民税課</v>
          </cell>
          <cell r="CW1283">
            <v>2338</v>
          </cell>
          <cell r="CY1283" t="str">
            <v>市民税課長</v>
          </cell>
        </row>
        <row r="1284">
          <cell r="B1284">
            <v>5089</v>
          </cell>
          <cell r="C1284" t="str">
            <v>(株)石居設計</v>
          </cell>
          <cell r="D1284" t="str">
            <v>0749-26-5688</v>
          </cell>
          <cell r="E1284" t="str">
            <v>522-0055</v>
          </cell>
          <cell r="F1284" t="str">
            <v>滋賀県彦根市野瀬町37-1</v>
          </cell>
          <cell r="G1284" t="str">
            <v>彦根市</v>
          </cell>
          <cell r="H1284" t="str">
            <v/>
          </cell>
          <cell r="I1284" t="str">
            <v>代表取締役 石居　宏氏</v>
          </cell>
          <cell r="J1284" t="str">
            <v>本店</v>
          </cell>
          <cell r="K1284" t="str">
            <v>0749-26-6161</v>
          </cell>
          <cell r="L1284" t="str">
            <v>ishii@mx.bw.dream.jp</v>
          </cell>
          <cell r="M1284" t="str">
            <v>ｲｼｲｾｯｹｲ</v>
          </cell>
          <cell r="N1284" t="str">
            <v>無</v>
          </cell>
          <cell r="O1284">
            <v>36</v>
          </cell>
          <cell r="P1284">
            <v>33</v>
          </cell>
          <cell r="Q1284">
            <v>1160001008059</v>
          </cell>
          <cell r="R1284">
            <v>50000</v>
          </cell>
          <cell r="S1284">
            <v>24923</v>
          </cell>
          <cell r="T1284">
            <v>988356</v>
          </cell>
          <cell r="V1284" t="str">
            <v>jf952942</v>
          </cell>
          <cell r="W1284" t="str">
            <v>jr575881</v>
          </cell>
          <cell r="Y1284" t="str">
            <v/>
          </cell>
          <cell r="Z1284">
            <v>131523</v>
          </cell>
          <cell r="AA1284" t="str">
            <v/>
          </cell>
          <cell r="AB1284">
            <v>675219</v>
          </cell>
          <cell r="AC1284">
            <v>69279</v>
          </cell>
          <cell r="AD1284" t="str">
            <v>その他</v>
          </cell>
          <cell r="AE1284" t="str">
            <v>その他</v>
          </cell>
          <cell r="AF1284">
            <v>675219</v>
          </cell>
          <cell r="AI1284" t="str">
            <v>補償</v>
          </cell>
          <cell r="AJ1284" t="str">
            <v>滋賀県</v>
          </cell>
        </row>
        <row r="1285">
          <cell r="B1285">
            <v>5090</v>
          </cell>
          <cell r="C1285" t="str">
            <v>(株)石本建築事務所</v>
          </cell>
          <cell r="D1285" t="str">
            <v>06-6251-7507</v>
          </cell>
          <cell r="E1285" t="str">
            <v>541-0054</v>
          </cell>
          <cell r="F1285" t="str">
            <v>大阪府大阪市中央区南本町2-6-12</v>
          </cell>
          <cell r="H1285" t="str">
            <v>大阪オフィス</v>
          </cell>
          <cell r="I1285" t="str">
            <v>オフィス代表 谷口　嘉彦</v>
          </cell>
          <cell r="J1285" t="str">
            <v>東京都</v>
          </cell>
          <cell r="K1285" t="str">
            <v>06-6251-7522</v>
          </cell>
          <cell r="L1285" t="str">
            <v>kaihatsu@ishimoto.co.jp</v>
          </cell>
          <cell r="M1285" t="str">
            <v>ｲｼﾓﾄｹﾝﾁｸｼﾞﾑｼｮ</v>
          </cell>
          <cell r="N1285" t="str">
            <v>有</v>
          </cell>
          <cell r="O1285">
            <v>91</v>
          </cell>
          <cell r="P1285">
            <v>355</v>
          </cell>
          <cell r="Q1285">
            <v>6010001010636</v>
          </cell>
          <cell r="R1285">
            <v>40000</v>
          </cell>
          <cell r="S1285">
            <v>3320506</v>
          </cell>
          <cell r="T1285">
            <v>7012717</v>
          </cell>
          <cell r="V1285" t="str">
            <v>sk322563</v>
          </cell>
          <cell r="W1285" t="str">
            <v>ug641391</v>
          </cell>
          <cell r="Y1285" t="str">
            <v>建築,意匠,構造,冷暖,衛生,電気,建積,機積,電積,調査,都市,</v>
          </cell>
          <cell r="Z1285" t="str">
            <v/>
          </cell>
          <cell r="AA1285">
            <v>7574490</v>
          </cell>
          <cell r="AB1285">
            <v>116115</v>
          </cell>
          <cell r="AC1285" t="str">
            <v/>
          </cell>
          <cell r="AD1285" t="str">
            <v/>
          </cell>
          <cell r="AE1285" t="str">
            <v/>
          </cell>
          <cell r="AF1285" t="str">
            <v/>
          </cell>
          <cell r="AI1285">
            <v>2</v>
          </cell>
          <cell r="AJ1285" t="str">
            <v>建築</v>
          </cell>
          <cell r="CR1285">
            <v>7093</v>
          </cell>
          <cell r="CS1285" t="str">
            <v>ﾔﾏﾓﾄ ﾏｻﾕｷ</v>
          </cell>
          <cell r="CT1285" t="str">
            <v>山本　雅之</v>
          </cell>
          <cell r="CU1285" t="str">
            <v>市民税課</v>
          </cell>
          <cell r="CW1285">
            <v>2303</v>
          </cell>
          <cell r="CY1285" t="str">
            <v>市民税課長</v>
          </cell>
        </row>
        <row r="1286">
          <cell r="B1286">
            <v>5091</v>
          </cell>
          <cell r="C1286" t="str">
            <v>(株)板垣建築事務所</v>
          </cell>
          <cell r="D1286" t="str">
            <v>06-6633-7535</v>
          </cell>
          <cell r="E1286" t="str">
            <v>556-0006</v>
          </cell>
          <cell r="F1286" t="str">
            <v>大阪府大阪市浪速区日本橋東2ｰ9ｰ16</v>
          </cell>
          <cell r="G1286" t="str">
            <v>大阪市</v>
          </cell>
          <cell r="H1286" t="str">
            <v/>
          </cell>
          <cell r="I1286" t="str">
            <v>代表取締役 板垣　美一</v>
          </cell>
          <cell r="J1286" t="str">
            <v>本店</v>
          </cell>
          <cell r="K1286" t="str">
            <v>06-6644-4418</v>
          </cell>
          <cell r="L1286" t="str">
            <v>itagaki@iyagaki-ao.co.jp</v>
          </cell>
          <cell r="M1286" t="str">
            <v>ｲﾀｶﾞｷｹﾝﾁｸｼﾞﾑｼｮ</v>
          </cell>
          <cell r="N1286" t="str">
            <v>無</v>
          </cell>
          <cell r="O1286">
            <v>54</v>
          </cell>
          <cell r="P1286">
            <v>13</v>
          </cell>
          <cell r="Q1286">
            <v>5120001037280</v>
          </cell>
          <cell r="R1286">
            <v>10000</v>
          </cell>
          <cell r="S1286">
            <v>2056</v>
          </cell>
          <cell r="T1286">
            <v>87797</v>
          </cell>
          <cell r="V1286" t="str">
            <v>br942302</v>
          </cell>
          <cell r="W1286" t="str">
            <v>tf853904</v>
          </cell>
          <cell r="Y1286" t="str">
            <v>建築,意匠,構造,冷暖,衛生,電気,建積,機積,電積,調査,</v>
          </cell>
          <cell r="Z1286" t="str">
            <v/>
          </cell>
          <cell r="AA1286">
            <v>91663</v>
          </cell>
          <cell r="AB1286" t="str">
            <v/>
          </cell>
          <cell r="AC1286" t="str">
            <v/>
          </cell>
          <cell r="AD1286" t="str">
            <v/>
          </cell>
          <cell r="AE1286" t="str">
            <v/>
          </cell>
          <cell r="AF1286" t="str">
            <v/>
          </cell>
          <cell r="AI1286">
            <v>2</v>
          </cell>
          <cell r="AJ1286" t="str">
            <v>建築</v>
          </cell>
          <cell r="CR1286">
            <v>7094</v>
          </cell>
          <cell r="CS1286" t="str">
            <v>ｲﾏｲ ﾏﾕ</v>
          </cell>
          <cell r="CT1286" t="str">
            <v>今井　真由</v>
          </cell>
          <cell r="CU1286" t="str">
            <v>市民課</v>
          </cell>
          <cell r="CW1286">
            <v>2625</v>
          </cell>
          <cell r="CY1286" t="str">
            <v>市民課長</v>
          </cell>
        </row>
        <row r="1287">
          <cell r="B1287">
            <v>5094</v>
          </cell>
          <cell r="C1287" t="str">
            <v>(株)市浦ハウジング＆プランニング</v>
          </cell>
          <cell r="D1287" t="str">
            <v>06-6361-8480</v>
          </cell>
          <cell r="E1287" t="str">
            <v>530-0047</v>
          </cell>
          <cell r="F1287" t="str">
            <v>大阪府大阪市北区西天満1-7-20</v>
          </cell>
          <cell r="H1287" t="str">
            <v>大阪支店</v>
          </cell>
          <cell r="I1287" t="str">
            <v>専務取締役支店長 田中　純一</v>
          </cell>
          <cell r="J1287" t="str">
            <v>東京都</v>
          </cell>
          <cell r="K1287" t="str">
            <v>06-6361-8788</v>
          </cell>
          <cell r="L1287" t="str">
            <v>shimei_nyusatsu@ichiura.co.jp</v>
          </cell>
          <cell r="M1287" t="str">
            <v>ｲﾁｳﾗﾊｳｼﾞﾝｸﾞｱﾝﾄﾞﾌﾟﾗﾝﾆﾝｸﾞ</v>
          </cell>
          <cell r="N1287" t="str">
            <v>有</v>
          </cell>
          <cell r="O1287">
            <v>66</v>
          </cell>
          <cell r="P1287">
            <v>75</v>
          </cell>
          <cell r="Q1287">
            <v>4010001000696</v>
          </cell>
          <cell r="R1287">
            <v>10000</v>
          </cell>
          <cell r="S1287">
            <v>364758</v>
          </cell>
          <cell r="T1287">
            <v>1814100</v>
          </cell>
          <cell r="V1287" t="str">
            <v>qe678915</v>
          </cell>
          <cell r="W1287" t="str">
            <v>sb961833</v>
          </cell>
          <cell r="Y1287" t="str">
            <v>建築,意匠,調査,都市,</v>
          </cell>
          <cell r="Z1287" t="str">
            <v/>
          </cell>
          <cell r="AA1287">
            <v>430125</v>
          </cell>
          <cell r="AB1287">
            <v>1477299</v>
          </cell>
          <cell r="AC1287" t="str">
            <v/>
          </cell>
          <cell r="AD1287" t="str">
            <v/>
          </cell>
          <cell r="AE1287" t="str">
            <v/>
          </cell>
          <cell r="AF1287" t="str">
            <v/>
          </cell>
          <cell r="AI1287">
            <v>3</v>
          </cell>
          <cell r="AJ1287" t="str">
            <v>土木</v>
          </cell>
          <cell r="CR1287">
            <v>7095</v>
          </cell>
          <cell r="CS1287" t="str">
            <v>ｻｶｸﾞﾁ ｼﾝﾔ</v>
          </cell>
          <cell r="CT1287" t="str">
            <v>阪口　進哉</v>
          </cell>
          <cell r="CU1287" t="str">
            <v>生活支援課</v>
          </cell>
          <cell r="CW1287">
            <v>2591</v>
          </cell>
          <cell r="CY1287" t="str">
            <v>生活支援課長</v>
          </cell>
        </row>
        <row r="1288">
          <cell r="B1288">
            <v>5096</v>
          </cell>
          <cell r="C1288" t="str">
            <v>いであ(株)</v>
          </cell>
          <cell r="D1288" t="str">
            <v>078-360-1711</v>
          </cell>
          <cell r="E1288" t="str">
            <v>650-0011</v>
          </cell>
          <cell r="F1288" t="str">
            <v>兵庫県神戸市中央区下山手通5-1-1</v>
          </cell>
          <cell r="H1288" t="str">
            <v>神戸営業所</v>
          </cell>
          <cell r="I1288" t="str">
            <v>所長 向井　一聡</v>
          </cell>
          <cell r="J1288" t="str">
            <v>東京都</v>
          </cell>
          <cell r="K1288" t="str">
            <v>078-360-1811</v>
          </cell>
          <cell r="L1288" t="str">
            <v>calsosk@ideacon.co.jp</v>
          </cell>
          <cell r="M1288" t="str">
            <v>ｲﾃﾞｱ</v>
          </cell>
          <cell r="N1288" t="str">
            <v>有</v>
          </cell>
          <cell r="O1288">
            <v>65</v>
          </cell>
          <cell r="P1288">
            <v>953</v>
          </cell>
          <cell r="Q1288">
            <v>7010901005494</v>
          </cell>
          <cell r="R1288">
            <v>3173236</v>
          </cell>
          <cell r="S1288">
            <v>14705266</v>
          </cell>
          <cell r="T1288">
            <v>16880310</v>
          </cell>
          <cell r="V1288" t="str">
            <v>na327566</v>
          </cell>
          <cell r="W1288" t="str">
            <v>vq408113</v>
          </cell>
          <cell r="Y1288" t="str">
            <v>測量,建築,意匠,構造,冷暖,衛生,電気,建積,機積,電積,調査,土質,鋼構,河川,道路,施行,地質,下水,都市,環境,土他,営業,地質,水質,大気,騒音,交通,調他</v>
          </cell>
          <cell r="Z1288">
            <v>113733</v>
          </cell>
          <cell r="AA1288" t="str">
            <v/>
          </cell>
          <cell r="AB1288">
            <v>12725303</v>
          </cell>
          <cell r="AC1288">
            <v>25988</v>
          </cell>
          <cell r="AD1288">
            <v>22002</v>
          </cell>
          <cell r="AE1288" t="str">
            <v>その他</v>
          </cell>
          <cell r="AF1288">
            <v>3383622</v>
          </cell>
          <cell r="AI1288">
            <v>3</v>
          </cell>
          <cell r="AJ1288" t="str">
            <v>土木</v>
          </cell>
          <cell r="CR1288">
            <v>7096</v>
          </cell>
          <cell r="CS1288" t="str">
            <v>ﾎﾘ ﾅﾂﾐ</v>
          </cell>
          <cell r="CT1288" t="str">
            <v>堀　夏海</v>
          </cell>
          <cell r="CU1288" t="str">
            <v>障害福祉課</v>
          </cell>
          <cell r="CW1288">
            <v>2976</v>
          </cell>
          <cell r="CY1288" t="str">
            <v>障害福祉課長</v>
          </cell>
        </row>
        <row r="1289">
          <cell r="B1289">
            <v>5098</v>
          </cell>
          <cell r="C1289" t="str">
            <v>(株)イビソク</v>
          </cell>
          <cell r="D1289" t="str">
            <v>078-652-8480</v>
          </cell>
          <cell r="E1289" t="str">
            <v>650-0044</v>
          </cell>
          <cell r="F1289" t="str">
            <v>兵庫県神戸市中央区東川崎町7-2-9</v>
          </cell>
          <cell r="G1289" t="str">
            <v>大垣市</v>
          </cell>
          <cell r="H1289" t="str">
            <v>兵庫営業所</v>
          </cell>
          <cell r="I1289" t="str">
            <v>所長 村上　真仁</v>
          </cell>
          <cell r="J1289" t="str">
            <v>岐阜県大垣市</v>
          </cell>
          <cell r="K1289" t="str">
            <v>078-652-8481</v>
          </cell>
          <cell r="L1289" t="str">
            <v>next-i30@ibisoku.co.jp</v>
          </cell>
          <cell r="M1289" t="str">
            <v>ｲﾋﾞｿｸ</v>
          </cell>
          <cell r="N1289" t="str">
            <v>有</v>
          </cell>
          <cell r="O1289">
            <v>45</v>
          </cell>
          <cell r="P1289">
            <v>193</v>
          </cell>
          <cell r="Q1289">
            <v>9200001013229</v>
          </cell>
          <cell r="R1289">
            <v>45000</v>
          </cell>
          <cell r="S1289">
            <v>491734</v>
          </cell>
          <cell r="T1289">
            <v>2684387</v>
          </cell>
          <cell r="V1289" t="str">
            <v>ha926303</v>
          </cell>
          <cell r="W1289" t="str">
            <v>au178324</v>
          </cell>
          <cell r="Y1289" t="str">
            <v>測量,測量,航空,土質,鋼構,河川,道路,施行,地質,造園,上水,都市,土他,土調,土評,物件,機工,営業,損失,補償,地質,交通,調他</v>
          </cell>
          <cell r="Z1289">
            <v>520309</v>
          </cell>
          <cell r="AA1289" t="str">
            <v/>
          </cell>
          <cell r="AB1289">
            <v>357111</v>
          </cell>
          <cell r="AC1289">
            <v>141993</v>
          </cell>
          <cell r="AD1289">
            <v>1648010</v>
          </cell>
          <cell r="AE1289" t="str">
            <v/>
          </cell>
          <cell r="AF1289" t="str">
            <v/>
          </cell>
          <cell r="AI1289">
            <v>5</v>
          </cell>
          <cell r="AJ1289" t="str">
            <v>調査</v>
          </cell>
          <cell r="CR1289">
            <v>7097</v>
          </cell>
          <cell r="CS1289" t="str">
            <v>ﾏｴﾀﾞ ﾅﾎｺ</v>
          </cell>
          <cell r="CT1289" t="str">
            <v>前田　菜穂子</v>
          </cell>
          <cell r="CU1289" t="str">
            <v>生活支援課</v>
          </cell>
          <cell r="CW1289">
            <v>2955</v>
          </cell>
          <cell r="CY1289" t="str">
            <v>生活支援課長</v>
          </cell>
        </row>
        <row r="1290">
          <cell r="B1290">
            <v>5101</v>
          </cell>
          <cell r="C1290" t="str">
            <v>(株)いるか設計集団</v>
          </cell>
          <cell r="D1290" t="str">
            <v>078-332-4902</v>
          </cell>
          <cell r="E1290" t="str">
            <v>650-0024</v>
          </cell>
          <cell r="F1290" t="str">
            <v>兵庫県神戸市中央区海岸通3-1-5</v>
          </cell>
          <cell r="G1290" t="str">
            <v>神戸市</v>
          </cell>
          <cell r="H1290" t="str">
            <v/>
          </cell>
          <cell r="I1290" t="str">
            <v>代表取締役 重村　桂子</v>
          </cell>
          <cell r="J1290" t="str">
            <v>本店</v>
          </cell>
          <cell r="K1290" t="str">
            <v>078-332-5490</v>
          </cell>
          <cell r="L1290" t="str">
            <v>info@atelier-iruka.jp</v>
          </cell>
          <cell r="M1290" t="str">
            <v>ｲﾙｶｾｯｹｲｼｭｳﾀﾞﾝ</v>
          </cell>
          <cell r="N1290" t="str">
            <v>無</v>
          </cell>
          <cell r="O1290">
            <v>39</v>
          </cell>
          <cell r="P1290">
            <v>13</v>
          </cell>
          <cell r="Q1290">
            <v>5140001006234</v>
          </cell>
          <cell r="R1290">
            <v>10000</v>
          </cell>
          <cell r="S1290">
            <v>-30945</v>
          </cell>
          <cell r="T1290">
            <v>70161</v>
          </cell>
          <cell r="V1290" t="str">
            <v>sx937498</v>
          </cell>
          <cell r="W1290" t="str">
            <v>qn690768</v>
          </cell>
          <cell r="Y1290" t="str">
            <v>建築,意匠,構造,冷暖,衛生,電気,建積,機積,電積,調査,</v>
          </cell>
          <cell r="Z1290" t="str">
            <v/>
          </cell>
          <cell r="AA1290">
            <v>70161</v>
          </cell>
          <cell r="AB1290" t="str">
            <v/>
          </cell>
          <cell r="AC1290" t="str">
            <v/>
          </cell>
          <cell r="AD1290" t="str">
            <v/>
          </cell>
          <cell r="AE1290" t="str">
            <v/>
          </cell>
          <cell r="AF1290" t="str">
            <v/>
          </cell>
          <cell r="AI1290">
            <v>2</v>
          </cell>
          <cell r="AJ1290" t="str">
            <v>建築</v>
          </cell>
          <cell r="CR1290">
            <v>7098</v>
          </cell>
          <cell r="CS1290" t="str">
            <v>ｻｶｸﾞﾁ ﾀﾂﾛｳ</v>
          </cell>
          <cell r="CT1290" t="str">
            <v>阪口　達郎</v>
          </cell>
          <cell r="CU1290" t="str">
            <v>都市計画課</v>
          </cell>
          <cell r="CW1290">
            <v>4540</v>
          </cell>
          <cell r="CY1290" t="str">
            <v>都市計画課長</v>
          </cell>
        </row>
        <row r="1291">
          <cell r="B1291">
            <v>5103</v>
          </cell>
          <cell r="C1291" t="str">
            <v>(株)伊藤喜三郎建築研究所</v>
          </cell>
          <cell r="D1291" t="str">
            <v>06-6231-0877</v>
          </cell>
          <cell r="E1291" t="str">
            <v>541-0041</v>
          </cell>
          <cell r="F1291" t="str">
            <v>大阪府大阪市中央区北浜1-1-10</v>
          </cell>
          <cell r="H1291" t="str">
            <v>大阪支店</v>
          </cell>
          <cell r="I1291" t="str">
            <v>大阪支店長 浅野　賢治</v>
          </cell>
          <cell r="J1291" t="str">
            <v>東京都</v>
          </cell>
          <cell r="K1291" t="str">
            <v>06-6231-0855</v>
          </cell>
          <cell r="L1291" t="str">
            <v>somu@k-ito.co.jp</v>
          </cell>
          <cell r="M1291" t="str">
            <v>ｲﾄｳｷｻﾌﾞﾛｳｹﾝﾁｸｹﾝｷｭｳｼﾞｮ</v>
          </cell>
          <cell r="N1291" t="str">
            <v>有</v>
          </cell>
          <cell r="O1291">
            <v>66</v>
          </cell>
          <cell r="P1291">
            <v>125</v>
          </cell>
          <cell r="Q1291">
            <v>4010701015432</v>
          </cell>
          <cell r="R1291">
            <v>40000</v>
          </cell>
          <cell r="S1291">
            <v>634312</v>
          </cell>
          <cell r="T1291">
            <v>1760931</v>
          </cell>
          <cell r="V1291" t="str">
            <v>tr103782</v>
          </cell>
          <cell r="W1291" t="str">
            <v>yu773170</v>
          </cell>
          <cell r="Y1291" t="str">
            <v>建築,意匠,構造,冷暖,衛生,電気,建積,機積,電積,調査,</v>
          </cell>
          <cell r="Z1291" t="str">
            <v/>
          </cell>
          <cell r="AA1291">
            <v>1831664</v>
          </cell>
          <cell r="AB1291" t="str">
            <v/>
          </cell>
          <cell r="AC1291" t="str">
            <v/>
          </cell>
          <cell r="AD1291" t="str">
            <v/>
          </cell>
          <cell r="AE1291" t="str">
            <v/>
          </cell>
          <cell r="AF1291" t="str">
            <v/>
          </cell>
          <cell r="AI1291">
            <v>2</v>
          </cell>
          <cell r="AJ1291" t="str">
            <v>建築</v>
          </cell>
          <cell r="CR1291">
            <v>7099</v>
          </cell>
          <cell r="CS1291" t="str">
            <v>ｼﾐｽﾞ ﾋﾛｷ</v>
          </cell>
          <cell r="CT1291" t="str">
            <v>清水　大貴</v>
          </cell>
          <cell r="CU1291" t="str">
            <v>営繕課</v>
          </cell>
          <cell r="CW1291">
            <v>4541</v>
          </cell>
          <cell r="CY1291" t="str">
            <v>営繕課長</v>
          </cell>
        </row>
        <row r="1292">
          <cell r="B1292">
            <v>5104</v>
          </cell>
          <cell r="C1292" t="str">
            <v>(株)インテコ</v>
          </cell>
          <cell r="D1292" t="str">
            <v>078-821-5066</v>
          </cell>
          <cell r="E1292" t="str">
            <v>658-0044</v>
          </cell>
          <cell r="F1292" t="str">
            <v>兵庫県神戸市東灘区御影塚町2-26-6</v>
          </cell>
          <cell r="G1292" t="str">
            <v>奈良市</v>
          </cell>
          <cell r="H1292" t="str">
            <v>兵庫営業所</v>
          </cell>
          <cell r="I1292" t="str">
            <v>所長 平塚　和身</v>
          </cell>
          <cell r="J1292" t="str">
            <v>奈良県奈良市</v>
          </cell>
          <cell r="K1292" t="str">
            <v>078-821-5066</v>
          </cell>
          <cell r="L1292" t="str">
            <v>nara@inteco.jp</v>
          </cell>
          <cell r="M1292" t="str">
            <v>ｲﾝﾃｺ</v>
          </cell>
          <cell r="N1292" t="str">
            <v>有</v>
          </cell>
          <cell r="O1292">
            <v>32</v>
          </cell>
          <cell r="P1292">
            <v>29</v>
          </cell>
          <cell r="Q1292">
            <v>5150001000145</v>
          </cell>
          <cell r="R1292">
            <v>25000</v>
          </cell>
          <cell r="S1292">
            <v>159369</v>
          </cell>
          <cell r="T1292">
            <v>575288</v>
          </cell>
          <cell r="V1292" t="str">
            <v>nf812109</v>
          </cell>
          <cell r="W1292" t="str">
            <v>wc347776</v>
          </cell>
          <cell r="Y1292" t="str">
            <v>測量,測量,航空,土質,鋼構,河川,道路,下水,地質,水質,交通,</v>
          </cell>
          <cell r="Z1292">
            <v>22286</v>
          </cell>
          <cell r="AA1292" t="str">
            <v/>
          </cell>
          <cell r="AB1292">
            <v>277669</v>
          </cell>
          <cell r="AC1292" t="str">
            <v/>
          </cell>
          <cell r="AD1292">
            <v>200246</v>
          </cell>
          <cell r="AE1292" t="str">
            <v>その他</v>
          </cell>
          <cell r="AF1292">
            <v>248936</v>
          </cell>
          <cell r="AI1292">
            <v>3</v>
          </cell>
          <cell r="AJ1292" t="str">
            <v>土木</v>
          </cell>
          <cell r="CR1292">
            <v>7119</v>
          </cell>
          <cell r="CS1292" t="str">
            <v>ﾃﾗﾆｼ ﾋﾃﾞﾉﾘ</v>
          </cell>
          <cell r="CT1292" t="str">
            <v>寺西　秀憲</v>
          </cell>
          <cell r="CU1292" t="str">
            <v>まちづくり推進課</v>
          </cell>
          <cell r="CW1292">
            <v>2140</v>
          </cell>
          <cell r="CY1292" t="str">
            <v>まちづくり推進課長</v>
          </cell>
        </row>
        <row r="1293">
          <cell r="B1293">
            <v>5105</v>
          </cell>
          <cell r="C1293" t="str">
            <v>(株)家永技建</v>
          </cell>
          <cell r="D1293" t="str">
            <v>072-810-8810</v>
          </cell>
          <cell r="E1293" t="str">
            <v>576-0054</v>
          </cell>
          <cell r="F1293" t="str">
            <v>大阪府交野市幾野6-11-1</v>
          </cell>
          <cell r="G1293" t="str">
            <v>交野市</v>
          </cell>
          <cell r="H1293" t="str">
            <v/>
          </cell>
          <cell r="I1293" t="str">
            <v>代表取締役 家永　清司</v>
          </cell>
          <cell r="J1293" t="str">
            <v>本店</v>
          </cell>
          <cell r="K1293" t="str">
            <v>072-810-8812</v>
          </cell>
          <cell r="L1293" t="str">
            <v>ienaga@ienagagiken.co.jp</v>
          </cell>
          <cell r="M1293" t="str">
            <v>ｲｴﾅｶﾞｷﾞｹﾝ</v>
          </cell>
          <cell r="N1293" t="str">
            <v>無</v>
          </cell>
          <cell r="O1293">
            <v>18</v>
          </cell>
          <cell r="P1293">
            <v>31</v>
          </cell>
          <cell r="Q1293">
            <v>7120001151229</v>
          </cell>
          <cell r="R1293">
            <v>50000</v>
          </cell>
          <cell r="S1293">
            <v>63250</v>
          </cell>
          <cell r="T1293">
            <v>214429</v>
          </cell>
          <cell r="V1293" t="str">
            <v>ca494529</v>
          </cell>
          <cell r="W1293" t="str">
            <v>dq766733</v>
          </cell>
          <cell r="Y1293" t="str">
            <v>測量,測量,土質,鋼構,河川,道路,施行,造園,下水,都市,土調,土評,補償,交通,</v>
          </cell>
          <cell r="Z1293">
            <v>79016</v>
          </cell>
          <cell r="AA1293" t="str">
            <v/>
          </cell>
          <cell r="AB1293">
            <v>135413</v>
          </cell>
          <cell r="AC1293" t="str">
            <v/>
          </cell>
          <cell r="AD1293" t="str">
            <v/>
          </cell>
          <cell r="AE1293" t="str">
            <v/>
          </cell>
          <cell r="AF1293" t="str">
            <v/>
          </cell>
          <cell r="AI1293">
            <v>3</v>
          </cell>
          <cell r="AJ1293" t="str">
            <v>土木</v>
          </cell>
          <cell r="CR1293">
            <v>7120</v>
          </cell>
          <cell r="CS1293" t="str">
            <v>ｱﾀﾞﾁ ｼﾞｭﾝ</v>
          </cell>
          <cell r="CT1293" t="str">
            <v>足立　潤</v>
          </cell>
          <cell r="CU1293" t="str">
            <v>農業政策課</v>
          </cell>
          <cell r="CW1293">
            <v>2916</v>
          </cell>
          <cell r="CY1293" t="str">
            <v>農業政策課長</v>
          </cell>
        </row>
        <row r="1294">
          <cell r="B1294">
            <v>5107</v>
          </cell>
          <cell r="C1294" t="str">
            <v>(株)ＩＮＡ新建築研究所</v>
          </cell>
          <cell r="D1294" t="str">
            <v>06-6399-2171</v>
          </cell>
          <cell r="E1294" t="str">
            <v>670-0975</v>
          </cell>
          <cell r="F1294" t="str">
            <v>大阪府大阪市淀川区西宮原1-5-33</v>
          </cell>
          <cell r="G1294" t="str">
            <v/>
          </cell>
          <cell r="H1294" t="str">
            <v>西日本支社</v>
          </cell>
          <cell r="I1294" t="str">
            <v>支社長　 北　伸一朗</v>
          </cell>
          <cell r="J1294" t="str">
            <v>東京都</v>
          </cell>
          <cell r="K1294" t="str">
            <v>06-6399-2173</v>
          </cell>
          <cell r="L1294" t="str">
            <v>morozumi-a@newarch.co.jp</v>
          </cell>
          <cell r="M1294" t="str">
            <v>ｱｲｴﾇｴ-ｼﾝｹﾝﾁｸｹﾝｷﾕｳｼﾞﾖ</v>
          </cell>
          <cell r="N1294" t="str">
            <v>有</v>
          </cell>
          <cell r="O1294">
            <v>59</v>
          </cell>
          <cell r="P1294">
            <v>245</v>
          </cell>
          <cell r="Q1294">
            <v>2010001000087</v>
          </cell>
          <cell r="R1294">
            <v>50000</v>
          </cell>
          <cell r="S1294">
            <v>1724292</v>
          </cell>
          <cell r="T1294">
            <v>3686593</v>
          </cell>
          <cell r="V1294" t="str">
            <v>zt408591</v>
          </cell>
          <cell r="W1294" t="str">
            <v>xs215069</v>
          </cell>
          <cell r="Y1294" t="str">
            <v>建築,意匠,構造,冷暖,衛生,電気,建積,機積,電積,調査,都市,環境,</v>
          </cell>
          <cell r="Z1294" t="str">
            <v/>
          </cell>
          <cell r="AA1294">
            <v>3353124</v>
          </cell>
          <cell r="AB1294">
            <v>333469</v>
          </cell>
          <cell r="AC1294" t="str">
            <v/>
          </cell>
          <cell r="AD1294" t="str">
            <v/>
          </cell>
          <cell r="AE1294" t="str">
            <v/>
          </cell>
          <cell r="AF1294" t="str">
            <v/>
          </cell>
          <cell r="AI1294">
            <v>2</v>
          </cell>
          <cell r="AJ1294" t="str">
            <v>建築</v>
          </cell>
          <cell r="CR1294">
            <v>7121</v>
          </cell>
          <cell r="CS1294" t="str">
            <v>ｸﾆﾔｽ ﾋﾃﾞﾀｶ</v>
          </cell>
          <cell r="CT1294" t="str">
            <v>國安　秀隆</v>
          </cell>
          <cell r="CU1294" t="str">
            <v>生活支援課</v>
          </cell>
          <cell r="CW1294">
            <v>2529</v>
          </cell>
          <cell r="CY1294" t="str">
            <v>生活支援課長</v>
          </cell>
        </row>
        <row r="1295">
          <cell r="B1295">
            <v>5109</v>
          </cell>
          <cell r="C1295" t="str">
            <v>(株)イースペース設計</v>
          </cell>
          <cell r="D1295" t="str">
            <v>06-6271-6263</v>
          </cell>
          <cell r="E1295" t="str">
            <v>541-0057</v>
          </cell>
          <cell r="F1295" t="str">
            <v>大阪府大阪市中央区北久宝寺町1-4-15</v>
          </cell>
          <cell r="G1295" t="str">
            <v>大阪市</v>
          </cell>
          <cell r="H1295" t="str">
            <v/>
          </cell>
          <cell r="I1295" t="str">
            <v>代表取締役 岸　孝則</v>
          </cell>
          <cell r="J1295" t="str">
            <v>本店</v>
          </cell>
          <cell r="K1295" t="str">
            <v>06-6271-4263</v>
          </cell>
          <cell r="L1295" t="str">
            <v>eigyo@e-space06.com</v>
          </cell>
          <cell r="M1295" t="str">
            <v>ｲｰｽﾍﾟｰｽｾｯｹｲ</v>
          </cell>
          <cell r="N1295" t="str">
            <v>無</v>
          </cell>
          <cell r="O1295">
            <v>28</v>
          </cell>
          <cell r="P1295">
            <v>39</v>
          </cell>
          <cell r="Q1295">
            <v>2120001116756</v>
          </cell>
          <cell r="R1295">
            <v>10000</v>
          </cell>
          <cell r="S1295">
            <v>182308</v>
          </cell>
          <cell r="T1295">
            <v>417356</v>
          </cell>
          <cell r="V1295" t="str">
            <v>aj773432</v>
          </cell>
          <cell r="W1295" t="str">
            <v>vy343447</v>
          </cell>
          <cell r="Y1295" t="str">
            <v>建築,意匠,構造,</v>
          </cell>
          <cell r="Z1295" t="str">
            <v/>
          </cell>
          <cell r="AA1295">
            <v>394080</v>
          </cell>
          <cell r="AB1295" t="str">
            <v/>
          </cell>
          <cell r="AC1295" t="str">
            <v/>
          </cell>
          <cell r="AD1295" t="str">
            <v/>
          </cell>
          <cell r="AE1295" t="str">
            <v/>
          </cell>
          <cell r="AF1295" t="str">
            <v/>
          </cell>
          <cell r="AI1295">
            <v>2</v>
          </cell>
          <cell r="AJ1295" t="str">
            <v>建築</v>
          </cell>
          <cell r="CR1295">
            <v>7122</v>
          </cell>
          <cell r="CS1295" t="str">
            <v>ﾀﾆｸﾞﾁ ｼｭｳﾍｲ</v>
          </cell>
          <cell r="CT1295" t="str">
            <v>谷口　周平</v>
          </cell>
          <cell r="CU1295" t="str">
            <v>住宅政策課</v>
          </cell>
          <cell r="CW1295">
            <v>3305</v>
          </cell>
          <cell r="CY1295" t="str">
            <v>住宅政策課長</v>
          </cell>
        </row>
        <row r="1296">
          <cell r="B1296">
            <v>5110</v>
          </cell>
          <cell r="C1296" t="str">
            <v>(株)礎</v>
          </cell>
          <cell r="D1296" t="str">
            <v>06-6359-1420</v>
          </cell>
          <cell r="E1296" t="str">
            <v>531-0071</v>
          </cell>
          <cell r="F1296" t="str">
            <v>大阪府大阪市北区中津1‐2‐15</v>
          </cell>
          <cell r="G1296" t="str">
            <v>大阪市</v>
          </cell>
          <cell r="H1296" t="str">
            <v/>
          </cell>
          <cell r="I1296" t="str">
            <v>代表取締役 清水　朝子</v>
          </cell>
          <cell r="J1296" t="str">
            <v>本店</v>
          </cell>
          <cell r="K1296" t="str">
            <v>06-6359-1425</v>
          </cell>
          <cell r="L1296" t="str">
            <v>otuji-y@ishizue-arc.co.jp</v>
          </cell>
          <cell r="M1296" t="str">
            <v>ｲｼｽﾞｴ</v>
          </cell>
          <cell r="N1296" t="str">
            <v>無</v>
          </cell>
          <cell r="O1296">
            <v>7</v>
          </cell>
          <cell r="P1296">
            <v>14</v>
          </cell>
          <cell r="Q1296">
            <v>9120001166431</v>
          </cell>
          <cell r="R1296">
            <v>1000</v>
          </cell>
          <cell r="S1296">
            <v>25380</v>
          </cell>
          <cell r="T1296">
            <v>79589</v>
          </cell>
          <cell r="V1296" t="str">
            <v>kg221725</v>
          </cell>
          <cell r="W1296" t="str">
            <v>de457478</v>
          </cell>
          <cell r="Y1296" t="str">
            <v>建築,意匠,構造,冷暖,衛生,電気,建積,機積,電積,</v>
          </cell>
          <cell r="Z1296" t="str">
            <v/>
          </cell>
          <cell r="AA1296">
            <v>79589</v>
          </cell>
          <cell r="AB1296" t="str">
            <v/>
          </cell>
          <cell r="AC1296" t="str">
            <v/>
          </cell>
          <cell r="AD1296" t="str">
            <v/>
          </cell>
          <cell r="AE1296" t="str">
            <v/>
          </cell>
          <cell r="AF1296" t="str">
            <v/>
          </cell>
          <cell r="AI1296">
            <v>2</v>
          </cell>
          <cell r="AJ1296" t="str">
            <v>建築</v>
          </cell>
          <cell r="CR1296">
            <v>7124</v>
          </cell>
          <cell r="CS1296" t="str">
            <v>ﾎﾝﾀﾞ ﾔｽﾋｻ</v>
          </cell>
          <cell r="CT1296" t="str">
            <v>本多　康久</v>
          </cell>
          <cell r="CU1296" t="str">
            <v>道路建設課</v>
          </cell>
          <cell r="CW1296">
            <v>3031</v>
          </cell>
          <cell r="CY1296" t="str">
            <v>道路建設課長</v>
          </cell>
        </row>
        <row r="1297">
          <cell r="B1297">
            <v>5111</v>
          </cell>
          <cell r="C1297" t="str">
            <v>(株)勇コンサルタンツ</v>
          </cell>
          <cell r="D1297" t="str">
            <v>078-652-3330</v>
          </cell>
          <cell r="E1297" t="str">
            <v>652-0894</v>
          </cell>
          <cell r="F1297" t="str">
            <v>兵庫県神戸市兵庫区入江通1ｰ1ｰ15</v>
          </cell>
          <cell r="G1297" t="str">
            <v>神戸市</v>
          </cell>
          <cell r="H1297" t="str">
            <v/>
          </cell>
          <cell r="I1297" t="str">
            <v>代表取締役 永本　康子</v>
          </cell>
          <cell r="J1297" t="str">
            <v>本店</v>
          </cell>
          <cell r="K1297" t="str">
            <v>078-652-3390</v>
          </cell>
          <cell r="L1297" t="str">
            <v>isami@isamiconsultants.com</v>
          </cell>
          <cell r="M1297" t="str">
            <v>ｲｻﾐｺﾝｻﾙﾀﾝﾂ</v>
          </cell>
          <cell r="N1297" t="str">
            <v>無</v>
          </cell>
          <cell r="O1297">
            <v>54</v>
          </cell>
          <cell r="P1297">
            <v>15</v>
          </cell>
          <cell r="Q1297">
            <v>4140001012497</v>
          </cell>
          <cell r="R1297">
            <v>25000</v>
          </cell>
          <cell r="S1297">
            <v>15940</v>
          </cell>
          <cell r="T1297">
            <v>128212</v>
          </cell>
          <cell r="V1297" t="str">
            <v>rq367764</v>
          </cell>
          <cell r="W1297" t="str">
            <v>jr637644</v>
          </cell>
          <cell r="Y1297" t="str">
            <v/>
          </cell>
          <cell r="Z1297" t="str">
            <v/>
          </cell>
          <cell r="AA1297" t="str">
            <v/>
          </cell>
          <cell r="AB1297" t="str">
            <v/>
          </cell>
          <cell r="AC1297" t="str">
            <v/>
          </cell>
          <cell r="AD1297" t="str">
            <v>地質調査業</v>
          </cell>
          <cell r="AE1297" t="str">
            <v>地質調査業</v>
          </cell>
          <cell r="AF1297" t="str">
            <v/>
          </cell>
          <cell r="AI1297" t="str">
            <v>測量</v>
          </cell>
          <cell r="AJ1297" t="str">
            <v>兵庫県</v>
          </cell>
          <cell r="CR1297">
            <v>7123</v>
          </cell>
          <cell r="CS1297" t="str">
            <v>ﾌｼﾞﾓﾄ　ﾋﾛﾕｷ</v>
          </cell>
          <cell r="CT1297" t="str">
            <v>藤本　博之</v>
          </cell>
          <cell r="CU1297" t="str">
            <v>障害福祉課</v>
          </cell>
          <cell r="CW1297">
            <v>4545</v>
          </cell>
        </row>
        <row r="1298">
          <cell r="B1298">
            <v>5112</v>
          </cell>
          <cell r="C1298" t="str">
            <v>(株)池下設計</v>
          </cell>
          <cell r="D1298" t="str">
            <v>06-6535-4711</v>
          </cell>
          <cell r="E1298" t="str">
            <v>550-0005</v>
          </cell>
          <cell r="F1298" t="str">
            <v>大阪府大阪市西区西本町1-3-15</v>
          </cell>
          <cell r="H1298" t="str">
            <v>大阪事務所</v>
          </cell>
          <cell r="I1298" t="str">
            <v>所長 岡本　弘</v>
          </cell>
          <cell r="J1298" t="str">
            <v>東京都</v>
          </cell>
          <cell r="K1298" t="str">
            <v>06-6535-4725</v>
          </cell>
          <cell r="L1298" t="str">
            <v>archi-info@ikeshita.jp</v>
          </cell>
          <cell r="M1298" t="str">
            <v>ｲｹｼﾀｾｯｹｲ</v>
          </cell>
          <cell r="N1298" t="str">
            <v>有</v>
          </cell>
          <cell r="O1298">
            <v>37</v>
          </cell>
          <cell r="P1298">
            <v>447</v>
          </cell>
          <cell r="Q1298">
            <v>4011301000568</v>
          </cell>
          <cell r="R1298">
            <v>50000</v>
          </cell>
          <cell r="S1298">
            <v>952597</v>
          </cell>
          <cell r="T1298">
            <v>4429241</v>
          </cell>
          <cell r="V1298" t="str">
            <v>nw893797</v>
          </cell>
          <cell r="W1298" t="str">
            <v>zt408591</v>
          </cell>
          <cell r="Y1298" t="str">
            <v>建築,意匠,</v>
          </cell>
          <cell r="Z1298" t="str">
            <v/>
          </cell>
          <cell r="AA1298">
            <v>4310357</v>
          </cell>
          <cell r="AB1298" t="str">
            <v/>
          </cell>
          <cell r="AC1298" t="str">
            <v/>
          </cell>
          <cell r="AD1298" t="str">
            <v/>
          </cell>
          <cell r="AE1298" t="str">
            <v/>
          </cell>
          <cell r="AF1298" t="str">
            <v/>
          </cell>
          <cell r="AI1298">
            <v>2</v>
          </cell>
          <cell r="AJ1298" t="str">
            <v>建築</v>
          </cell>
          <cell r="CR1298">
            <v>7125</v>
          </cell>
          <cell r="CS1298" t="str">
            <v>ﾏﾅﾍﾞ ﾕｳｽｹ</v>
          </cell>
          <cell r="CT1298" t="str">
            <v>真鍋　佑輔</v>
          </cell>
          <cell r="CU1298" t="str">
            <v>マネジメント課</v>
          </cell>
          <cell r="CW1298">
            <v>2394</v>
          </cell>
          <cell r="CY1298" t="str">
            <v>マネジメント課長</v>
          </cell>
        </row>
        <row r="1299">
          <cell r="B1299">
            <v>5114</v>
          </cell>
          <cell r="C1299" t="str">
            <v>(株)泉谷設計</v>
          </cell>
          <cell r="D1299" t="str">
            <v>072-665-4662</v>
          </cell>
          <cell r="E1299" t="str">
            <v>567-0883</v>
          </cell>
          <cell r="F1299" t="str">
            <v>大阪府茨木市大手町8-13 日本医科薬品株式会社ﾋﾞﾙﾃﾞｨﾝｸﾞ402</v>
          </cell>
          <cell r="G1299" t="str">
            <v>茨木市</v>
          </cell>
          <cell r="H1299" t="str">
            <v/>
          </cell>
          <cell r="I1299" t="str">
            <v>代表取締役 泉谷　康</v>
          </cell>
          <cell r="J1299" t="str">
            <v>本店</v>
          </cell>
          <cell r="K1299" t="str">
            <v>072-665-4659</v>
          </cell>
          <cell r="L1299" t="str">
            <v>izutani-a.o@io.ocn.ne.jp</v>
          </cell>
          <cell r="M1299" t="str">
            <v>ｲｽﾞﾀﾆｾｯｹｲ</v>
          </cell>
          <cell r="N1299" t="str">
            <v>無</v>
          </cell>
          <cell r="O1299">
            <v>5</v>
          </cell>
          <cell r="P1299">
            <v>3</v>
          </cell>
          <cell r="Q1299">
            <v>7120901035497</v>
          </cell>
          <cell r="R1299">
            <v>2000</v>
          </cell>
          <cell r="S1299">
            <v>3786</v>
          </cell>
          <cell r="T1299">
            <v>12526</v>
          </cell>
          <cell r="V1299" t="str">
            <v>vi100473</v>
          </cell>
          <cell r="W1299" t="str">
            <v>my186029</v>
          </cell>
          <cell r="Y1299" t="str">
            <v>建築,意匠,構造,冷暖,衛生,電気,建積,機積,電積,調査,</v>
          </cell>
          <cell r="Z1299" t="str">
            <v/>
          </cell>
          <cell r="AA1299">
            <v>12526</v>
          </cell>
          <cell r="AB1299" t="str">
            <v/>
          </cell>
          <cell r="AC1299" t="str">
            <v/>
          </cell>
          <cell r="AD1299" t="str">
            <v/>
          </cell>
          <cell r="AE1299" t="str">
            <v/>
          </cell>
          <cell r="AF1299" t="str">
            <v/>
          </cell>
          <cell r="AI1299">
            <v>2</v>
          </cell>
          <cell r="AJ1299" t="str">
            <v>建築</v>
          </cell>
          <cell r="CR1299">
            <v>7126</v>
          </cell>
          <cell r="CS1299" t="str">
            <v>ﾀｶﾊｼ ｻﾁｺ</v>
          </cell>
          <cell r="CT1299" t="str">
            <v>髙橋　早知子</v>
          </cell>
          <cell r="CU1299" t="str">
            <v>総務課</v>
          </cell>
          <cell r="CW1299">
            <v>3941</v>
          </cell>
          <cell r="CY1299" t="str">
            <v>総務課長</v>
          </cell>
        </row>
        <row r="1300">
          <cell r="B1300">
            <v>5115</v>
          </cell>
          <cell r="C1300" t="str">
            <v>(株)イ・エス・エス</v>
          </cell>
          <cell r="D1300" t="str">
            <v>03-3813-6817</v>
          </cell>
          <cell r="E1300" t="str">
            <v>112-0002</v>
          </cell>
          <cell r="F1300" t="str">
            <v>東京都文京区小石川1-1-17</v>
          </cell>
          <cell r="H1300" t="str">
            <v/>
          </cell>
          <cell r="I1300" t="str">
            <v>代表取締役 西谷　保</v>
          </cell>
          <cell r="J1300" t="str">
            <v>本店</v>
          </cell>
          <cell r="K1300" t="str">
            <v>03-3813-4835</v>
          </cell>
          <cell r="L1300" t="str">
            <v>ess@essnet.co.jp</v>
          </cell>
          <cell r="M1300" t="str">
            <v>ｲ･ｴｽ･ｴｽ</v>
          </cell>
          <cell r="N1300" t="str">
            <v>無</v>
          </cell>
          <cell r="O1300">
            <v>42</v>
          </cell>
          <cell r="P1300">
            <v>58</v>
          </cell>
          <cell r="Q1300">
            <v>3010001000524</v>
          </cell>
          <cell r="R1300">
            <v>10000</v>
          </cell>
          <cell r="S1300">
            <v>267182</v>
          </cell>
          <cell r="T1300">
            <v>595053</v>
          </cell>
          <cell r="V1300" t="str">
            <v>se129561</v>
          </cell>
          <cell r="W1300" t="str">
            <v>nn113098</v>
          </cell>
          <cell r="Y1300" t="str">
            <v>土他,</v>
          </cell>
          <cell r="Z1300" t="str">
            <v/>
          </cell>
          <cell r="AA1300" t="str">
            <v/>
          </cell>
          <cell r="AB1300">
            <v>148602</v>
          </cell>
          <cell r="AC1300" t="str">
            <v/>
          </cell>
          <cell r="AD1300" t="str">
            <v/>
          </cell>
          <cell r="AE1300" t="str">
            <v/>
          </cell>
          <cell r="AF1300" t="str">
            <v/>
          </cell>
          <cell r="AI1300">
            <v>3</v>
          </cell>
          <cell r="AJ1300" t="str">
            <v>土木</v>
          </cell>
          <cell r="CR1300">
            <v>7127</v>
          </cell>
          <cell r="CS1300" t="str">
            <v>ｳﾁﾉ ﾅﾅ</v>
          </cell>
          <cell r="CT1300" t="str">
            <v>内野　那奈</v>
          </cell>
          <cell r="CU1300" t="str">
            <v>社会教育課</v>
          </cell>
          <cell r="CW1300">
            <v>3710</v>
          </cell>
          <cell r="CY1300" t="str">
            <v>社会教育課長</v>
          </cell>
        </row>
        <row r="1301">
          <cell r="B1301">
            <v>5116</v>
          </cell>
          <cell r="C1301" t="str">
            <v>岩水開発(株)</v>
          </cell>
          <cell r="D1301" t="str">
            <v>086-265-0888</v>
          </cell>
          <cell r="E1301" t="str">
            <v>702-8048</v>
          </cell>
          <cell r="F1301" t="str">
            <v>岡山県岡山市南区福吉町18-18</v>
          </cell>
          <cell r="G1301" t="str">
            <v>岡山市</v>
          </cell>
          <cell r="H1301" t="str">
            <v/>
          </cell>
          <cell r="I1301" t="str">
            <v>代表取締役　 松浦　広幸</v>
          </cell>
          <cell r="J1301" t="str">
            <v>本店</v>
          </cell>
          <cell r="K1301" t="str">
            <v>086-265-0899</v>
          </cell>
          <cell r="L1301" t="str">
            <v>nyusatsu11095@gansui.co.jp</v>
          </cell>
          <cell r="M1301" t="str">
            <v>ｶﾞﾝｽｲｶｲﾊﾂ</v>
          </cell>
          <cell r="N1301" t="str">
            <v>無</v>
          </cell>
          <cell r="O1301">
            <v>44</v>
          </cell>
          <cell r="P1301">
            <v>165</v>
          </cell>
          <cell r="Q1301">
            <v>6260000000000</v>
          </cell>
          <cell r="R1301">
            <v>50000</v>
          </cell>
          <cell r="S1301">
            <v>-11399</v>
          </cell>
          <cell r="T1301">
            <v>6005709</v>
          </cell>
          <cell r="V1301" t="str">
            <v>nd164522</v>
          </cell>
          <cell r="W1301" t="str">
            <v>qc183623</v>
          </cell>
          <cell r="Y1301" t="str">
            <v>地質,水質,</v>
          </cell>
          <cell r="Z1301" t="str">
            <v/>
          </cell>
          <cell r="AA1301" t="str">
            <v/>
          </cell>
          <cell r="AB1301" t="str">
            <v/>
          </cell>
          <cell r="AC1301" t="str">
            <v/>
          </cell>
          <cell r="AD1301">
            <v>414263</v>
          </cell>
          <cell r="AE1301" t="str">
            <v/>
          </cell>
          <cell r="AF1301" t="str">
            <v/>
          </cell>
          <cell r="AI1301">
            <v>5</v>
          </cell>
          <cell r="AJ1301" t="str">
            <v>調査</v>
          </cell>
          <cell r="CR1301">
            <v>7172</v>
          </cell>
          <cell r="CS1301" t="str">
            <v>ｲﾄｳ ﾀﾀﾞｱｷ</v>
          </cell>
          <cell r="CT1301" t="str">
            <v>伊藤  忠章</v>
          </cell>
          <cell r="CU1301" t="str">
            <v>博物館</v>
          </cell>
          <cell r="CW1301">
            <v>4547</v>
          </cell>
          <cell r="CY1301" t="str">
            <v>館長</v>
          </cell>
        </row>
        <row r="1302">
          <cell r="B1302">
            <v>5121</v>
          </cell>
          <cell r="C1302" t="str">
            <v>(株)ウエスコ</v>
          </cell>
          <cell r="D1302" t="str">
            <v>078-252-2552</v>
          </cell>
          <cell r="E1302" t="str">
            <v>651-0092</v>
          </cell>
          <cell r="F1302" t="str">
            <v>兵庫県神戸市中央区生田町2-2-2</v>
          </cell>
          <cell r="G1302" t="str">
            <v>岡山市</v>
          </cell>
          <cell r="H1302" t="str">
            <v>神戸支店</v>
          </cell>
          <cell r="I1302" t="str">
            <v>支店長 大畑　実</v>
          </cell>
          <cell r="J1302" t="str">
            <v>岡山県岡山市</v>
          </cell>
          <cell r="K1302" t="str">
            <v>078-252-2550</v>
          </cell>
          <cell r="L1302" t="str">
            <v>ec-hyogo@wesco.co.jp</v>
          </cell>
          <cell r="M1302" t="str">
            <v>ｳｴｽｺ</v>
          </cell>
          <cell r="N1302" t="str">
            <v>有</v>
          </cell>
          <cell r="O1302">
            <v>48</v>
          </cell>
          <cell r="P1302">
            <v>450</v>
          </cell>
          <cell r="Q1302">
            <v>4260001000622</v>
          </cell>
          <cell r="R1302">
            <v>100000</v>
          </cell>
          <cell r="S1302">
            <v>2596118</v>
          </cell>
          <cell r="T1302">
            <v>9736610</v>
          </cell>
          <cell r="V1302" t="str">
            <v>nd906271</v>
          </cell>
          <cell r="W1302" t="str">
            <v>kf813330</v>
          </cell>
          <cell r="Y1302" t="str">
            <v>測量,測量,航空,建築,意匠,構造,冷暖,衛生,電気,建積,機積,電積,調査,土質,鋼構,河川,道路,施行,建機,地質,造園,上水,下水,都市,スポ,環境,土他,土調,土評,物件,機工,営業,損失,補償,地質,騒音,交通,</v>
          </cell>
          <cell r="Z1302">
            <v>650726</v>
          </cell>
          <cell r="AA1302">
            <v>64323</v>
          </cell>
          <cell r="AB1302">
            <v>7662023</v>
          </cell>
          <cell r="AC1302">
            <v>305977</v>
          </cell>
          <cell r="AD1302">
            <v>300798</v>
          </cell>
          <cell r="AE1302" t="str">
            <v>その他</v>
          </cell>
          <cell r="AF1302">
            <v>509957</v>
          </cell>
          <cell r="AI1302">
            <v>3</v>
          </cell>
          <cell r="AJ1302" t="str">
            <v>土木</v>
          </cell>
          <cell r="CR1302">
            <v>7181</v>
          </cell>
          <cell r="CS1302" t="str">
            <v>ﾓﾘﾀﾆ ﾐﾎ</v>
          </cell>
          <cell r="CT1302" t="str">
            <v>森谷　美穂</v>
          </cell>
          <cell r="CU1302" t="str">
            <v>危機管理室</v>
          </cell>
          <cell r="CW1302">
            <v>2245</v>
          </cell>
        </row>
        <row r="1303">
          <cell r="B1303">
            <v>5126</v>
          </cell>
          <cell r="C1303" t="str">
            <v>(株)潮技術コンサルタント</v>
          </cell>
          <cell r="D1303" t="str">
            <v>078-990-5570</v>
          </cell>
          <cell r="E1303" t="str">
            <v>651-2272</v>
          </cell>
          <cell r="F1303" t="str">
            <v>兵庫県神戸市西区狩場台1-22-6</v>
          </cell>
          <cell r="G1303" t="str">
            <v>香芝市</v>
          </cell>
          <cell r="H1303" t="str">
            <v>兵庫事務所</v>
          </cell>
          <cell r="I1303" t="str">
            <v>所長 古川　秀彦</v>
          </cell>
          <cell r="J1303" t="str">
            <v>奈良県香芝市</v>
          </cell>
          <cell r="K1303" t="str">
            <v>078-990-5571</v>
          </cell>
          <cell r="L1303" t="str">
            <v>uhei003@ushio-wa.co.jp</v>
          </cell>
          <cell r="M1303" t="str">
            <v>ｳｼｵｷﾞｼﾞｭﾂｺﾝｻﾙﾀﾝﾄ</v>
          </cell>
          <cell r="N1303" t="str">
            <v>有</v>
          </cell>
          <cell r="O1303">
            <v>39</v>
          </cell>
          <cell r="P1303">
            <v>48</v>
          </cell>
          <cell r="Q1303">
            <v>1150001012409</v>
          </cell>
          <cell r="R1303">
            <v>30000</v>
          </cell>
          <cell r="S1303">
            <v>-72452</v>
          </cell>
          <cell r="T1303">
            <v>593763</v>
          </cell>
          <cell r="V1303" t="str">
            <v>yw480210</v>
          </cell>
          <cell r="W1303" t="str">
            <v>st306653</v>
          </cell>
          <cell r="Y1303" t="str">
            <v>測量,測量,建築,意匠,構造,冷暖,衛生,電気,建積,機積,電積,調査,土質,鋼構,河川,道路,施行,建機,地質,上水,下水,都市,スポ,環境,土他,土調,土評,物件,機工,営業,損失,補償,地質,水質,大気,騒音,交通,商業,</v>
          </cell>
          <cell r="Z1303">
            <v>25423</v>
          </cell>
          <cell r="AA1303">
            <v>525</v>
          </cell>
          <cell r="AB1303">
            <v>454179</v>
          </cell>
          <cell r="AC1303" t="str">
            <v/>
          </cell>
          <cell r="AD1303">
            <v>23295</v>
          </cell>
          <cell r="AE1303" t="str">
            <v/>
          </cell>
          <cell r="AF1303" t="str">
            <v/>
          </cell>
          <cell r="AI1303">
            <v>3</v>
          </cell>
          <cell r="AJ1303" t="str">
            <v>土木</v>
          </cell>
          <cell r="CR1303">
            <v>7183</v>
          </cell>
          <cell r="CS1303" t="str">
            <v>ﾅｶﾉ ﾖｳｽｹ</v>
          </cell>
          <cell r="CT1303" t="str">
            <v>中野　洋介</v>
          </cell>
          <cell r="CU1303" t="str">
            <v>商工労働課</v>
          </cell>
          <cell r="CW1303">
            <v>4553</v>
          </cell>
          <cell r="CY1303" t="str">
            <v>商工労働課長</v>
          </cell>
        </row>
        <row r="1304">
          <cell r="B1304">
            <v>5127</v>
          </cell>
          <cell r="C1304" t="str">
            <v>(株)潮設備コンサルタント</v>
          </cell>
          <cell r="D1304" t="str">
            <v>06-6441-0439</v>
          </cell>
          <cell r="E1304" t="str">
            <v>550-0002</v>
          </cell>
          <cell r="F1304" t="str">
            <v>大阪府大阪市西区江戸堀1ｰ18ｰ35</v>
          </cell>
          <cell r="G1304" t="str">
            <v>大阪市</v>
          </cell>
          <cell r="H1304" t="str">
            <v/>
          </cell>
          <cell r="I1304" t="str">
            <v>代表取締役 有澤　正男</v>
          </cell>
          <cell r="J1304" t="str">
            <v>本店</v>
          </cell>
          <cell r="K1304" t="str">
            <v>06-6441-4011</v>
          </cell>
          <cell r="L1304" t="str">
            <v>ushio@gold.ocn.ne.jp</v>
          </cell>
          <cell r="M1304" t="str">
            <v>ｳｼｵｾﾂﾋﾞｺﾝｻﾙﾀﾝﾄ</v>
          </cell>
          <cell r="N1304" t="str">
            <v>無</v>
          </cell>
          <cell r="O1304">
            <v>52</v>
          </cell>
          <cell r="P1304">
            <v>20</v>
          </cell>
          <cell r="Q1304">
            <v>4120001041465</v>
          </cell>
          <cell r="R1304">
            <v>30000</v>
          </cell>
          <cell r="S1304">
            <v>37402</v>
          </cell>
          <cell r="T1304">
            <v>111188</v>
          </cell>
          <cell r="V1304" t="str">
            <v>qr727523</v>
          </cell>
          <cell r="W1304" t="str">
            <v>pc561294</v>
          </cell>
          <cell r="Y1304" t="str">
            <v/>
          </cell>
          <cell r="Z1304" t="str">
            <v/>
          </cell>
          <cell r="AA1304">
            <v>96323</v>
          </cell>
          <cell r="AB1304" t="str">
            <v/>
          </cell>
          <cell r="AC1304" t="str">
            <v/>
          </cell>
          <cell r="AD1304" t="str">
            <v/>
          </cell>
          <cell r="AE1304" t="str">
            <v/>
          </cell>
          <cell r="AF1304">
            <v>96323</v>
          </cell>
          <cell r="AI1304" t="str">
            <v>土木</v>
          </cell>
          <cell r="AJ1304" t="str">
            <v>大阪府</v>
          </cell>
        </row>
        <row r="1305">
          <cell r="B1305">
            <v>5130</v>
          </cell>
          <cell r="C1305" t="str">
            <v>(株)内山測量設計</v>
          </cell>
          <cell r="D1305" t="str">
            <v>0790-45-0807</v>
          </cell>
          <cell r="E1305" t="str">
            <v>675-2422</v>
          </cell>
          <cell r="F1305" t="str">
            <v>兵庫県加西市山田町136</v>
          </cell>
          <cell r="G1305" t="str">
            <v>加西市</v>
          </cell>
          <cell r="H1305" t="str">
            <v/>
          </cell>
          <cell r="I1305" t="str">
            <v>代表取締役 内山　恭昌</v>
          </cell>
          <cell r="J1305" t="str">
            <v>本店</v>
          </cell>
          <cell r="K1305" t="str">
            <v>0790-45-1799</v>
          </cell>
          <cell r="L1305" t="str">
            <v>e-usd@k9.dion.ne.jp</v>
          </cell>
          <cell r="M1305" t="str">
            <v>ｳﾁﾔﾏｿｸﾘｮｳｾｯｹｲ</v>
          </cell>
          <cell r="N1305" t="str">
            <v>無</v>
          </cell>
          <cell r="O1305">
            <v>37</v>
          </cell>
          <cell r="P1305">
            <v>18</v>
          </cell>
          <cell r="Q1305">
            <v>3140001076080</v>
          </cell>
          <cell r="R1305">
            <v>45000</v>
          </cell>
          <cell r="S1305">
            <v>14778</v>
          </cell>
          <cell r="T1305">
            <v>80999</v>
          </cell>
          <cell r="V1305" t="str">
            <v>pn829111</v>
          </cell>
          <cell r="W1305" t="str">
            <v>sd142709</v>
          </cell>
          <cell r="Y1305" t="str">
            <v>測量,測量,航空,建築,構造,建積,土質,鋼構,河川,道路,施行,建機,地質,造園,上水,下水,都市,スポ,環境,土他,土調,土評,物件,機工,営業,損失,補償,鑑定,登記,地質,水質,大気,騒音,交通,商業,調他</v>
          </cell>
          <cell r="Z1305">
            <v>31752</v>
          </cell>
          <cell r="AA1305" t="str">
            <v/>
          </cell>
          <cell r="AB1305">
            <v>37684</v>
          </cell>
          <cell r="AC1305">
            <v>3229</v>
          </cell>
          <cell r="AD1305">
            <v>8334</v>
          </cell>
          <cell r="AE1305" t="str">
            <v/>
          </cell>
          <cell r="AF1305" t="str">
            <v/>
          </cell>
          <cell r="AI1305">
            <v>3</v>
          </cell>
          <cell r="AJ1305" t="str">
            <v>土木</v>
          </cell>
          <cell r="CR1305">
            <v>7184</v>
          </cell>
          <cell r="CS1305" t="str">
            <v>ﾏﾂﾊﾞﾗ ﾂﾖｼ</v>
          </cell>
          <cell r="CT1305" t="str">
            <v>松原　剛</v>
          </cell>
          <cell r="CU1305" t="str">
            <v>土地調査課</v>
          </cell>
          <cell r="CW1305">
            <v>4554</v>
          </cell>
          <cell r="CY1305" t="str">
            <v>資産税課長</v>
          </cell>
        </row>
        <row r="1306">
          <cell r="B1306">
            <v>5131</v>
          </cell>
          <cell r="C1306" t="str">
            <v>(株)器設計</v>
          </cell>
          <cell r="D1306" t="str">
            <v>06-6266-4444</v>
          </cell>
          <cell r="E1306" t="str">
            <v>541-0052</v>
          </cell>
          <cell r="F1306" t="str">
            <v>大阪府大阪市中央区安土町1-7-20</v>
          </cell>
          <cell r="G1306" t="str">
            <v>大阪市</v>
          </cell>
          <cell r="H1306" t="str">
            <v/>
          </cell>
          <cell r="I1306" t="str">
            <v>代表取締役 山ノ口　博文</v>
          </cell>
          <cell r="J1306" t="str">
            <v>本店</v>
          </cell>
          <cell r="K1306" t="str">
            <v>06-4964-1266</v>
          </cell>
          <cell r="L1306" t="str">
            <v>kentiku@utuwa.co.jp</v>
          </cell>
          <cell r="M1306" t="str">
            <v>ｳﾂﾜｾｯｹｲ</v>
          </cell>
          <cell r="N1306" t="str">
            <v>無</v>
          </cell>
          <cell r="O1306">
            <v>43</v>
          </cell>
          <cell r="P1306">
            <v>12</v>
          </cell>
          <cell r="Q1306">
            <v>1120001075160</v>
          </cell>
          <cell r="R1306">
            <v>30000</v>
          </cell>
          <cell r="S1306">
            <v>38039</v>
          </cell>
          <cell r="T1306">
            <v>47903</v>
          </cell>
          <cell r="V1306" t="str">
            <v>cf231715</v>
          </cell>
          <cell r="W1306" t="str">
            <v>bf809849</v>
          </cell>
          <cell r="Y1306" t="str">
            <v>建築,意匠,構造,冷暖,衛生,電気,建積,機積,電積,調査,</v>
          </cell>
          <cell r="Z1306" t="str">
            <v/>
          </cell>
          <cell r="AA1306">
            <v>51164</v>
          </cell>
          <cell r="AB1306" t="str">
            <v/>
          </cell>
          <cell r="AC1306" t="str">
            <v/>
          </cell>
          <cell r="AD1306" t="str">
            <v/>
          </cell>
          <cell r="AE1306" t="str">
            <v/>
          </cell>
          <cell r="AF1306" t="str">
            <v/>
          </cell>
          <cell r="AI1306">
            <v>2</v>
          </cell>
          <cell r="AJ1306" t="str">
            <v>建築</v>
          </cell>
          <cell r="CR1306">
            <v>7191</v>
          </cell>
          <cell r="CS1306" t="str">
            <v>ﾅｶｼﾏ ﾀｶﾉﾌﾞ</v>
          </cell>
          <cell r="CT1306" t="str">
            <v>中島　尊宣</v>
          </cell>
          <cell r="CU1306" t="str">
            <v>営繕課</v>
          </cell>
          <cell r="CW1306">
            <v>4556</v>
          </cell>
          <cell r="CY1306" t="str">
            <v>営繕課長</v>
          </cell>
        </row>
        <row r="1307">
          <cell r="B1307">
            <v>5132</v>
          </cell>
          <cell r="C1307" t="str">
            <v>(株)浦野設計</v>
          </cell>
          <cell r="D1307" t="str">
            <v>078-802-8061</v>
          </cell>
          <cell r="E1307" t="str">
            <v>657-0823</v>
          </cell>
          <cell r="F1307" t="str">
            <v>兵庫県神戸市灘区天城通7-1-30-303</v>
          </cell>
          <cell r="G1307" t="str">
            <v>名古屋市</v>
          </cell>
          <cell r="H1307" t="str">
            <v>関西支社神戸事務所</v>
          </cell>
          <cell r="I1307" t="str">
            <v>取締役所長 庄　幸雄</v>
          </cell>
          <cell r="J1307" t="str">
            <v>愛知県名古屋市</v>
          </cell>
          <cell r="K1307" t="str">
            <v>078-802-8061</v>
          </cell>
          <cell r="L1307" t="str">
            <v>urano-kansai-03@bpost.plala.or.jp</v>
          </cell>
          <cell r="M1307" t="str">
            <v>ｳﾗﾉｾｯｹｲ</v>
          </cell>
          <cell r="N1307" t="str">
            <v>有</v>
          </cell>
          <cell r="O1307">
            <v>69</v>
          </cell>
          <cell r="P1307">
            <v>98</v>
          </cell>
          <cell r="Q1307">
            <v>1180001024814</v>
          </cell>
          <cell r="R1307">
            <v>50000</v>
          </cell>
          <cell r="S1307">
            <v>1829197</v>
          </cell>
          <cell r="T1307">
            <v>1068423</v>
          </cell>
          <cell r="V1307" t="str">
            <v>bu363409</v>
          </cell>
          <cell r="W1307" t="str">
            <v>fe150249</v>
          </cell>
          <cell r="Y1307" t="str">
            <v>建築,意匠,構造,冷暖,衛生,電気,建積,機積,電積,調査,</v>
          </cell>
          <cell r="Z1307" t="str">
            <v/>
          </cell>
          <cell r="AA1307">
            <v>905103</v>
          </cell>
          <cell r="AB1307">
            <v>99047</v>
          </cell>
          <cell r="AC1307" t="str">
            <v/>
          </cell>
          <cell r="AD1307" t="str">
            <v/>
          </cell>
          <cell r="AE1307" t="str">
            <v/>
          </cell>
          <cell r="AF1307" t="str">
            <v/>
          </cell>
          <cell r="AI1307">
            <v>2</v>
          </cell>
          <cell r="AJ1307" t="str">
            <v>建築</v>
          </cell>
          <cell r="CR1307">
            <v>7194</v>
          </cell>
          <cell r="CS1307" t="str">
            <v>ﾑｸﾀﾞ ﾕｳﾔ</v>
          </cell>
          <cell r="CT1307" t="str">
            <v>椋田　佑也</v>
          </cell>
          <cell r="CU1307" t="str">
            <v>新庁舎等整備室</v>
          </cell>
          <cell r="CW1307">
            <v>4558</v>
          </cell>
          <cell r="CY1307" t="str">
            <v>営繕課長</v>
          </cell>
        </row>
        <row r="1308">
          <cell r="B1308">
            <v>5133</v>
          </cell>
          <cell r="C1308" t="str">
            <v>(株)浦辺設計</v>
          </cell>
          <cell r="D1308" t="str">
            <v>06-6220-0101</v>
          </cell>
          <cell r="E1308" t="str">
            <v>541-0041</v>
          </cell>
          <cell r="F1308" t="str">
            <v>大阪府大阪市中央区北浜2-1-26</v>
          </cell>
          <cell r="G1308" t="str">
            <v>大阪市</v>
          </cell>
          <cell r="H1308" t="str">
            <v/>
          </cell>
          <cell r="I1308" t="str">
            <v>代表取締役 西村　清是</v>
          </cell>
          <cell r="J1308" t="str">
            <v>本店</v>
          </cell>
          <cell r="K1308" t="str">
            <v>06-6220-0105</v>
          </cell>
          <cell r="L1308" t="str">
            <v>jimu@urabesekkei.jp</v>
          </cell>
          <cell r="M1308" t="str">
            <v>ｳﾗﾍﾞｾｯｹｲ</v>
          </cell>
          <cell r="N1308" t="str">
            <v>無</v>
          </cell>
          <cell r="O1308">
            <v>56</v>
          </cell>
          <cell r="P1308">
            <v>24</v>
          </cell>
          <cell r="Q1308">
            <v>4120001061067</v>
          </cell>
          <cell r="R1308">
            <v>11250</v>
          </cell>
          <cell r="S1308">
            <v>140405</v>
          </cell>
          <cell r="T1308">
            <v>347974</v>
          </cell>
          <cell r="V1308" t="str">
            <v>sz936293</v>
          </cell>
          <cell r="W1308" t="str">
            <v>em310244</v>
          </cell>
          <cell r="Y1308" t="str">
            <v>建築,意匠,構造,冷暖,衛生,電気,建積,機積,電積,調査,</v>
          </cell>
          <cell r="Z1308" t="str">
            <v/>
          </cell>
          <cell r="AA1308">
            <v>348727</v>
          </cell>
          <cell r="AB1308" t="str">
            <v/>
          </cell>
          <cell r="AC1308" t="str">
            <v/>
          </cell>
          <cell r="AD1308" t="str">
            <v/>
          </cell>
          <cell r="AE1308" t="str">
            <v/>
          </cell>
          <cell r="AF1308" t="str">
            <v/>
          </cell>
          <cell r="AI1308">
            <v>2</v>
          </cell>
          <cell r="AJ1308" t="str">
            <v>建築</v>
          </cell>
          <cell r="CR1308">
            <v>7195</v>
          </cell>
          <cell r="CS1308" t="str">
            <v>ｶﾏｸﾗ ﾋﾛﾀｶ</v>
          </cell>
          <cell r="CT1308" t="str">
            <v>鎌倉　弘貴</v>
          </cell>
          <cell r="CU1308" t="str">
            <v>営繕課</v>
          </cell>
          <cell r="CW1308">
            <v>4559</v>
          </cell>
          <cell r="CY1308" t="str">
            <v>営繕課長</v>
          </cell>
        </row>
        <row r="1309">
          <cell r="B1309">
            <v>5137</v>
          </cell>
          <cell r="C1309" t="str">
            <v>(株)ウジョウ</v>
          </cell>
          <cell r="D1309" t="str">
            <v>0795-38-0757</v>
          </cell>
          <cell r="E1309" t="str">
            <v>677-0132</v>
          </cell>
          <cell r="F1309" t="str">
            <v>兵庫県多可郡多可町八千代区大和915-22</v>
          </cell>
          <cell r="G1309" t="str">
            <v>岡山市</v>
          </cell>
          <cell r="H1309" t="str">
            <v>兵庫支店</v>
          </cell>
          <cell r="I1309" t="str">
            <v>支店長 井上　由温</v>
          </cell>
          <cell r="J1309" t="str">
            <v>岡山県岡山市</v>
          </cell>
          <cell r="K1309" t="str">
            <v>0795-38-0758</v>
          </cell>
          <cell r="L1309" t="str">
            <v>ustec@ujyou.jp</v>
          </cell>
          <cell r="M1309" t="str">
            <v>ｳｼﾞｮｳ</v>
          </cell>
          <cell r="N1309" t="str">
            <v>有</v>
          </cell>
          <cell r="O1309">
            <v>56</v>
          </cell>
          <cell r="P1309">
            <v>24</v>
          </cell>
          <cell r="Q1309">
            <v>3260001000656</v>
          </cell>
          <cell r="R1309">
            <v>10000</v>
          </cell>
          <cell r="S1309">
            <v>303244</v>
          </cell>
          <cell r="T1309">
            <v>291879</v>
          </cell>
          <cell r="V1309" t="str">
            <v>cm744332</v>
          </cell>
          <cell r="W1309" t="str">
            <v>gw742003</v>
          </cell>
          <cell r="Y1309" t="str">
            <v>測量,測量,</v>
          </cell>
          <cell r="Z1309">
            <v>301646</v>
          </cell>
          <cell r="AA1309" t="str">
            <v/>
          </cell>
          <cell r="AB1309" t="str">
            <v/>
          </cell>
          <cell r="AC1309" t="str">
            <v/>
          </cell>
          <cell r="AD1309" t="str">
            <v/>
          </cell>
          <cell r="AE1309" t="str">
            <v/>
          </cell>
          <cell r="AF1309" t="str">
            <v/>
          </cell>
          <cell r="AI1309">
            <v>1</v>
          </cell>
          <cell r="AJ1309" t="str">
            <v>測量</v>
          </cell>
          <cell r="CR1309">
            <v>7217</v>
          </cell>
          <cell r="CS1309" t="str">
            <v>ｷﾀﾉ ﾀﾀﾞｼ</v>
          </cell>
          <cell r="CT1309" t="str">
            <v>北野　正</v>
          </cell>
          <cell r="CU1309" t="str">
            <v>営繕課</v>
          </cell>
          <cell r="CW1309">
            <v>3327</v>
          </cell>
          <cell r="CY1309" t="str">
            <v>営繕課長</v>
          </cell>
        </row>
        <row r="1310">
          <cell r="B1310">
            <v>5138</v>
          </cell>
          <cell r="C1310" t="str">
            <v>(株)上田茂久・建築設計工房</v>
          </cell>
          <cell r="D1310" t="str">
            <v>06-6359-8235</v>
          </cell>
          <cell r="E1310" t="str">
            <v>651-1233</v>
          </cell>
          <cell r="F1310" t="str">
            <v>大阪府大阪市北区中津1-12-3 中津ﾊﾟｰｸﾋﾞﾙ</v>
          </cell>
          <cell r="G1310" t="str">
            <v>大阪市</v>
          </cell>
          <cell r="H1310" t="str">
            <v/>
          </cell>
          <cell r="I1310" t="str">
            <v>代表取締役　 上田　茂久</v>
          </cell>
          <cell r="J1310" t="str">
            <v>本店</v>
          </cell>
          <cell r="K1310" t="str">
            <v>06-6359-8236</v>
          </cell>
          <cell r="L1310" t="str">
            <v>moku@uedamoku.co.jp</v>
          </cell>
          <cell r="M1310" t="str">
            <v>ｳｴﾀﾞﾓｸｹﾝﾁｸｾﾂｹｲｺｳﾎﾞｳ</v>
          </cell>
          <cell r="N1310" t="str">
            <v>無</v>
          </cell>
          <cell r="O1310">
            <v>37</v>
          </cell>
          <cell r="P1310">
            <v>16</v>
          </cell>
          <cell r="Q1310">
            <v>8120001061022</v>
          </cell>
          <cell r="R1310">
            <v>10000</v>
          </cell>
          <cell r="S1310">
            <v>506745</v>
          </cell>
          <cell r="T1310">
            <v>281909</v>
          </cell>
          <cell r="V1310" t="str">
            <v>xr767258</v>
          </cell>
          <cell r="W1310" t="str">
            <v>xb866601</v>
          </cell>
          <cell r="Y1310" t="str">
            <v>建築,意匠,構造,調査,</v>
          </cell>
          <cell r="Z1310" t="str">
            <v/>
          </cell>
          <cell r="AA1310">
            <v>281909</v>
          </cell>
          <cell r="AB1310" t="str">
            <v/>
          </cell>
          <cell r="AC1310" t="str">
            <v/>
          </cell>
          <cell r="AD1310" t="str">
            <v/>
          </cell>
          <cell r="AE1310" t="str">
            <v/>
          </cell>
          <cell r="AF1310" t="str">
            <v/>
          </cell>
          <cell r="AI1310">
            <v>2</v>
          </cell>
          <cell r="AJ1310" t="str">
            <v>建築</v>
          </cell>
          <cell r="CR1310">
            <v>7218</v>
          </cell>
          <cell r="CS1310" t="str">
            <v>ﾊﾅﾌｻ ｺｳｼﾞ</v>
          </cell>
          <cell r="CT1310" t="str">
            <v>花房　耕二</v>
          </cell>
          <cell r="CU1310" t="str">
            <v xml:space="preserve">道路保全課 </v>
          </cell>
          <cell r="CW1310">
            <v>3033</v>
          </cell>
          <cell r="CY1310" t="str">
            <v>道路保全課長</v>
          </cell>
        </row>
        <row r="1311">
          <cell r="B1311">
            <v>5139</v>
          </cell>
          <cell r="C1311" t="str">
            <v>(株)ウィルコン</v>
          </cell>
          <cell r="D1311" t="str">
            <v>079-280-2050</v>
          </cell>
          <cell r="E1311" t="str">
            <v>671-1107</v>
          </cell>
          <cell r="F1311" t="str">
            <v>兵庫県姫路市広畑区西蒲田724-13</v>
          </cell>
          <cell r="G1311" t="str">
            <v>姫路市</v>
          </cell>
          <cell r="H1311" t="str">
            <v>神戸支店</v>
          </cell>
          <cell r="I1311" t="str">
            <v>代表取締役　井垣　英彦</v>
          </cell>
          <cell r="J1311" t="str">
            <v>兵庫県姫路市</v>
          </cell>
          <cell r="K1311" t="str">
            <v>079-280-2051</v>
          </cell>
          <cell r="L1311" t="str">
            <v>info@willcon999.co.jp</v>
          </cell>
          <cell r="M1311" t="str">
            <v>ｳｨﾙｺﾝ</v>
          </cell>
          <cell r="N1311" t="str">
            <v>無</v>
          </cell>
          <cell r="O1311">
            <v>11</v>
          </cell>
          <cell r="P1311">
            <v>9</v>
          </cell>
          <cell r="Q1311">
            <v>9140001064526</v>
          </cell>
          <cell r="R1311">
            <v>5000</v>
          </cell>
          <cell r="S1311">
            <v>28527</v>
          </cell>
          <cell r="T1311">
            <v>61004</v>
          </cell>
          <cell r="V1311" t="str">
            <v>dn185919</v>
          </cell>
          <cell r="W1311" t="str">
            <v>xg121662</v>
          </cell>
          <cell r="Y1311" t="str">
            <v>測量,測量,鋼構,河川,道路,土調,物件,</v>
          </cell>
          <cell r="Z1311">
            <v>770</v>
          </cell>
          <cell r="AA1311" t="str">
            <v/>
          </cell>
          <cell r="AB1311">
            <v>52416</v>
          </cell>
          <cell r="AC1311">
            <v>7818</v>
          </cell>
          <cell r="AD1311" t="str">
            <v/>
          </cell>
          <cell r="AE1311" t="str">
            <v/>
          </cell>
          <cell r="AF1311" t="str">
            <v/>
          </cell>
          <cell r="AI1311">
            <v>3</v>
          </cell>
          <cell r="AJ1311" t="str">
            <v>土木</v>
          </cell>
          <cell r="CR1311">
            <v>7283</v>
          </cell>
          <cell r="CS1311" t="str">
            <v>ｲﾀｶﾞｷ　ﾕｶﾘ</v>
          </cell>
          <cell r="CT1311" t="str">
            <v>板垣　ゆかり</v>
          </cell>
          <cell r="CU1311" t="str">
            <v>教育総務課</v>
          </cell>
          <cell r="CW1311">
            <v>3611</v>
          </cell>
          <cell r="CY1311" t="str">
            <v>教育総務課長</v>
          </cell>
        </row>
        <row r="1312">
          <cell r="B1312">
            <v>5140</v>
          </cell>
          <cell r="C1312" t="str">
            <v>(株)魚崎設計</v>
          </cell>
          <cell r="D1312" t="str">
            <v>079-298-0133</v>
          </cell>
          <cell r="E1312" t="str">
            <v>670-0086</v>
          </cell>
          <cell r="F1312" t="str">
            <v>兵庫県姫路市田寺1ｰ2-7</v>
          </cell>
          <cell r="G1312" t="str">
            <v>姫路市</v>
          </cell>
          <cell r="H1312" t="str">
            <v/>
          </cell>
          <cell r="I1312" t="str">
            <v>代表取締役 魚崎　高広</v>
          </cell>
          <cell r="J1312" t="str">
            <v>本店</v>
          </cell>
          <cell r="K1312" t="str">
            <v>079-298-0134</v>
          </cell>
          <cell r="L1312" t="str">
            <v>uosaki@fork.ocn.ne.jp</v>
          </cell>
          <cell r="M1312" t="str">
            <v>ｳｵｻｷｾｯｹｲ</v>
          </cell>
          <cell r="N1312" t="str">
            <v>無</v>
          </cell>
          <cell r="O1312">
            <v>47</v>
          </cell>
          <cell r="P1312">
            <v>7</v>
          </cell>
          <cell r="Q1312">
            <v>7140001065807</v>
          </cell>
          <cell r="R1312">
            <v>3000</v>
          </cell>
          <cell r="S1312">
            <v>24079</v>
          </cell>
          <cell r="T1312">
            <v>74456</v>
          </cell>
          <cell r="V1312" t="str">
            <v>zh126051</v>
          </cell>
          <cell r="W1312" t="str">
            <v>gh145918</v>
          </cell>
          <cell r="Y1312" t="str">
            <v/>
          </cell>
          <cell r="Z1312" t="str">
            <v/>
          </cell>
          <cell r="AA1312">
            <v>73615</v>
          </cell>
          <cell r="AB1312" t="str">
            <v/>
          </cell>
          <cell r="AC1312" t="str">
            <v/>
          </cell>
          <cell r="AD1312" t="str">
            <v/>
          </cell>
          <cell r="AE1312" t="str">
            <v/>
          </cell>
          <cell r="AF1312">
            <v>73615</v>
          </cell>
          <cell r="AI1312" t="str">
            <v>土木</v>
          </cell>
          <cell r="AJ1312" t="str">
            <v>兵庫県</v>
          </cell>
        </row>
        <row r="1313">
          <cell r="B1313">
            <v>5143</v>
          </cell>
          <cell r="C1313" t="str">
            <v>(株)アワジテック</v>
          </cell>
          <cell r="D1313" t="str">
            <v>078-367-8820</v>
          </cell>
          <cell r="E1313" t="str">
            <v>652-0811</v>
          </cell>
          <cell r="F1313" t="str">
            <v>兵庫県神戸市兵庫区新開地3-1-14</v>
          </cell>
          <cell r="G1313" t="str">
            <v>神戸市</v>
          </cell>
          <cell r="H1313" t="str">
            <v/>
          </cell>
          <cell r="I1313" t="str">
            <v>代表取締役 藤原　正典</v>
          </cell>
          <cell r="J1313" t="str">
            <v>本店</v>
          </cell>
          <cell r="K1313" t="str">
            <v>078-367-8850</v>
          </cell>
          <cell r="L1313" t="str">
            <v>fujiwara-m@awaji-tec.com</v>
          </cell>
          <cell r="M1313" t="str">
            <v>ｱﾜｼﾞﾃｯｸ</v>
          </cell>
          <cell r="N1313" t="str">
            <v>無</v>
          </cell>
          <cell r="O1313">
            <v>47</v>
          </cell>
          <cell r="P1313">
            <v>31</v>
          </cell>
          <cell r="Q1313">
            <v>1140001084589</v>
          </cell>
          <cell r="R1313">
            <v>20000</v>
          </cell>
          <cell r="S1313">
            <v>20000</v>
          </cell>
          <cell r="T1313">
            <v>425953</v>
          </cell>
          <cell r="V1313" t="str">
            <v>za186867</v>
          </cell>
          <cell r="W1313" t="str">
            <v>cf165457</v>
          </cell>
          <cell r="Y1313" t="str">
            <v/>
          </cell>
          <cell r="Z1313">
            <v>64175</v>
          </cell>
          <cell r="AA1313" t="str">
            <v/>
          </cell>
          <cell r="AB1313">
            <v>217515</v>
          </cell>
          <cell r="AC1313" t="str">
            <v/>
          </cell>
          <cell r="AD1313" t="str">
            <v>機器販売</v>
          </cell>
          <cell r="AE1313" t="str">
            <v>機器販売</v>
          </cell>
          <cell r="AF1313">
            <v>217515</v>
          </cell>
          <cell r="AI1313" t="str">
            <v>補償</v>
          </cell>
          <cell r="AJ1313" t="str">
            <v>兵庫県</v>
          </cell>
        </row>
        <row r="1314">
          <cell r="B1314">
            <v>5152</v>
          </cell>
          <cell r="C1314" t="str">
            <v>(株)エイト日本技術開発</v>
          </cell>
          <cell r="D1314" t="str">
            <v>078-326-2677</v>
          </cell>
          <cell r="E1314" t="str">
            <v>650-0038</v>
          </cell>
          <cell r="F1314" t="str">
            <v>兵庫県神戸市中央区西町35</v>
          </cell>
          <cell r="G1314" t="str">
            <v>岡山市</v>
          </cell>
          <cell r="H1314" t="str">
            <v>神戸支店</v>
          </cell>
          <cell r="I1314" t="str">
            <v>支店長 土屋　善浩</v>
          </cell>
          <cell r="J1314" t="str">
            <v>岡山県岡山市</v>
          </cell>
          <cell r="K1314" t="str">
            <v>078-326-2688</v>
          </cell>
          <cell r="L1314" t="str">
            <v>koube@ej-hds.co.jp</v>
          </cell>
          <cell r="M1314" t="str">
            <v>ｴｲﾄﾆﾎﾝｷﾞｼﾞｭﾂｶｲﾊﾂ</v>
          </cell>
          <cell r="N1314" t="str">
            <v>有</v>
          </cell>
          <cell r="O1314">
            <v>63</v>
          </cell>
          <cell r="P1314">
            <v>885</v>
          </cell>
          <cell r="Q1314">
            <v>7260001000735</v>
          </cell>
          <cell r="R1314">
            <v>2056880</v>
          </cell>
          <cell r="S1314">
            <v>13044028</v>
          </cell>
          <cell r="T1314">
            <v>19746823</v>
          </cell>
          <cell r="V1314" t="str">
            <v>ef354560</v>
          </cell>
          <cell r="W1314" t="str">
            <v>pg717485</v>
          </cell>
          <cell r="Y1314" t="str">
            <v>測量,航空,建築,意匠,構造,冷暖,衛生,電気,建積,機積,電積,調査,土質,鋼構,河川,道路,施行,建機,地質,造園,上水,下水,都市,スポ,環境,土他,土調,土評,物件,機工,営業,損失,補償,鑑定,水質,大気,騒音,交通,商業,調他</v>
          </cell>
          <cell r="Z1314">
            <v>43313</v>
          </cell>
          <cell r="AA1314">
            <v>218691</v>
          </cell>
          <cell r="AB1314">
            <v>147156</v>
          </cell>
          <cell r="AC1314">
            <v>16573939</v>
          </cell>
          <cell r="AD1314">
            <v>1101525</v>
          </cell>
          <cell r="AE1314">
            <v>536802</v>
          </cell>
          <cell r="AF1314" t="str">
            <v/>
          </cell>
          <cell r="AI1314">
            <v>4</v>
          </cell>
          <cell r="AJ1314" t="str">
            <v>補償</v>
          </cell>
          <cell r="CR1314">
            <v>7285</v>
          </cell>
          <cell r="CS1314" t="str">
            <v>ｵｶﾉ ﾏｻｱｷ</v>
          </cell>
          <cell r="CT1314" t="str">
            <v>岡野  正明</v>
          </cell>
          <cell r="CU1314" t="str">
            <v>資産税課</v>
          </cell>
          <cell r="CW1314">
            <v>2328</v>
          </cell>
          <cell r="CY1314" t="str">
            <v>資産税課長</v>
          </cell>
        </row>
        <row r="1315">
          <cell r="B1315">
            <v>5153</v>
          </cell>
          <cell r="C1315" t="str">
            <v>(株)栄和設計事務所</v>
          </cell>
          <cell r="D1315" t="str">
            <v>06-6452-1651</v>
          </cell>
          <cell r="E1315" t="str">
            <v>553-0003</v>
          </cell>
          <cell r="F1315" t="str">
            <v>大阪府大阪市福島区福島5-17-21</v>
          </cell>
          <cell r="G1315" t="str">
            <v>大阪市</v>
          </cell>
          <cell r="H1315" t="str">
            <v/>
          </cell>
          <cell r="I1315" t="str">
            <v>取締役社長　 川野　達彦</v>
          </cell>
          <cell r="J1315" t="str">
            <v>本店</v>
          </cell>
          <cell r="K1315" t="str">
            <v>06-6452-1666</v>
          </cell>
          <cell r="L1315" t="str">
            <v>soumu@s-eiwa.jp</v>
          </cell>
          <cell r="M1315" t="str">
            <v>ｴｲﾜｾｯｹｲｼﾞﾑｼｮ</v>
          </cell>
          <cell r="N1315" t="str">
            <v>無</v>
          </cell>
          <cell r="O1315">
            <v>63</v>
          </cell>
          <cell r="P1315">
            <v>11</v>
          </cell>
          <cell r="Q1315">
            <v>2120001034454</v>
          </cell>
          <cell r="R1315">
            <v>10000</v>
          </cell>
          <cell r="S1315">
            <v>47006</v>
          </cell>
          <cell r="T1315">
            <v>119472</v>
          </cell>
          <cell r="V1315" t="str">
            <v>ds190491</v>
          </cell>
          <cell r="W1315" t="str">
            <v>ww305101</v>
          </cell>
          <cell r="Y1315" t="str">
            <v>建築,意匠,構造,冷暖,衛生,電気,建積,機積,電積,調査,</v>
          </cell>
          <cell r="Z1315" t="str">
            <v/>
          </cell>
          <cell r="AA1315">
            <v>120284</v>
          </cell>
          <cell r="AB1315" t="str">
            <v/>
          </cell>
          <cell r="AC1315" t="str">
            <v/>
          </cell>
          <cell r="AD1315" t="str">
            <v/>
          </cell>
          <cell r="AE1315" t="str">
            <v/>
          </cell>
          <cell r="AF1315" t="str">
            <v/>
          </cell>
          <cell r="AI1315">
            <v>2</v>
          </cell>
          <cell r="AJ1315" t="str">
            <v>建築</v>
          </cell>
          <cell r="CR1315">
            <v>7290</v>
          </cell>
          <cell r="CS1315" t="str">
            <v>ｸﾆｴﾀﾞ ﾀｶﾐﾂ</v>
          </cell>
          <cell r="CT1315" t="str">
            <v>国枝　孝光</v>
          </cell>
          <cell r="CU1315" t="str">
            <v>市民課</v>
          </cell>
          <cell r="CW1315">
            <v>2604</v>
          </cell>
          <cell r="CY1315" t="str">
            <v>市民課長</v>
          </cell>
        </row>
        <row r="1316">
          <cell r="B1316">
            <v>5155</v>
          </cell>
          <cell r="C1316" t="str">
            <v>(株)エーアンドディー設計企画</v>
          </cell>
          <cell r="D1316" t="str">
            <v>078-391-7038</v>
          </cell>
          <cell r="E1316" t="str">
            <v>650-0011</v>
          </cell>
          <cell r="F1316" t="str">
            <v xml:space="preserve">兵庫県神戸市中央区下山手通4-6-13 </v>
          </cell>
          <cell r="G1316" t="str">
            <v>神戸市</v>
          </cell>
          <cell r="H1316" t="str">
            <v/>
          </cell>
          <cell r="I1316" t="str">
            <v>代表取締役 山田　正人</v>
          </cell>
          <cell r="J1316" t="str">
            <v>本店</v>
          </cell>
          <cell r="K1316" t="str">
            <v>078-391-7068</v>
          </cell>
          <cell r="L1316" t="str">
            <v>soumu@ad-sk.co.jp</v>
          </cell>
          <cell r="M1316" t="str">
            <v>ｴｰｱﾝﾄﾞﾃﾞｨｰｾｯｹｲｷｶｸ</v>
          </cell>
          <cell r="N1316" t="str">
            <v>無</v>
          </cell>
          <cell r="O1316">
            <v>35</v>
          </cell>
          <cell r="P1316">
            <v>15</v>
          </cell>
          <cell r="Q1316">
            <v>6140001006324</v>
          </cell>
          <cell r="R1316">
            <v>10000</v>
          </cell>
          <cell r="S1316">
            <v>93417</v>
          </cell>
          <cell r="T1316">
            <v>314959</v>
          </cell>
          <cell r="V1316" t="str">
            <v>ym711029</v>
          </cell>
          <cell r="W1316" t="str">
            <v>gq357272</v>
          </cell>
          <cell r="Y1316" t="str">
            <v>建築,意匠,構造,冷暖,衛生,電気,建積,機積,電積,調査,</v>
          </cell>
          <cell r="Z1316" t="str">
            <v/>
          </cell>
          <cell r="AA1316">
            <v>314959</v>
          </cell>
          <cell r="AB1316" t="str">
            <v/>
          </cell>
          <cell r="AC1316" t="str">
            <v/>
          </cell>
          <cell r="AD1316" t="str">
            <v/>
          </cell>
          <cell r="AE1316" t="str">
            <v/>
          </cell>
          <cell r="AF1316" t="str">
            <v/>
          </cell>
          <cell r="AI1316">
            <v>2</v>
          </cell>
          <cell r="AJ1316" t="str">
            <v>建築</v>
          </cell>
          <cell r="CR1316">
            <v>7297</v>
          </cell>
          <cell r="CS1316" t="str">
            <v>ﾅｶｻﾞﾜ ﾖｼﾀｶ</v>
          </cell>
          <cell r="CT1316" t="str">
            <v>中澤　嘉隆</v>
          </cell>
          <cell r="CU1316" t="str">
            <v>後期医療福祉課</v>
          </cell>
          <cell r="CW1316">
            <v>4581</v>
          </cell>
          <cell r="CX1316" t="str">
            <v>主任</v>
          </cell>
          <cell r="CY1316" t="str">
            <v>後期医療福祉課長</v>
          </cell>
        </row>
        <row r="1317">
          <cell r="B1317">
            <v>5157</v>
          </cell>
          <cell r="C1317" t="str">
            <v>(株)エオネックス</v>
          </cell>
          <cell r="D1317" t="str">
            <v>076-238-1181</v>
          </cell>
          <cell r="E1317" t="str">
            <v>920-0209</v>
          </cell>
          <cell r="F1317" t="str">
            <v>石川県金沢市東蚊爪町1-19-4</v>
          </cell>
          <cell r="G1317" t="str">
            <v>金沢市</v>
          </cell>
          <cell r="H1317" t="str">
            <v/>
          </cell>
          <cell r="I1317" t="str">
            <v>代表取締役 市山　勉</v>
          </cell>
          <cell r="J1317" t="str">
            <v>本店</v>
          </cell>
          <cell r="K1317" t="str">
            <v>076-238-9781</v>
          </cell>
          <cell r="L1317" t="str">
            <v>nyuusatu@chika.co.jp</v>
          </cell>
          <cell r="M1317" t="str">
            <v>ｴｵﾈｯｸｽ</v>
          </cell>
          <cell r="N1317" t="str">
            <v>無</v>
          </cell>
          <cell r="O1317">
            <v>44</v>
          </cell>
          <cell r="P1317">
            <v>132</v>
          </cell>
          <cell r="Q1317">
            <v>1220001006394</v>
          </cell>
          <cell r="R1317">
            <v>33833</v>
          </cell>
          <cell r="S1317">
            <v>450848</v>
          </cell>
          <cell r="T1317">
            <v>2019374</v>
          </cell>
          <cell r="V1317" t="str">
            <v>fg243896</v>
          </cell>
          <cell r="W1317" t="str">
            <v>za495749</v>
          </cell>
          <cell r="Y1317" t="str">
            <v>測量,土質,河川,道路,地質,上水,地質,</v>
          </cell>
          <cell r="Z1317">
            <v>7526</v>
          </cell>
          <cell r="AA1317" t="str">
            <v/>
          </cell>
          <cell r="AB1317">
            <v>202562</v>
          </cell>
          <cell r="AC1317" t="str">
            <v/>
          </cell>
          <cell r="AD1317">
            <v>679948</v>
          </cell>
          <cell r="AE1317" t="str">
            <v/>
          </cell>
          <cell r="AF1317" t="str">
            <v/>
          </cell>
          <cell r="AI1317">
            <v>5</v>
          </cell>
          <cell r="AJ1317" t="str">
            <v>調査</v>
          </cell>
          <cell r="CR1317">
            <v>7302</v>
          </cell>
          <cell r="CS1317" t="str">
            <v>ﾓﾘｻｷ　ｶｵﾘ</v>
          </cell>
          <cell r="CT1317" t="str">
            <v>森崎　香央里</v>
          </cell>
          <cell r="CU1317" t="str">
            <v>都市安全企画課</v>
          </cell>
          <cell r="CW1317">
            <v>2443</v>
          </cell>
          <cell r="CY1317" t="str">
            <v>管財課</v>
          </cell>
        </row>
        <row r="1318">
          <cell r="B1318">
            <v>5159</v>
          </cell>
          <cell r="C1318" t="str">
            <v>(株)エス・イー・エヌ環境計画室</v>
          </cell>
          <cell r="D1318" t="str">
            <v>06-6373-4117</v>
          </cell>
          <cell r="E1318" t="str">
            <v>530-0014</v>
          </cell>
          <cell r="F1318" t="str">
            <v>大阪府大阪市北区鶴野町4ｰ11ｰ1106</v>
          </cell>
          <cell r="G1318" t="str">
            <v>大阪市</v>
          </cell>
          <cell r="H1318" t="str">
            <v/>
          </cell>
          <cell r="I1318" t="str">
            <v>代表取締役 津田　主税</v>
          </cell>
          <cell r="J1318" t="str">
            <v>本店</v>
          </cell>
          <cell r="K1318" t="str">
            <v>06-6373-4617</v>
          </cell>
          <cell r="L1318" t="str">
            <v>post@sen-inc.co.jp</v>
          </cell>
          <cell r="M1318" t="str">
            <v>ｴｽ･ｲｰ･ｴﾇｶﾝｷｮｳｹｲｶｸｼﾂ</v>
          </cell>
          <cell r="N1318" t="str">
            <v>無</v>
          </cell>
          <cell r="O1318">
            <v>35</v>
          </cell>
          <cell r="P1318">
            <v>4</v>
          </cell>
          <cell r="Q1318">
            <v>5120001061339</v>
          </cell>
          <cell r="R1318">
            <v>45000</v>
          </cell>
          <cell r="S1318">
            <v>10158</v>
          </cell>
          <cell r="T1318">
            <v>24662</v>
          </cell>
          <cell r="V1318" t="str">
            <v>ag950177</v>
          </cell>
          <cell r="W1318" t="str">
            <v>ua326578</v>
          </cell>
          <cell r="Y1318" t="str">
            <v>造園,</v>
          </cell>
          <cell r="Z1318" t="str">
            <v/>
          </cell>
          <cell r="AA1318" t="str">
            <v/>
          </cell>
          <cell r="AB1318">
            <v>25586</v>
          </cell>
          <cell r="AC1318" t="str">
            <v/>
          </cell>
          <cell r="AD1318" t="str">
            <v/>
          </cell>
          <cell r="AE1318" t="str">
            <v/>
          </cell>
          <cell r="AF1318" t="str">
            <v/>
          </cell>
          <cell r="AI1318">
            <v>3</v>
          </cell>
          <cell r="AJ1318" t="str">
            <v>土木</v>
          </cell>
          <cell r="CR1318">
            <v>7302</v>
          </cell>
          <cell r="CS1318" t="str">
            <v>ﾓﾘｻｷ　ｶｵﾘ</v>
          </cell>
          <cell r="CT1318" t="str">
            <v>森崎　香央里</v>
          </cell>
          <cell r="CU1318" t="str">
            <v>都市安全企画課</v>
          </cell>
          <cell r="CW1318">
            <v>2443</v>
          </cell>
          <cell r="CY1318" t="str">
            <v>管財課</v>
          </cell>
        </row>
        <row r="1319">
          <cell r="B1319">
            <v>5161</v>
          </cell>
          <cell r="C1319" t="str">
            <v>(株)エスディーネットワーク</v>
          </cell>
          <cell r="D1319" t="str">
            <v>078-733-6542</v>
          </cell>
          <cell r="E1319" t="str">
            <v>654-0024</v>
          </cell>
          <cell r="F1319" t="str">
            <v>兵庫県神戸市須磨区大田町1-3-26</v>
          </cell>
          <cell r="G1319" t="str">
            <v>神戸市</v>
          </cell>
          <cell r="H1319" t="str">
            <v/>
          </cell>
          <cell r="I1319" t="str">
            <v>代表取締役 谷内　俊文</v>
          </cell>
          <cell r="J1319" t="str">
            <v>本店</v>
          </cell>
          <cell r="K1319" t="str">
            <v>078-733-6542</v>
          </cell>
          <cell r="L1319" t="str">
            <v>info@sdnetwork.co.jp</v>
          </cell>
          <cell r="M1319" t="str">
            <v>ｴｽﾃﾞｨｰﾈｯﾄﾜｰｸ</v>
          </cell>
          <cell r="N1319" t="str">
            <v>無</v>
          </cell>
          <cell r="O1319">
            <v>28</v>
          </cell>
          <cell r="P1319">
            <v>25</v>
          </cell>
          <cell r="Q1319">
            <v>9140001017319</v>
          </cell>
          <cell r="R1319">
            <v>10000</v>
          </cell>
          <cell r="S1319">
            <v>145089</v>
          </cell>
          <cell r="T1319">
            <v>250463</v>
          </cell>
          <cell r="V1319" t="str">
            <v>uu556594</v>
          </cell>
          <cell r="W1319" t="str">
            <v>jr288766</v>
          </cell>
          <cell r="Y1319" t="str">
            <v>建築,意匠,構造,冷暖,衛生,電気,建積,機積,電積,調査,</v>
          </cell>
          <cell r="Z1319" t="str">
            <v/>
          </cell>
          <cell r="AA1319">
            <v>250463</v>
          </cell>
          <cell r="AB1319" t="str">
            <v/>
          </cell>
          <cell r="AC1319" t="str">
            <v/>
          </cell>
          <cell r="AD1319" t="str">
            <v/>
          </cell>
          <cell r="AE1319" t="str">
            <v/>
          </cell>
          <cell r="AF1319" t="str">
            <v/>
          </cell>
          <cell r="AI1319">
            <v>2</v>
          </cell>
          <cell r="AJ1319" t="str">
            <v>建築</v>
          </cell>
          <cell r="CR1319">
            <v>7311</v>
          </cell>
          <cell r="CS1319" t="str">
            <v>ｲｶﾜ ﾕｳｽｹ</v>
          </cell>
          <cell r="CT1319" t="str">
            <v>井川　裕介</v>
          </cell>
          <cell r="CU1319" t="str">
            <v xml:space="preserve">道路保全課 </v>
          </cell>
          <cell r="CW1319">
            <v>4590</v>
          </cell>
          <cell r="CY1319" t="str">
            <v>道路保全課長</v>
          </cell>
        </row>
        <row r="1320">
          <cell r="B1320">
            <v>5163</v>
          </cell>
          <cell r="C1320" t="str">
            <v>(株)エヌ・イーサポート</v>
          </cell>
          <cell r="D1320" t="str">
            <v>06-6472-9772</v>
          </cell>
          <cell r="E1320" t="str">
            <v>555-0033</v>
          </cell>
          <cell r="F1320" t="str">
            <v>大阪府大阪市西淀川区姫島5-4-10</v>
          </cell>
          <cell r="G1320" t="str">
            <v>広島市</v>
          </cell>
          <cell r="H1320" t="str">
            <v>大阪支店</v>
          </cell>
          <cell r="I1320" t="str">
            <v>支店長 大下　展正</v>
          </cell>
          <cell r="J1320" t="str">
            <v>広島県広島市</v>
          </cell>
          <cell r="K1320" t="str">
            <v>06-6472-9779</v>
          </cell>
          <cell r="L1320" t="str">
            <v>n-soumu@nesupport.co.jp</v>
          </cell>
          <cell r="M1320" t="str">
            <v>ｴﾇ･ｲｰｻﾎﾟｰﾄ</v>
          </cell>
          <cell r="N1320" t="str">
            <v>有</v>
          </cell>
          <cell r="O1320">
            <v>45</v>
          </cell>
          <cell r="P1320">
            <v>109</v>
          </cell>
          <cell r="Q1320">
            <v>5240001006562</v>
          </cell>
          <cell r="R1320">
            <v>30000</v>
          </cell>
          <cell r="S1320">
            <v>336613</v>
          </cell>
          <cell r="T1320">
            <v>1126893</v>
          </cell>
          <cell r="V1320" t="str">
            <v>qn275203</v>
          </cell>
          <cell r="W1320" t="str">
            <v>wy624877</v>
          </cell>
          <cell r="Y1320" t="str">
            <v>測量,環境,土他,水質,大気,騒音,交通,調他</v>
          </cell>
          <cell r="Z1320">
            <v>23285</v>
          </cell>
          <cell r="AA1320" t="str">
            <v/>
          </cell>
          <cell r="AB1320">
            <v>129349</v>
          </cell>
          <cell r="AC1320" t="str">
            <v/>
          </cell>
          <cell r="AD1320">
            <v>974259</v>
          </cell>
          <cell r="AE1320" t="str">
            <v/>
          </cell>
          <cell r="AF1320" t="str">
            <v/>
          </cell>
          <cell r="AI1320">
            <v>5</v>
          </cell>
          <cell r="AJ1320" t="str">
            <v>調査</v>
          </cell>
          <cell r="CR1320">
            <v>7313</v>
          </cell>
          <cell r="CS1320" t="str">
            <v>ｱﾀﾞﾁ ﾘｮｳｽｹ</v>
          </cell>
          <cell r="CT1320" t="str">
            <v>安達　亮輔</v>
          </cell>
          <cell r="CU1320" t="str">
            <v>営繕課</v>
          </cell>
          <cell r="CW1320">
            <v>4592</v>
          </cell>
          <cell r="CY1320" t="str">
            <v>営繕課長</v>
          </cell>
        </row>
        <row r="1321">
          <cell r="B1321">
            <v>5164</v>
          </cell>
          <cell r="C1321" t="str">
            <v>エヌ・ティ・ティ・インフラネット(株)</v>
          </cell>
          <cell r="D1321" t="str">
            <v>078-265-6556</v>
          </cell>
          <cell r="E1321" t="str">
            <v>651-0088</v>
          </cell>
          <cell r="F1321" t="str">
            <v>兵庫県神戸市中央区小野柄通4-1‐1</v>
          </cell>
          <cell r="H1321" t="str">
            <v>兵庫支店</v>
          </cell>
          <cell r="I1321" t="str">
            <v>支店長 大森　昌弘</v>
          </cell>
          <cell r="J1321" t="str">
            <v>東京都</v>
          </cell>
          <cell r="K1321" t="str">
            <v>078-265-6533</v>
          </cell>
          <cell r="L1321" t="str">
            <v>densi-hqt-hqt@nttinf.co.jp</v>
          </cell>
          <cell r="M1321" t="str">
            <v>ｴﾇﾃｨﾃｨｲﾝﾌﾗﾈｯﾄ</v>
          </cell>
          <cell r="N1321" t="str">
            <v>有</v>
          </cell>
          <cell r="O1321">
            <v>19</v>
          </cell>
          <cell r="P1321">
            <v>1344</v>
          </cell>
          <cell r="Q1321">
            <v>2010001063299</v>
          </cell>
          <cell r="R1321">
            <v>100000</v>
          </cell>
          <cell r="S1321">
            <v>11250904</v>
          </cell>
          <cell r="T1321">
            <v>61180768</v>
          </cell>
          <cell r="V1321" t="str">
            <v>fj260827</v>
          </cell>
          <cell r="W1321" t="str">
            <v>hw354105</v>
          </cell>
          <cell r="Y1321" t="str">
            <v>道路,下水,土他,</v>
          </cell>
          <cell r="Z1321" t="str">
            <v/>
          </cell>
          <cell r="AA1321" t="str">
            <v/>
          </cell>
          <cell r="AB1321">
            <v>8017125</v>
          </cell>
          <cell r="AC1321" t="str">
            <v/>
          </cell>
          <cell r="AD1321" t="str">
            <v/>
          </cell>
          <cell r="AE1321" t="str">
            <v/>
          </cell>
          <cell r="AF1321" t="str">
            <v/>
          </cell>
          <cell r="AI1321">
            <v>3</v>
          </cell>
          <cell r="AJ1321" t="str">
            <v>土木</v>
          </cell>
          <cell r="CR1321">
            <v>7314</v>
          </cell>
          <cell r="CS1321" t="str">
            <v>ﾃﾗﾆｼ</v>
          </cell>
          <cell r="CT1321" t="str">
            <v>寺西　慶裕</v>
          </cell>
          <cell r="CU1321" t="str">
            <v>みどり自然課</v>
          </cell>
          <cell r="CW1321">
            <v>2876</v>
          </cell>
          <cell r="CY1321" t="str">
            <v>みどり自然課長</v>
          </cell>
        </row>
        <row r="1322">
          <cell r="B1322">
            <v>5167</v>
          </cell>
          <cell r="C1322" t="str">
            <v>(株)ＮＴＴファシリティーズ</v>
          </cell>
          <cell r="D1322" t="str">
            <v>06-6446-7465</v>
          </cell>
          <cell r="E1322" t="str">
            <v>550-0001</v>
          </cell>
          <cell r="F1322" t="str">
            <v>大阪府大阪市西区土佐堀一丁目4番14号</v>
          </cell>
          <cell r="G1322" t="str">
            <v/>
          </cell>
          <cell r="H1322" t="str">
            <v>関西事業本部</v>
          </cell>
          <cell r="I1322" t="str">
            <v>常務取締役関西事業本部長 阿部　聡</v>
          </cell>
          <cell r="J1322" t="str">
            <v>東京都</v>
          </cell>
          <cell r="K1322" t="str">
            <v>06-6446-4857</v>
          </cell>
          <cell r="L1322" t="str">
            <v/>
          </cell>
          <cell r="M1322" t="str">
            <v>ｴﾇﾃｲﾃｲﾌｱｼﾘﾃｲ-ｽﾞ</v>
          </cell>
          <cell r="N1322" t="str">
            <v>有</v>
          </cell>
          <cell r="O1322">
            <v>27</v>
          </cell>
          <cell r="P1322">
            <v>1097</v>
          </cell>
          <cell r="Q1322">
            <v>3010401005008</v>
          </cell>
          <cell r="R1322">
            <v>12400000</v>
          </cell>
          <cell r="S1322">
            <v>88057000</v>
          </cell>
          <cell r="T1322">
            <v>250960000</v>
          </cell>
          <cell r="V1322" t="str">
            <v>kg214130</v>
          </cell>
          <cell r="W1322" t="str">
            <v>gt238223</v>
          </cell>
          <cell r="Y1322" t="str">
            <v>建築,意匠,構造,冷暖,衛生,電気,建積,機積,電積,調査,</v>
          </cell>
          <cell r="Z1322" t="str">
            <v/>
          </cell>
          <cell r="AA1322">
            <v>34823500</v>
          </cell>
          <cell r="AB1322" t="str">
            <v/>
          </cell>
          <cell r="AC1322" t="str">
            <v/>
          </cell>
          <cell r="AD1322" t="str">
            <v/>
          </cell>
          <cell r="AE1322" t="str">
            <v/>
          </cell>
          <cell r="AF1322" t="str">
            <v/>
          </cell>
          <cell r="AI1322">
            <v>2</v>
          </cell>
          <cell r="AJ1322" t="str">
            <v>建築</v>
          </cell>
          <cell r="CR1322">
            <v>7417</v>
          </cell>
          <cell r="CS1322" t="str">
            <v>ﾋﾛｾ　ﾉﾘｵ</v>
          </cell>
          <cell r="CT1322" t="str">
            <v>弘瀬　法男</v>
          </cell>
          <cell r="CU1322" t="str">
            <v>情報管理課</v>
          </cell>
          <cell r="CW1322">
            <v>4608</v>
          </cell>
          <cell r="CY1322" t="str">
            <v>情報管理課長</v>
          </cell>
        </row>
        <row r="1323">
          <cell r="B1323">
            <v>5168</v>
          </cell>
          <cell r="C1323" t="str">
            <v>エヌエス環境(株)</v>
          </cell>
          <cell r="D1323" t="str">
            <v>06-6310-6222</v>
          </cell>
          <cell r="E1323" t="str">
            <v>564-0062</v>
          </cell>
          <cell r="F1323" t="str">
            <v>大阪府吹田市垂水町2-36-27</v>
          </cell>
          <cell r="H1323" t="str">
            <v>西日本支社</v>
          </cell>
          <cell r="I1323" t="str">
            <v>支社長 髙橋　幾郎</v>
          </cell>
          <cell r="J1323" t="str">
            <v>東京都</v>
          </cell>
          <cell r="K1323" t="str">
            <v>06-6310-7529</v>
          </cell>
          <cell r="L1323" t="str">
            <v>eigyo-n2800@ns-kankyo.co.jp</v>
          </cell>
          <cell r="M1323" t="str">
            <v>ｴﾇｴｽｶﾝｷｮｳ</v>
          </cell>
          <cell r="N1323" t="str">
            <v>有</v>
          </cell>
          <cell r="O1323">
            <v>54</v>
          </cell>
          <cell r="P1323">
            <v>347</v>
          </cell>
          <cell r="Q1323">
            <v>4010401004900</v>
          </cell>
          <cell r="R1323">
            <v>396200</v>
          </cell>
          <cell r="S1323">
            <v>3712140</v>
          </cell>
          <cell r="T1323">
            <v>5282704</v>
          </cell>
          <cell r="V1323" t="str">
            <v>rr133264</v>
          </cell>
          <cell r="W1323" t="str">
            <v>ar905764</v>
          </cell>
          <cell r="Y1323" t="str">
            <v>測量,測量,建築,調査,土質,鋼構,河川,道路,施行,建機,地質,造園,上水,下水,都市,スポ,環境,土他,地質,水質,大気,騒音,交通,調他</v>
          </cell>
          <cell r="Z1323">
            <v>295</v>
          </cell>
          <cell r="AA1323">
            <v>6887</v>
          </cell>
          <cell r="AB1323">
            <v>2555097</v>
          </cell>
          <cell r="AC1323" t="str">
            <v/>
          </cell>
          <cell r="AD1323">
            <v>2392383</v>
          </cell>
          <cell r="AE1323" t="str">
            <v>情報サービス、機器販売等</v>
          </cell>
          <cell r="AF1323">
            <v>344389</v>
          </cell>
          <cell r="AI1323">
            <v>3</v>
          </cell>
          <cell r="AJ1323" t="str">
            <v>土木</v>
          </cell>
          <cell r="CR1323">
            <v>7418</v>
          </cell>
          <cell r="CS1323" t="str">
            <v>ﾌｸﾓﾄ　ｼﾝｺﾞ</v>
          </cell>
          <cell r="CT1323" t="str">
            <v>福本　慎吾</v>
          </cell>
          <cell r="CU1323" t="str">
            <v>まちなかにぎわい課</v>
          </cell>
          <cell r="CW1323">
            <v>3222</v>
          </cell>
          <cell r="CY1323" t="str">
            <v>まちなかにぎわい課長</v>
          </cell>
        </row>
        <row r="1324">
          <cell r="B1324">
            <v>5169</v>
          </cell>
          <cell r="C1324" t="str">
            <v>(株)エハラ</v>
          </cell>
          <cell r="D1324" t="str">
            <v>078-304-7901</v>
          </cell>
          <cell r="E1324" t="str">
            <v>650-0047</v>
          </cell>
          <cell r="F1324" t="str">
            <v>兵庫県神戸市中央区港島南町3-3-2</v>
          </cell>
          <cell r="G1324" t="str">
            <v>東大阪市</v>
          </cell>
          <cell r="H1324" t="str">
            <v>神戸営業所</v>
          </cell>
          <cell r="I1324" t="str">
            <v>所長 大西　由紀子</v>
          </cell>
          <cell r="J1324" t="str">
            <v>大阪府東大阪市</v>
          </cell>
          <cell r="K1324" t="str">
            <v>078-304-7902</v>
          </cell>
          <cell r="L1324" t="str">
            <v>oda@ehara21.co.jp</v>
          </cell>
          <cell r="M1324" t="str">
            <v>ｴﾊﾗ</v>
          </cell>
          <cell r="N1324" t="str">
            <v>有</v>
          </cell>
          <cell r="O1324">
            <v>42</v>
          </cell>
          <cell r="P1324">
            <v>29</v>
          </cell>
          <cell r="Q1324">
            <v>7122001001000</v>
          </cell>
          <cell r="R1324">
            <v>45000</v>
          </cell>
          <cell r="S1324">
            <v>102759</v>
          </cell>
          <cell r="T1324">
            <v>467683</v>
          </cell>
          <cell r="V1324" t="str">
            <v>du645440</v>
          </cell>
          <cell r="W1324" t="str">
            <v>aa922838</v>
          </cell>
          <cell r="Y1324" t="str">
            <v>測量,土質,道路,施行,造園,下水,都市,土調,交通,</v>
          </cell>
          <cell r="Z1324">
            <v>63988</v>
          </cell>
          <cell r="AA1324" t="str">
            <v/>
          </cell>
          <cell r="AB1324">
            <v>418143</v>
          </cell>
          <cell r="AC1324">
            <v>9899</v>
          </cell>
          <cell r="AD1324" t="str">
            <v/>
          </cell>
          <cell r="AE1324" t="str">
            <v/>
          </cell>
          <cell r="AF1324" t="str">
            <v/>
          </cell>
          <cell r="AI1324">
            <v>3</v>
          </cell>
          <cell r="AJ1324" t="str">
            <v>土木</v>
          </cell>
          <cell r="CR1324">
            <v>7435</v>
          </cell>
          <cell r="CS1324" t="str">
            <v>ｷﾀｵ</v>
          </cell>
          <cell r="CT1324" t="str">
            <v>北尾　真規</v>
          </cell>
          <cell r="CU1324" t="str">
            <v>道路建設課</v>
          </cell>
          <cell r="CW1324">
            <v>4614</v>
          </cell>
          <cell r="CY1324" t="str">
            <v>道路建設課長</v>
          </cell>
        </row>
        <row r="1325">
          <cell r="B1325">
            <v>5172</v>
          </cell>
          <cell r="C1325" t="str">
            <v>(株)エルクコンサルタント</v>
          </cell>
          <cell r="D1325" t="str">
            <v>078-222-2108</v>
          </cell>
          <cell r="E1325" t="str">
            <v>651-0087</v>
          </cell>
          <cell r="F1325" t="str">
            <v>兵庫県神戸市中央区御幸通4-2-9</v>
          </cell>
          <cell r="G1325" t="str">
            <v>神戸市</v>
          </cell>
          <cell r="H1325" t="str">
            <v/>
          </cell>
          <cell r="I1325" t="str">
            <v>代表取締役 河野　陽子</v>
          </cell>
          <cell r="J1325" t="str">
            <v>本店</v>
          </cell>
          <cell r="K1325" t="str">
            <v>078-222-2106</v>
          </cell>
          <cell r="L1325" t="str">
            <v>elk@ch.mbn.or.jp</v>
          </cell>
          <cell r="M1325" t="str">
            <v>ｴﾙｸｺﾝｻﾙﾀﾝﾄ</v>
          </cell>
          <cell r="N1325" t="str">
            <v>無</v>
          </cell>
          <cell r="O1325">
            <v>20</v>
          </cell>
          <cell r="P1325">
            <v>32</v>
          </cell>
          <cell r="Q1325">
            <v>8140001019514</v>
          </cell>
          <cell r="R1325">
            <v>30349</v>
          </cell>
          <cell r="S1325">
            <v>39470</v>
          </cell>
          <cell r="T1325">
            <v>344680</v>
          </cell>
          <cell r="V1325" t="str">
            <v>bz642035</v>
          </cell>
          <cell r="W1325" t="str">
            <v>va466489</v>
          </cell>
          <cell r="Y1325" t="str">
            <v>測量,測量,土質,鋼構,河川,道路,地質,下水,都市,地質,交通,</v>
          </cell>
          <cell r="Z1325">
            <v>36713</v>
          </cell>
          <cell r="AA1325" t="str">
            <v/>
          </cell>
          <cell r="AB1325">
            <v>280048</v>
          </cell>
          <cell r="AC1325" t="str">
            <v/>
          </cell>
          <cell r="AD1325">
            <v>27919</v>
          </cell>
          <cell r="AE1325" t="str">
            <v/>
          </cell>
          <cell r="AF1325" t="str">
            <v/>
          </cell>
          <cell r="AI1325">
            <v>3</v>
          </cell>
          <cell r="AJ1325" t="str">
            <v>土木</v>
          </cell>
          <cell r="CR1325">
            <v>7436</v>
          </cell>
          <cell r="CS1325" t="str">
            <v>ｸﾎﾞ ﾀｸｼﾞ</v>
          </cell>
          <cell r="CT1325" t="str">
            <v>久保　琢史</v>
          </cell>
          <cell r="CU1325" t="str">
            <v>公園課</v>
          </cell>
          <cell r="CW1325">
            <v>4615</v>
          </cell>
          <cell r="CY1325" t="str">
            <v>公園課長</v>
          </cell>
        </row>
        <row r="1326">
          <cell r="B1326">
            <v>5175</v>
          </cell>
          <cell r="C1326" t="str">
            <v>(株)ＨＥＲ</v>
          </cell>
          <cell r="D1326" t="str">
            <v>0790-49-3220</v>
          </cell>
          <cell r="E1326" t="str">
            <v>675-2113</v>
          </cell>
          <cell r="F1326" t="str">
            <v>兵庫県加西市網引町2001-39</v>
          </cell>
          <cell r="G1326" t="str">
            <v>加西市</v>
          </cell>
          <cell r="H1326" t="str">
            <v/>
          </cell>
          <cell r="I1326" t="str">
            <v>代表取締役 芝本　忠雄</v>
          </cell>
          <cell r="J1326" t="str">
            <v>本店</v>
          </cell>
          <cell r="K1326" t="str">
            <v>0790-49-1199</v>
          </cell>
          <cell r="L1326" t="str">
            <v>info@her.co.jp</v>
          </cell>
          <cell r="M1326" t="str">
            <v>ｴｲﾁｲｰｱｰﾙ</v>
          </cell>
          <cell r="N1326" t="str">
            <v>無</v>
          </cell>
          <cell r="O1326">
            <v>26</v>
          </cell>
          <cell r="P1326">
            <v>66</v>
          </cell>
          <cell r="Q1326">
            <v>8000020282073</v>
          </cell>
          <cell r="R1326">
            <v>100000</v>
          </cell>
          <cell r="S1326">
            <v>180188</v>
          </cell>
          <cell r="T1326">
            <v>535025</v>
          </cell>
          <cell r="V1326" t="str">
            <v>yd629493</v>
          </cell>
          <cell r="W1326" t="str">
            <v>ad768963</v>
          </cell>
          <cell r="Y1326" t="str">
            <v>水質,大気,騒音,調他</v>
          </cell>
          <cell r="Z1326" t="str">
            <v/>
          </cell>
          <cell r="AA1326" t="str">
            <v/>
          </cell>
          <cell r="AB1326" t="str">
            <v/>
          </cell>
          <cell r="AC1326" t="str">
            <v/>
          </cell>
          <cell r="AD1326" t="str">
            <v/>
          </cell>
          <cell r="AE1326" t="str">
            <v>計量証明</v>
          </cell>
          <cell r="AF1326">
            <v>535025</v>
          </cell>
          <cell r="AI1326">
            <v>1</v>
          </cell>
          <cell r="AJ1326" t="str">
            <v>測量</v>
          </cell>
          <cell r="CR1326">
            <v>7437</v>
          </cell>
          <cell r="CS1326" t="str">
            <v>ﾐﾀﾆ　ﾕｷﾋﾛ</v>
          </cell>
          <cell r="CT1326" t="str">
            <v>三谷　幸弘</v>
          </cell>
          <cell r="CU1326" t="str">
            <v>道路建設課</v>
          </cell>
          <cell r="CW1326">
            <v>3026</v>
          </cell>
          <cell r="CY1326" t="str">
            <v>道路建設課長</v>
          </cell>
        </row>
        <row r="1327">
          <cell r="B1327">
            <v>5177</v>
          </cell>
          <cell r="C1327" t="str">
            <v>(一社)兵庫県地籍調査協会</v>
          </cell>
          <cell r="D1327" t="str">
            <v>06-6428-5744</v>
          </cell>
          <cell r="E1327" t="str">
            <v>660-0805</v>
          </cell>
          <cell r="F1327" t="str">
            <v>兵庫県尼崎市西長洲町2-2-41</v>
          </cell>
          <cell r="G1327" t="str">
            <v>尼崎市</v>
          </cell>
          <cell r="H1327" t="str">
            <v/>
          </cell>
          <cell r="I1327" t="str">
            <v>代表理事 中井　富子</v>
          </cell>
          <cell r="J1327" t="str">
            <v>本店</v>
          </cell>
          <cell r="K1327" t="str">
            <v>06-6426-8777</v>
          </cell>
          <cell r="L1327" t="str">
            <v>ama@bk.iij4u.or.jp</v>
          </cell>
          <cell r="M1327" t="str">
            <v>ﾋｮｳｺﾞｹﾝﾁｾｷﾁｮｳｻｷｮｳｶｲ</v>
          </cell>
          <cell r="N1327" t="str">
            <v>無</v>
          </cell>
          <cell r="O1327">
            <v>12</v>
          </cell>
          <cell r="P1327">
            <v>4</v>
          </cell>
          <cell r="Q1327">
            <v>1140005011762</v>
          </cell>
          <cell r="R1327">
            <v>3000</v>
          </cell>
          <cell r="S1327">
            <v>4564</v>
          </cell>
          <cell r="T1327">
            <v>500</v>
          </cell>
          <cell r="V1327" t="str">
            <v>pv767777</v>
          </cell>
          <cell r="W1327" t="str">
            <v>yp598811</v>
          </cell>
          <cell r="Y1327" t="str">
            <v>土調,</v>
          </cell>
          <cell r="Z1327">
            <v>500</v>
          </cell>
          <cell r="AA1327" t="str">
            <v/>
          </cell>
          <cell r="AB1327" t="str">
            <v/>
          </cell>
          <cell r="AC1327" t="str">
            <v/>
          </cell>
          <cell r="AD1327" t="str">
            <v/>
          </cell>
          <cell r="AE1327" t="str">
            <v/>
          </cell>
          <cell r="AF1327" t="str">
            <v/>
          </cell>
          <cell r="AI1327">
            <v>1</v>
          </cell>
          <cell r="AJ1327" t="str">
            <v>測量</v>
          </cell>
          <cell r="CR1327">
            <v>7438</v>
          </cell>
          <cell r="CS1327" t="str">
            <v>ﾔｽｲ　ﾏｷ</v>
          </cell>
          <cell r="CT1327" t="str">
            <v>安井　真紀</v>
          </cell>
          <cell r="CU1327" t="str">
            <v xml:space="preserve">道路保全課 </v>
          </cell>
          <cell r="CW1327">
            <v>4617</v>
          </cell>
          <cell r="CY1327" t="str">
            <v>道路保全課長</v>
          </cell>
        </row>
        <row r="1328">
          <cell r="B1328">
            <v>5178</v>
          </cell>
          <cell r="C1328" t="str">
            <v>ＦＰ鑑定（廃業のため登録取消し）</v>
          </cell>
          <cell r="D1328" t="str">
            <v>0797-80-7167</v>
          </cell>
          <cell r="E1328" t="str">
            <v>665-0002</v>
          </cell>
          <cell r="F1328" t="str">
            <v>兵庫県宝塚市月見山1-1-13</v>
          </cell>
          <cell r="G1328" t="str">
            <v>宝塚市</v>
          </cell>
          <cell r="H1328" t="str">
            <v/>
          </cell>
          <cell r="I1328" t="str">
            <v>代表 脇本　克己</v>
          </cell>
          <cell r="J1328" t="str">
            <v>本店</v>
          </cell>
          <cell r="K1328" t="str">
            <v>0797-80-7168</v>
          </cell>
          <cell r="L1328" t="str">
            <v>fpkantei@e.gmobb.jp</v>
          </cell>
          <cell r="M1328" t="str">
            <v>ｴﾌﾋﾟｰｶﾝﾃｲ</v>
          </cell>
          <cell r="N1328" t="str">
            <v>無</v>
          </cell>
          <cell r="O1328">
            <v>16</v>
          </cell>
          <cell r="P1328">
            <v>1</v>
          </cell>
          <cell r="R1328">
            <v>0</v>
          </cell>
          <cell r="S1328">
            <v>39862</v>
          </cell>
          <cell r="T1328">
            <v>12135</v>
          </cell>
          <cell r="V1328" t="str">
            <v>nm214189</v>
          </cell>
          <cell r="W1328" t="str">
            <v>yu635028</v>
          </cell>
          <cell r="Y1328" t="str">
            <v>鑑定,</v>
          </cell>
          <cell r="Z1328" t="str">
            <v/>
          </cell>
          <cell r="AA1328" t="str">
            <v/>
          </cell>
          <cell r="AB1328" t="str">
            <v/>
          </cell>
          <cell r="AC1328">
            <v>12135</v>
          </cell>
          <cell r="AD1328" t="str">
            <v/>
          </cell>
          <cell r="AE1328" t="str">
            <v/>
          </cell>
          <cell r="AF1328" t="str">
            <v/>
          </cell>
          <cell r="AI1328">
            <v>4</v>
          </cell>
          <cell r="AJ1328" t="str">
            <v>補償</v>
          </cell>
          <cell r="CR1328">
            <v>7439</v>
          </cell>
          <cell r="CS1328" t="str">
            <v>ﾖﾃﾞﾝ ﾋﾛｷ</v>
          </cell>
          <cell r="CT1328" t="str">
            <v>余田　寛樹</v>
          </cell>
          <cell r="CU1328" t="str">
            <v>公園課</v>
          </cell>
          <cell r="CW1328">
            <v>4618</v>
          </cell>
          <cell r="CY1328" t="str">
            <v>公園課長</v>
          </cell>
        </row>
        <row r="1329">
          <cell r="B1329">
            <v>5179</v>
          </cell>
          <cell r="C1329" t="str">
            <v>(株)エヌイーエス</v>
          </cell>
          <cell r="D1329" t="str">
            <v>078-200-4543</v>
          </cell>
          <cell r="E1329" t="str">
            <v>651-0097</v>
          </cell>
          <cell r="F1329" t="str">
            <v>兵庫県神戸市中央区布引町2-1-7</v>
          </cell>
          <cell r="G1329" t="str">
            <v>大阪市</v>
          </cell>
          <cell r="H1329" t="str">
            <v>兵庫事務所</v>
          </cell>
          <cell r="I1329" t="str">
            <v>所長 山﨑　正芳</v>
          </cell>
          <cell r="J1329" t="str">
            <v>大阪府大阪市</v>
          </cell>
          <cell r="K1329" t="str">
            <v>078-200-4616</v>
          </cell>
          <cell r="L1329" t="str">
            <v>eigyo@nes.newjec.co.jp</v>
          </cell>
          <cell r="M1329" t="str">
            <v>ｴﾇｲｰｴｽ</v>
          </cell>
          <cell r="N1329" t="str">
            <v>有</v>
          </cell>
          <cell r="O1329">
            <v>28</v>
          </cell>
          <cell r="P1329">
            <v>68</v>
          </cell>
          <cell r="Q1329">
            <v>1120001075672</v>
          </cell>
          <cell r="R1329">
            <v>10000</v>
          </cell>
          <cell r="S1329">
            <v>150733</v>
          </cell>
          <cell r="T1329">
            <v>842917</v>
          </cell>
          <cell r="V1329" t="str">
            <v>cs622871</v>
          </cell>
          <cell r="W1329" t="str">
            <v>rq402078</v>
          </cell>
          <cell r="Y1329" t="str">
            <v>測量,土質,鋼構,河川,道路,施行,上水,下水,</v>
          </cell>
          <cell r="Z1329">
            <v>21530</v>
          </cell>
          <cell r="AA1329" t="str">
            <v/>
          </cell>
          <cell r="AB1329">
            <v>488168</v>
          </cell>
          <cell r="AC1329" t="str">
            <v/>
          </cell>
          <cell r="AD1329" t="str">
            <v/>
          </cell>
          <cell r="AE1329" t="str">
            <v/>
          </cell>
          <cell r="AF1329" t="str">
            <v/>
          </cell>
          <cell r="AI1329">
            <v>3</v>
          </cell>
          <cell r="AJ1329" t="str">
            <v>土木</v>
          </cell>
          <cell r="CR1329">
            <v>7440</v>
          </cell>
          <cell r="CS1329" t="str">
            <v>ｲﾉｳｴ ﾀﾂﾛｳ</v>
          </cell>
          <cell r="CT1329" t="str">
            <v>井上　達朗</v>
          </cell>
          <cell r="CU1329" t="str">
            <v>営繕課</v>
          </cell>
          <cell r="CW1329">
            <v>4619</v>
          </cell>
          <cell r="CY1329" t="str">
            <v>営繕課長</v>
          </cell>
        </row>
        <row r="1330">
          <cell r="B1330">
            <v>5180</v>
          </cell>
          <cell r="C1330" t="str">
            <v>(株)Ｓ－プラン</v>
          </cell>
          <cell r="D1330" t="str">
            <v>06-7174-8780</v>
          </cell>
          <cell r="E1330" t="str">
            <v>531-0072</v>
          </cell>
          <cell r="F1330" t="str">
            <v>大阪府大阪市北区豊崎4-12-10</v>
          </cell>
          <cell r="G1330" t="str">
            <v>大阪市</v>
          </cell>
          <cell r="H1330" t="str">
            <v/>
          </cell>
          <cell r="I1330" t="str">
            <v>代表取締役社長 牛山　繁</v>
          </cell>
          <cell r="J1330" t="str">
            <v>本店</v>
          </cell>
          <cell r="K1330" t="str">
            <v>06-7174-8781</v>
          </cell>
          <cell r="L1330" t="str">
            <v>arch@s-plan.co.jp</v>
          </cell>
          <cell r="M1330" t="str">
            <v>ｴｽﾌﾟﾗﾝ</v>
          </cell>
          <cell r="N1330" t="str">
            <v>無</v>
          </cell>
          <cell r="O1330">
            <v>15</v>
          </cell>
          <cell r="P1330">
            <v>6</v>
          </cell>
          <cell r="Q1330">
            <v>5120001103512</v>
          </cell>
          <cell r="R1330">
            <v>10000</v>
          </cell>
          <cell r="S1330">
            <v>1493</v>
          </cell>
          <cell r="T1330">
            <v>55045</v>
          </cell>
          <cell r="V1330" t="str">
            <v>bj499873</v>
          </cell>
          <cell r="W1330" t="str">
            <v>ka467166</v>
          </cell>
          <cell r="Y1330" t="str">
            <v>建築,意匠,調査,</v>
          </cell>
          <cell r="Z1330" t="str">
            <v/>
          </cell>
          <cell r="AA1330">
            <v>55045</v>
          </cell>
          <cell r="AB1330" t="str">
            <v/>
          </cell>
          <cell r="AC1330" t="str">
            <v/>
          </cell>
          <cell r="AD1330" t="str">
            <v/>
          </cell>
          <cell r="AE1330" t="str">
            <v/>
          </cell>
          <cell r="AF1330" t="str">
            <v/>
          </cell>
          <cell r="AI1330">
            <v>2</v>
          </cell>
          <cell r="AJ1330" t="str">
            <v>建築</v>
          </cell>
          <cell r="CR1330">
            <v>7442</v>
          </cell>
          <cell r="CS1330" t="str">
            <v>ﾏｴﾀﾞ ﾂﾖｼ</v>
          </cell>
          <cell r="CT1330" t="str">
            <v>前田　剛</v>
          </cell>
          <cell r="CU1330" t="str">
            <v>営繕課</v>
          </cell>
          <cell r="CW1330">
            <v>4621</v>
          </cell>
          <cell r="CY1330" t="str">
            <v>営繕課長</v>
          </cell>
        </row>
        <row r="1331">
          <cell r="B1331">
            <v>5182</v>
          </cell>
          <cell r="C1331" t="str">
            <v>(株)エイテック</v>
          </cell>
          <cell r="D1331" t="str">
            <v>06-4869-3321</v>
          </cell>
          <cell r="E1331" t="str">
            <v>660-0861</v>
          </cell>
          <cell r="F1331" t="str">
            <v>兵庫県尼崎市御園町24番地</v>
          </cell>
          <cell r="H1331" t="str">
            <v>西日本支社</v>
          </cell>
          <cell r="I1331" t="str">
            <v>支社長 久川　真史</v>
          </cell>
          <cell r="J1331" t="str">
            <v>東京都</v>
          </cell>
          <cell r="K1331" t="str">
            <v>06-4869-3320</v>
          </cell>
          <cell r="L1331" t="str">
            <v>honei@kk-atec.jp</v>
          </cell>
          <cell r="M1331" t="str">
            <v>ｴｲﾃｯｸ</v>
          </cell>
          <cell r="N1331" t="str">
            <v>有</v>
          </cell>
          <cell r="O1331">
            <v>50</v>
          </cell>
          <cell r="P1331">
            <v>131</v>
          </cell>
          <cell r="Q1331">
            <v>4011001059252</v>
          </cell>
          <cell r="R1331">
            <v>95000</v>
          </cell>
          <cell r="S1331">
            <v>816793</v>
          </cell>
          <cell r="T1331">
            <v>1823998</v>
          </cell>
          <cell r="V1331" t="str">
            <v>yx377566</v>
          </cell>
          <cell r="W1331" t="str">
            <v>sd166918</v>
          </cell>
          <cell r="Y1331" t="str">
            <v>測量,測量,航空,土質,鋼構,河川,道路,下水,都市,土調,物件,営業,損失,補償,地質,交通,</v>
          </cell>
          <cell r="Z1331">
            <v>475656</v>
          </cell>
          <cell r="AA1331" t="str">
            <v/>
          </cell>
          <cell r="AB1331">
            <v>1006796</v>
          </cell>
          <cell r="AC1331">
            <v>29510</v>
          </cell>
          <cell r="AD1331">
            <v>26390</v>
          </cell>
          <cell r="AE1331" t="str">
            <v>その他</v>
          </cell>
          <cell r="AF1331">
            <v>309332</v>
          </cell>
          <cell r="AI1331">
            <v>3</v>
          </cell>
          <cell r="AJ1331" t="str">
            <v>土木</v>
          </cell>
          <cell r="CR1331">
            <v>7510</v>
          </cell>
          <cell r="CS1331" t="str">
            <v>ｱｶﾐﾈ ｼﾝﾀﾛｳ</v>
          </cell>
          <cell r="CT1331" t="str">
            <v>赤嶺　慎太郎</v>
          </cell>
          <cell r="CU1331" t="str">
            <v>市議会事務局</v>
          </cell>
          <cell r="CW1331">
            <v>4626</v>
          </cell>
          <cell r="CY1331" t="str">
            <v>総務課長</v>
          </cell>
        </row>
        <row r="1332">
          <cell r="B1332">
            <v>5183</v>
          </cell>
          <cell r="C1332" t="str">
            <v>(株)エルテック</v>
          </cell>
          <cell r="D1332" t="str">
            <v>079-225-5678</v>
          </cell>
          <cell r="E1332" t="str">
            <v>651-0084</v>
          </cell>
          <cell r="F1332" t="str">
            <v>兵庫県姫路市北条永良町246</v>
          </cell>
          <cell r="G1332" t="str">
            <v>姫路市</v>
          </cell>
          <cell r="H1332" t="str">
            <v/>
          </cell>
          <cell r="I1332" t="str">
            <v>代表取締役　 中務　雅之</v>
          </cell>
          <cell r="J1332" t="str">
            <v>本店</v>
          </cell>
          <cell r="K1332" t="str">
            <v>079-225-5677</v>
          </cell>
          <cell r="L1332" t="str">
            <v>info@ertech.co.jp</v>
          </cell>
          <cell r="M1332" t="str">
            <v>ｴﾙﾃﾂｸ</v>
          </cell>
          <cell r="N1332" t="str">
            <v>無</v>
          </cell>
          <cell r="O1332">
            <v>12</v>
          </cell>
          <cell r="P1332">
            <v>8</v>
          </cell>
          <cell r="Q1332">
            <v>9140001064757</v>
          </cell>
          <cell r="R1332">
            <v>20000</v>
          </cell>
          <cell r="S1332">
            <v>14859</v>
          </cell>
          <cell r="T1332">
            <v>98151</v>
          </cell>
          <cell r="V1332" t="str">
            <v>jp368866</v>
          </cell>
          <cell r="W1332" t="str">
            <v>na537454</v>
          </cell>
          <cell r="Y1332" t="str">
            <v>測量,測量,道路,地質,都市,土調,物件,機工,営業,損失,補償,交通,</v>
          </cell>
          <cell r="Z1332">
            <v>32154</v>
          </cell>
          <cell r="AA1332" t="str">
            <v/>
          </cell>
          <cell r="AB1332" t="str">
            <v/>
          </cell>
          <cell r="AC1332">
            <v>59675</v>
          </cell>
          <cell r="AD1332" t="str">
            <v/>
          </cell>
          <cell r="AE1332" t="str">
            <v/>
          </cell>
          <cell r="AF1332" t="str">
            <v/>
          </cell>
          <cell r="AI1332">
            <v>4</v>
          </cell>
          <cell r="AJ1332" t="str">
            <v>補償</v>
          </cell>
          <cell r="CR1332">
            <v>7517</v>
          </cell>
          <cell r="CS1332" t="str">
            <v>ﾀｶﾊｼ ｵｷ</v>
          </cell>
          <cell r="CT1332" t="str">
            <v>高橋　宙</v>
          </cell>
          <cell r="CU1332" t="str">
            <v>土地調査課</v>
          </cell>
          <cell r="CW1332">
            <v>4631</v>
          </cell>
          <cell r="CY1332" t="str">
            <v>土地調査課長</v>
          </cell>
        </row>
        <row r="1333">
          <cell r="B1333">
            <v>5184</v>
          </cell>
          <cell r="C1333" t="str">
            <v>エスク(株)</v>
          </cell>
          <cell r="D1333" t="str">
            <v>072-871-1065</v>
          </cell>
          <cell r="E1333" t="str">
            <v>532-0011</v>
          </cell>
          <cell r="F1333" t="str">
            <v>大阪府大東市三箇4-18-18</v>
          </cell>
          <cell r="G1333" t="str">
            <v>大東市</v>
          </cell>
          <cell r="H1333" t="str">
            <v/>
          </cell>
          <cell r="I1333" t="str">
            <v>代表取締役　 岡屋敷　豊</v>
          </cell>
          <cell r="J1333" t="str">
            <v>本店</v>
          </cell>
          <cell r="K1333" t="str">
            <v>072-875-4176</v>
          </cell>
          <cell r="L1333" t="str">
            <v>nyusatsu@esc-g.co.jp</v>
          </cell>
          <cell r="M1333" t="str">
            <v>ｴｽｸ</v>
          </cell>
          <cell r="N1333" t="str">
            <v>無</v>
          </cell>
          <cell r="O1333">
            <v>69</v>
          </cell>
          <cell r="P1333">
            <v>96</v>
          </cell>
          <cell r="Q1333">
            <v>4122001015110</v>
          </cell>
          <cell r="R1333">
            <v>300000</v>
          </cell>
          <cell r="S1333">
            <v>190241</v>
          </cell>
          <cell r="T1333">
            <v>1615809</v>
          </cell>
          <cell r="V1333" t="str">
            <v>qa318137</v>
          </cell>
          <cell r="W1333" t="str">
            <v>sd876399</v>
          </cell>
          <cell r="Y1333" t="str">
            <v>水質,</v>
          </cell>
          <cell r="Z1333" t="str">
            <v/>
          </cell>
          <cell r="AA1333" t="str">
            <v/>
          </cell>
          <cell r="AB1333" t="str">
            <v/>
          </cell>
          <cell r="AC1333" t="str">
            <v/>
          </cell>
          <cell r="AD1333">
            <v>451127</v>
          </cell>
          <cell r="AE1333" t="str">
            <v/>
          </cell>
          <cell r="AF1333" t="str">
            <v/>
          </cell>
          <cell r="AI1333">
            <v>5</v>
          </cell>
          <cell r="AJ1333" t="str">
            <v>調査</v>
          </cell>
          <cell r="CR1333">
            <v>7537</v>
          </cell>
          <cell r="CS1333" t="str">
            <v>ｵｵﾋﾗ ﾔｽﾋﾛ</v>
          </cell>
          <cell r="CT1333" t="str">
            <v>大平　恭丈</v>
          </cell>
          <cell r="CU1333" t="str">
            <v>健康政策課</v>
          </cell>
          <cell r="CW1333">
            <v>4638</v>
          </cell>
          <cell r="CY1333" t="str">
            <v>地域医療推進課長</v>
          </cell>
        </row>
        <row r="1334">
          <cell r="B1334">
            <v>5185</v>
          </cell>
          <cell r="C1334" t="str">
            <v>(株)エース</v>
          </cell>
          <cell r="D1334" t="str">
            <v>078-582-3168</v>
          </cell>
          <cell r="E1334" t="str">
            <v>651-1233</v>
          </cell>
          <cell r="F1334" t="str">
            <v>兵庫県神戸市北区日の峰1ｰ17</v>
          </cell>
          <cell r="G1334" t="str">
            <v>京都市</v>
          </cell>
          <cell r="H1334" t="str">
            <v>兵庫営業所</v>
          </cell>
          <cell r="I1334" t="str">
            <v>所長 森山　誠</v>
          </cell>
          <cell r="J1334" t="str">
            <v>京都府京都市</v>
          </cell>
          <cell r="K1334" t="str">
            <v>078-582-3168</v>
          </cell>
          <cell r="L1334" t="str">
            <v>ebid@acekyoto.co.jp</v>
          </cell>
          <cell r="M1334" t="str">
            <v>ｴｰｽ</v>
          </cell>
          <cell r="N1334" t="str">
            <v>有</v>
          </cell>
          <cell r="O1334">
            <v>53</v>
          </cell>
          <cell r="P1334">
            <v>146</v>
          </cell>
          <cell r="Q1334">
            <v>1130001016650</v>
          </cell>
          <cell r="R1334">
            <v>80000</v>
          </cell>
          <cell r="S1334">
            <v>113960</v>
          </cell>
          <cell r="T1334">
            <v>2058613</v>
          </cell>
          <cell r="V1334" t="str">
            <v>wm938089</v>
          </cell>
          <cell r="W1334" t="str">
            <v>yf222398</v>
          </cell>
          <cell r="Y1334" t="str">
            <v>測量,建築,意匠,冷暖,衛生,電気,建積,機積,電積,調査,土質,鋼構,河川,道路,施行,地質,上水,下水,都市,土他,土調,地質,</v>
          </cell>
          <cell r="Z1334">
            <v>135797</v>
          </cell>
          <cell r="AA1334">
            <v>2602</v>
          </cell>
          <cell r="AB1334">
            <v>1794747</v>
          </cell>
          <cell r="AC1334">
            <v>49266</v>
          </cell>
          <cell r="AD1334">
            <v>20701</v>
          </cell>
          <cell r="AE1334" t="str">
            <v>その他</v>
          </cell>
          <cell r="AF1334">
            <v>13421</v>
          </cell>
          <cell r="AI1334">
            <v>3</v>
          </cell>
          <cell r="AJ1334" t="str">
            <v>土木</v>
          </cell>
          <cell r="CR1334">
            <v>7548</v>
          </cell>
          <cell r="CS1334" t="str">
            <v>ｶﾀｵｶ ｴｲｼﾞﾛｳ</v>
          </cell>
          <cell r="CT1334" t="str">
            <v>片岡　栄二郎</v>
          </cell>
          <cell r="CU1334" t="str">
            <v>総合教育センター</v>
          </cell>
          <cell r="CW1334">
            <v>4649</v>
          </cell>
          <cell r="CY1334" t="str">
            <v>情報管理課長</v>
          </cell>
        </row>
        <row r="1335">
          <cell r="B1335">
            <v>5188</v>
          </cell>
          <cell r="C1335" t="str">
            <v>(株)ＭＣエバテック</v>
          </cell>
          <cell r="D1335" t="str">
            <v>06-6416-5200</v>
          </cell>
          <cell r="E1335" t="str">
            <v>660-0095</v>
          </cell>
          <cell r="F1335" t="str">
            <v>兵庫県尼崎市大浜町2-30</v>
          </cell>
          <cell r="G1335" t="str">
            <v>尼崎市</v>
          </cell>
          <cell r="H1335" t="str">
            <v>分析事業部</v>
          </cell>
          <cell r="I1335" t="str">
            <v>営業部長兼西日本営業所長　 田中　浩史</v>
          </cell>
          <cell r="J1335" t="str">
            <v>兵庫県尼崎市</v>
          </cell>
          <cell r="K1335" t="str">
            <v>06-6416-5311</v>
          </cell>
          <cell r="L1335" t="str">
            <v>tomita.junko@ma.tkcc.co.jp</v>
          </cell>
          <cell r="M1335" t="str">
            <v>ｴﾑｼ-ｴﾊﾞﾃﾂｸ</v>
          </cell>
          <cell r="N1335" t="str">
            <v>有</v>
          </cell>
          <cell r="O1335">
            <v>39</v>
          </cell>
          <cell r="P1335">
            <v>614</v>
          </cell>
          <cell r="Q1335">
            <v>1140001048230</v>
          </cell>
          <cell r="R1335">
            <v>280000</v>
          </cell>
          <cell r="S1335">
            <v>2835037</v>
          </cell>
          <cell r="T1335">
            <v>8342240</v>
          </cell>
          <cell r="V1335" t="str">
            <v>zs352531</v>
          </cell>
          <cell r="W1335" t="str">
            <v>yt410770</v>
          </cell>
          <cell r="Y1335" t="str">
            <v>地質,水質,大気,騒音,</v>
          </cell>
          <cell r="Z1335" t="str">
            <v/>
          </cell>
          <cell r="AA1335" t="str">
            <v/>
          </cell>
          <cell r="AB1335" t="str">
            <v/>
          </cell>
          <cell r="AC1335" t="str">
            <v/>
          </cell>
          <cell r="AD1335">
            <v>2764147</v>
          </cell>
          <cell r="AE1335" t="str">
            <v/>
          </cell>
          <cell r="AF1335" t="str">
            <v/>
          </cell>
          <cell r="AI1335">
            <v>5</v>
          </cell>
          <cell r="AJ1335" t="str">
            <v>調査</v>
          </cell>
          <cell r="CR1335">
            <v>7553</v>
          </cell>
          <cell r="CS1335" t="str">
            <v>ﾊﾏｵｶ ﾋﾛﾕｷ</v>
          </cell>
          <cell r="CT1335" t="str">
            <v>濱岡　浩之</v>
          </cell>
          <cell r="CU1335" t="str">
            <v>都市ブランド・観光戦略課</v>
          </cell>
          <cell r="CW1335">
            <v>4651</v>
          </cell>
          <cell r="CY1335" t="str">
            <v>情報管理課長</v>
          </cell>
        </row>
        <row r="1336">
          <cell r="B1336">
            <v>5193</v>
          </cell>
          <cell r="C1336" t="str">
            <v>扇コンサルタンツ(株)</v>
          </cell>
          <cell r="D1336" t="str">
            <v>078-822-0999</v>
          </cell>
          <cell r="E1336" t="str">
            <v>658-0044</v>
          </cell>
          <cell r="F1336" t="str">
            <v>兵庫県神戸市東灘区御影塚町2‐20‐20</v>
          </cell>
          <cell r="G1336" t="str">
            <v>神戸市</v>
          </cell>
          <cell r="H1336" t="str">
            <v/>
          </cell>
          <cell r="I1336" t="str">
            <v>代表取締役 田村　貴志</v>
          </cell>
          <cell r="J1336" t="str">
            <v>本店</v>
          </cell>
          <cell r="K1336" t="str">
            <v>078-822-0911</v>
          </cell>
          <cell r="L1336" t="str">
            <v>consul@ougi.co.jp</v>
          </cell>
          <cell r="M1336" t="str">
            <v>ｵｳｷﾞｺﾝｻﾙﾀﾝﾂ</v>
          </cell>
          <cell r="N1336" t="str">
            <v>無</v>
          </cell>
          <cell r="O1336">
            <v>33</v>
          </cell>
          <cell r="P1336">
            <v>17</v>
          </cell>
          <cell r="Q1336">
            <v>8140001001166</v>
          </cell>
          <cell r="R1336">
            <v>12000</v>
          </cell>
          <cell r="S1336">
            <v>25455</v>
          </cell>
          <cell r="T1336">
            <v>160236</v>
          </cell>
          <cell r="V1336" t="str">
            <v>mz622509</v>
          </cell>
          <cell r="W1336" t="str">
            <v>mv503473</v>
          </cell>
          <cell r="Y1336" t="str">
            <v>測量,測量,土質,鋼構,河川,道路,下水,</v>
          </cell>
          <cell r="Z1336">
            <v>31482</v>
          </cell>
          <cell r="AA1336" t="str">
            <v/>
          </cell>
          <cell r="AB1336">
            <v>123831</v>
          </cell>
          <cell r="AC1336" t="str">
            <v/>
          </cell>
          <cell r="AD1336">
            <v>4923</v>
          </cell>
          <cell r="AE1336" t="str">
            <v/>
          </cell>
          <cell r="AF1336">
            <v>160236</v>
          </cell>
          <cell r="AI1336">
            <v>3</v>
          </cell>
          <cell r="AJ1336" t="str">
            <v>土木</v>
          </cell>
          <cell r="CR1336">
            <v>7574</v>
          </cell>
          <cell r="CS1336" t="str">
            <v>ｻｻｲ ﾄﾓﾋﾛ</v>
          </cell>
          <cell r="CT1336" t="str">
            <v>笹井　智洋</v>
          </cell>
          <cell r="CU1336" t="str">
            <v>道路保全課</v>
          </cell>
          <cell r="CW1336">
            <v>4658</v>
          </cell>
          <cell r="CY1336" t="str">
            <v>道路保全課長</v>
          </cell>
        </row>
        <row r="1337">
          <cell r="B1337">
            <v>5194</v>
          </cell>
          <cell r="C1337" t="str">
            <v>応用技術(株)</v>
          </cell>
          <cell r="D1337" t="str">
            <v>06-6373-0440</v>
          </cell>
          <cell r="E1337" t="str">
            <v>530-0015</v>
          </cell>
          <cell r="F1337" t="str">
            <v>大阪府大阪市北区中崎西2-4-12</v>
          </cell>
          <cell r="G1337" t="str">
            <v>大阪市</v>
          </cell>
          <cell r="H1337" t="str">
            <v/>
          </cell>
          <cell r="I1337" t="str">
            <v>代表取締役 船橋　俊郎</v>
          </cell>
          <cell r="J1337" t="str">
            <v>本店</v>
          </cell>
          <cell r="K1337" t="str">
            <v>06-6373-0441</v>
          </cell>
          <cell r="L1337" t="str">
            <v>kaiseki@apptec.co.jp</v>
          </cell>
          <cell r="M1337" t="str">
            <v>ｵｳﾖｳｷﾞｼﾞｭﾂ</v>
          </cell>
          <cell r="N1337" t="str">
            <v>無</v>
          </cell>
          <cell r="O1337">
            <v>34</v>
          </cell>
          <cell r="P1337">
            <v>202</v>
          </cell>
          <cell r="Q1337">
            <v>9120001121031</v>
          </cell>
          <cell r="R1337">
            <v>600000</v>
          </cell>
          <cell r="S1337">
            <v>1859491</v>
          </cell>
          <cell r="T1337">
            <v>2845500</v>
          </cell>
          <cell r="V1337" t="str">
            <v>zb771888</v>
          </cell>
          <cell r="W1337" t="str">
            <v>jz435008</v>
          </cell>
          <cell r="Y1337" t="str">
            <v>測量,建築,鋼構,河川,道路,造園,都市,環境,土他,地質,水質,大気,騒音,交通,商業,調他</v>
          </cell>
          <cell r="Z1337" t="str">
            <v/>
          </cell>
          <cell r="AA1337" t="str">
            <v/>
          </cell>
          <cell r="AB1337">
            <v>929549</v>
          </cell>
          <cell r="AC1337" t="str">
            <v/>
          </cell>
          <cell r="AD1337">
            <v>401480</v>
          </cell>
          <cell r="AE1337" t="str">
            <v/>
          </cell>
          <cell r="AF1337" t="str">
            <v/>
          </cell>
          <cell r="AI1337">
            <v>3</v>
          </cell>
          <cell r="AJ1337" t="str">
            <v>土木</v>
          </cell>
          <cell r="CR1337">
            <v>7575</v>
          </cell>
          <cell r="CS1337" t="str">
            <v>ﾅｶﾑﾗ ﾄｼﾕｷ</v>
          </cell>
          <cell r="CT1337" t="str">
            <v>中村　敏幸</v>
          </cell>
          <cell r="CU1337" t="str">
            <v>道路保全課</v>
          </cell>
          <cell r="CW1337">
            <v>4659</v>
          </cell>
          <cell r="CY1337" t="str">
            <v>道路保全課長</v>
          </cell>
        </row>
        <row r="1338">
          <cell r="B1338">
            <v>5196</v>
          </cell>
          <cell r="C1338" t="str">
            <v>応用地質(株)</v>
          </cell>
          <cell r="D1338" t="str">
            <v>078-252-2108</v>
          </cell>
          <cell r="E1338" t="str">
            <v>651-0083</v>
          </cell>
          <cell r="F1338" t="str">
            <v>兵庫県神戸市中央区浜辺通5-1-14</v>
          </cell>
          <cell r="H1338" t="str">
            <v>神戸営業所</v>
          </cell>
          <cell r="I1338" t="str">
            <v>営業所長 北﨑　雄一</v>
          </cell>
          <cell r="J1338" t="str">
            <v>東京都</v>
          </cell>
          <cell r="K1338" t="str">
            <v>078-252-2109</v>
          </cell>
          <cell r="L1338" t="str">
            <v>kobe-eigyo@oyonet.oyo.co.jp</v>
          </cell>
          <cell r="M1338" t="str">
            <v>ｵｳﾖｳﾁｼﾂ</v>
          </cell>
          <cell r="N1338" t="str">
            <v>有</v>
          </cell>
          <cell r="O1338">
            <v>61</v>
          </cell>
          <cell r="P1338">
            <v>1081</v>
          </cell>
          <cell r="Q1338">
            <v>2010001034531</v>
          </cell>
          <cell r="R1338">
            <v>16174600</v>
          </cell>
          <cell r="S1338">
            <v>56374843</v>
          </cell>
          <cell r="T1338">
            <v>26803701</v>
          </cell>
          <cell r="V1338" t="str">
            <v>tv300853</v>
          </cell>
          <cell r="W1338" t="str">
            <v>va544773</v>
          </cell>
          <cell r="Y1338" t="str">
            <v>測量,測量,航空,建築,意匠,構造,調査,土質,鋼構,河川,道路,地質,上水,下水,都市,環境,地質,水質,大気,騒音,交通,</v>
          </cell>
          <cell r="Z1338">
            <v>340105</v>
          </cell>
          <cell r="AA1338" t="str">
            <v/>
          </cell>
          <cell r="AB1338">
            <v>12127148</v>
          </cell>
          <cell r="AC1338" t="str">
            <v/>
          </cell>
          <cell r="AD1338">
            <v>15066371</v>
          </cell>
          <cell r="AE1338" t="str">
            <v/>
          </cell>
          <cell r="AF1338" t="str">
            <v/>
          </cell>
          <cell r="AI1338">
            <v>5</v>
          </cell>
          <cell r="AJ1338" t="str">
            <v>調査</v>
          </cell>
          <cell r="CR1338">
            <v>7580</v>
          </cell>
          <cell r="CS1338" t="str">
            <v>ﾐﾅﾐﾊﾀ　ﾕｳｽｹ</v>
          </cell>
          <cell r="CT1338" t="str">
            <v>南畑　侑亮</v>
          </cell>
          <cell r="CU1338" t="str">
            <v>営繕課</v>
          </cell>
          <cell r="CW1338">
            <v>4662</v>
          </cell>
          <cell r="CY1338" t="str">
            <v>営繕課長</v>
          </cell>
        </row>
        <row r="1339">
          <cell r="B1339">
            <v>5200</v>
          </cell>
          <cell r="C1339" t="str">
            <v>大阪エンジニアリング(株)</v>
          </cell>
          <cell r="D1339" t="str">
            <v>06-4868-9310</v>
          </cell>
          <cell r="E1339" t="str">
            <v>660-0867</v>
          </cell>
          <cell r="F1339" t="str">
            <v>兵庫県尼崎市金楽寺町1ｰ2ｰ10-1205</v>
          </cell>
          <cell r="G1339" t="str">
            <v>大阪市</v>
          </cell>
          <cell r="H1339" t="str">
            <v>兵庫支店</v>
          </cell>
          <cell r="I1339" t="str">
            <v>支店長 森　美雅</v>
          </cell>
          <cell r="J1339" t="str">
            <v>大阪府大阪市</v>
          </cell>
          <cell r="K1339" t="str">
            <v>06-4868-9311</v>
          </cell>
          <cell r="L1339" t="str">
            <v>nyusatsu-eigyo@o-e.co.jp</v>
          </cell>
          <cell r="M1339" t="str">
            <v>ｵｵｻｶｴﾝｼﾞﾆｱﾘﾝｸﾞ</v>
          </cell>
          <cell r="N1339" t="str">
            <v>有</v>
          </cell>
          <cell r="O1339">
            <v>61</v>
          </cell>
          <cell r="P1339">
            <v>27</v>
          </cell>
          <cell r="Q1339">
            <v>1120001048819</v>
          </cell>
          <cell r="R1339">
            <v>20000</v>
          </cell>
          <cell r="S1339">
            <v>381165</v>
          </cell>
          <cell r="T1339">
            <v>382132</v>
          </cell>
          <cell r="V1339" t="str">
            <v>tc654418</v>
          </cell>
          <cell r="W1339" t="str">
            <v>gb748254</v>
          </cell>
          <cell r="Y1339" t="str">
            <v>土調,土評,物件,機工,営業,損失,補償,鑑定,登記,</v>
          </cell>
          <cell r="Z1339" t="str">
            <v/>
          </cell>
          <cell r="AA1339" t="str">
            <v/>
          </cell>
          <cell r="AB1339" t="str">
            <v/>
          </cell>
          <cell r="AC1339">
            <v>416405</v>
          </cell>
          <cell r="AD1339" t="str">
            <v/>
          </cell>
          <cell r="AE1339" t="str">
            <v/>
          </cell>
          <cell r="AF1339" t="str">
            <v/>
          </cell>
          <cell r="AI1339">
            <v>4</v>
          </cell>
          <cell r="AJ1339" t="str">
            <v>補償</v>
          </cell>
          <cell r="CR1339">
            <v>7583</v>
          </cell>
          <cell r="CS1339" t="str">
            <v>ｷﾀｼﾛ ｱﾔﾅ</v>
          </cell>
          <cell r="CT1339" t="str">
            <v>来代　紋菜</v>
          </cell>
          <cell r="CU1339" t="str">
            <v>公園課</v>
          </cell>
          <cell r="CW1339">
            <v>4663</v>
          </cell>
          <cell r="CY1339" t="str">
            <v>公園課長</v>
          </cell>
        </row>
        <row r="1340">
          <cell r="B1340">
            <v>5205</v>
          </cell>
          <cell r="C1340" t="str">
            <v>(株)大阪水道工業会研究所</v>
          </cell>
          <cell r="D1340" t="str">
            <v>06-6358-5430</v>
          </cell>
          <cell r="E1340" t="str">
            <v>530-0041</v>
          </cell>
          <cell r="F1340" t="str">
            <v>大阪府大阪市北区天神橋3-6-26</v>
          </cell>
          <cell r="G1340" t="str">
            <v>大阪市</v>
          </cell>
          <cell r="H1340" t="str">
            <v/>
          </cell>
          <cell r="I1340" t="str">
            <v>代表取締役 中村　篤二</v>
          </cell>
          <cell r="J1340" t="str">
            <v>本店</v>
          </cell>
          <cell r="K1340" t="str">
            <v>06-6358-5429</v>
          </cell>
          <cell r="L1340" t="str">
            <v>info_osaka@oww.co.jp</v>
          </cell>
          <cell r="M1340" t="str">
            <v>ｵｵｻｶｽｲﾄﾞｳｺｳｷﾞｮｳｶｲｹﾝｷｭｳｼｮ</v>
          </cell>
          <cell r="N1340" t="str">
            <v>無</v>
          </cell>
          <cell r="O1340">
            <v>54</v>
          </cell>
          <cell r="P1340">
            <v>18</v>
          </cell>
          <cell r="Q1340">
            <v>4120001072543</v>
          </cell>
          <cell r="R1340">
            <v>20000</v>
          </cell>
          <cell r="S1340">
            <v>103066</v>
          </cell>
          <cell r="T1340">
            <v>221327</v>
          </cell>
          <cell r="V1340" t="str">
            <v>ub245610</v>
          </cell>
          <cell r="W1340" t="str">
            <v>yw436136</v>
          </cell>
          <cell r="Y1340" t="str">
            <v>測量,上水,下水,</v>
          </cell>
          <cell r="Z1340">
            <v>11697</v>
          </cell>
          <cell r="AA1340" t="str">
            <v/>
          </cell>
          <cell r="AB1340">
            <v>219166</v>
          </cell>
          <cell r="AC1340" t="str">
            <v/>
          </cell>
          <cell r="AD1340" t="str">
            <v/>
          </cell>
          <cell r="AE1340" t="str">
            <v/>
          </cell>
          <cell r="AF1340" t="str">
            <v/>
          </cell>
          <cell r="AI1340">
            <v>3</v>
          </cell>
          <cell r="AJ1340" t="str">
            <v>土木</v>
          </cell>
          <cell r="CR1340">
            <v>7584</v>
          </cell>
          <cell r="CT1340" t="str">
            <v>松岡　利奈</v>
          </cell>
          <cell r="CU1340" t="str">
            <v>みどり自然課</v>
          </cell>
          <cell r="CW1340">
            <v>4664</v>
          </cell>
          <cell r="CY1340" t="str">
            <v>みどり自然課長</v>
          </cell>
        </row>
        <row r="1341">
          <cell r="B1341">
            <v>5207</v>
          </cell>
          <cell r="C1341" t="str">
            <v>(株)山田綜合設計</v>
          </cell>
          <cell r="D1341" t="str">
            <v>06-4790-0335</v>
          </cell>
          <cell r="E1341" t="str">
            <v>540-0021</v>
          </cell>
          <cell r="F1341" t="str">
            <v>大阪府大阪市中央区大手通3-1-2</v>
          </cell>
          <cell r="G1341" t="str">
            <v>大阪市</v>
          </cell>
          <cell r="H1341" t="str">
            <v/>
          </cell>
          <cell r="I1341" t="str">
            <v>代表取締役 深尾　元詞</v>
          </cell>
          <cell r="J1341" t="str">
            <v>本店</v>
          </cell>
          <cell r="K1341" t="str">
            <v>06-4790-0410</v>
          </cell>
          <cell r="L1341" t="str">
            <v>keiyaku@oym-arc.co.jp</v>
          </cell>
          <cell r="M1341" t="str">
            <v>ﾔﾏﾀﾞｿｳｺﾞｳｾｯｹｲ</v>
          </cell>
          <cell r="N1341" t="str">
            <v>無</v>
          </cell>
          <cell r="O1341">
            <v>69</v>
          </cell>
          <cell r="P1341">
            <v>45</v>
          </cell>
          <cell r="Q1341">
            <v>8120001025976</v>
          </cell>
          <cell r="R1341">
            <v>25000</v>
          </cell>
          <cell r="S1341">
            <v>258501</v>
          </cell>
          <cell r="T1341">
            <v>662605</v>
          </cell>
          <cell r="V1341" t="str">
            <v>vz266527</v>
          </cell>
          <cell r="W1341" t="str">
            <v>jz870720</v>
          </cell>
          <cell r="Y1341" t="str">
            <v>建築,</v>
          </cell>
          <cell r="Z1341" t="str">
            <v/>
          </cell>
          <cell r="AA1341">
            <v>664642</v>
          </cell>
          <cell r="AB1341" t="str">
            <v/>
          </cell>
          <cell r="AC1341" t="str">
            <v/>
          </cell>
          <cell r="AD1341" t="str">
            <v/>
          </cell>
          <cell r="AE1341" t="str">
            <v/>
          </cell>
          <cell r="AF1341" t="str">
            <v/>
          </cell>
          <cell r="AI1341">
            <v>2</v>
          </cell>
          <cell r="AJ1341" t="str">
            <v>建築</v>
          </cell>
          <cell r="CR1341">
            <v>7638</v>
          </cell>
          <cell r="CS1341" t="str">
            <v>ﾅﾝﾊﾞ ﾀﾂﾔ</v>
          </cell>
          <cell r="CT1341" t="str">
            <v>難波　辰弥</v>
          </cell>
          <cell r="CU1341" t="str">
            <v>道路保全課</v>
          </cell>
          <cell r="CW1341">
            <v>4667</v>
          </cell>
          <cell r="CY1341" t="str">
            <v>道路保全課長</v>
          </cell>
        </row>
        <row r="1342">
          <cell r="B1342">
            <v>5211</v>
          </cell>
          <cell r="C1342" t="str">
            <v>(有)大田建築事務所</v>
          </cell>
          <cell r="D1342" t="str">
            <v>06-6482-5708</v>
          </cell>
          <cell r="E1342" t="str">
            <v>660-0893</v>
          </cell>
          <cell r="F1342" t="str">
            <v>兵庫県尼崎市西難波町4-6-35</v>
          </cell>
          <cell r="G1342" t="str">
            <v>尼崎市</v>
          </cell>
          <cell r="H1342" t="str">
            <v/>
          </cell>
          <cell r="I1342" t="str">
            <v>代表取締役 大田　範幸</v>
          </cell>
          <cell r="J1342" t="str">
            <v>本店</v>
          </cell>
          <cell r="K1342" t="str">
            <v>06-6482-5709</v>
          </cell>
          <cell r="L1342" t="str">
            <v>eigyou@c-ohta.co.jp</v>
          </cell>
          <cell r="M1342" t="str">
            <v>ｵｵﾀｹﾝﾁｸｼﾞﾑｼｮ</v>
          </cell>
          <cell r="N1342" t="str">
            <v>無</v>
          </cell>
          <cell r="O1342">
            <v>28</v>
          </cell>
          <cell r="P1342">
            <v>12</v>
          </cell>
          <cell r="Q1342">
            <v>1140002040252</v>
          </cell>
          <cell r="R1342">
            <v>10000</v>
          </cell>
          <cell r="S1342">
            <v>22751</v>
          </cell>
          <cell r="T1342">
            <v>100216</v>
          </cell>
          <cell r="V1342" t="str">
            <v>se791127</v>
          </cell>
          <cell r="W1342" t="str">
            <v>zf277514</v>
          </cell>
          <cell r="Y1342" t="str">
            <v>建築,調査,物件,機工,営業,損失,補償,</v>
          </cell>
          <cell r="Z1342" t="str">
            <v/>
          </cell>
          <cell r="AA1342" t="str">
            <v/>
          </cell>
          <cell r="AB1342" t="str">
            <v/>
          </cell>
          <cell r="AC1342">
            <v>86994</v>
          </cell>
          <cell r="AD1342" t="str">
            <v/>
          </cell>
          <cell r="AE1342" t="str">
            <v>登録部門以外</v>
          </cell>
          <cell r="AF1342">
            <v>13222</v>
          </cell>
          <cell r="AI1342">
            <v>4</v>
          </cell>
          <cell r="AJ1342" t="str">
            <v>補償</v>
          </cell>
          <cell r="CR1342">
            <v>7640</v>
          </cell>
          <cell r="CS1342" t="str">
            <v>ｳｴﾉ</v>
          </cell>
          <cell r="CT1342" t="str">
            <v>上野　竜</v>
          </cell>
          <cell r="CU1342" t="str">
            <v>営繕課</v>
          </cell>
          <cell r="CW1342">
            <v>4668</v>
          </cell>
          <cell r="CY1342" t="str">
            <v>営繕課長</v>
          </cell>
        </row>
        <row r="1343">
          <cell r="B1343">
            <v>5212</v>
          </cell>
          <cell r="C1343" t="str">
            <v>(株)オオバ</v>
          </cell>
          <cell r="D1343" t="str">
            <v>078-251-3207</v>
          </cell>
          <cell r="E1343" t="str">
            <v>541-0057</v>
          </cell>
          <cell r="F1343" t="str">
            <v>兵庫県神戸市中央区磯辺通4-1-8 I.T.Cﾋﾞﾙ</v>
          </cell>
          <cell r="G1343" t="str">
            <v/>
          </cell>
          <cell r="H1343" t="str">
            <v>神戸営業所</v>
          </cell>
          <cell r="I1343" t="str">
            <v>所長　 奥村　朋久</v>
          </cell>
          <cell r="J1343" t="str">
            <v>東京都</v>
          </cell>
          <cell r="K1343" t="str">
            <v>078-251-3208</v>
          </cell>
          <cell r="L1343" t="str">
            <v>eigyo_os@k-ohba.co.jp</v>
          </cell>
          <cell r="M1343" t="str">
            <v>ｵｵﾊﾞ</v>
          </cell>
          <cell r="N1343" t="str">
            <v>有</v>
          </cell>
          <cell r="O1343">
            <v>96</v>
          </cell>
          <cell r="P1343">
            <v>545</v>
          </cell>
          <cell r="Q1343">
            <v>9013201001170</v>
          </cell>
          <cell r="R1343">
            <v>2131733</v>
          </cell>
          <cell r="S1343">
            <v>7071080</v>
          </cell>
          <cell r="T1343">
            <v>15255310</v>
          </cell>
          <cell r="V1343" t="str">
            <v>hx824615</v>
          </cell>
          <cell r="W1343" t="str">
            <v>wp184459</v>
          </cell>
          <cell r="Y1343" t="str">
            <v>測量,測量,航空,建築,調査,土質,鋼構,河川,道路,施行,地質,造園,上水,下水,都市,スポ,環境,土他,土調,土評,物件,機工,営業,損失,補償,地質,水質,大気,騒音,交通,商業,調他</v>
          </cell>
          <cell r="Z1343">
            <v>1595280</v>
          </cell>
          <cell r="AA1343">
            <v>46513</v>
          </cell>
          <cell r="AB1343">
            <v>10937322</v>
          </cell>
          <cell r="AC1343">
            <v>808506</v>
          </cell>
          <cell r="AD1343">
            <v>279584</v>
          </cell>
          <cell r="AE1343" t="str">
            <v>国有地管理業務</v>
          </cell>
          <cell r="AF1343">
            <v>1588102</v>
          </cell>
          <cell r="AI1343">
            <v>3</v>
          </cell>
          <cell r="AJ1343" t="str">
            <v>土木</v>
          </cell>
          <cell r="CR1343">
            <v>7641</v>
          </cell>
          <cell r="CS1343" t="str">
            <v>ﾔｽｷ ﾘｮｳﾀ</v>
          </cell>
          <cell r="CT1343" t="str">
            <v>安木　亮太</v>
          </cell>
          <cell r="CU1343" t="str">
            <v>施設課</v>
          </cell>
          <cell r="CW1343">
            <v>4669</v>
          </cell>
          <cell r="CY1343" t="str">
            <v>営繕課長</v>
          </cell>
        </row>
        <row r="1344">
          <cell r="B1344">
            <v>5213</v>
          </cell>
          <cell r="C1344" t="str">
            <v>(株)小笠原設計</v>
          </cell>
          <cell r="D1344" t="str">
            <v>06-6944-1468</v>
          </cell>
          <cell r="E1344" t="str">
            <v>660-0052</v>
          </cell>
          <cell r="F1344" t="str">
            <v>大阪府大阪市中央区北浜東2-19</v>
          </cell>
          <cell r="G1344" t="str">
            <v>大阪市</v>
          </cell>
          <cell r="H1344" t="str">
            <v/>
          </cell>
          <cell r="I1344" t="str">
            <v>代表取締役　 辻　英明</v>
          </cell>
          <cell r="J1344" t="str">
            <v>本店</v>
          </cell>
          <cell r="K1344" t="str">
            <v>06-6944-0255</v>
          </cell>
          <cell r="L1344" t="str">
            <v>kitano-k@ogasahara.co.jp</v>
          </cell>
          <cell r="M1344" t="str">
            <v>ｵｶﾞｻﾊﾗｾﾂｹｲ</v>
          </cell>
          <cell r="N1344" t="str">
            <v>無</v>
          </cell>
          <cell r="O1344">
            <v>61</v>
          </cell>
          <cell r="P1344">
            <v>38</v>
          </cell>
          <cell r="Q1344">
            <v>9120001076275</v>
          </cell>
          <cell r="R1344">
            <v>30000</v>
          </cell>
          <cell r="S1344">
            <v>140332</v>
          </cell>
          <cell r="T1344">
            <v>464846</v>
          </cell>
          <cell r="V1344" t="str">
            <v>av869702</v>
          </cell>
          <cell r="W1344" t="str">
            <v>hf739006</v>
          </cell>
          <cell r="Y1344" t="str">
            <v>建築,意匠,構造,冷暖,衛生,電気,建積,機積,電積,調査,</v>
          </cell>
          <cell r="Z1344" t="str">
            <v/>
          </cell>
          <cell r="AA1344">
            <v>435175</v>
          </cell>
          <cell r="AB1344" t="str">
            <v/>
          </cell>
          <cell r="AC1344" t="str">
            <v/>
          </cell>
          <cell r="AD1344" t="str">
            <v/>
          </cell>
          <cell r="AE1344" t="str">
            <v/>
          </cell>
          <cell r="AF1344" t="str">
            <v/>
          </cell>
          <cell r="AI1344">
            <v>2</v>
          </cell>
          <cell r="AJ1344" t="str">
            <v>建築</v>
          </cell>
          <cell r="CR1344">
            <v>7642</v>
          </cell>
          <cell r="CS1344" t="str">
            <v>ｽｹﾀﾞ ｱｷﾗ</v>
          </cell>
          <cell r="CT1344" t="str">
            <v>助田  輝</v>
          </cell>
          <cell r="CU1344" t="str">
            <v>営繕課</v>
          </cell>
          <cell r="CW1344">
            <v>4670</v>
          </cell>
          <cell r="CY1344" t="str">
            <v>営繕課長</v>
          </cell>
        </row>
        <row r="1345">
          <cell r="B1345">
            <v>5214</v>
          </cell>
          <cell r="C1345" t="str">
            <v>(株)小河建築設計事務所</v>
          </cell>
          <cell r="D1345" t="str">
            <v>06-4708-8001</v>
          </cell>
          <cell r="E1345" t="str">
            <v>541-0048</v>
          </cell>
          <cell r="F1345" t="str">
            <v>大阪府大阪市中央区瓦町3-3-7 瓦町KTﾋﾞﾙ</v>
          </cell>
          <cell r="G1345" t="str">
            <v>大阪市</v>
          </cell>
          <cell r="H1345" t="str">
            <v/>
          </cell>
          <cell r="I1345" t="str">
            <v>代表取締役　 瓜生田　尚彦</v>
          </cell>
          <cell r="J1345" t="str">
            <v>本店</v>
          </cell>
          <cell r="K1345" t="str">
            <v>06-4708-8353</v>
          </cell>
          <cell r="L1345" t="str">
            <v>ogawa-ke@ogawa-ae.co.jp</v>
          </cell>
          <cell r="M1345" t="str">
            <v>ｵｶﾞﾜｹﾝﾁｸｾﾂｹｲｼﾞﾑｼﾖ</v>
          </cell>
          <cell r="N1345" t="str">
            <v>無</v>
          </cell>
          <cell r="O1345">
            <v>81</v>
          </cell>
          <cell r="P1345">
            <v>25</v>
          </cell>
          <cell r="Q1345">
            <v>2120001076281</v>
          </cell>
          <cell r="R1345">
            <v>25000</v>
          </cell>
          <cell r="S1345">
            <v>77239</v>
          </cell>
          <cell r="T1345">
            <v>227284</v>
          </cell>
          <cell r="V1345" t="str">
            <v>yd771876</v>
          </cell>
          <cell r="W1345" t="str">
            <v>nm154670</v>
          </cell>
          <cell r="Y1345" t="str">
            <v>建築,</v>
          </cell>
          <cell r="Z1345" t="str">
            <v/>
          </cell>
          <cell r="AA1345">
            <v>227284</v>
          </cell>
          <cell r="AB1345" t="str">
            <v/>
          </cell>
          <cell r="AC1345" t="str">
            <v/>
          </cell>
          <cell r="AD1345" t="str">
            <v/>
          </cell>
          <cell r="AE1345" t="str">
            <v/>
          </cell>
          <cell r="AF1345" t="str">
            <v/>
          </cell>
          <cell r="AI1345">
            <v>2</v>
          </cell>
          <cell r="AJ1345" t="str">
            <v>建築</v>
          </cell>
          <cell r="CR1345">
            <v>7651</v>
          </cell>
          <cell r="CS1345" t="str">
            <v>ﾅｶｼﾝｼﾞｮｳ ﾅｵｷ</v>
          </cell>
          <cell r="CT1345" t="str">
            <v>仲新城　直樹</v>
          </cell>
          <cell r="CU1345" t="str">
            <v>国民年金課</v>
          </cell>
          <cell r="CW1345">
            <v>4674</v>
          </cell>
          <cell r="CY1345" t="str">
            <v>国保年金課長</v>
          </cell>
        </row>
        <row r="1346">
          <cell r="B1346">
            <v>5215</v>
          </cell>
          <cell r="C1346" t="str">
            <v>(株)オキココーポレーション</v>
          </cell>
          <cell r="D1346" t="str">
            <v>06-6881-1788</v>
          </cell>
          <cell r="E1346" t="str">
            <v>531-0064</v>
          </cell>
          <cell r="F1346" t="str">
            <v>大阪府大阪市北区国分寺1‐3‐4</v>
          </cell>
          <cell r="G1346" t="str">
            <v>大阪市</v>
          </cell>
          <cell r="H1346" t="str">
            <v/>
          </cell>
          <cell r="I1346" t="str">
            <v>代表取締役 古川　英輔</v>
          </cell>
          <cell r="J1346" t="str">
            <v>本店</v>
          </cell>
          <cell r="K1346" t="str">
            <v>06-6881-1793</v>
          </cell>
          <cell r="L1346" t="str">
            <v>okiko@okiko.co.jp</v>
          </cell>
          <cell r="M1346" t="str">
            <v>ｵｷｺｺｰﾎﾟﾚｰｼｮﾝ</v>
          </cell>
          <cell r="N1346" t="str">
            <v>無</v>
          </cell>
          <cell r="O1346">
            <v>59</v>
          </cell>
          <cell r="P1346">
            <v>24</v>
          </cell>
          <cell r="Q1346">
            <v>7120001061948</v>
          </cell>
          <cell r="R1346">
            <v>50000</v>
          </cell>
          <cell r="S1346">
            <v>221111</v>
          </cell>
          <cell r="T1346">
            <v>396883</v>
          </cell>
          <cell r="V1346" t="str">
            <v>zp668450</v>
          </cell>
          <cell r="W1346" t="str">
            <v>js517528</v>
          </cell>
          <cell r="Y1346" t="str">
            <v>測量,土質,地質,地質,</v>
          </cell>
          <cell r="Z1346">
            <v>2189</v>
          </cell>
          <cell r="AA1346" t="str">
            <v/>
          </cell>
          <cell r="AB1346">
            <v>17258</v>
          </cell>
          <cell r="AC1346" t="str">
            <v/>
          </cell>
          <cell r="AD1346">
            <v>400324</v>
          </cell>
          <cell r="AE1346" t="str">
            <v/>
          </cell>
          <cell r="AF1346" t="str">
            <v/>
          </cell>
          <cell r="AI1346">
            <v>5</v>
          </cell>
          <cell r="AJ1346" t="str">
            <v>調査</v>
          </cell>
          <cell r="CR1346">
            <v>7669</v>
          </cell>
          <cell r="CS1346" t="str">
            <v>ﾖｼﾀﾞ ﾀｶﾔｽ</v>
          </cell>
          <cell r="CT1346" t="str">
            <v>吉田　貴保</v>
          </cell>
          <cell r="CU1346" t="str">
            <v>道路保全課</v>
          </cell>
          <cell r="CW1346">
            <v>4742</v>
          </cell>
          <cell r="CY1346" t="str">
            <v>道路保全課長</v>
          </cell>
        </row>
        <row r="1347">
          <cell r="B1347">
            <v>5216</v>
          </cell>
          <cell r="C1347" t="str">
            <v>(株)小野設計</v>
          </cell>
          <cell r="D1347" t="str">
            <v>06-6453-2345</v>
          </cell>
          <cell r="E1347" t="str">
            <v>530-0001</v>
          </cell>
          <cell r="F1347" t="str">
            <v>大阪府大阪市北区梅田1-2-2-300</v>
          </cell>
          <cell r="G1347" t="str">
            <v>姫路市</v>
          </cell>
          <cell r="H1347" t="str">
            <v>大阪事務所</v>
          </cell>
          <cell r="I1347" t="str">
            <v>所長 河合　宣紀</v>
          </cell>
          <cell r="J1347" t="str">
            <v>兵庫県姫路市</v>
          </cell>
          <cell r="K1347" t="str">
            <v>06-6453-0758</v>
          </cell>
          <cell r="L1347" t="str">
            <v>info@onosekkei.com</v>
          </cell>
          <cell r="M1347" t="str">
            <v>ｵﾉｾｯｹｲ</v>
          </cell>
          <cell r="N1347" t="str">
            <v>有</v>
          </cell>
          <cell r="O1347">
            <v>58</v>
          </cell>
          <cell r="P1347">
            <v>49</v>
          </cell>
          <cell r="Q1347">
            <v>1140001058196</v>
          </cell>
          <cell r="R1347">
            <v>40000</v>
          </cell>
          <cell r="S1347">
            <v>351731</v>
          </cell>
          <cell r="T1347">
            <v>618732</v>
          </cell>
          <cell r="V1347" t="str">
            <v>wj532885</v>
          </cell>
          <cell r="W1347" t="str">
            <v>az593837</v>
          </cell>
          <cell r="Y1347" t="str">
            <v>建築,意匠,構造,冷暖,衛生,電気,建積,機積,電積,調査,</v>
          </cell>
          <cell r="Z1347" t="str">
            <v/>
          </cell>
          <cell r="AA1347">
            <v>618732</v>
          </cell>
          <cell r="AB1347" t="str">
            <v/>
          </cell>
          <cell r="AC1347" t="str">
            <v/>
          </cell>
          <cell r="AD1347" t="str">
            <v/>
          </cell>
          <cell r="AE1347" t="str">
            <v/>
          </cell>
          <cell r="AF1347" t="str">
            <v/>
          </cell>
          <cell r="AI1347">
            <v>2</v>
          </cell>
          <cell r="AJ1347" t="str">
            <v>建築</v>
          </cell>
          <cell r="CR1347">
            <v>7676</v>
          </cell>
          <cell r="CS1347" t="str">
            <v>ﾌｸﾆﾜｹｲｽｹ</v>
          </cell>
          <cell r="CT1347" t="str">
            <v>福庭　圭祐</v>
          </cell>
          <cell r="CU1347" t="str">
            <v>道路建設課</v>
          </cell>
          <cell r="CW1347">
            <v>4733</v>
          </cell>
          <cell r="CY1347" t="str">
            <v>道路建設課長</v>
          </cell>
        </row>
        <row r="1348">
          <cell r="B1348">
            <v>5218</v>
          </cell>
          <cell r="C1348" t="str">
            <v>(株)オリエンタルコンサルタンツ</v>
          </cell>
          <cell r="D1348" t="str">
            <v>078-241-7233</v>
          </cell>
          <cell r="E1348" t="str">
            <v>651-0084</v>
          </cell>
          <cell r="F1348" t="str">
            <v>兵庫県神戸市中央区磯辺通2-2-3</v>
          </cell>
          <cell r="H1348" t="str">
            <v>神戸事務所</v>
          </cell>
          <cell r="I1348" t="str">
            <v>所長 澤井　秀知</v>
          </cell>
          <cell r="J1348" t="str">
            <v>東京都</v>
          </cell>
          <cell r="K1348" t="str">
            <v>078-265-6036</v>
          </cell>
          <cell r="L1348" t="str">
            <v>eigyo-os@oriconsul.com</v>
          </cell>
          <cell r="M1348" t="str">
            <v>ｵﾘｴﾝﾀﾙｺﾝｻﾙﾀﾝﾂ</v>
          </cell>
          <cell r="N1348" t="str">
            <v>有</v>
          </cell>
          <cell r="O1348">
            <v>60</v>
          </cell>
          <cell r="P1348">
            <v>1037</v>
          </cell>
          <cell r="Q1348">
            <v>4011001005165</v>
          </cell>
          <cell r="R1348">
            <v>500950</v>
          </cell>
          <cell r="S1348">
            <v>5288298</v>
          </cell>
          <cell r="T1348">
            <v>19186818</v>
          </cell>
          <cell r="V1348" t="str">
            <v>qb468137</v>
          </cell>
          <cell r="W1348" t="str">
            <v>ea702846</v>
          </cell>
          <cell r="Y1348" t="str">
            <v>測量,測量,航空,建築,意匠,構造,冷暖,衛生,電気,建積,機積,電積,調査,土質,鋼構,河川,道路,施行,地質,造園,下水,都市,スポ,環境,土他,物件,損失,地質,水質,大気,騒音,交通,</v>
          </cell>
          <cell r="Z1348">
            <v>15661</v>
          </cell>
          <cell r="AA1348">
            <v>10427</v>
          </cell>
          <cell r="AB1348">
            <v>15708187</v>
          </cell>
          <cell r="AC1348">
            <v>27824</v>
          </cell>
          <cell r="AD1348" t="str">
            <v/>
          </cell>
          <cell r="AE1348" t="str">
            <v>地質調査・その他</v>
          </cell>
          <cell r="AF1348">
            <v>2653506</v>
          </cell>
          <cell r="AI1348">
            <v>3</v>
          </cell>
          <cell r="AJ1348" t="str">
            <v>土木</v>
          </cell>
          <cell r="CR1348">
            <v>7680</v>
          </cell>
          <cell r="CS1348" t="str">
            <v>ﾀﾅｶｼｭﾝ</v>
          </cell>
          <cell r="CT1348" t="str">
            <v>田中　駿</v>
          </cell>
          <cell r="CU1348" t="str">
            <v>公園課</v>
          </cell>
          <cell r="CW1348">
            <v>4727</v>
          </cell>
          <cell r="CY1348" t="str">
            <v>公園課長</v>
          </cell>
        </row>
        <row r="1349">
          <cell r="B1349">
            <v>5220</v>
          </cell>
          <cell r="C1349" t="str">
            <v>オリジナル設計(株)</v>
          </cell>
          <cell r="D1349" t="str">
            <v>078-915-1314</v>
          </cell>
          <cell r="E1349" t="str">
            <v>673-0881</v>
          </cell>
          <cell r="F1349" t="str">
            <v>兵庫県明石市天文町2-4-26 ヴｪﾙﾋﾞｭ明石</v>
          </cell>
          <cell r="G1349" t="str">
            <v/>
          </cell>
          <cell r="H1349" t="str">
            <v>兵庫営業所</v>
          </cell>
          <cell r="I1349" t="str">
            <v>所長　 吉田　雅之</v>
          </cell>
          <cell r="J1349" t="str">
            <v>東京都</v>
          </cell>
          <cell r="K1349" t="str">
            <v>078-915-1315</v>
          </cell>
          <cell r="L1349" t="str">
            <v>hyogo-shocho@oec-solution.co.jp</v>
          </cell>
          <cell r="M1349" t="str">
            <v>ｵﾘｼﾞﾅﾙｾﾂｹｲ</v>
          </cell>
          <cell r="N1349" t="str">
            <v>有</v>
          </cell>
          <cell r="O1349">
            <v>56</v>
          </cell>
          <cell r="P1349">
            <v>366</v>
          </cell>
          <cell r="Q1349">
            <v>8011001065098</v>
          </cell>
          <cell r="R1349">
            <v>1093000</v>
          </cell>
          <cell r="S1349">
            <v>5584386</v>
          </cell>
          <cell r="T1349">
            <v>6256439</v>
          </cell>
          <cell r="V1349" t="str">
            <v>yk177377</v>
          </cell>
          <cell r="W1349" t="str">
            <v>xq726351</v>
          </cell>
          <cell r="Y1349" t="str">
            <v>測量,測量,建築,意匠,構造,土質,鋼構,河川,上水,下水,土他,地質,水質,大気,騒音,交通,商業,</v>
          </cell>
          <cell r="Z1349">
            <v>20584</v>
          </cell>
          <cell r="AA1349">
            <v>114488</v>
          </cell>
          <cell r="AB1349">
            <v>5215481</v>
          </cell>
          <cell r="AC1349" t="str">
            <v/>
          </cell>
          <cell r="AD1349" t="str">
            <v/>
          </cell>
          <cell r="AE1349" t="str">
            <v>システム構築、データ入力</v>
          </cell>
          <cell r="AF1349">
            <v>548757</v>
          </cell>
          <cell r="AI1349">
            <v>3</v>
          </cell>
          <cell r="AJ1349" t="str">
            <v>土木</v>
          </cell>
          <cell r="CR1349">
            <v>7753</v>
          </cell>
          <cell r="CS1349" t="str">
            <v>ｼﾝｶﾞｷ ﾀｸﾔ</v>
          </cell>
          <cell r="CT1349" t="str">
            <v>新垣　卓也</v>
          </cell>
          <cell r="CU1349" t="str">
            <v>教育政策課</v>
          </cell>
          <cell r="CW1349">
            <v>4774</v>
          </cell>
          <cell r="CY1349" t="str">
            <v>教育総務課長</v>
          </cell>
        </row>
        <row r="1350">
          <cell r="B1350">
            <v>5224</v>
          </cell>
          <cell r="C1350" t="str">
            <v>開発虎ノ門コンサルタント(株)</v>
          </cell>
          <cell r="D1350" t="str">
            <v>078-200-3851</v>
          </cell>
          <cell r="E1350" t="str">
            <v>651-0084</v>
          </cell>
          <cell r="F1350" t="str">
            <v>兵庫県神戸市中央区八幡通3-1-19</v>
          </cell>
          <cell r="G1350" t="str">
            <v/>
          </cell>
          <cell r="H1350" t="str">
            <v>兵庫営業所</v>
          </cell>
          <cell r="I1350" t="str">
            <v>所長　 伊藤　達也</v>
          </cell>
          <cell r="J1350" t="str">
            <v/>
          </cell>
          <cell r="K1350" t="str">
            <v>078-200-3858</v>
          </cell>
          <cell r="L1350" t="str">
            <v>osaka-denshi-@kckk.co.jp</v>
          </cell>
          <cell r="M1350" t="str">
            <v>ｶｲﾊﾂﾄﾗﾉﾓﾝｺﾝｻﾙﾀﾝﾄ</v>
          </cell>
          <cell r="N1350" t="str">
            <v>有</v>
          </cell>
          <cell r="O1350">
            <v>64</v>
          </cell>
          <cell r="P1350">
            <v>175</v>
          </cell>
          <cell r="Q1350">
            <v>3013301015828</v>
          </cell>
          <cell r="R1350">
            <v>40000</v>
          </cell>
          <cell r="S1350">
            <v>521323</v>
          </cell>
          <cell r="T1350">
            <v>2203796</v>
          </cell>
          <cell r="V1350" t="str">
            <v>yj857007</v>
          </cell>
          <cell r="W1350" t="str">
            <v>ad995029</v>
          </cell>
          <cell r="Y1350" t="str">
            <v>測量,土質,鋼構,河川,道路,施行,地質,下水,地質,騒音,交通,</v>
          </cell>
          <cell r="Z1350">
            <v>18440</v>
          </cell>
          <cell r="AA1350" t="str">
            <v/>
          </cell>
          <cell r="AB1350">
            <v>2128105</v>
          </cell>
          <cell r="AC1350" t="str">
            <v/>
          </cell>
          <cell r="AD1350">
            <v>7394</v>
          </cell>
          <cell r="AE1350" t="str">
            <v/>
          </cell>
          <cell r="AF1350" t="str">
            <v/>
          </cell>
          <cell r="AI1350">
            <v>3</v>
          </cell>
          <cell r="AJ1350" t="str">
            <v>土木</v>
          </cell>
          <cell r="CR1350">
            <v>7760</v>
          </cell>
          <cell r="CS1350" t="str">
            <v>ﾀﾆｸﾞﾁ ﾘｮｳﾀ</v>
          </cell>
          <cell r="CT1350" t="str">
            <v>谷口　亮太</v>
          </cell>
          <cell r="CU1350" t="str">
            <v>営繕課</v>
          </cell>
          <cell r="CW1350">
            <v>4784</v>
          </cell>
          <cell r="CY1350" t="str">
            <v>営繕課長</v>
          </cell>
        </row>
        <row r="1351">
          <cell r="B1351">
            <v>5225</v>
          </cell>
          <cell r="C1351" t="str">
            <v>(株)大阪環境技術センター</v>
          </cell>
          <cell r="D1351" t="str">
            <v>072-643-2258</v>
          </cell>
          <cell r="E1351" t="str">
            <v>567-0052</v>
          </cell>
          <cell r="F1351" t="str">
            <v>大阪府茨木市</v>
          </cell>
          <cell r="G1351" t="str">
            <v>茨木市</v>
          </cell>
          <cell r="H1351" t="str">
            <v/>
          </cell>
          <cell r="I1351" t="str">
            <v>代表取締役 千葉　徹</v>
          </cell>
          <cell r="J1351" t="str">
            <v>本店</v>
          </cell>
          <cell r="K1351" t="str">
            <v>072-643-2268</v>
          </cell>
          <cell r="L1351" t="str">
            <v>sakoda.tokuya@ma.nichigo.co.jp</v>
          </cell>
          <cell r="M1351" t="str">
            <v>ｵｵｻｶｶﾝｷｮｳｷﾞｼﾞｭﾂｾﾝﾀｰ</v>
          </cell>
          <cell r="N1351" t="str">
            <v>無</v>
          </cell>
          <cell r="O1351">
            <v>46</v>
          </cell>
          <cell r="P1351">
            <v>38</v>
          </cell>
          <cell r="Q1351">
            <v>9120901000458</v>
          </cell>
          <cell r="R1351">
            <v>50000</v>
          </cell>
          <cell r="S1351">
            <v>86286</v>
          </cell>
          <cell r="T1351">
            <v>379898</v>
          </cell>
          <cell r="V1351" t="str">
            <v>nu662935</v>
          </cell>
          <cell r="W1351" t="str">
            <v>rd962226</v>
          </cell>
          <cell r="Y1351" t="str">
            <v>水質,大気,騒音,調他</v>
          </cell>
          <cell r="Z1351" t="str">
            <v/>
          </cell>
          <cell r="AA1351" t="str">
            <v/>
          </cell>
          <cell r="AB1351" t="str">
            <v/>
          </cell>
          <cell r="AC1351" t="str">
            <v/>
          </cell>
          <cell r="AD1351">
            <v>379898</v>
          </cell>
          <cell r="AE1351" t="str">
            <v/>
          </cell>
          <cell r="AF1351" t="str">
            <v/>
          </cell>
          <cell r="AI1351">
            <v>5</v>
          </cell>
          <cell r="AJ1351" t="str">
            <v>調査</v>
          </cell>
          <cell r="CR1351">
            <v>7795</v>
          </cell>
          <cell r="CT1351" t="str">
            <v>野口　聖矢</v>
          </cell>
          <cell r="CU1351" t="str">
            <v>道路保全課</v>
          </cell>
          <cell r="CW1351">
            <v>4844</v>
          </cell>
          <cell r="CY1351" t="str">
            <v>道路保全課長</v>
          </cell>
        </row>
        <row r="1352">
          <cell r="B1352">
            <v>5226</v>
          </cell>
          <cell r="C1352" t="str">
            <v>(株)オーシスマップ</v>
          </cell>
          <cell r="D1352" t="str">
            <v>079-662-3156</v>
          </cell>
          <cell r="E1352" t="str">
            <v>667-0021</v>
          </cell>
          <cell r="F1352" t="str">
            <v>兵庫県養父市八鹿町八鹿1264-11</v>
          </cell>
          <cell r="G1352" t="str">
            <v>養父市</v>
          </cell>
          <cell r="H1352" t="str">
            <v/>
          </cell>
          <cell r="I1352" t="str">
            <v>代表取締役 魚本　崇</v>
          </cell>
          <cell r="J1352" t="str">
            <v>本店</v>
          </cell>
          <cell r="K1352" t="str">
            <v>079-662-4123</v>
          </cell>
          <cell r="L1352" t="str">
            <v>nyusatsu@osysmap.jp</v>
          </cell>
          <cell r="M1352" t="str">
            <v>ｵｰｼｽﾏｯﾌﾟ</v>
          </cell>
          <cell r="N1352" t="str">
            <v>無</v>
          </cell>
          <cell r="O1352">
            <v>17</v>
          </cell>
          <cell r="P1352">
            <v>52</v>
          </cell>
          <cell r="Q1352">
            <v>9140001046689</v>
          </cell>
          <cell r="R1352">
            <v>10000</v>
          </cell>
          <cell r="S1352">
            <v>45999</v>
          </cell>
          <cell r="T1352">
            <v>507726</v>
          </cell>
          <cell r="V1352" t="str">
            <v>rm879559</v>
          </cell>
          <cell r="W1352" t="str">
            <v>xb799415</v>
          </cell>
          <cell r="Y1352" t="str">
            <v>測量,測量,航空,土質,鋼構,河川,道路,地質,下水,都市,土調,土評,物件,機工,営業,損失,補償,</v>
          </cell>
          <cell r="Z1352">
            <v>405857</v>
          </cell>
          <cell r="AA1352" t="str">
            <v/>
          </cell>
          <cell r="AB1352">
            <v>76623</v>
          </cell>
          <cell r="AC1352" t="str">
            <v/>
          </cell>
          <cell r="AD1352" t="str">
            <v/>
          </cell>
          <cell r="AE1352" t="str">
            <v/>
          </cell>
          <cell r="AF1352" t="str">
            <v/>
          </cell>
          <cell r="AI1352">
            <v>1</v>
          </cell>
          <cell r="AJ1352" t="str">
            <v>測量</v>
          </cell>
          <cell r="CR1352">
            <v>7796</v>
          </cell>
          <cell r="CS1352" t="str">
            <v>ﾔﾏｸﾞﾁ ﾀｶﾋﾛ</v>
          </cell>
          <cell r="CT1352" t="str">
            <v>山口  貴裕</v>
          </cell>
          <cell r="CU1352" t="str">
            <v>公園課</v>
          </cell>
          <cell r="CW1352">
            <v>4827</v>
          </cell>
          <cell r="CY1352" t="str">
            <v>公園課長</v>
          </cell>
        </row>
        <row r="1353">
          <cell r="B1353">
            <v>5230</v>
          </cell>
          <cell r="C1353" t="str">
            <v>(株)岡本設計</v>
          </cell>
          <cell r="D1353" t="str">
            <v>06-6654-5200</v>
          </cell>
          <cell r="E1353" t="str">
            <v>545-0037</v>
          </cell>
          <cell r="F1353" t="str">
            <v>大阪府大阪市阿倍野区帝塚山1-23-14-206</v>
          </cell>
          <cell r="G1353" t="str">
            <v>和歌山市</v>
          </cell>
          <cell r="H1353" t="str">
            <v>大阪事務所</v>
          </cell>
          <cell r="I1353" t="str">
            <v>所長 岩本　好博</v>
          </cell>
          <cell r="J1353" t="str">
            <v>和歌山県和歌山市</v>
          </cell>
          <cell r="K1353" t="str">
            <v>06-6654-5201</v>
          </cell>
          <cell r="L1353" t="str">
            <v>o-sekkei@okamoto-adf.co.jp</v>
          </cell>
          <cell r="M1353" t="str">
            <v>ｵｶﾓﾄｾｯｹｲ</v>
          </cell>
          <cell r="N1353" t="str">
            <v>有</v>
          </cell>
          <cell r="O1353">
            <v>49</v>
          </cell>
          <cell r="P1353">
            <v>47</v>
          </cell>
          <cell r="Q1353">
            <v>3170001000599</v>
          </cell>
          <cell r="R1353">
            <v>10000</v>
          </cell>
          <cell r="S1353">
            <v>330355</v>
          </cell>
          <cell r="T1353">
            <v>613441</v>
          </cell>
          <cell r="V1353" t="str">
            <v>xh367607</v>
          </cell>
          <cell r="W1353" t="str">
            <v>qw973898</v>
          </cell>
          <cell r="Y1353" t="str">
            <v>測量,建築,意匠,構造,冷暖,衛生,電気,建積,機積,電積,調査,土質,鋼構,河川,道路,施行,都市,スポ,土他,物件,機工,営業,損失,地質,交通,</v>
          </cell>
          <cell r="Z1353">
            <v>6030</v>
          </cell>
          <cell r="AA1353">
            <v>434356</v>
          </cell>
          <cell r="AB1353">
            <v>129915</v>
          </cell>
          <cell r="AC1353">
            <v>27603</v>
          </cell>
          <cell r="AD1353" t="str">
            <v/>
          </cell>
          <cell r="AE1353" t="str">
            <v>地質調査業務</v>
          </cell>
          <cell r="AF1353">
            <v>15537</v>
          </cell>
          <cell r="AI1353">
            <v>2</v>
          </cell>
          <cell r="AJ1353" t="str">
            <v>建築</v>
          </cell>
          <cell r="CR1353">
            <v>7798</v>
          </cell>
          <cell r="CS1353" t="str">
            <v>ﾏｴﾀﾞ ｹｲｽｹ</v>
          </cell>
          <cell r="CT1353" t="str">
            <v>前田　佳祐</v>
          </cell>
          <cell r="CU1353" t="str">
            <v>営繕課</v>
          </cell>
          <cell r="CW1353">
            <v>4808</v>
          </cell>
          <cell r="CY1353" t="str">
            <v>営繕課長</v>
          </cell>
        </row>
        <row r="1354">
          <cell r="B1354">
            <v>5231</v>
          </cell>
          <cell r="C1354" t="str">
            <v>(株)オリンピアコンサルタント</v>
          </cell>
          <cell r="D1354" t="str">
            <v>078-707-2605</v>
          </cell>
          <cell r="E1354" t="str">
            <v>655-0034</v>
          </cell>
          <cell r="F1354" t="str">
            <v>兵庫県神戸市垂水区仲田2‐1‐33</v>
          </cell>
          <cell r="G1354" t="str">
            <v>大垣市</v>
          </cell>
          <cell r="H1354" t="str">
            <v>神戸営業所</v>
          </cell>
          <cell r="I1354" t="str">
            <v>所長 森谷　宗司</v>
          </cell>
          <cell r="J1354" t="str">
            <v>岐阜県大垣市</v>
          </cell>
          <cell r="K1354" t="str">
            <v>078-707-2608</v>
          </cell>
          <cell r="L1354" t="str">
            <v>kobe-info@olympia-con.co.jp</v>
          </cell>
          <cell r="M1354" t="str">
            <v>ｵﾘﾝﾋﾟｱｺﾝｻﾙﾀﾝﾄ</v>
          </cell>
          <cell r="N1354" t="str">
            <v>有</v>
          </cell>
          <cell r="O1354">
            <v>29</v>
          </cell>
          <cell r="P1354">
            <v>54</v>
          </cell>
          <cell r="Q1354">
            <v>2200001013350</v>
          </cell>
          <cell r="R1354">
            <v>20000</v>
          </cell>
          <cell r="S1354">
            <v>106977</v>
          </cell>
          <cell r="T1354">
            <v>622348</v>
          </cell>
          <cell r="V1354" t="str">
            <v>et838606</v>
          </cell>
          <cell r="W1354" t="str">
            <v>gt854771</v>
          </cell>
          <cell r="Y1354" t="str">
            <v>測量,上水,下水,</v>
          </cell>
          <cell r="Z1354">
            <v>12529</v>
          </cell>
          <cell r="AA1354" t="str">
            <v/>
          </cell>
          <cell r="AB1354">
            <v>558645</v>
          </cell>
          <cell r="AC1354" t="str">
            <v/>
          </cell>
          <cell r="AD1354" t="str">
            <v/>
          </cell>
          <cell r="AE1354" t="str">
            <v/>
          </cell>
          <cell r="AF1354" t="str">
            <v/>
          </cell>
          <cell r="AI1354">
            <v>3</v>
          </cell>
          <cell r="AJ1354" t="str">
            <v>土木</v>
          </cell>
          <cell r="CR1354">
            <v>7799</v>
          </cell>
          <cell r="CS1354" t="str">
            <v>ｲｼﾀﾞ ｻﾄｼ</v>
          </cell>
          <cell r="CT1354" t="str">
            <v>石田　怜</v>
          </cell>
          <cell r="CU1354" t="str">
            <v>施設課</v>
          </cell>
          <cell r="CW1354">
            <v>4811</v>
          </cell>
          <cell r="CY1354" t="str">
            <v>施設課長</v>
          </cell>
        </row>
        <row r="1355">
          <cell r="B1355">
            <v>5232</v>
          </cell>
          <cell r="C1355" t="str">
            <v>(有)ＯＭＫ</v>
          </cell>
          <cell r="D1355" t="str">
            <v>06-6265-1755</v>
          </cell>
          <cell r="E1355" t="str">
            <v>542-0081</v>
          </cell>
          <cell r="F1355" t="str">
            <v>大阪府大阪市中央区南船場1-17-11</v>
          </cell>
          <cell r="G1355" t="str">
            <v>大阪市</v>
          </cell>
          <cell r="H1355" t="str">
            <v/>
          </cell>
          <cell r="I1355" t="str">
            <v>代表取締役 岡崎　芳郎</v>
          </cell>
          <cell r="J1355" t="str">
            <v>本店</v>
          </cell>
          <cell r="K1355" t="str">
            <v>06-6265-1756</v>
          </cell>
          <cell r="L1355" t="str">
            <v>omk@cx.sub.jp</v>
          </cell>
          <cell r="M1355" t="str">
            <v>ｵｰｴﾑｹｰ</v>
          </cell>
          <cell r="N1355" t="str">
            <v>無</v>
          </cell>
          <cell r="O1355">
            <v>13</v>
          </cell>
          <cell r="P1355">
            <v>7</v>
          </cell>
          <cell r="Q1355">
            <v>3120002067171</v>
          </cell>
          <cell r="R1355">
            <v>3000</v>
          </cell>
          <cell r="S1355">
            <v>5821</v>
          </cell>
          <cell r="T1355">
            <v>34626</v>
          </cell>
          <cell r="V1355" t="str">
            <v>js517528</v>
          </cell>
          <cell r="W1355" t="str">
            <v>yj857007</v>
          </cell>
          <cell r="Y1355" t="str">
            <v>地質,水質,大気,騒音,交通,商業,調他</v>
          </cell>
          <cell r="Z1355" t="str">
            <v/>
          </cell>
          <cell r="AA1355" t="str">
            <v/>
          </cell>
          <cell r="AB1355" t="str">
            <v/>
          </cell>
          <cell r="AC1355" t="str">
            <v/>
          </cell>
          <cell r="AD1355">
            <v>31443</v>
          </cell>
          <cell r="AE1355" t="str">
            <v/>
          </cell>
          <cell r="AF1355" t="str">
            <v/>
          </cell>
          <cell r="AI1355">
            <v>5</v>
          </cell>
          <cell r="AJ1355" t="str">
            <v>調査</v>
          </cell>
          <cell r="CR1355">
            <v>7800</v>
          </cell>
          <cell r="CT1355" t="str">
            <v>野田　開斗</v>
          </cell>
          <cell r="CU1355" t="str">
            <v>営繕課</v>
          </cell>
          <cell r="CW1355">
            <v>4809</v>
          </cell>
          <cell r="CY1355" t="str">
            <v>営繕課長</v>
          </cell>
        </row>
        <row r="1356">
          <cell r="B1356">
            <v>5233</v>
          </cell>
          <cell r="C1356" t="str">
            <v>荻田測量事務所</v>
          </cell>
          <cell r="D1356" t="str">
            <v>072-764-6316</v>
          </cell>
          <cell r="E1356" t="str">
            <v>666-0013</v>
          </cell>
          <cell r="F1356" t="str">
            <v>兵庫県川西市美園町1-3 川西宝泉ﾋﾞﾙ208</v>
          </cell>
          <cell r="G1356" t="str">
            <v>川西市</v>
          </cell>
          <cell r="H1356" t="str">
            <v/>
          </cell>
          <cell r="I1356" t="str">
            <v>代表者 荻田　雅仁</v>
          </cell>
          <cell r="J1356" t="str">
            <v>本店</v>
          </cell>
          <cell r="K1356" t="str">
            <v>072-764-6324</v>
          </cell>
          <cell r="L1356" t="str">
            <v>info@ogita-sokuryo.com</v>
          </cell>
          <cell r="M1356" t="str">
            <v>ｵｷﾞﾀｿｸﾘｮｳｼﾞﾑｼｮ</v>
          </cell>
          <cell r="N1356" t="str">
            <v>無</v>
          </cell>
          <cell r="O1356">
            <v>25</v>
          </cell>
          <cell r="P1356">
            <v>3</v>
          </cell>
          <cell r="R1356">
            <v>0</v>
          </cell>
          <cell r="S1356">
            <v>-3807</v>
          </cell>
          <cell r="T1356">
            <v>18898</v>
          </cell>
          <cell r="V1356" t="str">
            <v>az593837</v>
          </cell>
          <cell r="W1356" t="str">
            <v>nu662935</v>
          </cell>
          <cell r="Y1356" t="str">
            <v>測量,登記,</v>
          </cell>
          <cell r="Z1356">
            <v>9445</v>
          </cell>
          <cell r="AA1356" t="str">
            <v/>
          </cell>
          <cell r="AB1356" t="str">
            <v/>
          </cell>
          <cell r="AC1356">
            <v>9453</v>
          </cell>
          <cell r="AD1356" t="str">
            <v/>
          </cell>
          <cell r="AE1356" t="str">
            <v/>
          </cell>
          <cell r="AF1356" t="str">
            <v/>
          </cell>
          <cell r="AI1356">
            <v>4</v>
          </cell>
          <cell r="AJ1356" t="str">
            <v>補償</v>
          </cell>
          <cell r="CR1356">
            <v>7810</v>
          </cell>
          <cell r="CT1356" t="str">
            <v>堀江　仁美</v>
          </cell>
          <cell r="CU1356" t="str">
            <v>営繕課</v>
          </cell>
          <cell r="CW1356">
            <v>4810</v>
          </cell>
          <cell r="CY1356" t="str">
            <v>営繕課長</v>
          </cell>
        </row>
        <row r="1357">
          <cell r="B1357">
            <v>5236</v>
          </cell>
          <cell r="C1357" t="str">
            <v>(株)オーティーオー技術研究所</v>
          </cell>
          <cell r="D1357" t="str">
            <v>06-6881-1401</v>
          </cell>
          <cell r="E1357" t="str">
            <v>530-0043</v>
          </cell>
          <cell r="F1357" t="str">
            <v>大阪府大阪市北区天満一丁目5番2号</v>
          </cell>
          <cell r="G1357" t="str">
            <v>大阪市</v>
          </cell>
          <cell r="H1357" t="str">
            <v/>
          </cell>
          <cell r="I1357" t="str">
            <v>代表取締役 森岡　愼治</v>
          </cell>
          <cell r="J1357" t="str">
            <v>本店</v>
          </cell>
          <cell r="K1357" t="str">
            <v>06-6881-1403</v>
          </cell>
          <cell r="L1357" t="str">
            <v>matsushita@oto-giken.co.jp</v>
          </cell>
          <cell r="M1357" t="str">
            <v>ｵｰﾃｨｰｵｰｷﾞｼﾞｭﾂｹﾝｷｭｳｼｮ</v>
          </cell>
          <cell r="N1357" t="str">
            <v>無</v>
          </cell>
          <cell r="O1357">
            <v>44</v>
          </cell>
          <cell r="P1357">
            <v>19</v>
          </cell>
          <cell r="Q1357">
            <v>4120001042125</v>
          </cell>
          <cell r="R1357">
            <v>35000</v>
          </cell>
          <cell r="S1357">
            <v>55405</v>
          </cell>
          <cell r="T1357">
            <v>217966</v>
          </cell>
          <cell r="V1357" t="str">
            <v>va100242</v>
          </cell>
          <cell r="W1357" t="str">
            <v>ku151771</v>
          </cell>
          <cell r="Y1357" t="str">
            <v>騒音,</v>
          </cell>
          <cell r="Z1357" t="str">
            <v/>
          </cell>
          <cell r="AA1357" t="str">
            <v/>
          </cell>
          <cell r="AB1357" t="str">
            <v/>
          </cell>
          <cell r="AC1357" t="str">
            <v/>
          </cell>
          <cell r="AD1357">
            <v>217966</v>
          </cell>
          <cell r="AE1357" t="str">
            <v/>
          </cell>
          <cell r="AF1357" t="str">
            <v/>
          </cell>
          <cell r="AI1357">
            <v>5</v>
          </cell>
          <cell r="AJ1357" t="str">
            <v>調査</v>
          </cell>
          <cell r="CR1357">
            <v>9247</v>
          </cell>
          <cell r="CS1357" t="str">
            <v>ﾆｼｵ ﾀｶｺ</v>
          </cell>
          <cell r="CT1357" t="str">
            <v>西尾  孝子</v>
          </cell>
          <cell r="CU1357" t="str">
            <v>社会教育課</v>
          </cell>
          <cell r="CW1357" t="str">
            <v xml:space="preserve"> </v>
          </cell>
          <cell r="CX1357" t="str">
            <v xml:space="preserve"> </v>
          </cell>
          <cell r="CY1357" t="str">
            <v>社会教育課長</v>
          </cell>
        </row>
        <row r="1358">
          <cell r="B1358">
            <v>5237</v>
          </cell>
          <cell r="C1358" t="str">
            <v>(株)大阪水道総合サービス</v>
          </cell>
          <cell r="D1358" t="str">
            <v>06-6633-1100</v>
          </cell>
          <cell r="E1358" t="str">
            <v>545-0051</v>
          </cell>
          <cell r="F1358" t="str">
            <v>大阪府大阪市阿倍野区旭町1-2-7</v>
          </cell>
          <cell r="G1358" t="str">
            <v>大阪市</v>
          </cell>
          <cell r="H1358" t="str">
            <v/>
          </cell>
          <cell r="I1358" t="str">
            <v>代表取締役 川内　武彦</v>
          </cell>
          <cell r="J1358" t="str">
            <v>本店</v>
          </cell>
          <cell r="K1358" t="str">
            <v>06-6633-1120</v>
          </cell>
          <cell r="L1358" t="str">
            <v>kikaku@owgs.co.jp</v>
          </cell>
          <cell r="M1358" t="str">
            <v>ｵｵｻｶｽｲﾄﾞｳｿｳｺﾞｳｻｰﾋﾞｽ</v>
          </cell>
          <cell r="N1358" t="str">
            <v>無</v>
          </cell>
          <cell r="O1358">
            <v>49</v>
          </cell>
          <cell r="P1358">
            <v>172</v>
          </cell>
          <cell r="Q1358">
            <v>9120001130775</v>
          </cell>
          <cell r="R1358">
            <v>85000</v>
          </cell>
          <cell r="S1358">
            <v>505009</v>
          </cell>
          <cell r="T1358">
            <v>1466527</v>
          </cell>
          <cell r="V1358" t="str">
            <v>lv131976</v>
          </cell>
          <cell r="W1358" t="str">
            <v>xr158649</v>
          </cell>
          <cell r="Y1358" t="str">
            <v>上水,</v>
          </cell>
          <cell r="Z1358" t="str">
            <v/>
          </cell>
          <cell r="AA1358" t="str">
            <v/>
          </cell>
          <cell r="AB1358">
            <v>142937</v>
          </cell>
          <cell r="AC1358" t="str">
            <v/>
          </cell>
          <cell r="AD1358" t="str">
            <v/>
          </cell>
          <cell r="AE1358" t="str">
            <v/>
          </cell>
          <cell r="AF1358" t="str">
            <v/>
          </cell>
          <cell r="AI1358">
            <v>3</v>
          </cell>
          <cell r="AJ1358" t="str">
            <v>土木</v>
          </cell>
          <cell r="CR1358">
            <v>9291</v>
          </cell>
          <cell r="CS1358" t="str">
            <v>ﾔﾏﾓﾄ ｼﾝｲﾁ</v>
          </cell>
          <cell r="CT1358" t="str">
            <v>山本  伸一</v>
          </cell>
          <cell r="CU1358" t="str">
            <v>こども若者企画課</v>
          </cell>
          <cell r="CW1358">
            <v>3731</v>
          </cell>
          <cell r="CX1358" t="str">
            <v xml:space="preserve"> </v>
          </cell>
          <cell r="CY1358" t="str">
            <v>こども若者企画課長</v>
          </cell>
        </row>
        <row r="1359">
          <cell r="B1359">
            <v>5238</v>
          </cell>
          <cell r="C1359" t="str">
            <v>(株)遠藤剛生建築設計事務所</v>
          </cell>
          <cell r="D1359" t="str">
            <v>06-6356-1250</v>
          </cell>
          <cell r="E1359" t="str">
            <v>530-0038</v>
          </cell>
          <cell r="F1359" t="str">
            <v>大阪府大阪市北区紅梅町3-4</v>
          </cell>
          <cell r="G1359" t="str">
            <v>大阪市</v>
          </cell>
          <cell r="H1359" t="str">
            <v/>
          </cell>
          <cell r="I1359" t="str">
            <v>代表取締役 遠藤　剛生</v>
          </cell>
          <cell r="J1359" t="str">
            <v>本店</v>
          </cell>
          <cell r="K1359" t="str">
            <v>06-6356-4088</v>
          </cell>
          <cell r="L1359" t="str">
            <v>tsutsui-m@takao-endo.co.jp</v>
          </cell>
          <cell r="M1359" t="str">
            <v>ｴﾝﾄﾞｳﾀｶｵｹﾝﾁｸｾｯｹｲｼﾞﾑｼｮ</v>
          </cell>
          <cell r="N1359" t="str">
            <v>無</v>
          </cell>
          <cell r="O1359">
            <v>45</v>
          </cell>
          <cell r="P1359">
            <v>15</v>
          </cell>
          <cell r="Q1359">
            <v>1120001061458</v>
          </cell>
          <cell r="R1359">
            <v>10000</v>
          </cell>
          <cell r="S1359">
            <v>100989</v>
          </cell>
          <cell r="T1359">
            <v>225059</v>
          </cell>
          <cell r="V1359" t="str">
            <v>my123386</v>
          </cell>
          <cell r="W1359" t="str">
            <v>jc129331</v>
          </cell>
          <cell r="Y1359" t="str">
            <v>建築,意匠,調査,</v>
          </cell>
          <cell r="Z1359" t="str">
            <v/>
          </cell>
          <cell r="AA1359">
            <v>225787</v>
          </cell>
          <cell r="AB1359" t="str">
            <v/>
          </cell>
          <cell r="AC1359" t="str">
            <v/>
          </cell>
          <cell r="AD1359" t="str">
            <v/>
          </cell>
          <cell r="AE1359" t="str">
            <v/>
          </cell>
          <cell r="AF1359" t="str">
            <v/>
          </cell>
          <cell r="AI1359">
            <v>2</v>
          </cell>
          <cell r="AJ1359" t="str">
            <v>建築</v>
          </cell>
          <cell r="CR1359">
            <v>9292</v>
          </cell>
          <cell r="CS1359" t="str">
            <v>ﾏﾂｵ ﾔｽﾉﾌﾞ</v>
          </cell>
          <cell r="CT1359" t="str">
            <v>松尾  康伸</v>
          </cell>
          <cell r="CU1359" t="str">
            <v>公民館</v>
          </cell>
          <cell r="CW1359">
            <v>5816</v>
          </cell>
          <cell r="CX1359" t="str">
            <v xml:space="preserve"> </v>
          </cell>
          <cell r="CY1359" t="str">
            <v>公民館長</v>
          </cell>
        </row>
        <row r="1360">
          <cell r="B1360">
            <v>5241</v>
          </cell>
          <cell r="C1360" t="str">
            <v>(株)エックス都市研究所</v>
          </cell>
          <cell r="D1360" t="str">
            <v>06-6195-7464</v>
          </cell>
          <cell r="E1360" t="str">
            <v>532-0011</v>
          </cell>
          <cell r="F1360" t="str">
            <v>大阪府大阪市淀川区西中島5-9-1</v>
          </cell>
          <cell r="H1360" t="str">
            <v>大阪支店</v>
          </cell>
          <cell r="I1360" t="str">
            <v>支店長 青野　肇</v>
          </cell>
          <cell r="J1360" t="str">
            <v>東京都</v>
          </cell>
          <cell r="K1360" t="str">
            <v>06-6195-7465</v>
          </cell>
          <cell r="L1360" t="str">
            <v>exeigyo@exri.co.jp</v>
          </cell>
          <cell r="M1360" t="str">
            <v>ｴｯｸｽﾄｼｹﾝｷｭｳｼｮ</v>
          </cell>
          <cell r="N1360" t="str">
            <v>有</v>
          </cell>
          <cell r="O1360">
            <v>47</v>
          </cell>
          <cell r="P1360">
            <v>132</v>
          </cell>
          <cell r="Q1360">
            <v>4013301013616</v>
          </cell>
          <cell r="R1360">
            <v>30000</v>
          </cell>
          <cell r="S1360">
            <v>790477</v>
          </cell>
          <cell r="T1360">
            <v>2528428</v>
          </cell>
          <cell r="V1360" t="str">
            <v>qw973898</v>
          </cell>
          <cell r="W1360" t="str">
            <v>wj532885</v>
          </cell>
          <cell r="Y1360" t="str">
            <v>下水,都市,環境,土他,調他</v>
          </cell>
          <cell r="Z1360" t="str">
            <v/>
          </cell>
          <cell r="AA1360" t="str">
            <v/>
          </cell>
          <cell r="AB1360">
            <v>1942464</v>
          </cell>
          <cell r="AC1360" t="str">
            <v/>
          </cell>
          <cell r="AD1360">
            <v>715580</v>
          </cell>
          <cell r="AE1360" t="str">
            <v/>
          </cell>
          <cell r="AF1360" t="str">
            <v/>
          </cell>
          <cell r="AI1360">
            <v>3</v>
          </cell>
          <cell r="AJ1360" t="str">
            <v>土木</v>
          </cell>
          <cell r="CR1360">
            <v>9303</v>
          </cell>
          <cell r="CS1360" t="str">
            <v>ｱﾀﾞﾁ ｹｲｺ</v>
          </cell>
          <cell r="CT1360" t="str">
            <v>足立  恵子</v>
          </cell>
          <cell r="CU1360" t="str">
            <v>学校指導課</v>
          </cell>
          <cell r="CW1360">
            <v>3671</v>
          </cell>
          <cell r="CX1360" t="str">
            <v xml:space="preserve"> </v>
          </cell>
          <cell r="CY1360" t="str">
            <v>学校指導課長</v>
          </cell>
        </row>
        <row r="1361">
          <cell r="B1361">
            <v>5242</v>
          </cell>
          <cell r="C1361" t="str">
            <v>(株)エス・ジー都市経営</v>
          </cell>
          <cell r="D1361" t="str">
            <v>06-6966-3016</v>
          </cell>
          <cell r="E1361" t="str">
            <v>540-0035</v>
          </cell>
          <cell r="F1361" t="str">
            <v>大阪府大阪市中央区釣鐘町1-1-1</v>
          </cell>
          <cell r="G1361" t="str">
            <v>大阪市</v>
          </cell>
          <cell r="H1361" t="str">
            <v/>
          </cell>
          <cell r="I1361" t="str">
            <v>代表取締役 森田　耕二</v>
          </cell>
          <cell r="J1361" t="str">
            <v>本店</v>
          </cell>
          <cell r="K1361" t="str">
            <v>06-6966-3017</v>
          </cell>
          <cell r="L1361" t="str">
            <v>synectg@oak.ocn.ne.jp</v>
          </cell>
          <cell r="M1361" t="str">
            <v>ｴｽ･ｼﾞｰﾄｼｹｲｴｲ</v>
          </cell>
          <cell r="N1361" t="str">
            <v>無</v>
          </cell>
          <cell r="O1361">
            <v>22</v>
          </cell>
          <cell r="P1361">
            <v>2</v>
          </cell>
          <cell r="Q1361">
            <v>5120001061388</v>
          </cell>
          <cell r="R1361">
            <v>10000</v>
          </cell>
          <cell r="S1361">
            <v>50484</v>
          </cell>
          <cell r="T1361">
            <v>55303</v>
          </cell>
          <cell r="V1361" t="str">
            <v>hx179861</v>
          </cell>
          <cell r="W1361" t="str">
            <v>iw130219</v>
          </cell>
          <cell r="Y1361" t="str">
            <v>建築,都市,</v>
          </cell>
          <cell r="Z1361" t="str">
            <v/>
          </cell>
          <cell r="AA1361" t="str">
            <v/>
          </cell>
          <cell r="AB1361">
            <v>55303</v>
          </cell>
          <cell r="AC1361" t="str">
            <v/>
          </cell>
          <cell r="AD1361" t="str">
            <v/>
          </cell>
          <cell r="AE1361" t="str">
            <v/>
          </cell>
          <cell r="AF1361" t="str">
            <v/>
          </cell>
          <cell r="AI1361">
            <v>3</v>
          </cell>
          <cell r="AJ1361" t="str">
            <v>土木</v>
          </cell>
          <cell r="CR1361">
            <v>9309</v>
          </cell>
          <cell r="CS1361" t="str">
            <v>ﾔﾏｼﾀ ｸﾆｺ</v>
          </cell>
          <cell r="CT1361" t="str">
            <v>山下  邦子</v>
          </cell>
          <cell r="CU1361" t="str">
            <v>学校指導課</v>
          </cell>
          <cell r="CW1361">
            <v>3673</v>
          </cell>
          <cell r="CX1361" t="str">
            <v xml:space="preserve"> </v>
          </cell>
          <cell r="CY1361" t="str">
            <v>学校指導課長</v>
          </cell>
        </row>
        <row r="1362">
          <cell r="B1362">
            <v>5244</v>
          </cell>
          <cell r="C1362" t="str">
            <v>大阪環境保全(株)</v>
          </cell>
          <cell r="D1362" t="str">
            <v>06-6609-5381</v>
          </cell>
          <cell r="E1362" t="str">
            <v>558-0013</v>
          </cell>
          <cell r="F1362" t="str">
            <v>大阪府大阪市住吉区我孫子東2-6-17</v>
          </cell>
          <cell r="G1362" t="str">
            <v>大阪市</v>
          </cell>
          <cell r="H1362" t="str">
            <v/>
          </cell>
          <cell r="I1362" t="str">
            <v>代表取締役 安野　俊一</v>
          </cell>
          <cell r="J1362" t="str">
            <v>本店</v>
          </cell>
          <cell r="K1362" t="str">
            <v>06-6609-5380</v>
          </cell>
          <cell r="L1362" t="str">
            <v>eigyo@osaka-env.co.jp</v>
          </cell>
          <cell r="M1362" t="str">
            <v>ｵｵｻｶｶﾝｷｮｳﾎｾﾞﾝ</v>
          </cell>
          <cell r="N1362" t="str">
            <v>無</v>
          </cell>
          <cell r="O1362">
            <v>40</v>
          </cell>
          <cell r="P1362">
            <v>27</v>
          </cell>
          <cell r="Q1362">
            <v>5120001034063</v>
          </cell>
          <cell r="R1362">
            <v>10000</v>
          </cell>
          <cell r="S1362">
            <v>220778</v>
          </cell>
          <cell r="T1362">
            <v>179355</v>
          </cell>
          <cell r="V1362" t="str">
            <v>od180976</v>
          </cell>
          <cell r="W1362" t="str">
            <v>hv107180</v>
          </cell>
          <cell r="Y1362" t="str">
            <v>水質,大気,騒音,交通,調他</v>
          </cell>
          <cell r="Z1362" t="str">
            <v/>
          </cell>
          <cell r="AA1362" t="str">
            <v/>
          </cell>
          <cell r="AB1362" t="str">
            <v/>
          </cell>
          <cell r="AC1362" t="str">
            <v/>
          </cell>
          <cell r="AD1362">
            <v>98989</v>
          </cell>
          <cell r="AE1362" t="str">
            <v/>
          </cell>
          <cell r="AF1362" t="str">
            <v/>
          </cell>
          <cell r="AI1362">
            <v>5</v>
          </cell>
          <cell r="AJ1362" t="str">
            <v>調査</v>
          </cell>
          <cell r="CR1362">
            <v>9347</v>
          </cell>
          <cell r="CS1362" t="str">
            <v>ｿｳﾜ ｼｽﾞﾖ</v>
          </cell>
          <cell r="CT1362" t="str">
            <v>宗和  静代</v>
          </cell>
          <cell r="CU1362" t="str">
            <v>こども福祉課</v>
          </cell>
          <cell r="CW1362">
            <v>2811</v>
          </cell>
          <cell r="CX1362" t="str">
            <v xml:space="preserve"> </v>
          </cell>
          <cell r="CY1362" t="str">
            <v>こども福祉課長</v>
          </cell>
        </row>
        <row r="1363">
          <cell r="B1363">
            <v>5247</v>
          </cell>
          <cell r="C1363" t="str">
            <v>(株)エネ・グリーン</v>
          </cell>
          <cell r="D1363" t="str">
            <v>06-4862-7591</v>
          </cell>
          <cell r="E1363" t="str">
            <v>532-0011</v>
          </cell>
          <cell r="F1363" t="str">
            <v>大阪府大阪市淀川区西中島7-1-20</v>
          </cell>
          <cell r="G1363" t="str">
            <v>仙台市</v>
          </cell>
          <cell r="H1363" t="str">
            <v>大阪支社</v>
          </cell>
          <cell r="I1363" t="str">
            <v>支社長 國廣　将民</v>
          </cell>
          <cell r="J1363" t="str">
            <v>宮城県仙台市</v>
          </cell>
          <cell r="K1363" t="str">
            <v>06-4862-7592</v>
          </cell>
          <cell r="L1363" t="str">
            <v>eigyo@enegreen.co.jp</v>
          </cell>
          <cell r="M1363" t="str">
            <v>ｴﾈｸﾞﾘｰﾝ</v>
          </cell>
          <cell r="N1363" t="str">
            <v>有</v>
          </cell>
          <cell r="O1363">
            <v>19</v>
          </cell>
          <cell r="P1363">
            <v>105</v>
          </cell>
          <cell r="Q1363">
            <v>9370001020968</v>
          </cell>
          <cell r="R1363">
            <v>28500</v>
          </cell>
          <cell r="S1363">
            <v>314185</v>
          </cell>
          <cell r="T1363">
            <v>1577293</v>
          </cell>
          <cell r="V1363" t="str">
            <v>rs150485</v>
          </cell>
          <cell r="W1363" t="str">
            <v>be163515</v>
          </cell>
          <cell r="Y1363" t="str">
            <v>建築,意匠,冷暖,衛生,電気,機積,電積,調査,</v>
          </cell>
          <cell r="Z1363" t="str">
            <v/>
          </cell>
          <cell r="AA1363">
            <v>1439083</v>
          </cell>
          <cell r="AB1363" t="str">
            <v/>
          </cell>
          <cell r="AC1363" t="str">
            <v/>
          </cell>
          <cell r="AD1363" t="str">
            <v/>
          </cell>
          <cell r="AE1363" t="str">
            <v/>
          </cell>
          <cell r="AF1363" t="str">
            <v/>
          </cell>
          <cell r="AI1363">
            <v>2</v>
          </cell>
          <cell r="AJ1363" t="str">
            <v>建築</v>
          </cell>
          <cell r="CR1363">
            <v>9350</v>
          </cell>
          <cell r="CS1363" t="str">
            <v>ﾔﾉ ﾄﾓﾖ</v>
          </cell>
          <cell r="CT1363" t="str">
            <v>箟  智代</v>
          </cell>
          <cell r="CU1363" t="str">
            <v>学校指導課</v>
          </cell>
          <cell r="CW1363">
            <v>3672</v>
          </cell>
          <cell r="CX1363" t="str">
            <v xml:space="preserve"> </v>
          </cell>
          <cell r="CY1363" t="str">
            <v>学校指導課長</v>
          </cell>
        </row>
        <row r="1364">
          <cell r="B1364">
            <v>5248</v>
          </cell>
          <cell r="C1364" t="str">
            <v>(株)ＳＤＩイドタセイイチアトリエ</v>
          </cell>
          <cell r="D1364" t="str">
            <v>072-951-4668</v>
          </cell>
          <cell r="E1364" t="str">
            <v>579-8012</v>
          </cell>
          <cell r="F1364" t="str">
            <v>大阪府東大阪市上石切町1丁目12-30</v>
          </cell>
          <cell r="G1364" t="str">
            <v>東大阪市</v>
          </cell>
          <cell r="H1364" t="str">
            <v/>
          </cell>
          <cell r="I1364" t="str">
            <v>代表取締役 井戸田　精一</v>
          </cell>
          <cell r="J1364" t="str">
            <v>本店</v>
          </cell>
          <cell r="K1364" t="str">
            <v>072-921-4907</v>
          </cell>
          <cell r="L1364" t="str">
            <v>idota@grape.boy.jp</v>
          </cell>
          <cell r="M1364" t="str">
            <v>ｴｽﾃﾞｲｱｲｲﾄﾞﾀｾｲｲﾁｱﾄﾘｴ</v>
          </cell>
          <cell r="N1364" t="str">
            <v>無</v>
          </cell>
          <cell r="O1364">
            <v>11</v>
          </cell>
          <cell r="P1364">
            <v>2</v>
          </cell>
          <cell r="Q1364">
            <v>6122001028184</v>
          </cell>
          <cell r="R1364">
            <v>10000</v>
          </cell>
          <cell r="S1364">
            <v>19476</v>
          </cell>
          <cell r="T1364">
            <v>53955</v>
          </cell>
          <cell r="V1364" t="str">
            <v>cv107015</v>
          </cell>
          <cell r="W1364" t="str">
            <v>tv109016</v>
          </cell>
          <cell r="Y1364" t="str">
            <v>建築,意匠,調査,</v>
          </cell>
          <cell r="Z1364" t="str">
            <v/>
          </cell>
          <cell r="AA1364">
            <v>53995</v>
          </cell>
          <cell r="AB1364" t="str">
            <v/>
          </cell>
          <cell r="AC1364" t="str">
            <v/>
          </cell>
          <cell r="AD1364" t="str">
            <v/>
          </cell>
          <cell r="AE1364" t="str">
            <v/>
          </cell>
          <cell r="AF1364" t="str">
            <v/>
          </cell>
          <cell r="AI1364">
            <v>2</v>
          </cell>
          <cell r="AJ1364" t="str">
            <v>建築</v>
          </cell>
          <cell r="CR1364">
            <v>9379</v>
          </cell>
          <cell r="CS1364" t="str">
            <v>ｱｻﾑﾗ ﾉﾌﾞｱｷ</v>
          </cell>
          <cell r="CT1364" t="str">
            <v>浅村  信昭</v>
          </cell>
          <cell r="CU1364" t="str">
            <v>スポーツ振興課</v>
          </cell>
          <cell r="CW1364">
            <v>3739</v>
          </cell>
          <cell r="CX1364" t="str">
            <v xml:space="preserve"> </v>
          </cell>
          <cell r="CY1364" t="str">
            <v>スポーツ振興課長</v>
          </cell>
        </row>
        <row r="1365">
          <cell r="B1365">
            <v>5249</v>
          </cell>
          <cell r="C1365" t="str">
            <v>(株)遠藤克彦建築研究所</v>
          </cell>
          <cell r="D1365" t="str">
            <v>03-6435-9171</v>
          </cell>
          <cell r="E1365" t="str">
            <v>105-0013</v>
          </cell>
          <cell r="F1365" t="str">
            <v>東京都港区浜松町1-9ｰ11</v>
          </cell>
          <cell r="H1365" t="str">
            <v/>
          </cell>
          <cell r="I1365" t="str">
            <v>代表取締役 遠藤　克彦</v>
          </cell>
          <cell r="J1365" t="str">
            <v>本店</v>
          </cell>
          <cell r="K1365" t="str">
            <v/>
          </cell>
          <cell r="L1365" t="str">
            <v>shinsei@j4f.com</v>
          </cell>
          <cell r="M1365" t="str">
            <v>ｴﾝﾄﾞｳｶﾂﾋｺｹﾝﾁｸｹﾝｷｭｳｼｮ</v>
          </cell>
          <cell r="N1365" t="str">
            <v>無</v>
          </cell>
          <cell r="O1365">
            <v>21</v>
          </cell>
          <cell r="P1365">
            <v>12</v>
          </cell>
          <cell r="Q1365">
            <v>6010701019885</v>
          </cell>
          <cell r="R1365">
            <v>3000</v>
          </cell>
          <cell r="S1365">
            <v>-2610</v>
          </cell>
          <cell r="T1365">
            <v>222121</v>
          </cell>
          <cell r="V1365" t="str">
            <v>dm151286</v>
          </cell>
          <cell r="W1365" t="str">
            <v>ma165352</v>
          </cell>
          <cell r="Y1365" t="str">
            <v>建築,意匠,</v>
          </cell>
          <cell r="Z1365" t="str">
            <v/>
          </cell>
          <cell r="AA1365">
            <v>135019</v>
          </cell>
          <cell r="AB1365" t="str">
            <v/>
          </cell>
          <cell r="AC1365" t="str">
            <v/>
          </cell>
          <cell r="AD1365" t="str">
            <v/>
          </cell>
          <cell r="AE1365" t="str">
            <v/>
          </cell>
          <cell r="AF1365" t="str">
            <v/>
          </cell>
          <cell r="AI1365">
            <v>2</v>
          </cell>
          <cell r="AJ1365" t="str">
            <v>建築</v>
          </cell>
          <cell r="CR1365">
            <v>9418</v>
          </cell>
          <cell r="CS1365" t="str">
            <v>ﾆｼﾅｶ ｱｷﾋﾄ</v>
          </cell>
          <cell r="CT1365" t="str">
            <v>西中  明人</v>
          </cell>
          <cell r="CU1365" t="str">
            <v>総合教育センター</v>
          </cell>
          <cell r="CW1365" t="str">
            <v xml:space="preserve"> </v>
          </cell>
          <cell r="CX1365" t="str">
            <v xml:space="preserve"> </v>
          </cell>
          <cell r="CY1365" t="str">
            <v>総合教育センター長</v>
          </cell>
        </row>
        <row r="1366">
          <cell r="B1366">
            <v>5251</v>
          </cell>
          <cell r="C1366" t="str">
            <v>(株)偕設計</v>
          </cell>
          <cell r="D1366" t="str">
            <v>06-6451-2743</v>
          </cell>
          <cell r="E1366" t="str">
            <v>553-0003</v>
          </cell>
          <cell r="F1366" t="str">
            <v>大阪府大阪市福島区福島6-9-11</v>
          </cell>
          <cell r="G1366" t="str">
            <v>大阪市</v>
          </cell>
          <cell r="H1366" t="str">
            <v/>
          </cell>
          <cell r="I1366" t="str">
            <v>代表取締役 山口　登司</v>
          </cell>
          <cell r="J1366" t="str">
            <v>本店</v>
          </cell>
          <cell r="K1366" t="str">
            <v>06-6451-6400</v>
          </cell>
          <cell r="L1366" t="str">
            <v>kai-yamaguchi@ndmb.ftbb.net</v>
          </cell>
          <cell r="M1366" t="str">
            <v>ｶｲｾｯｹｲ</v>
          </cell>
          <cell r="N1366" t="str">
            <v>無</v>
          </cell>
          <cell r="O1366">
            <v>16</v>
          </cell>
          <cell r="P1366">
            <v>13</v>
          </cell>
          <cell r="Q1366">
            <v>6120001103676</v>
          </cell>
          <cell r="R1366">
            <v>10000</v>
          </cell>
          <cell r="S1366">
            <v>36300</v>
          </cell>
          <cell r="T1366">
            <v>145480</v>
          </cell>
          <cell r="V1366" t="str">
            <v>mv171762</v>
          </cell>
          <cell r="W1366" t="str">
            <v>rf241014</v>
          </cell>
          <cell r="Y1366" t="str">
            <v>建築,意匠,構造,調査,</v>
          </cell>
          <cell r="Z1366" t="str">
            <v/>
          </cell>
          <cell r="AA1366">
            <v>145480</v>
          </cell>
          <cell r="AB1366" t="str">
            <v/>
          </cell>
          <cell r="AC1366" t="str">
            <v/>
          </cell>
          <cell r="AD1366" t="str">
            <v/>
          </cell>
          <cell r="AE1366" t="str">
            <v/>
          </cell>
          <cell r="AF1366" t="str">
            <v/>
          </cell>
          <cell r="AI1366">
            <v>2</v>
          </cell>
          <cell r="AJ1366" t="str">
            <v>建築</v>
          </cell>
          <cell r="CR1366">
            <v>9546</v>
          </cell>
          <cell r="CS1366" t="str">
            <v>ｲﾏﾑﾗ ﾀｶｺ</v>
          </cell>
          <cell r="CT1366" t="str">
            <v>今村  貴子</v>
          </cell>
          <cell r="CU1366" t="str">
            <v>学校改革・学事課</v>
          </cell>
          <cell r="CW1366">
            <v>3634</v>
          </cell>
          <cell r="CX1366" t="str">
            <v>主査</v>
          </cell>
          <cell r="CY1366" t="str">
            <v>学校改革・学事課長</v>
          </cell>
        </row>
        <row r="1367">
          <cell r="B1367">
            <v>5252</v>
          </cell>
          <cell r="C1367" t="str">
            <v>開発エンジニアリング(株)</v>
          </cell>
          <cell r="D1367" t="str">
            <v>06-6271-7366</v>
          </cell>
          <cell r="E1367" t="str">
            <v>541-0057</v>
          </cell>
          <cell r="F1367" t="str">
            <v>大阪府大阪市中央区北久宝寺町1-7-9</v>
          </cell>
          <cell r="G1367" t="str">
            <v>台東</v>
          </cell>
          <cell r="H1367" t="str">
            <v>大阪事務所</v>
          </cell>
          <cell r="I1367" t="str">
            <v>所長 江口　淳司</v>
          </cell>
          <cell r="J1367" t="str">
            <v>東京都台東</v>
          </cell>
          <cell r="K1367" t="str">
            <v>06-6271-7366</v>
          </cell>
          <cell r="L1367" t="str">
            <v>eigyo@kaihatsu-eng.co.jp</v>
          </cell>
          <cell r="M1367" t="str">
            <v>ｶｲﾊﾂｴﾝｼﾞﾆｱﾘﾝｸﾞ</v>
          </cell>
          <cell r="N1367" t="str">
            <v>有</v>
          </cell>
          <cell r="O1367">
            <v>44</v>
          </cell>
          <cell r="P1367">
            <v>23</v>
          </cell>
          <cell r="Q1367">
            <v>7010501005845</v>
          </cell>
          <cell r="R1367">
            <v>20000</v>
          </cell>
          <cell r="S1367">
            <v>52768</v>
          </cell>
          <cell r="T1367">
            <v>274184</v>
          </cell>
          <cell r="V1367" t="str">
            <v>cs239266</v>
          </cell>
          <cell r="W1367" t="str">
            <v>sz460032</v>
          </cell>
          <cell r="Y1367" t="str">
            <v>測量,河川,道路,交通,</v>
          </cell>
          <cell r="Z1367">
            <v>2714</v>
          </cell>
          <cell r="AA1367" t="str">
            <v/>
          </cell>
          <cell r="AB1367">
            <v>152338</v>
          </cell>
          <cell r="AC1367" t="str">
            <v/>
          </cell>
          <cell r="AD1367">
            <v>3510</v>
          </cell>
          <cell r="AE1367" t="str">
            <v/>
          </cell>
          <cell r="AF1367" t="str">
            <v/>
          </cell>
          <cell r="AI1367">
            <v>3</v>
          </cell>
          <cell r="AJ1367" t="str">
            <v>土木</v>
          </cell>
          <cell r="CR1367">
            <v>9646</v>
          </cell>
          <cell r="CS1367" t="str">
            <v>ﾌﾙﾀﾆ ﾀｹﾕｷ</v>
          </cell>
          <cell r="CT1367" t="str">
            <v>古谷  勇行</v>
          </cell>
          <cell r="CU1367" t="str">
            <v>学校指導課</v>
          </cell>
          <cell r="CW1367">
            <v>3674</v>
          </cell>
          <cell r="CX1367" t="str">
            <v>主査</v>
          </cell>
          <cell r="CY1367" t="str">
            <v>学校指導課長</v>
          </cell>
        </row>
        <row r="1368">
          <cell r="B1368">
            <v>5253</v>
          </cell>
          <cell r="C1368" t="str">
            <v>(株)ウエスト建設コンサルタント</v>
          </cell>
          <cell r="D1368" t="str">
            <v>079-267-1212</v>
          </cell>
          <cell r="E1368" t="str">
            <v>671-2216</v>
          </cell>
          <cell r="F1368" t="str">
            <v>兵庫県姫路市飾西60-2</v>
          </cell>
          <cell r="G1368" t="str">
            <v>姫路市</v>
          </cell>
          <cell r="H1368" t="str">
            <v/>
          </cell>
          <cell r="I1368" t="str">
            <v>代表取締役 佐藤　和志</v>
          </cell>
          <cell r="J1368" t="str">
            <v>本店</v>
          </cell>
          <cell r="K1368" t="str">
            <v>079-267-1150</v>
          </cell>
          <cell r="L1368" t="str">
            <v>ysn@wcec.co.jp</v>
          </cell>
          <cell r="M1368" t="str">
            <v>ｳｴｽﾄｹﾝｾﾂｺﾝｻﾙﾀﾝﾄ</v>
          </cell>
          <cell r="N1368" t="str">
            <v>無</v>
          </cell>
          <cell r="O1368">
            <v>52</v>
          </cell>
          <cell r="P1368">
            <v>25</v>
          </cell>
          <cell r="Q1368">
            <v>1140001106401</v>
          </cell>
          <cell r="R1368">
            <v>10000</v>
          </cell>
          <cell r="S1368">
            <v>10926</v>
          </cell>
          <cell r="T1368">
            <v>155829</v>
          </cell>
          <cell r="V1368" t="str">
            <v>ha203525</v>
          </cell>
          <cell r="W1368" t="str">
            <v>sk252057</v>
          </cell>
          <cell r="Y1368" t="str">
            <v>測量,測量,土質,鋼構,河川,道路,施行,地質,造園,上水,下水,都市,スポ,環境,土他,土調,物件,機工,営業,損失,補償,地質,水質,騒音,交通,調他</v>
          </cell>
          <cell r="Z1368">
            <v>19142</v>
          </cell>
          <cell r="AA1368" t="str">
            <v/>
          </cell>
          <cell r="AB1368">
            <v>109629</v>
          </cell>
          <cell r="AC1368">
            <v>28695</v>
          </cell>
          <cell r="AD1368">
            <v>2738</v>
          </cell>
          <cell r="AE1368" t="str">
            <v/>
          </cell>
          <cell r="AF1368" t="str">
            <v/>
          </cell>
          <cell r="AI1368">
            <v>3</v>
          </cell>
          <cell r="AJ1368" t="str">
            <v>土木</v>
          </cell>
          <cell r="CR1368">
            <v>9646</v>
          </cell>
          <cell r="CS1368" t="str">
            <v>ﾌﾙﾀﾆ ﾀｹﾕｷ</v>
          </cell>
          <cell r="CT1368" t="str">
            <v>古谷  勇行</v>
          </cell>
          <cell r="CU1368" t="str">
            <v>学校改革・学事課</v>
          </cell>
          <cell r="CW1368">
            <v>3674</v>
          </cell>
          <cell r="CX1368" t="str">
            <v>主査</v>
          </cell>
          <cell r="CY1368" t="str">
            <v>学校改革・学事課長</v>
          </cell>
        </row>
        <row r="1369">
          <cell r="B1369">
            <v>5257</v>
          </cell>
          <cell r="C1369" t="str">
            <v>(株)加藤建築事務所</v>
          </cell>
          <cell r="D1369" t="str">
            <v>079-293-3388</v>
          </cell>
          <cell r="E1369" t="str">
            <v>670-0054</v>
          </cell>
          <cell r="F1369" t="str">
            <v>兵庫県姫路市南今宿3-19</v>
          </cell>
          <cell r="G1369" t="str">
            <v>姫路市</v>
          </cell>
          <cell r="H1369" t="str">
            <v/>
          </cell>
          <cell r="I1369" t="str">
            <v>代表取締役 内海　秀明</v>
          </cell>
          <cell r="J1369" t="str">
            <v>本店</v>
          </cell>
          <cell r="K1369" t="str">
            <v>079-293-8217</v>
          </cell>
          <cell r="L1369" t="str">
            <v>kato@proof.ocn.ne.jp</v>
          </cell>
          <cell r="M1369" t="str">
            <v>ｶﾄｳｹﾝﾁｸｼﾞﾑｼｮ</v>
          </cell>
          <cell r="N1369" t="str">
            <v>無</v>
          </cell>
          <cell r="O1369">
            <v>57</v>
          </cell>
          <cell r="P1369">
            <v>15</v>
          </cell>
          <cell r="Q1369">
            <v>4140001062567</v>
          </cell>
          <cell r="R1369">
            <v>10000</v>
          </cell>
          <cell r="S1369">
            <v>365224</v>
          </cell>
          <cell r="T1369">
            <v>247610</v>
          </cell>
          <cell r="V1369" t="str">
            <v>nc710795</v>
          </cell>
          <cell r="W1369" t="str">
            <v>yn138375</v>
          </cell>
          <cell r="Y1369" t="str">
            <v>建築,意匠,構造,冷暖,衛生,電気,建積,機積,電積,</v>
          </cell>
          <cell r="Z1369" t="str">
            <v/>
          </cell>
          <cell r="AA1369">
            <v>247610</v>
          </cell>
          <cell r="AB1369" t="str">
            <v/>
          </cell>
          <cell r="AC1369" t="str">
            <v/>
          </cell>
          <cell r="AD1369" t="str">
            <v/>
          </cell>
          <cell r="AE1369" t="str">
            <v/>
          </cell>
          <cell r="AF1369" t="str">
            <v/>
          </cell>
          <cell r="AI1369">
            <v>2</v>
          </cell>
          <cell r="AJ1369" t="str">
            <v>建築</v>
          </cell>
          <cell r="CR1369">
            <v>9677</v>
          </cell>
          <cell r="CS1369" t="str">
            <v>ﾏｽｲ ﾀﾂｵ</v>
          </cell>
          <cell r="CT1369" t="str">
            <v>升井  竜雄</v>
          </cell>
          <cell r="CU1369" t="str">
            <v>職員課</v>
          </cell>
          <cell r="CW1369">
            <v>3614</v>
          </cell>
          <cell r="CX1369" t="str">
            <v>課長</v>
          </cell>
          <cell r="CY1369" t="str">
            <v>職員課長</v>
          </cell>
        </row>
        <row r="1370">
          <cell r="B1370">
            <v>5261</v>
          </cell>
          <cell r="C1370" t="str">
            <v>川崎地質(株)</v>
          </cell>
          <cell r="D1370" t="str">
            <v>078-382-3356</v>
          </cell>
          <cell r="E1370" t="str">
            <v>650-0013</v>
          </cell>
          <cell r="F1370" t="str">
            <v>兵庫県神戸市中央区花隈町3-35</v>
          </cell>
          <cell r="H1370" t="str">
            <v>神戸支店</v>
          </cell>
          <cell r="I1370" t="str">
            <v>支店長 溝端　一博</v>
          </cell>
          <cell r="J1370" t="str">
            <v>東京都</v>
          </cell>
          <cell r="K1370" t="str">
            <v>078-382-3357</v>
          </cell>
          <cell r="L1370" t="str">
            <v>kge60@kge.co.jp</v>
          </cell>
          <cell r="M1370" t="str">
            <v>ｶﾜｻｷﾁｼﾂ</v>
          </cell>
          <cell r="N1370" t="str">
            <v>有</v>
          </cell>
          <cell r="O1370">
            <v>75</v>
          </cell>
          <cell r="P1370">
            <v>324</v>
          </cell>
          <cell r="Q1370">
            <v>7010401037591</v>
          </cell>
          <cell r="R1370">
            <v>819965</v>
          </cell>
          <cell r="S1370">
            <v>3036382</v>
          </cell>
          <cell r="T1370">
            <v>6831717</v>
          </cell>
          <cell r="V1370" t="str">
            <v>sk304333</v>
          </cell>
          <cell r="W1370" t="str">
            <v>jc770827</v>
          </cell>
          <cell r="Y1370" t="str">
            <v>測量,航空,土質,鋼構,河川,道路,地質,下水,地質,</v>
          </cell>
          <cell r="Z1370">
            <v>108127</v>
          </cell>
          <cell r="AA1370" t="str">
            <v/>
          </cell>
          <cell r="AB1370">
            <v>3657772</v>
          </cell>
          <cell r="AC1370" t="str">
            <v/>
          </cell>
          <cell r="AD1370">
            <v>3020016</v>
          </cell>
          <cell r="AE1370" t="str">
            <v/>
          </cell>
          <cell r="AF1370" t="str">
            <v/>
          </cell>
          <cell r="AI1370">
            <v>3</v>
          </cell>
          <cell r="AJ1370" t="str">
            <v>土木</v>
          </cell>
          <cell r="CR1370">
            <v>9699</v>
          </cell>
          <cell r="CS1370" t="str">
            <v>ｵｻﾞｷ ﾏﾕﾐ</v>
          </cell>
          <cell r="CT1370" t="str">
            <v>尾﨑  眞弓</v>
          </cell>
          <cell r="CU1370" t="str">
            <v>学校指導課</v>
          </cell>
          <cell r="CW1370">
            <v>3642</v>
          </cell>
          <cell r="CX1370" t="str">
            <v>副主幹</v>
          </cell>
          <cell r="CY1370" t="str">
            <v>学校指導課長</v>
          </cell>
        </row>
        <row r="1371">
          <cell r="B1371">
            <v>5264</v>
          </cell>
          <cell r="C1371" t="str">
            <v>(株)環境技術研究所</v>
          </cell>
          <cell r="D1371" t="str">
            <v>06-6532-2837</v>
          </cell>
          <cell r="E1371" t="str">
            <v>550-0011</v>
          </cell>
          <cell r="F1371" t="str">
            <v>大阪府大阪市西区阿波座1-3-15</v>
          </cell>
          <cell r="G1371" t="str">
            <v>大阪市</v>
          </cell>
          <cell r="H1371" t="str">
            <v/>
          </cell>
          <cell r="I1371" t="str">
            <v>代表取締役　 篠田　公平</v>
          </cell>
          <cell r="J1371" t="str">
            <v>本店</v>
          </cell>
          <cell r="K1371" t="str">
            <v>06-6532-9025</v>
          </cell>
          <cell r="L1371" t="str">
            <v>kangiken@kangiken.com</v>
          </cell>
          <cell r="M1371" t="str">
            <v>ｶﾝｷﾖｳｷﾞｼﾞﾕﾂｹﾝｷﾕｳｼﾖ</v>
          </cell>
          <cell r="N1371" t="str">
            <v>無</v>
          </cell>
          <cell r="O1371">
            <v>46</v>
          </cell>
          <cell r="P1371">
            <v>27</v>
          </cell>
          <cell r="Q1371">
            <v>2120001042416</v>
          </cell>
          <cell r="R1371">
            <v>40000</v>
          </cell>
          <cell r="S1371">
            <v>112202</v>
          </cell>
          <cell r="T1371">
            <v>348865</v>
          </cell>
          <cell r="V1371" t="str">
            <v>rv675359</v>
          </cell>
          <cell r="W1371" t="str">
            <v>xn752841</v>
          </cell>
          <cell r="Y1371" t="str">
            <v>建築,意匠,構造,冷暖,衛生,電気,建積,機積,電積,調査,下水,都市,</v>
          </cell>
          <cell r="Z1371" t="str">
            <v/>
          </cell>
          <cell r="AA1371">
            <v>95998</v>
          </cell>
          <cell r="AB1371">
            <v>233414</v>
          </cell>
          <cell r="AC1371" t="str">
            <v/>
          </cell>
          <cell r="AD1371" t="str">
            <v/>
          </cell>
          <cell r="AE1371" t="str">
            <v/>
          </cell>
          <cell r="AF1371" t="str">
            <v/>
          </cell>
          <cell r="AI1371">
            <v>3</v>
          </cell>
          <cell r="AJ1371" t="str">
            <v>土木</v>
          </cell>
          <cell r="CR1371">
            <v>9700</v>
          </cell>
          <cell r="CS1371" t="str">
            <v>ﾊﾅﾐﾂ ｼﾞﾕﾝｲﾁ</v>
          </cell>
          <cell r="CT1371" t="str">
            <v>花光  潤一</v>
          </cell>
          <cell r="CU1371" t="str">
            <v>教育施策企画担当</v>
          </cell>
          <cell r="CW1371">
            <v>3646</v>
          </cell>
          <cell r="CX1371" t="str">
            <v>主幹</v>
          </cell>
          <cell r="CY1371" t="str">
            <v>教育施策企画担当長</v>
          </cell>
        </row>
        <row r="1372">
          <cell r="B1372">
            <v>5265</v>
          </cell>
          <cell r="C1372" t="str">
            <v>環境計測(株)</v>
          </cell>
          <cell r="D1372" t="str">
            <v>078-441-9706</v>
          </cell>
          <cell r="E1372" t="str">
            <v>658-0022</v>
          </cell>
          <cell r="F1372" t="str">
            <v>兵庫県神戸市東灘区深江南町3-8-5</v>
          </cell>
          <cell r="G1372" t="str">
            <v>京都市</v>
          </cell>
          <cell r="H1372" t="str">
            <v>神戸サービスセンター神戸事業所</v>
          </cell>
          <cell r="I1372" t="str">
            <v>所長 有川　剛</v>
          </cell>
          <cell r="J1372" t="str">
            <v>京都府京都市</v>
          </cell>
          <cell r="K1372" t="str">
            <v>078-441-9707</v>
          </cell>
          <cell r="L1372" t="str">
            <v>eigyou@kankyou-keisoku.co.jp</v>
          </cell>
          <cell r="M1372" t="str">
            <v>ｶﾝｷｮｳｹｲｿｸ</v>
          </cell>
          <cell r="N1372" t="str">
            <v>有</v>
          </cell>
          <cell r="O1372">
            <v>47</v>
          </cell>
          <cell r="P1372">
            <v>163</v>
          </cell>
          <cell r="Q1372">
            <v>3130001014157</v>
          </cell>
          <cell r="R1372">
            <v>75000</v>
          </cell>
          <cell r="S1372">
            <v>388324</v>
          </cell>
          <cell r="T1372">
            <v>2372033</v>
          </cell>
          <cell r="V1372" t="str">
            <v>ry893438</v>
          </cell>
          <cell r="W1372" t="str">
            <v>ua886725</v>
          </cell>
          <cell r="Y1372" t="str">
            <v>河川,道路,環境,水質,大気,騒音,交通,</v>
          </cell>
          <cell r="Z1372" t="str">
            <v/>
          </cell>
          <cell r="AA1372" t="str">
            <v/>
          </cell>
          <cell r="AB1372">
            <v>185337</v>
          </cell>
          <cell r="AC1372" t="str">
            <v/>
          </cell>
          <cell r="AD1372">
            <v>143953</v>
          </cell>
          <cell r="AE1372" t="str">
            <v>計量証明事業</v>
          </cell>
          <cell r="AF1372">
            <v>35988</v>
          </cell>
          <cell r="AI1372">
            <v>3</v>
          </cell>
          <cell r="AJ1372" t="str">
            <v>土木</v>
          </cell>
          <cell r="CR1372">
            <v>9701</v>
          </cell>
          <cell r="CS1372" t="str">
            <v>ﾜｸ ﾏﾅﾌﾞ</v>
          </cell>
          <cell r="CT1372" t="str">
            <v>和久  学</v>
          </cell>
          <cell r="CU1372" t="str">
            <v>総合教育センター</v>
          </cell>
          <cell r="CW1372">
            <v>3666</v>
          </cell>
          <cell r="CX1372" t="str">
            <v>副主幹</v>
          </cell>
          <cell r="CY1372" t="str">
            <v>総合教育センター長</v>
          </cell>
        </row>
        <row r="1373">
          <cell r="B1373">
            <v>5270</v>
          </cell>
          <cell r="C1373" t="str">
            <v>環境設計(株)</v>
          </cell>
          <cell r="D1373" t="str">
            <v>06-6418-3188</v>
          </cell>
          <cell r="E1373" t="str">
            <v>660-0052</v>
          </cell>
          <cell r="F1373" t="str">
            <v>兵庫県尼崎市七松町3-15-13</v>
          </cell>
          <cell r="G1373" t="str">
            <v>大阪市</v>
          </cell>
          <cell r="H1373" t="str">
            <v>兵庫営業所</v>
          </cell>
          <cell r="I1373" t="str">
            <v>所長 井上　健</v>
          </cell>
          <cell r="J1373" t="str">
            <v>大阪府大阪市</v>
          </cell>
          <cell r="K1373" t="str">
            <v>06-6418-3188</v>
          </cell>
          <cell r="L1373" t="str">
            <v>info@kankyosekkei.co.jp</v>
          </cell>
          <cell r="M1373" t="str">
            <v>ｶﾝｷｮｳｾｯｹｲ</v>
          </cell>
          <cell r="N1373" t="str">
            <v>有</v>
          </cell>
          <cell r="O1373">
            <v>50</v>
          </cell>
          <cell r="P1373">
            <v>17</v>
          </cell>
          <cell r="Q1373">
            <v>5120001077269</v>
          </cell>
          <cell r="R1373">
            <v>12000</v>
          </cell>
          <cell r="S1373">
            <v>108213</v>
          </cell>
          <cell r="T1373">
            <v>315418</v>
          </cell>
          <cell r="V1373" t="str">
            <v>ey594330</v>
          </cell>
          <cell r="W1373" t="str">
            <v>nx439161</v>
          </cell>
          <cell r="Y1373" t="str">
            <v>建築,造園,都市,環境,土他,</v>
          </cell>
          <cell r="Z1373" t="str">
            <v/>
          </cell>
          <cell r="AA1373">
            <v>5070</v>
          </cell>
          <cell r="AB1373">
            <v>255741</v>
          </cell>
          <cell r="AC1373" t="str">
            <v/>
          </cell>
          <cell r="AD1373" t="str">
            <v/>
          </cell>
          <cell r="AE1373" t="str">
            <v>サービス（その他）他</v>
          </cell>
          <cell r="AF1373">
            <v>17565</v>
          </cell>
          <cell r="AI1373">
            <v>3</v>
          </cell>
          <cell r="AJ1373" t="str">
            <v>土木</v>
          </cell>
          <cell r="CR1373">
            <v>9702</v>
          </cell>
          <cell r="CS1373" t="str">
            <v>ﾊﾔｻｷ ｼﾞﾕﾝ</v>
          </cell>
          <cell r="CT1373" t="str">
            <v>早﨑  潤</v>
          </cell>
          <cell r="CU1373" t="str">
            <v>保健体育課</v>
          </cell>
          <cell r="CW1373">
            <v>3651</v>
          </cell>
          <cell r="CX1373" t="str">
            <v>課長</v>
          </cell>
          <cell r="CY1373" t="str">
            <v>保健体育課長</v>
          </cell>
        </row>
        <row r="1374">
          <cell r="B1374">
            <v>5271</v>
          </cell>
          <cell r="C1374" t="str">
            <v>環境設計(株)</v>
          </cell>
          <cell r="D1374" t="str">
            <v>078-751-5510</v>
          </cell>
          <cell r="E1374" t="str">
            <v>665-0861</v>
          </cell>
          <cell r="F1374" t="str">
            <v>兵庫県神戸市垂水区下畑町字上口835</v>
          </cell>
          <cell r="G1374" t="str">
            <v>神戸市</v>
          </cell>
          <cell r="H1374" t="str">
            <v>神戸事務所</v>
          </cell>
          <cell r="I1374" t="str">
            <v>所長　川村　一貴</v>
          </cell>
          <cell r="J1374" t="str">
            <v>滋賀県大津市</v>
          </cell>
          <cell r="K1374" t="str">
            <v>078-751-5520</v>
          </cell>
          <cell r="L1374" t="str">
            <v>eigyo@e-kankyo.jp</v>
          </cell>
          <cell r="M1374" t="str">
            <v>ｶﾝｷｮｳｾｯｹｲ</v>
          </cell>
          <cell r="N1374" t="str">
            <v>有</v>
          </cell>
          <cell r="O1374">
            <v>23</v>
          </cell>
          <cell r="P1374">
            <v>15</v>
          </cell>
          <cell r="Q1374">
            <v>1160001006319</v>
          </cell>
          <cell r="R1374">
            <v>28000</v>
          </cell>
          <cell r="S1374">
            <v>631858</v>
          </cell>
          <cell r="T1374">
            <v>357327</v>
          </cell>
          <cell r="V1374" t="str">
            <v>uk641535</v>
          </cell>
          <cell r="W1374" t="str">
            <v>pb139960</v>
          </cell>
          <cell r="Y1374" t="str">
            <v>測量，測量，建築，上水，下水，地質</v>
          </cell>
          <cell r="Z1374">
            <v>18618</v>
          </cell>
          <cell r="AA1374">
            <v>6561</v>
          </cell>
          <cell r="AB1374">
            <v>307259</v>
          </cell>
          <cell r="AD1374">
            <v>24889</v>
          </cell>
        </row>
        <row r="1375">
          <cell r="B1375">
            <v>5272</v>
          </cell>
          <cell r="C1375" t="str">
            <v>(株)ＫＡＮＳＯテクノス</v>
          </cell>
          <cell r="D1375" t="str">
            <v>079-231-5485</v>
          </cell>
          <cell r="E1375" t="str">
            <v>672-8044</v>
          </cell>
          <cell r="F1375" t="str">
            <v>兵庫県姫路市飾磨区下野田2丁目525番4</v>
          </cell>
          <cell r="G1375" t="str">
            <v>大阪市</v>
          </cell>
          <cell r="H1375" t="str">
            <v>姫路支店</v>
          </cell>
          <cell r="I1375" t="str">
            <v>支店長 小松原　良次</v>
          </cell>
          <cell r="J1375" t="str">
            <v>大阪府大阪市</v>
          </cell>
          <cell r="K1375" t="str">
            <v>079-233-2960</v>
          </cell>
          <cell r="L1375" t="str">
            <v>sales@kanso.co.jp</v>
          </cell>
          <cell r="M1375" t="str">
            <v>ｶﾝｷﾖｳｿｳｺﾞｳﾃｸﾉｽ</v>
          </cell>
          <cell r="N1375" t="str">
            <v>有</v>
          </cell>
          <cell r="O1375">
            <v>44</v>
          </cell>
          <cell r="P1375">
            <v>545</v>
          </cell>
          <cell r="Q1375">
            <v>9120001077653</v>
          </cell>
          <cell r="R1375">
            <v>100000</v>
          </cell>
          <cell r="S1375">
            <v>10324018</v>
          </cell>
          <cell r="T1375">
            <v>22706364</v>
          </cell>
          <cell r="V1375" t="str">
            <v>es904640</v>
          </cell>
          <cell r="W1375" t="str">
            <v>cq704520</v>
          </cell>
          <cell r="Y1375" t="str">
            <v>測量,土質,鋼構,河川,施行,地質,下水,環境,土他,地質,水質,大気,騒音,交通,調他</v>
          </cell>
          <cell r="Z1375">
            <v>739462</v>
          </cell>
          <cell r="AA1375" t="str">
            <v/>
          </cell>
          <cell r="AB1375">
            <v>3548674</v>
          </cell>
          <cell r="AC1375" t="str">
            <v/>
          </cell>
          <cell r="AD1375">
            <v>6969669</v>
          </cell>
          <cell r="AE1375">
            <v>1487897</v>
          </cell>
          <cell r="AF1375" t="str">
            <v/>
          </cell>
          <cell r="AI1375">
            <v>5</v>
          </cell>
          <cell r="AJ1375" t="str">
            <v>調査</v>
          </cell>
          <cell r="CR1375">
            <v>9703</v>
          </cell>
          <cell r="CS1375" t="str">
            <v>ﾏﾂﾔﾏ ｶｽﾞﾋｻ</v>
          </cell>
          <cell r="CT1375" t="str">
            <v>松山  和久</v>
          </cell>
          <cell r="CU1375" t="str">
            <v>同和・人権推進課</v>
          </cell>
          <cell r="CW1375">
            <v>3752</v>
          </cell>
          <cell r="CX1375" t="str">
            <v>（併）主幹</v>
          </cell>
          <cell r="CY1375" t="str">
            <v>同和・人権推進課長</v>
          </cell>
        </row>
        <row r="1376">
          <cell r="B1376">
            <v>5274</v>
          </cell>
          <cell r="C1376" t="str">
            <v>(株)環境緑地設計研究所</v>
          </cell>
          <cell r="D1376" t="str">
            <v>078-392-1701</v>
          </cell>
          <cell r="E1376" t="str">
            <v>650-0024</v>
          </cell>
          <cell r="F1376" t="str">
            <v>兵庫県神戸市中央区海岸通2-2-3</v>
          </cell>
          <cell r="G1376" t="str">
            <v>神戸市</v>
          </cell>
          <cell r="H1376" t="str">
            <v/>
          </cell>
          <cell r="I1376" t="str">
            <v>代表取締役 松下　慶浩</v>
          </cell>
          <cell r="J1376" t="str">
            <v>本店</v>
          </cell>
          <cell r="K1376" t="str">
            <v>078-392-1576</v>
          </cell>
          <cell r="L1376" t="str">
            <v>info@eld.jp</v>
          </cell>
          <cell r="M1376" t="str">
            <v>ｶﾝｷｮｳﾘｮｸﾁｾｯｹｲｹﾝｷｭｳｼｮ</v>
          </cell>
          <cell r="N1376" t="str">
            <v>無</v>
          </cell>
          <cell r="O1376">
            <v>52</v>
          </cell>
          <cell r="P1376">
            <v>10</v>
          </cell>
          <cell r="Q1376">
            <v>4140001006821</v>
          </cell>
          <cell r="R1376">
            <v>16000</v>
          </cell>
          <cell r="S1376">
            <v>68239</v>
          </cell>
          <cell r="T1376">
            <v>72544</v>
          </cell>
          <cell r="V1376" t="str">
            <v>wb337388</v>
          </cell>
          <cell r="W1376" t="str">
            <v>hs673784</v>
          </cell>
          <cell r="Y1376" t="str">
            <v>建築,意匠,構造,造園,</v>
          </cell>
          <cell r="Z1376" t="str">
            <v/>
          </cell>
          <cell r="AA1376" t="str">
            <v/>
          </cell>
          <cell r="AB1376">
            <v>72544</v>
          </cell>
          <cell r="AC1376" t="str">
            <v/>
          </cell>
          <cell r="AD1376" t="str">
            <v/>
          </cell>
          <cell r="AE1376" t="str">
            <v/>
          </cell>
          <cell r="AF1376" t="str">
            <v/>
          </cell>
          <cell r="AI1376">
            <v>3</v>
          </cell>
          <cell r="AJ1376" t="str">
            <v>土木</v>
          </cell>
          <cell r="CR1376">
            <v>9703</v>
          </cell>
          <cell r="CS1376" t="str">
            <v>ﾏﾂﾔﾏ ｶｽﾞﾋｻ</v>
          </cell>
          <cell r="CT1376" t="str">
            <v>松山  和久</v>
          </cell>
          <cell r="CU1376" t="str">
            <v>人権教育担当</v>
          </cell>
          <cell r="CW1376">
            <v>3752</v>
          </cell>
          <cell r="CX1376" t="str">
            <v>主幹</v>
          </cell>
          <cell r="CY1376" t="str">
            <v>人権教育担当長</v>
          </cell>
        </row>
        <row r="1377">
          <cell r="B1377">
            <v>5275</v>
          </cell>
          <cell r="C1377" t="str">
            <v>(有)環研</v>
          </cell>
          <cell r="D1377" t="str">
            <v>079-422-6448</v>
          </cell>
          <cell r="E1377" t="str">
            <v>675-0011</v>
          </cell>
          <cell r="F1377" t="str">
            <v>兵庫県加古川市野口町北野1297-5</v>
          </cell>
          <cell r="G1377" t="str">
            <v>加古川市</v>
          </cell>
          <cell r="H1377" t="str">
            <v/>
          </cell>
          <cell r="I1377" t="str">
            <v>代表取締役 林　頼久</v>
          </cell>
          <cell r="J1377" t="str">
            <v>本店</v>
          </cell>
          <cell r="K1377" t="str">
            <v>079-422-0555</v>
          </cell>
          <cell r="L1377" t="str">
            <v>matubara@u-kanken.co.jp</v>
          </cell>
          <cell r="M1377" t="str">
            <v>ｶﾝｹﾝ</v>
          </cell>
          <cell r="N1377" t="str">
            <v>無</v>
          </cell>
          <cell r="O1377">
            <v>32</v>
          </cell>
          <cell r="P1377">
            <v>20</v>
          </cell>
          <cell r="Q1377">
            <v>5140002035521</v>
          </cell>
          <cell r="R1377">
            <v>3000</v>
          </cell>
          <cell r="S1377">
            <v>76953</v>
          </cell>
          <cell r="T1377">
            <v>221625</v>
          </cell>
          <cell r="V1377" t="str">
            <v>yp695949</v>
          </cell>
          <cell r="W1377" t="str">
            <v>xa546205</v>
          </cell>
          <cell r="Y1377" t="str">
            <v>H14年7月17日</v>
          </cell>
          <cell r="Z1377" t="str">
            <v/>
          </cell>
          <cell r="AA1377" t="str">
            <v/>
          </cell>
          <cell r="AB1377" t="str">
            <v/>
          </cell>
          <cell r="AC1377" t="str">
            <v/>
          </cell>
          <cell r="AD1377" t="str">
            <v/>
          </cell>
          <cell r="AE1377" t="str">
            <v/>
          </cell>
          <cell r="AF1377" t="str">
            <v/>
          </cell>
          <cell r="AI1377" t="str">
            <v/>
          </cell>
          <cell r="AJ1377" t="str">
            <v>兵庫県</v>
          </cell>
        </row>
        <row r="1378">
          <cell r="B1378">
            <v>5276</v>
          </cell>
          <cell r="C1378" t="str">
            <v>(株)環研究所</v>
          </cell>
          <cell r="D1378" t="str">
            <v>06-6306-2181</v>
          </cell>
          <cell r="E1378" t="str">
            <v>532-0011</v>
          </cell>
          <cell r="F1378" t="str">
            <v>大阪府大阪市淀川区西中島6-8-20</v>
          </cell>
          <cell r="G1378" t="str">
            <v>大阪市</v>
          </cell>
          <cell r="H1378" t="str">
            <v/>
          </cell>
          <cell r="I1378" t="str">
            <v>代表取締役 大石　博</v>
          </cell>
          <cell r="J1378" t="str">
            <v>本店</v>
          </cell>
          <cell r="K1378" t="str">
            <v>06-6303-8614</v>
          </cell>
          <cell r="L1378" t="str">
            <v>kan-osaka@par.odn.ne.jp</v>
          </cell>
          <cell r="M1378" t="str">
            <v>ｶﾝｹﾝｷｭｳｼｮ</v>
          </cell>
          <cell r="N1378" t="str">
            <v>無</v>
          </cell>
          <cell r="O1378">
            <v>43</v>
          </cell>
          <cell r="P1378">
            <v>6</v>
          </cell>
          <cell r="Q1378">
            <v>1120001108060</v>
          </cell>
          <cell r="R1378">
            <v>10000</v>
          </cell>
          <cell r="S1378">
            <v>92</v>
          </cell>
          <cell r="T1378">
            <v>26401</v>
          </cell>
          <cell r="V1378" t="str">
            <v>bt766467</v>
          </cell>
          <cell r="W1378" t="str">
            <v>vb363288</v>
          </cell>
          <cell r="Y1378" t="str">
            <v>造園,都市,</v>
          </cell>
          <cell r="Z1378" t="str">
            <v/>
          </cell>
          <cell r="AA1378" t="str">
            <v/>
          </cell>
          <cell r="AB1378">
            <v>26401</v>
          </cell>
          <cell r="AC1378" t="str">
            <v/>
          </cell>
          <cell r="AD1378" t="str">
            <v/>
          </cell>
          <cell r="AE1378" t="str">
            <v/>
          </cell>
          <cell r="AF1378" t="str">
            <v/>
          </cell>
          <cell r="AI1378">
            <v>3</v>
          </cell>
          <cell r="AJ1378" t="str">
            <v>土木</v>
          </cell>
          <cell r="CR1378">
            <v>9704</v>
          </cell>
          <cell r="CS1378" t="str">
            <v>ﾂﾙﾀ ﾀﾀﾞﾖｼ</v>
          </cell>
          <cell r="CT1378" t="str">
            <v>鶴田  忠義</v>
          </cell>
          <cell r="CU1378" t="str">
            <v>総合教育センター</v>
          </cell>
          <cell r="CW1378" t="str">
            <v xml:space="preserve"> </v>
          </cell>
          <cell r="CX1378" t="str">
            <v xml:space="preserve"> </v>
          </cell>
          <cell r="CY1378" t="str">
            <v>総合教育センター長</v>
          </cell>
        </row>
        <row r="1379">
          <cell r="B1379">
            <v>5277</v>
          </cell>
          <cell r="C1379" t="str">
            <v>(株)かんこう</v>
          </cell>
          <cell r="D1379" t="str">
            <v>078-360-2530</v>
          </cell>
          <cell r="E1379" t="str">
            <v>650-0023</v>
          </cell>
          <cell r="F1379" t="str">
            <v>兵庫県神戸市中央区栄町通6-1-18</v>
          </cell>
          <cell r="G1379" t="str">
            <v>大阪市</v>
          </cell>
          <cell r="H1379" t="str">
            <v>神戸支店</v>
          </cell>
          <cell r="I1379" t="str">
            <v>支店長 後藤　昭義</v>
          </cell>
          <cell r="J1379" t="str">
            <v>大阪府大阪市</v>
          </cell>
          <cell r="K1379" t="str">
            <v>078-360-2540</v>
          </cell>
          <cell r="L1379" t="str">
            <v>e-honbu@kanko.cityis.co.jp</v>
          </cell>
          <cell r="M1379" t="str">
            <v>ｶﾝｺｳ</v>
          </cell>
          <cell r="N1379" t="str">
            <v>有</v>
          </cell>
          <cell r="O1379">
            <v>65</v>
          </cell>
          <cell r="P1379">
            <v>172</v>
          </cell>
          <cell r="Q1379">
            <v>1120001007221</v>
          </cell>
          <cell r="R1379">
            <v>50000</v>
          </cell>
          <cell r="S1379">
            <v>1203841</v>
          </cell>
          <cell r="T1379">
            <v>2902045</v>
          </cell>
          <cell r="V1379" t="str">
            <v>xc169791</v>
          </cell>
          <cell r="W1379" t="str">
            <v>sy822784</v>
          </cell>
          <cell r="Y1379" t="str">
            <v>測量,測量,航空,建築,土質,鋼構,河川,道路,施行,地質,下水,都市,土調,物件,地質,水質,騒音,交通,</v>
          </cell>
          <cell r="Z1379">
            <v>920566</v>
          </cell>
          <cell r="AA1379">
            <v>42488</v>
          </cell>
          <cell r="AB1379">
            <v>1313148</v>
          </cell>
          <cell r="AC1379">
            <v>48563</v>
          </cell>
          <cell r="AD1379">
            <v>65550</v>
          </cell>
          <cell r="AE1379" t="str">
            <v>物品・役務</v>
          </cell>
          <cell r="AF1379">
            <v>48563</v>
          </cell>
          <cell r="AI1379">
            <v>3</v>
          </cell>
          <cell r="AJ1379" t="str">
            <v>土木</v>
          </cell>
          <cell r="CR1379">
            <v>9711</v>
          </cell>
          <cell r="CS1379" t="str">
            <v>ﾑﾗｶﾐ ﾏｻﾋﾛ</v>
          </cell>
          <cell r="CT1379" t="str">
            <v>村上  雅博</v>
          </cell>
          <cell r="CU1379" t="str">
            <v>学校指導課</v>
          </cell>
          <cell r="CW1379">
            <v>3661</v>
          </cell>
          <cell r="CX1379" t="str">
            <v>副主幹</v>
          </cell>
          <cell r="CY1379" t="str">
            <v>学校指導課長</v>
          </cell>
        </row>
        <row r="1380">
          <cell r="B1380">
            <v>5278</v>
          </cell>
          <cell r="C1380" t="str">
            <v>(株)関西エンジニヤリング</v>
          </cell>
          <cell r="D1380" t="str">
            <v>078-381-5018</v>
          </cell>
          <cell r="E1380" t="str">
            <v>650-0025</v>
          </cell>
          <cell r="F1380" t="str">
            <v>兵庫県神戸市中央区相生町5-17-12-108</v>
          </cell>
          <cell r="G1380" t="str">
            <v>神戸市</v>
          </cell>
          <cell r="H1380" t="str">
            <v/>
          </cell>
          <cell r="I1380" t="str">
            <v>代表取締役 土橋　傑</v>
          </cell>
          <cell r="J1380" t="str">
            <v>本店</v>
          </cell>
          <cell r="K1380" t="str">
            <v>078-382-4080</v>
          </cell>
          <cell r="L1380" t="str">
            <v>soumu@kansai-e.jp</v>
          </cell>
          <cell r="M1380" t="str">
            <v>ｶﾝｻｲｴﾝｼﾞﾆﾔﾘﾝｸﾞ</v>
          </cell>
          <cell r="N1380" t="str">
            <v>無</v>
          </cell>
          <cell r="O1380">
            <v>42</v>
          </cell>
          <cell r="P1380">
            <v>23</v>
          </cell>
          <cell r="Q1380">
            <v>2140001006831</v>
          </cell>
          <cell r="R1380">
            <v>10000</v>
          </cell>
          <cell r="S1380">
            <v>72585</v>
          </cell>
          <cell r="T1380">
            <v>315605</v>
          </cell>
          <cell r="V1380" t="str">
            <v>ek751575</v>
          </cell>
          <cell r="W1380" t="str">
            <v>vp861514</v>
          </cell>
          <cell r="Y1380" t="str">
            <v>測量,測量,建築,意匠,構造,冷暖,衛生,電気,建積,機積,電積,調査,土質,鋼構,河川,道路,造園,上水,下水,水質,交通,</v>
          </cell>
          <cell r="Z1380">
            <v>12903</v>
          </cell>
          <cell r="AA1380">
            <v>11906</v>
          </cell>
          <cell r="AB1380">
            <v>276940</v>
          </cell>
          <cell r="AC1380" t="str">
            <v/>
          </cell>
          <cell r="AD1380" t="str">
            <v/>
          </cell>
          <cell r="AE1380" t="str">
            <v/>
          </cell>
          <cell r="AF1380" t="str">
            <v/>
          </cell>
          <cell r="AI1380">
            <v>3</v>
          </cell>
          <cell r="AJ1380" t="str">
            <v>土木</v>
          </cell>
          <cell r="CR1380">
            <v>9712</v>
          </cell>
          <cell r="CS1380" t="str">
            <v>ｶｷｳﾁ ｵｻﾑ</v>
          </cell>
          <cell r="CT1380" t="str">
            <v>垣内  修</v>
          </cell>
          <cell r="CU1380" t="str">
            <v>学校指導課</v>
          </cell>
          <cell r="CW1380">
            <v>3643</v>
          </cell>
          <cell r="CX1380" t="str">
            <v>副主幹</v>
          </cell>
          <cell r="CY1380" t="str">
            <v>学校指導課長</v>
          </cell>
        </row>
        <row r="1381">
          <cell r="B1381">
            <v>5279</v>
          </cell>
          <cell r="C1381" t="str">
            <v>(一財)関西環境管理技術センター</v>
          </cell>
          <cell r="D1381" t="str">
            <v>06-6583-3262</v>
          </cell>
          <cell r="E1381" t="str">
            <v>550-0021</v>
          </cell>
          <cell r="F1381" t="str">
            <v>大阪府大阪市西区川口2-9-10</v>
          </cell>
          <cell r="G1381" t="str">
            <v>大阪市</v>
          </cell>
          <cell r="H1381" t="str">
            <v/>
          </cell>
          <cell r="I1381" t="str">
            <v>理事長　 谷口　靖彦</v>
          </cell>
          <cell r="J1381" t="str">
            <v>本店</v>
          </cell>
          <cell r="K1381" t="str">
            <v>06-6583-3274</v>
          </cell>
          <cell r="L1381" t="str">
            <v>ek_kikaku@ematec.or.jp</v>
          </cell>
          <cell r="M1381" t="str">
            <v>ｶﾝｻｲｶﾝｷﾖｳｶﾝﾘｷﾞｼﾞﾕﾂｾﾝﾀ-</v>
          </cell>
          <cell r="N1381" t="str">
            <v>無</v>
          </cell>
          <cell r="O1381">
            <v>46</v>
          </cell>
          <cell r="P1381">
            <v>50</v>
          </cell>
          <cell r="Q1381">
            <v>9120005014743</v>
          </cell>
          <cell r="R1381">
            <v>20000</v>
          </cell>
          <cell r="S1381">
            <v>374573</v>
          </cell>
          <cell r="T1381">
            <v>623404</v>
          </cell>
          <cell r="V1381" t="str">
            <v>hh450235</v>
          </cell>
          <cell r="W1381" t="str">
            <v>ra536653</v>
          </cell>
          <cell r="Y1381" t="str">
            <v>調査,環境,水質,大気,騒音,調他</v>
          </cell>
          <cell r="Z1381" t="str">
            <v/>
          </cell>
          <cell r="AA1381" t="str">
            <v/>
          </cell>
          <cell r="AB1381">
            <v>15652</v>
          </cell>
          <cell r="AC1381" t="str">
            <v/>
          </cell>
          <cell r="AD1381">
            <v>706390</v>
          </cell>
          <cell r="AE1381" t="str">
            <v/>
          </cell>
          <cell r="AF1381" t="str">
            <v/>
          </cell>
          <cell r="AI1381">
            <v>5</v>
          </cell>
          <cell r="AJ1381" t="str">
            <v>調査</v>
          </cell>
          <cell r="CR1381">
            <v>9712</v>
          </cell>
          <cell r="CS1381" t="str">
            <v>ｶｷｳﾁ ｵｻﾑ</v>
          </cell>
          <cell r="CT1381" t="str">
            <v>垣内  修</v>
          </cell>
          <cell r="CU1381" t="str">
            <v>学校改革・学事課</v>
          </cell>
          <cell r="CW1381">
            <v>3643</v>
          </cell>
          <cell r="CX1381" t="str">
            <v>副主幹</v>
          </cell>
          <cell r="CY1381" t="str">
            <v>学校改革・学事課長</v>
          </cell>
        </row>
        <row r="1382">
          <cell r="B1382">
            <v>5280</v>
          </cell>
          <cell r="C1382" t="str">
            <v>関西技術コンサルタント(株)</v>
          </cell>
          <cell r="D1382" t="str">
            <v>078-984-5152</v>
          </cell>
          <cell r="E1382" t="str">
            <v>651-1302</v>
          </cell>
          <cell r="F1382" t="str">
            <v>兵庫県神戸市北区藤原台中町8-4-10</v>
          </cell>
          <cell r="G1382" t="str">
            <v>茨木市</v>
          </cell>
          <cell r="H1382" t="str">
            <v>兵庫事務所</v>
          </cell>
          <cell r="I1382" t="str">
            <v>営業統括 辻　裕司</v>
          </cell>
          <cell r="J1382" t="str">
            <v>大阪府茨木市</v>
          </cell>
          <cell r="K1382" t="str">
            <v>078-984-5188</v>
          </cell>
          <cell r="L1382" t="str">
            <v>shimei-kan-gi@kan-gi.co.jp</v>
          </cell>
          <cell r="M1382" t="str">
            <v>ｶﾝｻｲｷﾞｼﾞｭﾂｺﾝｻﾙﾀﾝﾄ</v>
          </cell>
          <cell r="N1382" t="str">
            <v>有</v>
          </cell>
          <cell r="O1382">
            <v>49</v>
          </cell>
          <cell r="P1382">
            <v>37</v>
          </cell>
          <cell r="Q1382">
            <v>3120901000579</v>
          </cell>
          <cell r="R1382">
            <v>44000</v>
          </cell>
          <cell r="S1382">
            <v>461785</v>
          </cell>
          <cell r="T1382">
            <v>317689</v>
          </cell>
          <cell r="V1382" t="str">
            <v>us817230</v>
          </cell>
          <cell r="W1382" t="str">
            <v>rb635105</v>
          </cell>
          <cell r="Y1382" t="str">
            <v>測量,建築,上水,下水,土他,地質,水質,大気,騒音,交通,商業,調他</v>
          </cell>
          <cell r="Z1382">
            <v>8756</v>
          </cell>
          <cell r="AA1382">
            <v>6395</v>
          </cell>
          <cell r="AB1382">
            <v>300928</v>
          </cell>
          <cell r="AC1382" t="str">
            <v/>
          </cell>
          <cell r="AD1382">
            <v>4389</v>
          </cell>
          <cell r="AE1382" t="str">
            <v/>
          </cell>
          <cell r="AF1382" t="str">
            <v/>
          </cell>
          <cell r="AI1382">
            <v>3</v>
          </cell>
          <cell r="AJ1382" t="str">
            <v>土木</v>
          </cell>
          <cell r="CR1382">
            <v>9719</v>
          </cell>
          <cell r="CS1382" t="str">
            <v>ﾐﾈﾏﾂ ｾｲｼﾞ</v>
          </cell>
          <cell r="CT1382" t="str">
            <v>峰松  誠治</v>
          </cell>
          <cell r="CU1382" t="str">
            <v xml:space="preserve"> </v>
          </cell>
          <cell r="CW1382">
            <v>3631</v>
          </cell>
          <cell r="CX1382" t="str">
            <v>（併）副参事</v>
          </cell>
        </row>
        <row r="1383">
          <cell r="B1383">
            <v>5282</v>
          </cell>
          <cell r="C1383" t="str">
            <v>(株)関西コンサルタント</v>
          </cell>
          <cell r="D1383" t="str">
            <v>06-6949-5700</v>
          </cell>
          <cell r="E1383" t="str">
            <v>540-0012</v>
          </cell>
          <cell r="F1383" t="str">
            <v>大阪府大阪市中央区谷町4-4-15</v>
          </cell>
          <cell r="G1383" t="str">
            <v>大阪市</v>
          </cell>
          <cell r="H1383" t="str">
            <v/>
          </cell>
          <cell r="I1383" t="str">
            <v>代表取締役 林　信行</v>
          </cell>
          <cell r="J1383" t="str">
            <v>本店</v>
          </cell>
          <cell r="K1383" t="str">
            <v>06-6949-6535</v>
          </cell>
          <cell r="L1383" t="str">
            <v>gyoumu@kancon.com</v>
          </cell>
          <cell r="M1383" t="str">
            <v>ｶﾝｻｲｺﾝｻﾙﾀﾝﾄ</v>
          </cell>
          <cell r="N1383" t="str">
            <v>無</v>
          </cell>
          <cell r="O1383">
            <v>49</v>
          </cell>
          <cell r="P1383">
            <v>9</v>
          </cell>
          <cell r="Q1383">
            <v>3120001005058</v>
          </cell>
          <cell r="R1383">
            <v>18000</v>
          </cell>
          <cell r="S1383">
            <v>50245</v>
          </cell>
          <cell r="T1383">
            <v>67120</v>
          </cell>
          <cell r="V1383" t="str">
            <v>an361106</v>
          </cell>
          <cell r="W1383" t="str">
            <v>rp346759</v>
          </cell>
          <cell r="Y1383" t="str">
            <v>上水,</v>
          </cell>
          <cell r="Z1383" t="str">
            <v/>
          </cell>
          <cell r="AA1383" t="str">
            <v/>
          </cell>
          <cell r="AB1383">
            <v>67588</v>
          </cell>
          <cell r="AC1383" t="str">
            <v/>
          </cell>
          <cell r="AD1383" t="str">
            <v/>
          </cell>
          <cell r="AE1383" t="str">
            <v/>
          </cell>
          <cell r="AF1383" t="str">
            <v/>
          </cell>
          <cell r="AI1383">
            <v>3</v>
          </cell>
          <cell r="AJ1383" t="str">
            <v>土木</v>
          </cell>
          <cell r="CR1383">
            <v>9719</v>
          </cell>
          <cell r="CS1383" t="str">
            <v>ﾐﾈﾏﾂ ｾｲｼﾞ</v>
          </cell>
          <cell r="CT1383" t="str">
            <v>峰松  誠治</v>
          </cell>
          <cell r="CU1383" t="str">
            <v xml:space="preserve"> </v>
          </cell>
          <cell r="CW1383">
            <v>3631</v>
          </cell>
          <cell r="CX1383" t="str">
            <v>室長</v>
          </cell>
        </row>
        <row r="1384">
          <cell r="B1384">
            <v>5283</v>
          </cell>
          <cell r="C1384" t="str">
            <v>(株)関西シビルコンサルタント</v>
          </cell>
          <cell r="D1384" t="str">
            <v>06-6838-7061</v>
          </cell>
          <cell r="E1384" t="str">
            <v>532-0011</v>
          </cell>
          <cell r="F1384" t="str">
            <v>大阪府大阪市淀川区西中島5-4-20</v>
          </cell>
          <cell r="G1384" t="str">
            <v>大阪市</v>
          </cell>
          <cell r="H1384" t="str">
            <v/>
          </cell>
          <cell r="I1384" t="str">
            <v>代表取締役社長 今中　富博</v>
          </cell>
          <cell r="J1384" t="str">
            <v>本店</v>
          </cell>
          <cell r="K1384" t="str">
            <v>06-6307-5582</v>
          </cell>
          <cell r="L1384" t="str">
            <v>info@kcc11.co.jp</v>
          </cell>
          <cell r="M1384" t="str">
            <v>ｶﾝｻｲｼﾋﾞﾙｺﾝｻﾙﾀﾝﾄ</v>
          </cell>
          <cell r="N1384" t="str">
            <v>無</v>
          </cell>
          <cell r="O1384">
            <v>52</v>
          </cell>
          <cell r="P1384">
            <v>62</v>
          </cell>
          <cell r="Q1384">
            <v>1120001054651</v>
          </cell>
          <cell r="R1384">
            <v>10000</v>
          </cell>
          <cell r="S1384">
            <v>1193835</v>
          </cell>
          <cell r="T1384">
            <v>1460902</v>
          </cell>
          <cell r="V1384" t="str">
            <v>qe518148</v>
          </cell>
          <cell r="W1384" t="str">
            <v>ps505297</v>
          </cell>
          <cell r="Y1384" t="str">
            <v>測量,測量,航空,建築,意匠,構造,冷暖,衛生,電気,建積,機積,電積,調査,土質,鋼構,河川,道路,施行,建機,地質,造園,上水,下水,都市,スポ,環境,土他,土調,土評,物件,機工,営業,損失,補償,鑑定,登記,地質,水質,大気,騒音,交通,商業,調他</v>
          </cell>
          <cell r="Z1384">
            <v>696277</v>
          </cell>
          <cell r="AA1384" t="str">
            <v/>
          </cell>
          <cell r="AB1384">
            <v>425631</v>
          </cell>
          <cell r="AC1384" t="str">
            <v/>
          </cell>
          <cell r="AD1384" t="str">
            <v/>
          </cell>
          <cell r="AE1384" t="str">
            <v/>
          </cell>
          <cell r="AF1384" t="str">
            <v/>
          </cell>
          <cell r="AI1384">
            <v>1</v>
          </cell>
          <cell r="AJ1384" t="str">
            <v>測量</v>
          </cell>
          <cell r="CR1384">
            <v>9720</v>
          </cell>
          <cell r="CS1384" t="str">
            <v>ｾﾞﾝﾆﾕｳ ﾐﾂﾊﾙ</v>
          </cell>
          <cell r="CT1384" t="str">
            <v>善入  美津治</v>
          </cell>
          <cell r="CU1384" t="str">
            <v>家庭教育課</v>
          </cell>
          <cell r="CW1384">
            <v>3723</v>
          </cell>
          <cell r="CX1384" t="str">
            <v>課長</v>
          </cell>
          <cell r="CY1384" t="str">
            <v>家庭教育課長</v>
          </cell>
        </row>
        <row r="1385">
          <cell r="B1385">
            <v>5286</v>
          </cell>
          <cell r="C1385" t="str">
            <v>(株)ＫＧＳ</v>
          </cell>
          <cell r="D1385" t="str">
            <v>0794-64-2210</v>
          </cell>
          <cell r="E1385" t="str">
            <v>675-1317</v>
          </cell>
          <cell r="F1385" t="str">
            <v>兵庫県小野市浄谷町1629</v>
          </cell>
          <cell r="G1385" t="str">
            <v>堺市</v>
          </cell>
          <cell r="H1385" t="str">
            <v>兵庫営業所</v>
          </cell>
          <cell r="I1385" t="str">
            <v>所長 上野　大輔</v>
          </cell>
          <cell r="J1385" t="str">
            <v>大阪府堺市</v>
          </cell>
          <cell r="K1385" t="str">
            <v>0794-64-2214</v>
          </cell>
          <cell r="L1385" t="str">
            <v>kanti@muse.ocn.ne.jp</v>
          </cell>
          <cell r="M1385" t="str">
            <v>ｹｰｼﾞｰｴｽ</v>
          </cell>
          <cell r="N1385" t="str">
            <v>有</v>
          </cell>
          <cell r="O1385">
            <v>57</v>
          </cell>
          <cell r="P1385">
            <v>49</v>
          </cell>
          <cell r="Q1385">
            <v>1120101001446</v>
          </cell>
          <cell r="R1385">
            <v>36000</v>
          </cell>
          <cell r="S1385">
            <v>335916</v>
          </cell>
          <cell r="T1385">
            <v>864381</v>
          </cell>
          <cell r="V1385" t="str">
            <v>eq827078</v>
          </cell>
          <cell r="W1385" t="str">
            <v>xn932954</v>
          </cell>
          <cell r="Y1385" t="str">
            <v>測量,測量,航空,土質,地質,地質,調他</v>
          </cell>
          <cell r="Z1385">
            <v>11613</v>
          </cell>
          <cell r="AA1385" t="str">
            <v/>
          </cell>
          <cell r="AB1385">
            <v>135300</v>
          </cell>
          <cell r="AC1385" t="str">
            <v/>
          </cell>
          <cell r="AD1385">
            <v>586828</v>
          </cell>
          <cell r="AE1385" t="str">
            <v>建設業（さく井、とび・土工）</v>
          </cell>
          <cell r="AF1385">
            <v>10493</v>
          </cell>
          <cell r="AI1385">
            <v>5</v>
          </cell>
          <cell r="AJ1385" t="str">
            <v>調査</v>
          </cell>
          <cell r="CR1385">
            <v>9721</v>
          </cell>
          <cell r="CS1385" t="str">
            <v>ﾖﾈﾀﾞ ﾋﾛｶｽﾞ</v>
          </cell>
          <cell r="CT1385" t="str">
            <v>米田  博一</v>
          </cell>
          <cell r="CU1385" t="str">
            <v>社会教育課</v>
          </cell>
          <cell r="CW1385">
            <v>3908</v>
          </cell>
          <cell r="CX1385" t="str">
            <v>主査</v>
          </cell>
          <cell r="CY1385" t="str">
            <v>社会教育課長</v>
          </cell>
        </row>
        <row r="1386">
          <cell r="B1386">
            <v>5289</v>
          </cell>
          <cell r="C1386" t="str">
            <v>カンゼ航測(株)</v>
          </cell>
          <cell r="D1386" t="str">
            <v>0794-64-2210</v>
          </cell>
          <cell r="E1386" t="str">
            <v>542-0081</v>
          </cell>
          <cell r="F1386" t="str">
            <v>大阪府大阪市中央区南船場1-7-8</v>
          </cell>
          <cell r="G1386" t="str">
            <v>大阪市</v>
          </cell>
          <cell r="H1386" t="str">
            <v/>
          </cell>
          <cell r="I1386" t="str">
            <v>代表取締役　川本　雅彦</v>
          </cell>
          <cell r="J1386" t="str">
            <v>本店</v>
          </cell>
          <cell r="K1386" t="str">
            <v>06-6264-0648</v>
          </cell>
          <cell r="L1386" t="str">
            <v>sakamoto@kanze-aerial.co.jp</v>
          </cell>
          <cell r="M1386" t="str">
            <v>ｶﾝｾﾞｺｳｿｸ</v>
          </cell>
          <cell r="N1386" t="str">
            <v>無</v>
          </cell>
          <cell r="O1386">
            <v>46</v>
          </cell>
          <cell r="P1386">
            <v>16</v>
          </cell>
          <cell r="Q1386">
            <v>3120001077246</v>
          </cell>
          <cell r="R1386">
            <v>30000</v>
          </cell>
          <cell r="S1386">
            <v>63469</v>
          </cell>
          <cell r="T1386">
            <v>146412</v>
          </cell>
          <cell r="V1386" t="str">
            <v>mt138469</v>
          </cell>
          <cell r="W1386" t="str">
            <v>wz512651</v>
          </cell>
          <cell r="Y1386" t="str">
            <v>測量,測量,航空,</v>
          </cell>
          <cell r="Z1386">
            <v>146412</v>
          </cell>
          <cell r="AA1386" t="str">
            <v/>
          </cell>
          <cell r="AB1386" t="str">
            <v/>
          </cell>
          <cell r="AC1386" t="str">
            <v/>
          </cell>
          <cell r="AD1386" t="str">
            <v/>
          </cell>
          <cell r="AE1386" t="str">
            <v/>
          </cell>
          <cell r="AF1386" t="str">
            <v/>
          </cell>
          <cell r="AI1386">
            <v>1</v>
          </cell>
          <cell r="AJ1386" t="str">
            <v>測量</v>
          </cell>
          <cell r="CR1386">
            <v>9734</v>
          </cell>
          <cell r="CS1386" t="str">
            <v>ｳｴﾏﾂ ｼﾕﾝｼﾞ</v>
          </cell>
          <cell r="CT1386" t="str">
            <v>植松  俊二</v>
          </cell>
          <cell r="CU1386" t="str">
            <v>職員課</v>
          </cell>
          <cell r="CW1386">
            <v>3616</v>
          </cell>
          <cell r="CX1386" t="str">
            <v>主査</v>
          </cell>
          <cell r="CY1386" t="str">
            <v>職員課長</v>
          </cell>
        </row>
        <row r="1387">
          <cell r="B1387">
            <v>5290</v>
          </cell>
          <cell r="C1387" t="str">
            <v>(株)寛設計事務所</v>
          </cell>
          <cell r="D1387" t="str">
            <v>078-231-0349</v>
          </cell>
          <cell r="E1387" t="str">
            <v>651-0083</v>
          </cell>
          <cell r="F1387" t="str">
            <v>兵庫県神戸市中央区浜辺通4-1-23</v>
          </cell>
          <cell r="G1387" t="str">
            <v>大阪市</v>
          </cell>
          <cell r="H1387" t="str">
            <v>神戸営業所</v>
          </cell>
          <cell r="I1387" t="str">
            <v>所長 高森　功一</v>
          </cell>
          <cell r="J1387" t="str">
            <v>大阪府大阪市</v>
          </cell>
          <cell r="K1387" t="str">
            <v>078-231-0614</v>
          </cell>
          <cell r="L1387" t="str">
            <v>kansekkei@e-kan.co.jp</v>
          </cell>
          <cell r="M1387" t="str">
            <v>ｶﾝｾｯｹｲｼﾞﾑｼｮ</v>
          </cell>
          <cell r="N1387" t="str">
            <v>有</v>
          </cell>
          <cell r="O1387">
            <v>53</v>
          </cell>
          <cell r="P1387">
            <v>21</v>
          </cell>
          <cell r="Q1387">
            <v>6120001062435</v>
          </cell>
          <cell r="R1387">
            <v>13500</v>
          </cell>
          <cell r="S1387">
            <v>106325</v>
          </cell>
          <cell r="T1387">
            <v>190488</v>
          </cell>
          <cell r="V1387" t="str">
            <v>wf192115</v>
          </cell>
          <cell r="W1387" t="str">
            <v>pk386197</v>
          </cell>
          <cell r="Y1387" t="str">
            <v>測量,建築,上水,下水,</v>
          </cell>
          <cell r="Z1387">
            <v>20855</v>
          </cell>
          <cell r="AA1387">
            <v>1728</v>
          </cell>
          <cell r="AB1387">
            <v>182781</v>
          </cell>
          <cell r="AC1387" t="str">
            <v/>
          </cell>
          <cell r="AD1387" t="str">
            <v/>
          </cell>
          <cell r="AE1387" t="str">
            <v/>
          </cell>
          <cell r="AF1387" t="str">
            <v/>
          </cell>
          <cell r="AI1387">
            <v>3</v>
          </cell>
          <cell r="AJ1387" t="str">
            <v>土木</v>
          </cell>
          <cell r="CR1387">
            <v>9735</v>
          </cell>
          <cell r="CS1387" t="str">
            <v>ﾌｸﾊﾗ ｱﾂｼ</v>
          </cell>
          <cell r="CT1387" t="str">
            <v>福原  温</v>
          </cell>
          <cell r="CU1387" t="str">
            <v>総合教育センター</v>
          </cell>
          <cell r="CW1387">
            <v>3682</v>
          </cell>
          <cell r="CX1387" t="str">
            <v>主査</v>
          </cell>
          <cell r="CY1387" t="str">
            <v>総合教育センター長</v>
          </cell>
        </row>
        <row r="1388">
          <cell r="B1388">
            <v>5291</v>
          </cell>
          <cell r="C1388" t="str">
            <v>(株)管総研</v>
          </cell>
          <cell r="D1388" t="str">
            <v>06-6470-6300</v>
          </cell>
          <cell r="E1388" t="str">
            <v>651-0086</v>
          </cell>
          <cell r="F1388" t="str">
            <v>兵庫県尼崎市浜1-1-1</v>
          </cell>
          <cell r="G1388" t="str">
            <v>尼崎市</v>
          </cell>
          <cell r="H1388" t="str">
            <v/>
          </cell>
          <cell r="I1388" t="str">
            <v>代表取締役社長　 三好　秀幸</v>
          </cell>
          <cell r="J1388" t="str">
            <v>本店</v>
          </cell>
          <cell r="K1388" t="str">
            <v>06-4960-4560</v>
          </cell>
          <cell r="L1388" t="str">
            <v>wti_g.wti-o@kubota.com</v>
          </cell>
          <cell r="M1388" t="str">
            <v>ｶﾝｿｳｹﾝ</v>
          </cell>
          <cell r="N1388" t="str">
            <v>無</v>
          </cell>
          <cell r="O1388">
            <v>18</v>
          </cell>
          <cell r="P1388">
            <v>60</v>
          </cell>
          <cell r="Q1388">
            <v>8140000000000</v>
          </cell>
          <cell r="R1388">
            <v>100000</v>
          </cell>
          <cell r="S1388">
            <v>584656</v>
          </cell>
          <cell r="T1388">
            <v>1414751</v>
          </cell>
          <cell r="V1388" t="str">
            <v>ec523292</v>
          </cell>
          <cell r="W1388" t="str">
            <v>ac249442</v>
          </cell>
          <cell r="Y1388" t="str">
            <v>施行,地質,上水,下水,</v>
          </cell>
          <cell r="Z1388" t="str">
            <v/>
          </cell>
          <cell r="AA1388" t="str">
            <v/>
          </cell>
          <cell r="AB1388">
            <v>218748</v>
          </cell>
          <cell r="AC1388" t="str">
            <v/>
          </cell>
          <cell r="AD1388" t="str">
            <v/>
          </cell>
          <cell r="AE1388" t="str">
            <v/>
          </cell>
          <cell r="AF1388" t="str">
            <v/>
          </cell>
          <cell r="AI1388">
            <v>3</v>
          </cell>
          <cell r="AJ1388" t="str">
            <v>土木</v>
          </cell>
          <cell r="CR1388">
            <v>9744</v>
          </cell>
          <cell r="CS1388" t="str">
            <v>ﾏｽﾀﾞ ｹﾝｲﾁ</v>
          </cell>
          <cell r="CT1388" t="str">
            <v>増田  健一</v>
          </cell>
          <cell r="CU1388" t="str">
            <v>保健体育課</v>
          </cell>
          <cell r="CW1388">
            <v>3663</v>
          </cell>
          <cell r="CX1388" t="str">
            <v>副主幹</v>
          </cell>
          <cell r="CY1388" t="str">
            <v>保健体育課長</v>
          </cell>
        </row>
        <row r="1389">
          <cell r="B1389">
            <v>5293</v>
          </cell>
          <cell r="C1389" t="str">
            <v>(株)河南測量設計</v>
          </cell>
          <cell r="D1389" t="str">
            <v>0798-57-3811</v>
          </cell>
          <cell r="E1389" t="str">
            <v>665-0873</v>
          </cell>
          <cell r="F1389" t="str">
            <v>兵庫県宝塚市長尾町8-13-803</v>
          </cell>
          <cell r="G1389" t="str">
            <v>篠山市</v>
          </cell>
          <cell r="H1389" t="str">
            <v>宝塚支店</v>
          </cell>
          <cell r="I1389" t="str">
            <v>支店長 高畑　吉希</v>
          </cell>
          <cell r="J1389" t="str">
            <v>兵庫県篠山市</v>
          </cell>
          <cell r="K1389" t="str">
            <v>0798-57-3812</v>
          </cell>
          <cell r="L1389" t="str">
            <v>kannanss@lime.ocn.ne.jp</v>
          </cell>
          <cell r="M1389" t="str">
            <v>ｶﾝﾅﾝｿｸﾘｮｳｾｯｹｲ</v>
          </cell>
          <cell r="N1389" t="str">
            <v>有</v>
          </cell>
          <cell r="O1389">
            <v>40</v>
          </cell>
          <cell r="P1389">
            <v>9</v>
          </cell>
          <cell r="Q1389">
            <v>5140001041685</v>
          </cell>
          <cell r="R1389">
            <v>10000</v>
          </cell>
          <cell r="S1389">
            <v>73645</v>
          </cell>
          <cell r="T1389">
            <v>97742</v>
          </cell>
          <cell r="V1389" t="str">
            <v>aw947183</v>
          </cell>
          <cell r="W1389" t="str">
            <v>zk296623</v>
          </cell>
          <cell r="Y1389" t="str">
            <v>測量,測量,航空,土質,鋼構,河川,道路,地質,土調,登記,地質,交通,調他</v>
          </cell>
          <cell r="Z1389">
            <v>39529</v>
          </cell>
          <cell r="AA1389" t="str">
            <v/>
          </cell>
          <cell r="AB1389">
            <v>37441</v>
          </cell>
          <cell r="AC1389">
            <v>5453</v>
          </cell>
          <cell r="AD1389">
            <v>533</v>
          </cell>
          <cell r="AE1389" t="str">
            <v/>
          </cell>
          <cell r="AF1389" t="str">
            <v/>
          </cell>
          <cell r="AI1389">
            <v>1</v>
          </cell>
          <cell r="AJ1389" t="str">
            <v>測量</v>
          </cell>
          <cell r="CR1389">
            <v>9745</v>
          </cell>
          <cell r="CS1389" t="str">
            <v>ﾔﾂｶ ﾉﾌﾞｱｷ</v>
          </cell>
          <cell r="CT1389" t="str">
            <v>八束  伸明</v>
          </cell>
          <cell r="CU1389" t="str">
            <v>学校指導課</v>
          </cell>
          <cell r="CW1389">
            <v>3661</v>
          </cell>
          <cell r="CX1389" t="str">
            <v>主査</v>
          </cell>
          <cell r="CY1389" t="str">
            <v>学校指導課長</v>
          </cell>
        </row>
        <row r="1390">
          <cell r="B1390">
            <v>5295</v>
          </cell>
          <cell r="C1390" t="str">
            <v>(株)環境デザイン研究所</v>
          </cell>
          <cell r="D1390" t="str">
            <v>03-5575-7171</v>
          </cell>
          <cell r="E1390" t="str">
            <v>106-0032</v>
          </cell>
          <cell r="F1390" t="str">
            <v>東京都港区六本木5-12-22</v>
          </cell>
          <cell r="H1390" t="str">
            <v/>
          </cell>
          <cell r="I1390" t="str">
            <v>代表取締役 仙田　順子</v>
          </cell>
          <cell r="J1390" t="str">
            <v>本店</v>
          </cell>
          <cell r="K1390" t="str">
            <v>03-5562-9928</v>
          </cell>
          <cell r="L1390" t="str">
            <v>msenda@ms-edi.co.jp</v>
          </cell>
          <cell r="M1390" t="str">
            <v>ｶﾝｷｮｳﾃﾞｻﾞｲﾝｹﾝｷｭｳｼｮ</v>
          </cell>
          <cell r="N1390" t="str">
            <v>無</v>
          </cell>
          <cell r="O1390">
            <v>50</v>
          </cell>
          <cell r="P1390">
            <v>32</v>
          </cell>
          <cell r="Q1390">
            <v>5010401006648</v>
          </cell>
          <cell r="R1390">
            <v>30000</v>
          </cell>
          <cell r="S1390">
            <v>765710</v>
          </cell>
          <cell r="T1390">
            <v>801972</v>
          </cell>
          <cell r="V1390" t="str">
            <v>ru879577</v>
          </cell>
          <cell r="W1390" t="str">
            <v>cb238373</v>
          </cell>
          <cell r="Y1390" t="str">
            <v>建築,意匠,</v>
          </cell>
          <cell r="Z1390" t="str">
            <v/>
          </cell>
          <cell r="AA1390">
            <v>696463</v>
          </cell>
          <cell r="AB1390" t="str">
            <v/>
          </cell>
          <cell r="AC1390" t="str">
            <v/>
          </cell>
          <cell r="AD1390" t="str">
            <v/>
          </cell>
          <cell r="AE1390" t="str">
            <v/>
          </cell>
          <cell r="AF1390" t="str">
            <v/>
          </cell>
          <cell r="AI1390">
            <v>2</v>
          </cell>
          <cell r="AJ1390" t="str">
            <v>建築</v>
          </cell>
          <cell r="CR1390">
            <v>9755</v>
          </cell>
          <cell r="CS1390" t="str">
            <v>ﾏｴﾀﾞ ﾄｸｿﾞｳ</v>
          </cell>
          <cell r="CT1390" t="str">
            <v>前田  德三</v>
          </cell>
          <cell r="CU1390" t="str">
            <v>学校指導課</v>
          </cell>
          <cell r="CW1390">
            <v>3670</v>
          </cell>
          <cell r="CX1390" t="str">
            <v>主査</v>
          </cell>
          <cell r="CY1390" t="str">
            <v>学校指導課長</v>
          </cell>
        </row>
        <row r="1391">
          <cell r="B1391">
            <v>5302</v>
          </cell>
          <cell r="C1391" t="str">
            <v>(株)金沢設計事務所</v>
          </cell>
          <cell r="D1391" t="str">
            <v>06-6779-8807</v>
          </cell>
          <cell r="E1391" t="str">
            <v>543-0072</v>
          </cell>
          <cell r="F1391" t="str">
            <v>大阪府大阪市天王寺区生玉前町3-25</v>
          </cell>
          <cell r="G1391" t="str">
            <v>大阪市</v>
          </cell>
          <cell r="H1391" t="str">
            <v/>
          </cell>
          <cell r="I1391" t="str">
            <v>代表取締役 金澤　実</v>
          </cell>
          <cell r="J1391" t="str">
            <v>本店</v>
          </cell>
          <cell r="K1391" t="str">
            <v>06-6779-8808</v>
          </cell>
          <cell r="L1391" t="str">
            <v>nm8m-knzw@asahi-net.or.jp</v>
          </cell>
          <cell r="M1391" t="str">
            <v>ｶﾅｻﾞﾜｾｯｹｲｼﾞﾑｼｮ</v>
          </cell>
          <cell r="N1391" t="str">
            <v>無</v>
          </cell>
          <cell r="O1391">
            <v>54</v>
          </cell>
          <cell r="P1391">
            <v>4</v>
          </cell>
          <cell r="Q1391">
            <v>5120001022902</v>
          </cell>
          <cell r="R1391">
            <v>10000</v>
          </cell>
          <cell r="S1391">
            <v>21331</v>
          </cell>
          <cell r="T1391">
            <v>26470</v>
          </cell>
          <cell r="V1391" t="str">
            <v>ya595605</v>
          </cell>
          <cell r="W1391" t="str">
            <v>sy711458</v>
          </cell>
          <cell r="Y1391" t="str">
            <v>建築,意匠,構造,冷暖,衛生,電気,建積,機積,電積,</v>
          </cell>
          <cell r="Z1391" t="str">
            <v/>
          </cell>
          <cell r="AA1391">
            <v>26470</v>
          </cell>
          <cell r="AB1391" t="str">
            <v/>
          </cell>
          <cell r="AC1391" t="str">
            <v/>
          </cell>
          <cell r="AD1391" t="str">
            <v/>
          </cell>
          <cell r="AE1391" t="str">
            <v/>
          </cell>
          <cell r="AF1391" t="str">
            <v/>
          </cell>
          <cell r="AI1391">
            <v>2</v>
          </cell>
          <cell r="AJ1391" t="str">
            <v>建築</v>
          </cell>
          <cell r="CR1391">
            <v>9756</v>
          </cell>
          <cell r="CS1391" t="str">
            <v>ｲﾑﾗ ｱｷｺ</v>
          </cell>
          <cell r="CT1391" t="str">
            <v>井村  明子</v>
          </cell>
          <cell r="CU1391" t="str">
            <v>学校指導課</v>
          </cell>
          <cell r="CW1391">
            <v>3669</v>
          </cell>
          <cell r="CX1391" t="str">
            <v>主査</v>
          </cell>
          <cell r="CY1391" t="str">
            <v>学校指導課長</v>
          </cell>
        </row>
        <row r="1392">
          <cell r="B1392">
            <v>5303</v>
          </cell>
          <cell r="C1392" t="str">
            <v>クモノスコーポレーション(株)</v>
          </cell>
          <cell r="D1392" t="str">
            <v>06-6482-3636</v>
          </cell>
          <cell r="E1392" t="str">
            <v>660-0858</v>
          </cell>
          <cell r="F1392" t="str">
            <v>兵庫県尼崎市築地2-11-6</v>
          </cell>
          <cell r="G1392" t="str">
            <v>箕面市</v>
          </cell>
          <cell r="H1392" t="str">
            <v>尼崎支店</v>
          </cell>
          <cell r="I1392" t="str">
            <v>尼崎支店長 光平　健二</v>
          </cell>
          <cell r="J1392" t="str">
            <v>大阪府箕面市</v>
          </cell>
          <cell r="K1392" t="str">
            <v>06-6482-3638</v>
          </cell>
          <cell r="L1392" t="str">
            <v>nakamura@kankou.co.jp</v>
          </cell>
          <cell r="M1392" t="str">
            <v>ｸﾓﾉｽｺｰﾎﾟﾚｰｼｮﾝ</v>
          </cell>
          <cell r="N1392" t="str">
            <v>有</v>
          </cell>
          <cell r="O1392">
            <v>23</v>
          </cell>
          <cell r="P1392">
            <v>115</v>
          </cell>
          <cell r="Q1392">
            <v>9120901020373</v>
          </cell>
          <cell r="R1392">
            <v>30000</v>
          </cell>
          <cell r="S1392">
            <v>218143</v>
          </cell>
          <cell r="T1392">
            <v>1651251</v>
          </cell>
          <cell r="V1392" t="str">
            <v>jq498523</v>
          </cell>
          <cell r="W1392" t="str">
            <v>jv806413</v>
          </cell>
          <cell r="Y1392" t="str">
            <v>測量,測量,建築,調査,鋼構,道路,下水,土他,</v>
          </cell>
          <cell r="Z1392">
            <v>348256</v>
          </cell>
          <cell r="AA1392">
            <v>92727</v>
          </cell>
          <cell r="AB1392">
            <v>439046</v>
          </cell>
          <cell r="AC1392" t="str">
            <v/>
          </cell>
          <cell r="AD1392" t="str">
            <v/>
          </cell>
          <cell r="AE1392" t="str">
            <v/>
          </cell>
          <cell r="AF1392" t="str">
            <v/>
          </cell>
          <cell r="AI1392">
            <v>3</v>
          </cell>
          <cell r="AJ1392" t="str">
            <v>土木</v>
          </cell>
          <cell r="CR1392">
            <v>9757</v>
          </cell>
          <cell r="CS1392" t="str">
            <v>ﾅｶﾞﾏﾁ ﾕｷﾐ</v>
          </cell>
          <cell r="CT1392" t="str">
            <v>長町  ゆきみ</v>
          </cell>
          <cell r="CU1392" t="str">
            <v>総合教育センター</v>
          </cell>
          <cell r="CW1392" t="str">
            <v xml:space="preserve"> </v>
          </cell>
          <cell r="CX1392" t="str">
            <v>主査</v>
          </cell>
          <cell r="CY1392" t="str">
            <v>総合教育センター長</v>
          </cell>
        </row>
        <row r="1393">
          <cell r="B1393">
            <v>5304</v>
          </cell>
          <cell r="C1393" t="str">
            <v>(株)ＴＡＵ設計事務所</v>
          </cell>
          <cell r="D1393" t="str">
            <v>06-6809-5996</v>
          </cell>
          <cell r="E1393" t="str">
            <v>540-0012</v>
          </cell>
          <cell r="F1393" t="str">
            <v>大阪府大阪市中央区谷町1-4-2 大阪ｵﾙｶﾞﾝﾋﾞﾙ403</v>
          </cell>
          <cell r="G1393" t="str">
            <v>大阪市</v>
          </cell>
          <cell r="H1393" t="str">
            <v/>
          </cell>
          <cell r="I1393" t="str">
            <v>代表取締役　 西村　京宗</v>
          </cell>
          <cell r="J1393" t="str">
            <v>本店</v>
          </cell>
          <cell r="K1393" t="str">
            <v>06-6809-5997</v>
          </cell>
          <cell r="L1393" t="str">
            <v>mail@tau-archi.co.jp</v>
          </cell>
          <cell r="M1393" t="str">
            <v>ﾀｳｾﾂｹｲｼﾞﾑｼﾖ</v>
          </cell>
          <cell r="N1393" t="str">
            <v>無</v>
          </cell>
          <cell r="O1393">
            <v>11</v>
          </cell>
          <cell r="P1393">
            <v>2</v>
          </cell>
          <cell r="Q1393">
            <v>6120001190178</v>
          </cell>
          <cell r="R1393">
            <v>5000</v>
          </cell>
          <cell r="S1393">
            <v>-320</v>
          </cell>
          <cell r="T1393">
            <v>24756</v>
          </cell>
          <cell r="V1393" t="str">
            <v>fn641442</v>
          </cell>
          <cell r="W1393" t="str">
            <v>xf288393</v>
          </cell>
          <cell r="Y1393" t="str">
            <v>建築,意匠,</v>
          </cell>
          <cell r="Z1393" t="str">
            <v/>
          </cell>
          <cell r="AA1393">
            <v>18368</v>
          </cell>
          <cell r="AB1393" t="str">
            <v/>
          </cell>
          <cell r="AC1393" t="str">
            <v/>
          </cell>
          <cell r="AD1393" t="str">
            <v/>
          </cell>
          <cell r="AE1393" t="str">
            <v/>
          </cell>
          <cell r="AF1393" t="str">
            <v/>
          </cell>
          <cell r="AI1393">
            <v>2</v>
          </cell>
          <cell r="AJ1393" t="str">
            <v>建築</v>
          </cell>
          <cell r="CR1393">
            <v>9765</v>
          </cell>
          <cell r="CS1393" t="str">
            <v>ﾑﾗｶﾐ ｼﾞﾕﾝｲﾁ</v>
          </cell>
          <cell r="CT1393" t="str">
            <v>村上  順一</v>
          </cell>
          <cell r="CU1393" t="str">
            <v xml:space="preserve"> </v>
          </cell>
          <cell r="CW1393">
            <v>3667</v>
          </cell>
          <cell r="CX1393" t="str">
            <v>副参事</v>
          </cell>
        </row>
        <row r="1394">
          <cell r="B1394">
            <v>5305</v>
          </cell>
          <cell r="C1394" t="str">
            <v>管清工業(株)</v>
          </cell>
          <cell r="D1394" t="str">
            <v>078-802-8630</v>
          </cell>
          <cell r="E1394" t="str">
            <v>657-0816</v>
          </cell>
          <cell r="F1394" t="str">
            <v>兵庫県神戸市灘区国玉通2-8-5</v>
          </cell>
          <cell r="H1394" t="str">
            <v>神戸営業所</v>
          </cell>
          <cell r="I1394" t="str">
            <v>所長 植木　孝司</v>
          </cell>
          <cell r="J1394" t="str">
            <v>東京都</v>
          </cell>
          <cell r="K1394" t="str">
            <v>078-802-8631</v>
          </cell>
          <cell r="L1394" t="str">
            <v>kobe@kansei-pipe.co.jp</v>
          </cell>
          <cell r="M1394" t="str">
            <v>ｶﾝｾｲｺｳｷﾞｮｳ</v>
          </cell>
          <cell r="N1394" t="str">
            <v>有</v>
          </cell>
          <cell r="O1394">
            <v>55</v>
          </cell>
          <cell r="P1394">
            <v>464</v>
          </cell>
          <cell r="Q1394">
            <v>1010901002720</v>
          </cell>
          <cell r="R1394">
            <v>250000</v>
          </cell>
          <cell r="S1394">
            <v>2661174</v>
          </cell>
          <cell r="T1394">
            <v>12130006</v>
          </cell>
          <cell r="V1394" t="str">
            <v>ye100040</v>
          </cell>
          <cell r="W1394" t="str">
            <v>py104027</v>
          </cell>
          <cell r="Y1394" t="str">
            <v>下水,</v>
          </cell>
          <cell r="Z1394">
            <v>11630</v>
          </cell>
          <cell r="AA1394" t="str">
            <v/>
          </cell>
          <cell r="AB1394">
            <v>113839</v>
          </cell>
          <cell r="AC1394" t="str">
            <v/>
          </cell>
          <cell r="AD1394" t="str">
            <v/>
          </cell>
          <cell r="AE1394" t="str">
            <v/>
          </cell>
          <cell r="AF1394" t="str">
            <v/>
          </cell>
          <cell r="AI1394">
            <v>3</v>
          </cell>
          <cell r="AJ1394" t="str">
            <v>土木</v>
          </cell>
          <cell r="CR1394">
            <v>9765</v>
          </cell>
          <cell r="CS1394" t="str">
            <v>ﾑﾗｶﾐ ｼﾞﾕﾝｲﾁ</v>
          </cell>
          <cell r="CT1394" t="str">
            <v>村上  順一</v>
          </cell>
          <cell r="CU1394" t="str">
            <v>総合教育センター</v>
          </cell>
          <cell r="CW1394">
            <v>3667</v>
          </cell>
          <cell r="CX1394" t="str">
            <v>（兼）主幹</v>
          </cell>
          <cell r="CY1394" t="str">
            <v>総合教育センター長</v>
          </cell>
        </row>
        <row r="1395">
          <cell r="B1395">
            <v>5306</v>
          </cell>
          <cell r="C1395" t="str">
            <v>(株)ｓｏｒａ建築デザイン事務所</v>
          </cell>
          <cell r="D1395" t="str">
            <v>078-599-5845</v>
          </cell>
          <cell r="E1395" t="str">
            <v>650-0017</v>
          </cell>
          <cell r="F1395" t="str">
            <v>兵庫県神戸市中央区楠町6-10-12-401</v>
          </cell>
          <cell r="G1395" t="str">
            <v>神戸市</v>
          </cell>
          <cell r="I1395" t="str">
            <v>代表取締役　笹原　和宏</v>
          </cell>
          <cell r="J1395" t="str">
            <v>本店</v>
          </cell>
          <cell r="K1395" t="str">
            <v>078-599-5846</v>
          </cell>
          <cell r="L1395" t="str">
            <v>info@sora-kd.com</v>
          </cell>
          <cell r="M1395" t="str">
            <v>ｶｸﾞﾗｹﾝﾁｸﾃﾞｻﾞｲﾝｼﾞﾑｼﾖ</v>
          </cell>
          <cell r="N1395" t="str">
            <v>無</v>
          </cell>
          <cell r="O1395">
            <v>0</v>
          </cell>
          <cell r="P1395">
            <v>3</v>
          </cell>
          <cell r="Q1395">
            <v>4140000000000</v>
          </cell>
          <cell r="R1395">
            <v>1000</v>
          </cell>
          <cell r="S1395">
            <v>1000</v>
          </cell>
          <cell r="T1395">
            <v>0</v>
          </cell>
          <cell r="V1395" t="str">
            <v>lb107828</v>
          </cell>
          <cell r="W1395" t="str">
            <v>ht173081</v>
          </cell>
          <cell r="Y1395" t="str">
            <v>建築,意匠,構造,冷暖,衛生,電気,建積,機積,電積,調査,</v>
          </cell>
          <cell r="Z1395" t="str">
            <v/>
          </cell>
          <cell r="AA1395">
            <v>1000</v>
          </cell>
          <cell r="AB1395" t="str">
            <v/>
          </cell>
          <cell r="AC1395" t="str">
            <v/>
          </cell>
          <cell r="AD1395" t="str">
            <v/>
          </cell>
          <cell r="AE1395" t="str">
            <v/>
          </cell>
          <cell r="AF1395" t="str">
            <v/>
          </cell>
          <cell r="AI1395">
            <v>2</v>
          </cell>
          <cell r="AJ1395" t="str">
            <v>建築</v>
          </cell>
          <cell r="CR1395">
            <v>9766</v>
          </cell>
          <cell r="CS1395" t="str">
            <v>ｽｷﾞﾓﾄ ﾋﾛﾐ</v>
          </cell>
          <cell r="CT1395" t="str">
            <v>杉本  浩美</v>
          </cell>
          <cell r="CU1395" t="str">
            <v>学校指導課</v>
          </cell>
          <cell r="CW1395">
            <v>3665</v>
          </cell>
          <cell r="CX1395" t="str">
            <v>主査</v>
          </cell>
          <cell r="CY1395" t="str">
            <v>学校指導課長</v>
          </cell>
        </row>
        <row r="1396">
          <cell r="B1396">
            <v>5307</v>
          </cell>
          <cell r="C1396" t="str">
            <v>かもめの不動産鑑定(株)</v>
          </cell>
          <cell r="D1396" t="str">
            <v>078-232-2301</v>
          </cell>
          <cell r="E1396" t="str">
            <v>651-0084</v>
          </cell>
          <cell r="F1396" t="str">
            <v>兵庫県神戸市中央区磯辺通3-1-2</v>
          </cell>
          <cell r="G1396" t="str">
            <v>神戸市</v>
          </cell>
          <cell r="H1396" t="str">
            <v/>
          </cell>
          <cell r="I1396" t="str">
            <v>代表取締役 谷詰　岳史</v>
          </cell>
          <cell r="J1396" t="str">
            <v>本店</v>
          </cell>
          <cell r="K1396" t="str">
            <v>078-232-2302</v>
          </cell>
          <cell r="L1396" t="str">
            <v>kamomeno@kamomeno.com</v>
          </cell>
          <cell r="M1396" t="str">
            <v>ｶﾓﾒﾉﾌﾄﾞｳｻﾝｶﾝﾃｲ</v>
          </cell>
          <cell r="N1396" t="str">
            <v>無</v>
          </cell>
          <cell r="O1396">
            <v>2</v>
          </cell>
          <cell r="P1396">
            <v>1</v>
          </cell>
          <cell r="Q1396">
            <v>4140001102380</v>
          </cell>
          <cell r="R1396">
            <v>3000</v>
          </cell>
          <cell r="S1396">
            <v>812</v>
          </cell>
          <cell r="T1396">
            <v>12833</v>
          </cell>
          <cell r="V1396" t="str">
            <v>fi156062</v>
          </cell>
          <cell r="W1396" t="str">
            <v>wf152773</v>
          </cell>
          <cell r="Y1396" t="str">
            <v>土評,鑑定,</v>
          </cell>
          <cell r="Z1396" t="str">
            <v/>
          </cell>
          <cell r="AA1396" t="str">
            <v/>
          </cell>
          <cell r="AB1396" t="str">
            <v/>
          </cell>
          <cell r="AC1396" t="str">
            <v/>
          </cell>
          <cell r="AD1396">
            <v>12833</v>
          </cell>
          <cell r="AE1396" t="str">
            <v/>
          </cell>
          <cell r="AF1396" t="str">
            <v/>
          </cell>
          <cell r="AI1396">
            <v>5</v>
          </cell>
          <cell r="AJ1396" t="str">
            <v>調査</v>
          </cell>
          <cell r="CR1396">
            <v>9768</v>
          </cell>
          <cell r="CS1396" t="str">
            <v>ﾋﾛｼｹﾞ ｸﾐｺ</v>
          </cell>
          <cell r="CT1396" t="str">
            <v>廣重  久美子</v>
          </cell>
          <cell r="CU1396" t="str">
            <v>学校指導課</v>
          </cell>
          <cell r="CW1396">
            <v>3644</v>
          </cell>
          <cell r="CX1396" t="str">
            <v>主査</v>
          </cell>
          <cell r="CY1396" t="str">
            <v>学校指導課長</v>
          </cell>
        </row>
        <row r="1397">
          <cell r="B1397">
            <v>5308</v>
          </cell>
          <cell r="C1397" t="str">
            <v>関西ビジネスインフォメーション(株)</v>
          </cell>
          <cell r="D1397" t="str">
            <v>06-4803-2200</v>
          </cell>
          <cell r="E1397" t="str">
            <v>530-0005</v>
          </cell>
          <cell r="F1397" t="str">
            <v>大阪府大阪市北区中之島3-2-18</v>
          </cell>
          <cell r="G1397" t="str">
            <v>大阪市</v>
          </cell>
          <cell r="H1397" t="str">
            <v/>
          </cell>
          <cell r="I1397" t="str">
            <v>代表取締役社長 武枝　和彦</v>
          </cell>
          <cell r="J1397" t="str">
            <v>本店</v>
          </cell>
          <cell r="K1397" t="str">
            <v>06-4803-2210</v>
          </cell>
          <cell r="L1397" t="str">
            <v>hideyuki-namikawa@kbinfo.co.jp</v>
          </cell>
          <cell r="M1397" t="str">
            <v>ｶﾝｻｲﾋﾞｼﾞﾈｽｲﾝﾌｫﾒｰｼｮﾝ</v>
          </cell>
          <cell r="N1397" t="str">
            <v>無</v>
          </cell>
          <cell r="O1397">
            <v>34</v>
          </cell>
          <cell r="P1397">
            <v>1177</v>
          </cell>
          <cell r="Q1397">
            <v>0</v>
          </cell>
          <cell r="R1397">
            <v>100000</v>
          </cell>
          <cell r="S1397">
            <v>2648119</v>
          </cell>
          <cell r="T1397">
            <v>12233482</v>
          </cell>
          <cell r="V1397" t="str">
            <v>cr102296</v>
          </cell>
          <cell r="W1397" t="str">
            <v>bg159081</v>
          </cell>
          <cell r="Y1397" t="str">
            <v/>
          </cell>
          <cell r="Z1397" t="str">
            <v/>
          </cell>
          <cell r="AA1397">
            <v>110912</v>
          </cell>
          <cell r="AB1397" t="str">
            <v/>
          </cell>
          <cell r="AC1397" t="str">
            <v/>
          </cell>
          <cell r="AD1397" t="str">
            <v/>
          </cell>
          <cell r="AE1397" t="str">
            <v/>
          </cell>
          <cell r="AF1397">
            <v>110912</v>
          </cell>
          <cell r="AI1397" t="str">
            <v>土木</v>
          </cell>
          <cell r="AJ1397" t="str">
            <v>大阪府</v>
          </cell>
        </row>
        <row r="1398">
          <cell r="B1398">
            <v>5330</v>
          </cell>
          <cell r="C1398" t="str">
            <v>(株)気象工学研究所</v>
          </cell>
          <cell r="D1398" t="str">
            <v>06-6441-1022</v>
          </cell>
          <cell r="E1398" t="str">
            <v>550-0003</v>
          </cell>
          <cell r="F1398" t="str">
            <v>大阪府大阪市西区京町堀1-8-5</v>
          </cell>
          <cell r="G1398" t="str">
            <v>大阪市</v>
          </cell>
          <cell r="H1398" t="str">
            <v/>
          </cell>
          <cell r="I1398" t="str">
            <v>代表取締役社長　 小久保　鉄也</v>
          </cell>
          <cell r="J1398" t="str">
            <v>本店</v>
          </cell>
          <cell r="K1398" t="str">
            <v>06-6441-1050</v>
          </cell>
          <cell r="L1398" t="str">
            <v>mec.eigyou@meci.jp</v>
          </cell>
          <cell r="M1398" t="str">
            <v>ｷｼﾖｳｺｳｶﾞｸｹﾝｷﾕｳｼﾖ</v>
          </cell>
          <cell r="N1398" t="str">
            <v>無</v>
          </cell>
          <cell r="O1398">
            <v>14</v>
          </cell>
          <cell r="P1398">
            <v>40</v>
          </cell>
          <cell r="Q1398">
            <v>4120001108792</v>
          </cell>
          <cell r="R1398">
            <v>10000</v>
          </cell>
          <cell r="S1398">
            <v>489670</v>
          </cell>
          <cell r="T1398">
            <v>579058</v>
          </cell>
          <cell r="V1398" t="str">
            <v>ve673787</v>
          </cell>
          <cell r="W1398" t="str">
            <v>nf544765</v>
          </cell>
          <cell r="Y1398" t="str">
            <v>河川,道路,</v>
          </cell>
          <cell r="Z1398" t="str">
            <v/>
          </cell>
          <cell r="AA1398" t="str">
            <v/>
          </cell>
          <cell r="AB1398">
            <v>570276</v>
          </cell>
          <cell r="AC1398" t="str">
            <v/>
          </cell>
          <cell r="AD1398" t="str">
            <v/>
          </cell>
          <cell r="AE1398" t="str">
            <v/>
          </cell>
          <cell r="AF1398" t="str">
            <v/>
          </cell>
          <cell r="AI1398">
            <v>3</v>
          </cell>
          <cell r="AJ1398" t="str">
            <v>土木</v>
          </cell>
          <cell r="CR1398">
            <v>9769</v>
          </cell>
          <cell r="CS1398" t="str">
            <v>ﾊﾙﾅ ｼﾞﾕﾝｲﾁ</v>
          </cell>
          <cell r="CT1398" t="str">
            <v>春名  潤一</v>
          </cell>
          <cell r="CU1398" t="str">
            <v>学校指導課</v>
          </cell>
          <cell r="CW1398">
            <v>3660</v>
          </cell>
          <cell r="CX1398" t="str">
            <v>課長</v>
          </cell>
          <cell r="CY1398" t="str">
            <v>学校指導課長</v>
          </cell>
        </row>
        <row r="1399">
          <cell r="B1399">
            <v>5331</v>
          </cell>
          <cell r="C1399" t="str">
            <v>(株)技研</v>
          </cell>
          <cell r="D1399" t="str">
            <v>0790-44-0081</v>
          </cell>
          <cell r="E1399" t="str">
            <v>675-2453</v>
          </cell>
          <cell r="F1399" t="str">
            <v>兵庫県加西市上道山町277-1</v>
          </cell>
          <cell r="G1399" t="str">
            <v>大阪市</v>
          </cell>
          <cell r="H1399" t="str">
            <v>兵庫営業所</v>
          </cell>
          <cell r="I1399" t="str">
            <v>所長 大野　真也</v>
          </cell>
          <cell r="J1399" t="str">
            <v>大阪府大阪市</v>
          </cell>
          <cell r="K1399" t="str">
            <v>0790-44-0098</v>
          </cell>
          <cell r="L1399" t="str">
            <v>soumu@gkn-kk.co.jp</v>
          </cell>
          <cell r="M1399" t="str">
            <v>ｷﾞｹﾝ</v>
          </cell>
          <cell r="N1399" t="str">
            <v>有</v>
          </cell>
          <cell r="O1399">
            <v>44</v>
          </cell>
          <cell r="P1399">
            <v>33</v>
          </cell>
          <cell r="Q1399">
            <v>1120001062679</v>
          </cell>
          <cell r="R1399">
            <v>30000</v>
          </cell>
          <cell r="S1399">
            <v>134262</v>
          </cell>
          <cell r="T1399">
            <v>229579</v>
          </cell>
          <cell r="V1399" t="str">
            <v>gh335091</v>
          </cell>
          <cell r="W1399" t="str">
            <v>dy252404</v>
          </cell>
          <cell r="Y1399" t="str">
            <v>土評,物件,機工,営業,損失,補償,</v>
          </cell>
          <cell r="Z1399" t="str">
            <v/>
          </cell>
          <cell r="AA1399" t="str">
            <v/>
          </cell>
          <cell r="AB1399" t="str">
            <v/>
          </cell>
          <cell r="AC1399">
            <v>229579</v>
          </cell>
          <cell r="AD1399" t="str">
            <v/>
          </cell>
          <cell r="AE1399" t="str">
            <v>その他</v>
          </cell>
          <cell r="AF1399">
            <v>152006</v>
          </cell>
          <cell r="AI1399">
            <v>4</v>
          </cell>
          <cell r="AJ1399" t="str">
            <v>補償</v>
          </cell>
          <cell r="CR1399">
            <v>9780</v>
          </cell>
          <cell r="CS1399" t="str">
            <v>ｵｵﾀ ﾖｳｺ</v>
          </cell>
          <cell r="CT1399" t="str">
            <v>太田  洋子</v>
          </cell>
          <cell r="CU1399" t="str">
            <v xml:space="preserve"> </v>
          </cell>
          <cell r="CW1399">
            <v>3630</v>
          </cell>
          <cell r="CX1399" t="str">
            <v>（併）市長付参事</v>
          </cell>
        </row>
        <row r="1400">
          <cell r="B1400">
            <v>5332</v>
          </cell>
          <cell r="C1400" t="str">
            <v>(株)技研エンジニアネットワーク</v>
          </cell>
          <cell r="D1400" t="str">
            <v>06-4790-7281</v>
          </cell>
          <cell r="E1400" t="str">
            <v>540-0024</v>
          </cell>
          <cell r="F1400" t="str">
            <v>大阪府大阪市中央区南新町2-3-7</v>
          </cell>
          <cell r="G1400" t="str">
            <v>大阪市</v>
          </cell>
          <cell r="H1400" t="str">
            <v/>
          </cell>
          <cell r="I1400" t="str">
            <v>代表取締役 和気　光則</v>
          </cell>
          <cell r="J1400" t="str">
            <v>本店</v>
          </cell>
          <cell r="K1400" t="str">
            <v>06-4790-7282</v>
          </cell>
          <cell r="L1400" t="str">
            <v>yamana@k-gen.co.jp</v>
          </cell>
          <cell r="M1400" t="str">
            <v>ｷﾞｹﾝｴﾝｼﾞﾆｱﾈｯﾄﾜｰｸ</v>
          </cell>
          <cell r="N1400" t="str">
            <v>無</v>
          </cell>
          <cell r="O1400">
            <v>18</v>
          </cell>
          <cell r="P1400">
            <v>11</v>
          </cell>
          <cell r="Q1400">
            <v>7120001096267</v>
          </cell>
          <cell r="R1400">
            <v>10000</v>
          </cell>
          <cell r="S1400">
            <v>80688</v>
          </cell>
          <cell r="T1400">
            <v>159557</v>
          </cell>
          <cell r="V1400" t="str">
            <v>zn919031</v>
          </cell>
          <cell r="W1400" t="str">
            <v>hw129592</v>
          </cell>
          <cell r="Y1400" t="str">
            <v>冷暖,衛生,電気,機積,電積,</v>
          </cell>
          <cell r="Z1400" t="str">
            <v/>
          </cell>
          <cell r="AA1400">
            <v>159557</v>
          </cell>
          <cell r="AB1400" t="str">
            <v/>
          </cell>
          <cell r="AC1400" t="str">
            <v/>
          </cell>
          <cell r="AD1400" t="str">
            <v/>
          </cell>
          <cell r="AE1400" t="str">
            <v/>
          </cell>
          <cell r="AF1400" t="str">
            <v/>
          </cell>
          <cell r="AI1400">
            <v>2</v>
          </cell>
          <cell r="AJ1400" t="str">
            <v>建築</v>
          </cell>
          <cell r="CR1400">
            <v>9780</v>
          </cell>
          <cell r="CS1400" t="str">
            <v>ｵｵﾀ ﾖｳｺ</v>
          </cell>
          <cell r="CT1400" t="str">
            <v>太田  洋子</v>
          </cell>
          <cell r="CU1400" t="str">
            <v xml:space="preserve"> </v>
          </cell>
          <cell r="CW1400">
            <v>3630</v>
          </cell>
          <cell r="CX1400" t="str">
            <v>部長</v>
          </cell>
        </row>
        <row r="1401">
          <cell r="B1401">
            <v>5335</v>
          </cell>
          <cell r="C1401" t="str">
            <v>基礎地盤コンサルタンツ(株)</v>
          </cell>
          <cell r="D1401" t="str">
            <v>078-855-2577</v>
          </cell>
          <cell r="E1401" t="str">
            <v>651-0088</v>
          </cell>
          <cell r="F1401" t="str">
            <v>兵庫県神戸市中央区小野柄通3-2-22</v>
          </cell>
          <cell r="H1401" t="str">
            <v>兵庫支店</v>
          </cell>
          <cell r="I1401" t="str">
            <v>支店長 加藤　宏一</v>
          </cell>
          <cell r="J1401" t="str">
            <v>東京都</v>
          </cell>
          <cell r="K1401" t="str">
            <v>078-855-2578</v>
          </cell>
          <cell r="L1401" t="str">
            <v>kisojiban.ks2@kiso.co.jp</v>
          </cell>
          <cell r="M1401" t="str">
            <v>ｷｿｼﾞﾊﾞﾝｺﾝｻﾙﾀﾝﾂ</v>
          </cell>
          <cell r="N1401" t="str">
            <v>有</v>
          </cell>
          <cell r="O1401">
            <v>65</v>
          </cell>
          <cell r="P1401">
            <v>551</v>
          </cell>
          <cell r="Q1401">
            <v>2010601036670</v>
          </cell>
          <cell r="R1401">
            <v>100000</v>
          </cell>
          <cell r="S1401">
            <v>3061242</v>
          </cell>
          <cell r="T1401">
            <v>12032614</v>
          </cell>
          <cell r="V1401" t="str">
            <v>sh914456</v>
          </cell>
          <cell r="W1401" t="str">
            <v>cg696004</v>
          </cell>
          <cell r="Y1401" t="str">
            <v>測量,測量,航空,土質,鋼構,河川,道路,地質,上水,下水,都市,土他,地質,水質,大気,騒音,交通,商業,調他</v>
          </cell>
          <cell r="Z1401">
            <v>202296</v>
          </cell>
          <cell r="AA1401" t="str">
            <v/>
          </cell>
          <cell r="AB1401">
            <v>6836845</v>
          </cell>
          <cell r="AC1401">
            <v>1275</v>
          </cell>
          <cell r="AD1401">
            <v>4227334</v>
          </cell>
          <cell r="AE1401" t="str">
            <v>計量証明</v>
          </cell>
          <cell r="AF1401">
            <v>143712</v>
          </cell>
          <cell r="AI1401">
            <v>3</v>
          </cell>
          <cell r="AJ1401" t="str">
            <v>土木</v>
          </cell>
          <cell r="CR1401">
            <v>9781</v>
          </cell>
          <cell r="CS1401" t="str">
            <v>ﾅｶﾞﾐﾈ ｶｵﾘ</v>
          </cell>
          <cell r="CT1401" t="str">
            <v>永嶺  香織</v>
          </cell>
          <cell r="CU1401" t="str">
            <v>総合教育センター</v>
          </cell>
          <cell r="CW1401" t="str">
            <v xml:space="preserve"> </v>
          </cell>
          <cell r="CX1401" t="str">
            <v>主査</v>
          </cell>
          <cell r="CY1401" t="str">
            <v>総合教育センター長</v>
          </cell>
        </row>
        <row r="1402">
          <cell r="B1402">
            <v>5336</v>
          </cell>
          <cell r="C1402" t="str">
            <v>キタイ設計(株)</v>
          </cell>
          <cell r="D1402" t="str">
            <v>078-262-6061</v>
          </cell>
          <cell r="E1402" t="str">
            <v>651-0084</v>
          </cell>
          <cell r="F1402" t="str">
            <v>兵庫県神戸市中央区磯辺通4-2-8</v>
          </cell>
          <cell r="G1402" t="str">
            <v>近江八幡市</v>
          </cell>
          <cell r="H1402" t="str">
            <v>神戸事務所</v>
          </cell>
          <cell r="I1402" t="str">
            <v>所長 辰已　慶臣</v>
          </cell>
          <cell r="J1402" t="str">
            <v>滋賀県近江八幡市</v>
          </cell>
          <cell r="K1402" t="str">
            <v>078-262-6062</v>
          </cell>
          <cell r="L1402" t="str">
            <v>info@kitai.jp</v>
          </cell>
          <cell r="M1402" t="str">
            <v>ｷﾀｲｾｯｹｲ</v>
          </cell>
          <cell r="N1402" t="str">
            <v>有</v>
          </cell>
          <cell r="O1402">
            <v>56</v>
          </cell>
          <cell r="P1402">
            <v>183</v>
          </cell>
          <cell r="Q1402">
            <v>2160001010600</v>
          </cell>
          <cell r="R1402">
            <v>90000</v>
          </cell>
          <cell r="S1402">
            <v>1365192</v>
          </cell>
          <cell r="T1402">
            <v>2549794</v>
          </cell>
          <cell r="V1402" t="str">
            <v>kj866354</v>
          </cell>
          <cell r="W1402" t="str">
            <v>vt354888</v>
          </cell>
          <cell r="Y1402" t="str">
            <v>測量,測量,航空,建築,意匠,構造,冷暖,衛生,電気,建積,機積,電積,調査,土質,鋼構,河川,道路,施行,建機,地質,造園,上水,下水,都市,スポ,環境,土他,土調,物件,地質,水質,大気,騒音,交通,商業,</v>
          </cell>
          <cell r="Z1402">
            <v>115944</v>
          </cell>
          <cell r="AA1402">
            <v>106835</v>
          </cell>
          <cell r="AB1402">
            <v>2224155</v>
          </cell>
          <cell r="AC1402">
            <v>38240</v>
          </cell>
          <cell r="AD1402" t="str">
            <v/>
          </cell>
          <cell r="AE1402" t="str">
            <v>地質調査</v>
          </cell>
          <cell r="AF1402">
            <v>66208</v>
          </cell>
          <cell r="AI1402">
            <v>3</v>
          </cell>
          <cell r="AJ1402" t="str">
            <v>土木</v>
          </cell>
          <cell r="CR1402">
            <v>9782</v>
          </cell>
          <cell r="CS1402" t="str">
            <v>ﾑｶｲ ｹｲｺ</v>
          </cell>
          <cell r="CT1402" t="str">
            <v>向井  敬子</v>
          </cell>
          <cell r="CU1402" t="str">
            <v>保健体育課</v>
          </cell>
          <cell r="CW1402">
            <v>3664</v>
          </cell>
          <cell r="CX1402" t="str">
            <v>主査</v>
          </cell>
          <cell r="CY1402" t="str">
            <v>保健体育課長</v>
          </cell>
        </row>
        <row r="1403">
          <cell r="B1403">
            <v>5341</v>
          </cell>
          <cell r="C1403" t="str">
            <v>(株)教育施設研究所</v>
          </cell>
          <cell r="D1403" t="str">
            <v>06-6354-3960</v>
          </cell>
          <cell r="E1403" t="str">
            <v>530-0044</v>
          </cell>
          <cell r="F1403" t="str">
            <v>大阪府大阪市北区東天満1-6-6 ｵｰｾﾝﾋﾞﾙ4階</v>
          </cell>
          <cell r="G1403" t="str">
            <v/>
          </cell>
          <cell r="H1403" t="str">
            <v>大阪事務所</v>
          </cell>
          <cell r="I1403" t="str">
            <v>常務取締役所長　 八田　利幸</v>
          </cell>
          <cell r="J1403" t="str">
            <v>東京都</v>
          </cell>
          <cell r="K1403" t="str">
            <v>06-6354-3963</v>
          </cell>
          <cell r="L1403" t="str">
            <v>tabira@kyoikushisetsu.co.jp</v>
          </cell>
          <cell r="M1403" t="str">
            <v>ｷﾖｳｲｸｼｾﾂｹﾝｷﾕｳｼﾖ</v>
          </cell>
          <cell r="N1403" t="str">
            <v>有</v>
          </cell>
          <cell r="O1403">
            <v>54</v>
          </cell>
          <cell r="P1403">
            <v>111</v>
          </cell>
          <cell r="Q1403">
            <v>9010001075610</v>
          </cell>
          <cell r="R1403">
            <v>36000</v>
          </cell>
          <cell r="S1403">
            <v>518967</v>
          </cell>
          <cell r="T1403">
            <v>1111713</v>
          </cell>
          <cell r="V1403" t="str">
            <v>qj628551</v>
          </cell>
          <cell r="W1403" t="str">
            <v>at975021</v>
          </cell>
          <cell r="Y1403" t="str">
            <v>建築,</v>
          </cell>
          <cell r="Z1403" t="str">
            <v/>
          </cell>
          <cell r="AA1403">
            <v>1142513</v>
          </cell>
          <cell r="AB1403" t="str">
            <v/>
          </cell>
          <cell r="AC1403" t="str">
            <v/>
          </cell>
          <cell r="AD1403" t="str">
            <v/>
          </cell>
          <cell r="AE1403" t="str">
            <v/>
          </cell>
          <cell r="AF1403" t="str">
            <v/>
          </cell>
          <cell r="AI1403">
            <v>2</v>
          </cell>
          <cell r="AJ1403" t="str">
            <v>建築</v>
          </cell>
          <cell r="CR1403">
            <v>9783</v>
          </cell>
          <cell r="CS1403" t="str">
            <v>ﾅｶｴ ﾋﾛﾀﾀﾞ</v>
          </cell>
          <cell r="CT1403" t="str">
            <v>中江  洋忠</v>
          </cell>
          <cell r="CU1403" t="str">
            <v>人権教育担当</v>
          </cell>
          <cell r="CW1403">
            <v>3753</v>
          </cell>
          <cell r="CX1403" t="str">
            <v>主査</v>
          </cell>
          <cell r="CY1403" t="str">
            <v>人権教育担当主幹</v>
          </cell>
        </row>
        <row r="1404">
          <cell r="B1404">
            <v>5342</v>
          </cell>
          <cell r="C1404" t="str">
            <v>(株)共栄テック</v>
          </cell>
          <cell r="D1404" t="str">
            <v>06-6384-5094</v>
          </cell>
          <cell r="E1404" t="str">
            <v>564-0063</v>
          </cell>
          <cell r="F1404" t="str">
            <v>大阪府吹田市江坂町3-17-9</v>
          </cell>
          <cell r="G1404" t="str">
            <v>吹田市</v>
          </cell>
          <cell r="H1404" t="str">
            <v/>
          </cell>
          <cell r="I1404" t="str">
            <v>代表取締役 松岡　敏夫</v>
          </cell>
          <cell r="J1404" t="str">
            <v>本店</v>
          </cell>
          <cell r="K1404" t="str">
            <v>06-6339-3264</v>
          </cell>
          <cell r="L1404" t="str">
            <v>kyoueit@pearl.ocn.ne.jp</v>
          </cell>
          <cell r="M1404" t="str">
            <v>ｷｮｳｴｲﾃｯｸ</v>
          </cell>
          <cell r="N1404" t="str">
            <v>無</v>
          </cell>
          <cell r="O1404">
            <v>51</v>
          </cell>
          <cell r="P1404">
            <v>14</v>
          </cell>
          <cell r="Q1404">
            <v>3120901006163</v>
          </cell>
          <cell r="R1404">
            <v>20000</v>
          </cell>
          <cell r="S1404">
            <v>38596</v>
          </cell>
          <cell r="T1404">
            <v>128724</v>
          </cell>
          <cell r="V1404" t="str">
            <v>rb838716</v>
          </cell>
          <cell r="W1404" t="str">
            <v>ts287192</v>
          </cell>
          <cell r="Y1404" t="str">
            <v>測量,測量,航空,土調,</v>
          </cell>
          <cell r="Z1404">
            <v>117793</v>
          </cell>
          <cell r="AA1404" t="str">
            <v/>
          </cell>
          <cell r="AB1404" t="str">
            <v/>
          </cell>
          <cell r="AC1404">
            <v>50482</v>
          </cell>
          <cell r="AD1404" t="str">
            <v/>
          </cell>
          <cell r="AE1404" t="str">
            <v/>
          </cell>
          <cell r="AF1404" t="str">
            <v/>
          </cell>
          <cell r="AI1404">
            <v>1</v>
          </cell>
          <cell r="AJ1404" t="str">
            <v>測量</v>
          </cell>
          <cell r="CR1404">
            <v>9794</v>
          </cell>
          <cell r="CS1404" t="str">
            <v>ﾓﾘｸﾞﾁ ｼﾝｲﾁ</v>
          </cell>
          <cell r="CT1404" t="str">
            <v>森口　真一</v>
          </cell>
          <cell r="CU1404" t="str">
            <v>学校指導課</v>
          </cell>
          <cell r="CW1404">
            <v>3642</v>
          </cell>
          <cell r="CY1404" t="str">
            <v>学校指導課長</v>
          </cell>
        </row>
        <row r="1405">
          <cell r="B1405">
            <v>5344</v>
          </cell>
          <cell r="C1405" t="str">
            <v>(株)京都イングス</v>
          </cell>
          <cell r="D1405" t="str">
            <v>0794-70-7531</v>
          </cell>
          <cell r="E1405" t="str">
            <v>673-0552</v>
          </cell>
          <cell r="F1405" t="str">
            <v>兵庫県三木市志染町中自由が丘1-240</v>
          </cell>
          <cell r="G1405" t="str">
            <v>三木市</v>
          </cell>
          <cell r="H1405" t="str">
            <v>神戸支店</v>
          </cell>
          <cell r="I1405" t="str">
            <v>支店長 中尾　一郎</v>
          </cell>
          <cell r="J1405" t="str">
            <v>京都府舞鶴市</v>
          </cell>
          <cell r="K1405" t="str">
            <v>0794-70-7533</v>
          </cell>
          <cell r="L1405" t="str">
            <v>osakainfo@ingz.co.jp</v>
          </cell>
          <cell r="M1405" t="str">
            <v>ｷｮｳﾄｲﾝｸﾞｽ</v>
          </cell>
          <cell r="N1405" t="str">
            <v>有</v>
          </cell>
          <cell r="O1405">
            <v>60</v>
          </cell>
          <cell r="P1405">
            <v>68</v>
          </cell>
          <cell r="Q1405">
            <v>1130001043777</v>
          </cell>
          <cell r="R1405">
            <v>20000</v>
          </cell>
          <cell r="S1405">
            <v>415016</v>
          </cell>
          <cell r="T1405">
            <v>749741</v>
          </cell>
          <cell r="V1405" t="str">
            <v>ag245596</v>
          </cell>
          <cell r="W1405" t="str">
            <v>kh679857</v>
          </cell>
          <cell r="Y1405" t="str">
            <v>測量,測量,航空,土質,鋼構,河川,道路,施行,地質,造園,上水,下水,都市,土調,土評,物件,機工,営業,損失,補償,登記,地質,交通,</v>
          </cell>
          <cell r="Z1405">
            <v>308609</v>
          </cell>
          <cell r="AA1405" t="str">
            <v/>
          </cell>
          <cell r="AB1405">
            <v>368136</v>
          </cell>
          <cell r="AC1405">
            <v>24305</v>
          </cell>
          <cell r="AD1405">
            <v>16467</v>
          </cell>
          <cell r="AE1405" t="str">
            <v>土地家屋調査士</v>
          </cell>
          <cell r="AF1405">
            <v>15731</v>
          </cell>
          <cell r="AI1405">
            <v>3</v>
          </cell>
          <cell r="AJ1405" t="str">
            <v>土木</v>
          </cell>
          <cell r="CR1405">
            <v>9795</v>
          </cell>
          <cell r="CS1405" t="str">
            <v>ｴﾝﾄﾞｳ ﾌﾐｺ</v>
          </cell>
          <cell r="CT1405" t="str">
            <v>遠藤　文子</v>
          </cell>
          <cell r="CU1405" t="str">
            <v>学校指導課</v>
          </cell>
          <cell r="CW1405">
            <v>3669</v>
          </cell>
          <cell r="CY1405" t="str">
            <v>学校指導課長</v>
          </cell>
        </row>
        <row r="1406">
          <cell r="B1406">
            <v>5345</v>
          </cell>
          <cell r="C1406" t="str">
            <v>共同設計(株)</v>
          </cell>
          <cell r="D1406" t="str">
            <v>06-6364-5836</v>
          </cell>
          <cell r="E1406" t="str">
            <v>530-0047</v>
          </cell>
          <cell r="F1406" t="str">
            <v>大阪府大阪市北区西天満5-10-14</v>
          </cell>
          <cell r="G1406" t="str">
            <v>大阪市</v>
          </cell>
          <cell r="H1406" t="str">
            <v/>
          </cell>
          <cell r="I1406" t="str">
            <v>代表取締役 飯田　精三</v>
          </cell>
          <cell r="J1406" t="str">
            <v>本店</v>
          </cell>
          <cell r="K1406" t="str">
            <v>06-6365-6171</v>
          </cell>
          <cell r="L1406" t="str">
            <v>gyomu@kyodo-sekkei.com</v>
          </cell>
          <cell r="M1406" t="str">
            <v>ｷｮｳﾄﾞｳｾｯｹｲ</v>
          </cell>
          <cell r="N1406" t="str">
            <v>無</v>
          </cell>
          <cell r="O1406">
            <v>61</v>
          </cell>
          <cell r="P1406">
            <v>55</v>
          </cell>
          <cell r="Q1406">
            <v>7120001062921</v>
          </cell>
          <cell r="R1406">
            <v>60000</v>
          </cell>
          <cell r="S1406">
            <v>343698</v>
          </cell>
          <cell r="T1406">
            <v>501054</v>
          </cell>
          <cell r="V1406" t="str">
            <v>aw934395</v>
          </cell>
          <cell r="W1406" t="str">
            <v>wx487524</v>
          </cell>
          <cell r="Y1406" t="str">
            <v>建築,意匠,構造,冷暖,衛生,電気,建積,機積,電積,調査,都市,</v>
          </cell>
          <cell r="Z1406" t="str">
            <v/>
          </cell>
          <cell r="AA1406">
            <v>501564</v>
          </cell>
          <cell r="AB1406">
            <v>1674</v>
          </cell>
          <cell r="AC1406" t="str">
            <v/>
          </cell>
          <cell r="AD1406" t="str">
            <v/>
          </cell>
          <cell r="AE1406" t="str">
            <v/>
          </cell>
          <cell r="AF1406" t="str">
            <v/>
          </cell>
          <cell r="AI1406">
            <v>2</v>
          </cell>
          <cell r="AJ1406" t="str">
            <v>建築</v>
          </cell>
          <cell r="CR1406">
            <v>9796</v>
          </cell>
          <cell r="CS1406" t="str">
            <v>ｽｲﾂ ｶｽﾞﾏｻ</v>
          </cell>
          <cell r="CT1406" t="str">
            <v>水津　和雅</v>
          </cell>
          <cell r="CU1406" t="str">
            <v>総合教育センター</v>
          </cell>
          <cell r="CW1406">
            <v>3685</v>
          </cell>
          <cell r="CY1406" t="str">
            <v>総合教育センター長</v>
          </cell>
        </row>
        <row r="1407">
          <cell r="B1407">
            <v>5347</v>
          </cell>
          <cell r="C1407" t="str">
            <v>(株)橋梁コンサルタント</v>
          </cell>
          <cell r="D1407" t="str">
            <v>079-224-6189</v>
          </cell>
          <cell r="E1407" t="str">
            <v>670-0844</v>
          </cell>
          <cell r="F1407" t="str">
            <v>兵庫県姫路市城東町野田2-2-9-103</v>
          </cell>
          <cell r="H1407" t="str">
            <v>兵庫事務所</v>
          </cell>
          <cell r="I1407" t="str">
            <v>所長 木津　敏明</v>
          </cell>
          <cell r="J1407" t="str">
            <v>東京都</v>
          </cell>
          <cell r="K1407" t="str">
            <v>079-224-6289</v>
          </cell>
          <cell r="L1407" t="str">
            <v>hyogo@kyoryo.co.jp</v>
          </cell>
          <cell r="M1407" t="str">
            <v>ｷｮｳﾘｮｳｺﾝｻﾙﾀﾝﾄ</v>
          </cell>
          <cell r="N1407" t="str">
            <v>有</v>
          </cell>
          <cell r="O1407">
            <v>58</v>
          </cell>
          <cell r="P1407">
            <v>119</v>
          </cell>
          <cell r="Q1407">
            <v>8013301003456</v>
          </cell>
          <cell r="R1407">
            <v>100000</v>
          </cell>
          <cell r="S1407">
            <v>400386</v>
          </cell>
          <cell r="T1407">
            <v>1895035</v>
          </cell>
          <cell r="V1407" t="str">
            <v>ay550382</v>
          </cell>
          <cell r="W1407" t="str">
            <v>ay487121</v>
          </cell>
          <cell r="Y1407" t="str">
            <v>測量,土質,鋼構,河川,道路,地質,土他,</v>
          </cell>
          <cell r="Z1407">
            <v>27631</v>
          </cell>
          <cell r="AA1407" t="str">
            <v/>
          </cell>
          <cell r="AB1407">
            <v>1808029</v>
          </cell>
          <cell r="AC1407" t="str">
            <v/>
          </cell>
          <cell r="AD1407">
            <v>20167</v>
          </cell>
          <cell r="AE1407" t="str">
            <v/>
          </cell>
          <cell r="AF1407" t="str">
            <v/>
          </cell>
          <cell r="AI1407">
            <v>3</v>
          </cell>
          <cell r="AJ1407" t="str">
            <v>土木</v>
          </cell>
          <cell r="CR1407">
            <v>9797</v>
          </cell>
          <cell r="CS1407" t="str">
            <v>ﾊﾔｼﾀﾞ ﾖｼｺ</v>
          </cell>
          <cell r="CT1407" t="str">
            <v>林田　佳子</v>
          </cell>
          <cell r="CU1407" t="str">
            <v>学校指導課</v>
          </cell>
          <cell r="CW1407">
            <v>4691</v>
          </cell>
          <cell r="CX1407" t="str">
            <v>主査</v>
          </cell>
          <cell r="CY1407" t="str">
            <v>学校指導課長</v>
          </cell>
        </row>
        <row r="1408">
          <cell r="B1408">
            <v>5349</v>
          </cell>
          <cell r="C1408" t="str">
            <v>(株)協和コンサルタンツ</v>
          </cell>
          <cell r="D1408" t="str">
            <v>072-790-2626</v>
          </cell>
          <cell r="E1408" t="str">
            <v>666-0115</v>
          </cell>
          <cell r="F1408" t="str">
            <v>兵庫県川西市向陽台3丁目1番地の16</v>
          </cell>
          <cell r="H1408" t="str">
            <v>兵庫営業所</v>
          </cell>
          <cell r="I1408" t="str">
            <v>所長 斉藤　健一</v>
          </cell>
          <cell r="J1408" t="str">
            <v>東京都</v>
          </cell>
          <cell r="K1408" t="str">
            <v>072-790-2627</v>
          </cell>
          <cell r="L1408" t="str">
            <v>honsha-s@kyowa-c.co.jp</v>
          </cell>
          <cell r="M1408" t="str">
            <v>ｷｮｳﾜｺﾝｻﾙﾀﾝﾂ</v>
          </cell>
          <cell r="N1408" t="str">
            <v>有</v>
          </cell>
          <cell r="O1408">
            <v>56</v>
          </cell>
          <cell r="P1408">
            <v>259</v>
          </cell>
          <cell r="Q1408">
            <v>2011001006553</v>
          </cell>
          <cell r="R1408">
            <v>1000000</v>
          </cell>
          <cell r="S1408">
            <v>1549080</v>
          </cell>
          <cell r="T1408">
            <v>4546885</v>
          </cell>
          <cell r="V1408" t="str">
            <v>dj286293</v>
          </cell>
          <cell r="W1408" t="str">
            <v>bb126883</v>
          </cell>
          <cell r="Y1408" t="str">
            <v>測量,建築,土質,鋼構,河川,道路,造園,上水,下水,都市,土他,物件,地質,</v>
          </cell>
          <cell r="Z1408">
            <v>74809</v>
          </cell>
          <cell r="AA1408">
            <v>162458</v>
          </cell>
          <cell r="AB1408">
            <v>4056599</v>
          </cell>
          <cell r="AC1408">
            <v>2613</v>
          </cell>
          <cell r="AD1408">
            <v>90720</v>
          </cell>
          <cell r="AE1408" t="str">
            <v>その他</v>
          </cell>
          <cell r="AF1408">
            <v>39756</v>
          </cell>
          <cell r="AI1408">
            <v>3</v>
          </cell>
          <cell r="AJ1408" t="str">
            <v>土木</v>
          </cell>
          <cell r="CR1408">
            <v>9848</v>
          </cell>
          <cell r="CS1408" t="str">
            <v>ｶﾄﾞﾜｷ ﾖｳｲﾁ</v>
          </cell>
          <cell r="CT1408" t="str">
            <v>門脇　陽一</v>
          </cell>
          <cell r="CU1408" t="str">
            <v>学校指導課</v>
          </cell>
          <cell r="CW1408">
            <v>4753</v>
          </cell>
          <cell r="CX1408" t="str">
            <v>主査</v>
          </cell>
          <cell r="CY1408" t="str">
            <v>学校指導課長</v>
          </cell>
        </row>
        <row r="1409">
          <cell r="B1409">
            <v>5350</v>
          </cell>
          <cell r="C1409" t="str">
            <v>協和設計(株)</v>
          </cell>
          <cell r="D1409" t="str">
            <v>078-393-2011</v>
          </cell>
          <cell r="E1409" t="str">
            <v>650-0034</v>
          </cell>
          <cell r="F1409" t="str">
            <v>兵庫県神戸市中央区京町83</v>
          </cell>
          <cell r="G1409" t="str">
            <v>茨木市</v>
          </cell>
          <cell r="H1409" t="str">
            <v>神戸支店</v>
          </cell>
          <cell r="I1409" t="str">
            <v>執行役員支店長 田中　正吾</v>
          </cell>
          <cell r="J1409" t="str">
            <v>大阪府茨木市</v>
          </cell>
          <cell r="K1409" t="str">
            <v>078-393-2012</v>
          </cell>
          <cell r="L1409" t="str">
            <v>kobe-eigyo@kyowask.co.jp</v>
          </cell>
          <cell r="M1409" t="str">
            <v>ｷｮｳﾜｾｯｹｲ</v>
          </cell>
          <cell r="N1409" t="str">
            <v>有</v>
          </cell>
          <cell r="O1409">
            <v>55</v>
          </cell>
          <cell r="P1409">
            <v>160</v>
          </cell>
          <cell r="Q1409">
            <v>2120901000679</v>
          </cell>
          <cell r="R1409">
            <v>75000</v>
          </cell>
          <cell r="S1409">
            <v>1818044</v>
          </cell>
          <cell r="T1409">
            <v>2365304</v>
          </cell>
          <cell r="V1409" t="str">
            <v>mx785671</v>
          </cell>
          <cell r="W1409" t="str">
            <v>jf162782</v>
          </cell>
          <cell r="Y1409" t="str">
            <v>測量,土質,鋼構,河川,道路,施行,地質,上水,下水,都市,騒音,交通,</v>
          </cell>
          <cell r="Z1409">
            <v>3035</v>
          </cell>
          <cell r="AA1409" t="str">
            <v/>
          </cell>
          <cell r="AB1409">
            <v>2338573</v>
          </cell>
          <cell r="AC1409" t="str">
            <v/>
          </cell>
          <cell r="AD1409" t="str">
            <v/>
          </cell>
          <cell r="AE1409" t="str">
            <v>地質調査業務</v>
          </cell>
          <cell r="AF1409">
            <v>23696</v>
          </cell>
          <cell r="AI1409">
            <v>3</v>
          </cell>
          <cell r="AJ1409" t="str">
            <v>土木</v>
          </cell>
          <cell r="CT1409" t="str">
            <v>中植　智子</v>
          </cell>
          <cell r="CU1409" t="str">
            <v>総合教育センター</v>
          </cell>
          <cell r="CW1409">
            <v>3684</v>
          </cell>
          <cell r="CY1409" t="str">
            <v>総合教育センター長</v>
          </cell>
        </row>
        <row r="1410">
          <cell r="B1410">
            <v>5351</v>
          </cell>
          <cell r="C1410" t="str">
            <v>(株)協和設計事務所</v>
          </cell>
          <cell r="D1410" t="str">
            <v>06-6943-8810</v>
          </cell>
          <cell r="E1410" t="str">
            <v>540-0029</v>
          </cell>
          <cell r="F1410" t="str">
            <v>大阪府大阪市中央区本町橋2-22</v>
          </cell>
          <cell r="G1410" t="str">
            <v>名古屋市</v>
          </cell>
          <cell r="H1410" t="str">
            <v>大阪支店</v>
          </cell>
          <cell r="I1410" t="str">
            <v>取締役支店長 久米　宏明</v>
          </cell>
          <cell r="J1410" t="str">
            <v>愛知県名古屋市</v>
          </cell>
          <cell r="K1410" t="str">
            <v>06-6943-8788</v>
          </cell>
          <cell r="L1410" t="str">
            <v>nakyowa@quartz.ocn.ne.jp</v>
          </cell>
          <cell r="M1410" t="str">
            <v>ｷｮｳｳﾜｾｯｹｲｼﾞﾑｼｮ</v>
          </cell>
          <cell r="N1410" t="str">
            <v>有</v>
          </cell>
          <cell r="O1410">
            <v>49</v>
          </cell>
          <cell r="P1410">
            <v>29</v>
          </cell>
          <cell r="Q1410">
            <v>3180001030034</v>
          </cell>
          <cell r="R1410">
            <v>10000</v>
          </cell>
          <cell r="S1410">
            <v>119244</v>
          </cell>
          <cell r="T1410">
            <v>318085</v>
          </cell>
          <cell r="V1410" t="str">
            <v>wu230882</v>
          </cell>
          <cell r="W1410" t="str">
            <v>ry841521</v>
          </cell>
          <cell r="Y1410" t="str">
            <v>建築,意匠,構造,建積,調査,</v>
          </cell>
          <cell r="Z1410" t="str">
            <v/>
          </cell>
          <cell r="AA1410">
            <v>267951</v>
          </cell>
          <cell r="AB1410" t="str">
            <v/>
          </cell>
          <cell r="AC1410" t="str">
            <v/>
          </cell>
          <cell r="AD1410" t="str">
            <v/>
          </cell>
          <cell r="AE1410" t="str">
            <v/>
          </cell>
          <cell r="AF1410" t="str">
            <v/>
          </cell>
          <cell r="AI1410">
            <v>2</v>
          </cell>
          <cell r="AJ1410" t="str">
            <v>建築</v>
          </cell>
          <cell r="CR1410">
            <v>9837</v>
          </cell>
          <cell r="CS1410" t="str">
            <v>ｼﾏﾓﾄ ｺｳｼﾞ</v>
          </cell>
          <cell r="CT1410" t="str">
            <v>嶋本　浩二</v>
          </cell>
          <cell r="CU1410" t="str">
            <v>学校指導課</v>
          </cell>
          <cell r="CW1410">
            <v>4702</v>
          </cell>
          <cell r="CX1410" t="str">
            <v>主査</v>
          </cell>
          <cell r="CY1410" t="str">
            <v>学校指導課長</v>
          </cell>
        </row>
        <row r="1411">
          <cell r="B1411">
            <v>5352</v>
          </cell>
          <cell r="C1411" t="str">
            <v>(株)極東技工コンサルタント</v>
          </cell>
          <cell r="D1411" t="str">
            <v>078-386-9450</v>
          </cell>
          <cell r="E1411" t="str">
            <v>650-0046</v>
          </cell>
          <cell r="F1411" t="str">
            <v>兵庫県神戸市中央区港島中町6-2-1-2-1103</v>
          </cell>
          <cell r="G1411" t="str">
            <v>吹田市</v>
          </cell>
          <cell r="H1411" t="str">
            <v>神戸事務所</v>
          </cell>
          <cell r="I1411" t="str">
            <v>所長 田中　孝一</v>
          </cell>
          <cell r="J1411" t="str">
            <v>大阪府吹田市</v>
          </cell>
          <cell r="K1411" t="str">
            <v>078-386-9450</v>
          </cell>
          <cell r="L1411" t="str">
            <v>a-eigyou@kgc21.co.jp</v>
          </cell>
          <cell r="M1411" t="str">
            <v>ｷｮｸﾄｳｷﾞｺｳｺﾝｻﾙﾀﾝﾄ</v>
          </cell>
          <cell r="N1411" t="str">
            <v>有</v>
          </cell>
          <cell r="O1411">
            <v>44</v>
          </cell>
          <cell r="P1411">
            <v>134</v>
          </cell>
          <cell r="Q1411">
            <v>2120901006107</v>
          </cell>
          <cell r="R1411">
            <v>50000</v>
          </cell>
          <cell r="S1411">
            <v>354256</v>
          </cell>
          <cell r="T1411">
            <v>1956022</v>
          </cell>
          <cell r="V1411" t="str">
            <v>kw261833</v>
          </cell>
          <cell r="W1411" t="str">
            <v>fg355874</v>
          </cell>
          <cell r="Y1411" t="str">
            <v>測量,建築,土質,鋼構,河川,道路,上水,下水,土他,地質,</v>
          </cell>
          <cell r="Z1411">
            <v>21355</v>
          </cell>
          <cell r="AA1411">
            <v>53032</v>
          </cell>
          <cell r="AB1411">
            <v>1768987</v>
          </cell>
          <cell r="AC1411" t="str">
            <v/>
          </cell>
          <cell r="AD1411">
            <v>20338</v>
          </cell>
          <cell r="AE1411" t="str">
            <v/>
          </cell>
          <cell r="AF1411" t="str">
            <v/>
          </cell>
          <cell r="AI1411">
            <v>3</v>
          </cell>
          <cell r="AJ1411" t="str">
            <v>土木</v>
          </cell>
          <cell r="CR1411">
            <v>7679</v>
          </cell>
          <cell r="CS1411" t="str">
            <v>ﾖｼﾀﾞﾀｶﾔｽ</v>
          </cell>
          <cell r="CT1411" t="str">
            <v>吉田　貴保</v>
          </cell>
          <cell r="CU1411" t="str">
            <v>道路保全課</v>
          </cell>
          <cell r="CW1411">
            <v>4742</v>
          </cell>
          <cell r="CY1411" t="str">
            <v>道路保全課長</v>
          </cell>
        </row>
        <row r="1412">
          <cell r="B1412">
            <v>5353</v>
          </cell>
          <cell r="C1412" t="str">
            <v>近畿技術コンサルタンツ(株)</v>
          </cell>
          <cell r="D1412" t="str">
            <v>078-335-5780</v>
          </cell>
          <cell r="E1412" t="str">
            <v>650-0034</v>
          </cell>
          <cell r="F1412" t="str">
            <v>兵庫県神戸市中央区京町79</v>
          </cell>
          <cell r="G1412" t="str">
            <v>大阪市</v>
          </cell>
          <cell r="H1412" t="str">
            <v>神戸事務所</v>
          </cell>
          <cell r="I1412" t="str">
            <v>所長 穂波　寿一</v>
          </cell>
          <cell r="J1412" t="str">
            <v>大阪府大阪市</v>
          </cell>
          <cell r="K1412" t="str">
            <v>078-335-5782</v>
          </cell>
          <cell r="L1412" t="str">
            <v>d-eigyo@kingi.co.jp</v>
          </cell>
          <cell r="M1412" t="str">
            <v>ｷﾝｷｷﾞｼﾞｭﾂｺﾝｻﾙﾀﾝﾂ</v>
          </cell>
          <cell r="N1412" t="str">
            <v>有</v>
          </cell>
          <cell r="O1412">
            <v>54</v>
          </cell>
          <cell r="P1412">
            <v>56</v>
          </cell>
          <cell r="Q1412">
            <v>2120001078261</v>
          </cell>
          <cell r="R1412">
            <v>76000</v>
          </cell>
          <cell r="S1412">
            <v>425648</v>
          </cell>
          <cell r="T1412">
            <v>620941</v>
          </cell>
          <cell r="V1412" t="str">
            <v>hs964000</v>
          </cell>
          <cell r="W1412" t="str">
            <v>vb531515</v>
          </cell>
          <cell r="Y1412" t="str">
            <v>測量,測量,航空,建築,意匠,構造,冷暖,衛生,電気,建積,機積,電積,調査,土質,鋼構,河川,道路,下水,都市,土他,土調,物件,機工,交通,</v>
          </cell>
          <cell r="Z1412">
            <v>12798</v>
          </cell>
          <cell r="AA1412" t="str">
            <v/>
          </cell>
          <cell r="AB1412">
            <v>599664</v>
          </cell>
          <cell r="AC1412" t="str">
            <v/>
          </cell>
          <cell r="AD1412">
            <v>8479</v>
          </cell>
          <cell r="AE1412" t="str">
            <v/>
          </cell>
          <cell r="AF1412" t="str">
            <v/>
          </cell>
          <cell r="AI1412">
            <v>3</v>
          </cell>
          <cell r="AJ1412" t="str">
            <v>土木</v>
          </cell>
          <cell r="CR1412">
            <v>7888</v>
          </cell>
          <cell r="CS1412" t="str">
            <v>ﾓﾘｶﾜ ﾏﾎ</v>
          </cell>
          <cell r="CT1412" t="str">
            <v>森川　真帆</v>
          </cell>
          <cell r="CU1412" t="str">
            <v>営繕課</v>
          </cell>
          <cell r="CW1412">
            <v>4868</v>
          </cell>
        </row>
        <row r="1413">
          <cell r="B1413">
            <v>5355</v>
          </cell>
          <cell r="C1413" t="str">
            <v>(株)キンキ地質センター</v>
          </cell>
          <cell r="D1413" t="str">
            <v>078-441-6688</v>
          </cell>
          <cell r="E1413" t="str">
            <v>658-0083</v>
          </cell>
          <cell r="F1413" t="str">
            <v>兵庫県神戸市東灘区魚崎中町1-6-3-501</v>
          </cell>
          <cell r="G1413" t="str">
            <v>京都市</v>
          </cell>
          <cell r="H1413" t="str">
            <v>神戸営業所</v>
          </cell>
          <cell r="I1413" t="str">
            <v>所長 守本　博昭</v>
          </cell>
          <cell r="J1413" t="str">
            <v>京都府京都市</v>
          </cell>
          <cell r="K1413" t="str">
            <v>078-441-6691</v>
          </cell>
          <cell r="L1413" t="str">
            <v>kyoto-sales@kinki-geo.co.jp</v>
          </cell>
          <cell r="M1413" t="str">
            <v>ｷﾝｷﾁｼﾂｾﾝﾀｰ</v>
          </cell>
          <cell r="N1413" t="str">
            <v>有</v>
          </cell>
          <cell r="O1413">
            <v>62</v>
          </cell>
          <cell r="P1413">
            <v>57</v>
          </cell>
          <cell r="Q1413">
            <v>8130001014292</v>
          </cell>
          <cell r="R1413">
            <v>40000</v>
          </cell>
          <cell r="S1413">
            <v>391452</v>
          </cell>
          <cell r="T1413">
            <v>681725</v>
          </cell>
          <cell r="V1413" t="str">
            <v>ab536017</v>
          </cell>
          <cell r="W1413" t="str">
            <v>uw635003</v>
          </cell>
          <cell r="Y1413" t="str">
            <v>測量,土質,河川,道路,地質,地質,</v>
          </cell>
          <cell r="Z1413">
            <v>14084</v>
          </cell>
          <cell r="AA1413" t="str">
            <v/>
          </cell>
          <cell r="AB1413">
            <v>96185</v>
          </cell>
          <cell r="AC1413" t="str">
            <v/>
          </cell>
          <cell r="AD1413">
            <v>557627</v>
          </cell>
          <cell r="AE1413" t="str">
            <v>その他</v>
          </cell>
          <cell r="AF1413">
            <v>13829</v>
          </cell>
          <cell r="AI1413">
            <v>5</v>
          </cell>
          <cell r="AJ1413" t="str">
            <v>調査</v>
          </cell>
          <cell r="CR1413">
            <v>7650</v>
          </cell>
          <cell r="CS1413" t="str">
            <v>ﾊﾔｼ ﾅｵﾔ</v>
          </cell>
          <cell r="CT1413" t="str">
            <v>林　直矢</v>
          </cell>
          <cell r="CU1413" t="str">
            <v>生活環境課</v>
          </cell>
          <cell r="CW1413">
            <v>4673</v>
          </cell>
        </row>
        <row r="1414">
          <cell r="B1414">
            <v>5358</v>
          </cell>
          <cell r="C1414" t="str">
            <v>(株)近代設計</v>
          </cell>
          <cell r="D1414" t="str">
            <v>078-389-6046</v>
          </cell>
          <cell r="E1414" t="str">
            <v>650-0038</v>
          </cell>
          <cell r="F1414" t="str">
            <v>兵庫県神戸市中央区西町35</v>
          </cell>
          <cell r="H1414" t="str">
            <v>神戸営業所</v>
          </cell>
          <cell r="I1414" t="str">
            <v>所長 大西　千裕</v>
          </cell>
          <cell r="J1414" t="str">
            <v>東京都</v>
          </cell>
          <cell r="K1414" t="str">
            <v>078-389-6047</v>
          </cell>
          <cell r="L1414" t="str">
            <v>osaka@kindai.co.jp</v>
          </cell>
          <cell r="M1414" t="str">
            <v>ｷﾝﾀﾞｲｾｯｹｲ</v>
          </cell>
          <cell r="N1414" t="str">
            <v>有</v>
          </cell>
          <cell r="O1414">
            <v>49</v>
          </cell>
          <cell r="P1414">
            <v>175</v>
          </cell>
          <cell r="Q1414">
            <v>7010001014264</v>
          </cell>
          <cell r="R1414">
            <v>50000</v>
          </cell>
          <cell r="S1414">
            <v>784126</v>
          </cell>
          <cell r="T1414">
            <v>3417659</v>
          </cell>
          <cell r="V1414" t="str">
            <v>jb919414</v>
          </cell>
          <cell r="W1414" t="str">
            <v>um690262</v>
          </cell>
          <cell r="Y1414" t="str">
            <v>測量,土質,鋼構,河川,道路,施行,下水,都市,地質,交通,</v>
          </cell>
          <cell r="Z1414">
            <v>22703</v>
          </cell>
          <cell r="AA1414" t="str">
            <v/>
          </cell>
          <cell r="AB1414">
            <v>3374539</v>
          </cell>
          <cell r="AC1414" t="str">
            <v/>
          </cell>
          <cell r="AD1414">
            <v>18121</v>
          </cell>
          <cell r="AE1414" t="str">
            <v/>
          </cell>
          <cell r="AF1414" t="str">
            <v/>
          </cell>
          <cell r="AI1414">
            <v>3</v>
          </cell>
          <cell r="AJ1414" t="str">
            <v>土木</v>
          </cell>
          <cell r="CR1414">
            <v>7589</v>
          </cell>
          <cell r="CS1414" t="str">
            <v>ﾀｶｵｶ ﾀｸﾔ</v>
          </cell>
          <cell r="CT1414" t="str">
            <v>高岡　卓也</v>
          </cell>
          <cell r="CU1414" t="str">
            <v>環境保全課</v>
          </cell>
          <cell r="CW1414">
            <v>4664</v>
          </cell>
        </row>
        <row r="1415">
          <cell r="B1415">
            <v>5359</v>
          </cell>
          <cell r="C1415" t="str">
            <v>(株)キクチコンサルタント</v>
          </cell>
          <cell r="D1415" t="str">
            <v>0796-29-3191</v>
          </cell>
          <cell r="E1415" t="str">
            <v>668-0055</v>
          </cell>
          <cell r="F1415" t="str">
            <v>兵庫県豊岡市昭和町2-50</v>
          </cell>
          <cell r="G1415" t="str">
            <v>京都市</v>
          </cell>
          <cell r="H1415" t="str">
            <v>豊岡営業所</v>
          </cell>
          <cell r="I1415" t="str">
            <v>所長 竹坂　貞夫</v>
          </cell>
          <cell r="J1415" t="str">
            <v>京都府京都市</v>
          </cell>
          <cell r="K1415" t="str">
            <v>0796-29-3192</v>
          </cell>
          <cell r="L1415" t="str">
            <v>toyooka-get@kikuchi-con.co.jp</v>
          </cell>
          <cell r="M1415" t="str">
            <v>ｷｸﾁｺﾝｻﾙﾀﾝﾄ</v>
          </cell>
          <cell r="N1415" t="str">
            <v>有</v>
          </cell>
          <cell r="O1415">
            <v>63</v>
          </cell>
          <cell r="P1415">
            <v>64</v>
          </cell>
          <cell r="Q1415">
            <v>6130001004576</v>
          </cell>
          <cell r="R1415">
            <v>48000</v>
          </cell>
          <cell r="S1415">
            <v>386272</v>
          </cell>
          <cell r="T1415">
            <v>916939</v>
          </cell>
          <cell r="V1415" t="str">
            <v>ja138128</v>
          </cell>
          <cell r="W1415" t="str">
            <v>pq140802</v>
          </cell>
          <cell r="Y1415" t="str">
            <v>測量,測量,航空,土質,鋼構,河川,道路,施行,地質,造園,上水,下水,土調,物件,地質,交通,</v>
          </cell>
          <cell r="Z1415">
            <v>148060</v>
          </cell>
          <cell r="AA1415" t="str">
            <v/>
          </cell>
          <cell r="AB1415">
            <v>671923</v>
          </cell>
          <cell r="AC1415">
            <v>13300</v>
          </cell>
          <cell r="AD1415">
            <v>7686</v>
          </cell>
          <cell r="AE1415" t="str">
            <v/>
          </cell>
          <cell r="AF1415" t="str">
            <v/>
          </cell>
          <cell r="AI1415">
            <v>3</v>
          </cell>
          <cell r="AJ1415" t="str">
            <v>土木</v>
          </cell>
          <cell r="CR1415">
            <v>7579</v>
          </cell>
          <cell r="CS1415" t="str">
            <v>ﾎｼﾉ ｶｽﾞｻ</v>
          </cell>
          <cell r="CT1415" t="str">
            <v>星野　和佐</v>
          </cell>
          <cell r="CU1415" t="str">
            <v>営繕課</v>
          </cell>
          <cell r="CW1415">
            <v>4661</v>
          </cell>
        </row>
        <row r="1416">
          <cell r="B1416">
            <v>5360</v>
          </cell>
          <cell r="C1416" t="str">
            <v>(株)共和技術研究所</v>
          </cell>
          <cell r="D1416" t="str">
            <v>06-6266-3003</v>
          </cell>
          <cell r="E1416" t="str">
            <v>542-0081</v>
          </cell>
          <cell r="F1416" t="str">
            <v>大阪府大阪市中央区南船場1-6-12</v>
          </cell>
          <cell r="G1416" t="str">
            <v>大阪市</v>
          </cell>
          <cell r="H1416" t="str">
            <v/>
          </cell>
          <cell r="I1416" t="str">
            <v>代表取締役 堀田　憲一</v>
          </cell>
          <cell r="J1416" t="str">
            <v>本店</v>
          </cell>
          <cell r="K1416" t="str">
            <v>06-6266-3366</v>
          </cell>
          <cell r="L1416" t="str">
            <v>t_yamamoto@kyowa-tri.co.jp</v>
          </cell>
          <cell r="M1416" t="str">
            <v>ｷｮｳﾜｷﾞｼﾞｭﾂｹﾝｷｭｳｼｮ</v>
          </cell>
          <cell r="N1416" t="str">
            <v>無</v>
          </cell>
          <cell r="O1416">
            <v>51</v>
          </cell>
          <cell r="P1416">
            <v>24</v>
          </cell>
          <cell r="Q1416">
            <v>8120001005144</v>
          </cell>
          <cell r="R1416">
            <v>30000</v>
          </cell>
          <cell r="S1416">
            <v>132117</v>
          </cell>
          <cell r="T1416">
            <v>375368</v>
          </cell>
          <cell r="V1416" t="str">
            <v>zn902957</v>
          </cell>
          <cell r="W1416" t="str">
            <v>my500342</v>
          </cell>
          <cell r="Y1416" t="str">
            <v>測量,鋼構,河川,道路,</v>
          </cell>
          <cell r="Z1416">
            <v>5165</v>
          </cell>
          <cell r="AA1416" t="str">
            <v/>
          </cell>
          <cell r="AB1416">
            <v>233435</v>
          </cell>
          <cell r="AC1416" t="str">
            <v/>
          </cell>
          <cell r="AD1416" t="str">
            <v/>
          </cell>
          <cell r="AE1416" t="str">
            <v/>
          </cell>
          <cell r="AF1416" t="str">
            <v/>
          </cell>
          <cell r="AI1416">
            <v>3</v>
          </cell>
          <cell r="AJ1416" t="str">
            <v>土木</v>
          </cell>
          <cell r="CR1416">
            <v>7915</v>
          </cell>
          <cell r="CS1416" t="str">
            <v>ﾖｼｶﾜ ﾀｸﾐ</v>
          </cell>
          <cell r="CT1416" t="str">
            <v>吉川　匠</v>
          </cell>
          <cell r="CU1416" t="str">
            <v>営繕課</v>
          </cell>
          <cell r="CW1416">
            <v>4878</v>
          </cell>
        </row>
        <row r="1417">
          <cell r="B1417">
            <v>5368</v>
          </cell>
          <cell r="C1417" t="str">
            <v>(株)キミコン</v>
          </cell>
          <cell r="D1417" t="str">
            <v>078-907-6172</v>
          </cell>
          <cell r="E1417" t="str">
            <v>651-1121</v>
          </cell>
          <cell r="F1417" t="str">
            <v>兵庫県神戸市北区星和台1-9-12</v>
          </cell>
          <cell r="G1417" t="str">
            <v>神戸市</v>
          </cell>
          <cell r="H1417" t="str">
            <v>兵庫営業所</v>
          </cell>
          <cell r="I1417" t="str">
            <v>営業所長 安野　正一</v>
          </cell>
          <cell r="J1417" t="str">
            <v>福井県鯖江市</v>
          </cell>
          <cell r="K1417" t="str">
            <v>078-907-6173</v>
          </cell>
          <cell r="L1417" t="str">
            <v>engineering@kimizu.co.jp</v>
          </cell>
          <cell r="M1417" t="str">
            <v>ｷﾐｺﾝ</v>
          </cell>
          <cell r="N1417" t="str">
            <v>有</v>
          </cell>
          <cell r="O1417">
            <v>32</v>
          </cell>
          <cell r="P1417">
            <v>101</v>
          </cell>
          <cell r="Q1417">
            <v>4210001012812</v>
          </cell>
          <cell r="R1417">
            <v>30000</v>
          </cell>
          <cell r="S1417">
            <v>436999</v>
          </cell>
          <cell r="T1417">
            <v>1141770</v>
          </cell>
          <cell r="V1417" t="str">
            <v>ni176532</v>
          </cell>
          <cell r="W1417" t="str">
            <v>zl153657</v>
          </cell>
          <cell r="Y1417" t="str">
            <v>測量,測量,航空,土質,鋼構,河川,道路,地質,下水,土他,土調,物件,機工,営業,損失,補償,地質,</v>
          </cell>
          <cell r="Z1417">
            <v>40928</v>
          </cell>
          <cell r="AA1417" t="str">
            <v/>
          </cell>
          <cell r="AB1417">
            <v>688878</v>
          </cell>
          <cell r="AC1417">
            <v>121108</v>
          </cell>
          <cell r="AD1417">
            <v>53740</v>
          </cell>
          <cell r="AE1417" t="str">
            <v>埋蔵文化財発掘調査業務</v>
          </cell>
          <cell r="AF1417">
            <v>199477</v>
          </cell>
          <cell r="AI1417">
            <v>3</v>
          </cell>
          <cell r="AJ1417" t="str">
            <v>土木</v>
          </cell>
          <cell r="CR1417">
            <v>7801</v>
          </cell>
          <cell r="CS1417" t="str">
            <v>ﾎﾘｴ ﾋﾄﾐ</v>
          </cell>
          <cell r="CT1417" t="str">
            <v>堀江　仁美</v>
          </cell>
          <cell r="CU1417" t="str">
            <v>営繕課</v>
          </cell>
          <cell r="CW1417">
            <v>4810</v>
          </cell>
        </row>
        <row r="1418">
          <cell r="B1418">
            <v>5369</v>
          </cell>
          <cell r="C1418" t="str">
            <v>(一社)近畿建設協会</v>
          </cell>
          <cell r="D1418" t="str">
            <v>078-334-1050</v>
          </cell>
          <cell r="E1418" t="str">
            <v>650-0024</v>
          </cell>
          <cell r="F1418" t="str">
            <v>兵庫県神戸市中央区海岸通2-4-8</v>
          </cell>
          <cell r="G1418" t="str">
            <v>大阪市</v>
          </cell>
          <cell r="H1418" t="str">
            <v>神戸支所</v>
          </cell>
          <cell r="I1418" t="str">
            <v>支所長 黒谷　努</v>
          </cell>
          <cell r="J1418" t="str">
            <v>大阪府大阪市</v>
          </cell>
          <cell r="K1418" t="str">
            <v>078-334-1060</v>
          </cell>
          <cell r="L1418" t="str">
            <v>infokk-eigyo@kyokai-kinki.or.jp</v>
          </cell>
          <cell r="M1418" t="str">
            <v>ｷﾝｷｹﾝｾﾂｷｮｳｶｲ</v>
          </cell>
          <cell r="N1418" t="str">
            <v>有</v>
          </cell>
          <cell r="O1418">
            <v>55</v>
          </cell>
          <cell r="P1418">
            <v>200</v>
          </cell>
          <cell r="Q1418">
            <v>8120005003053</v>
          </cell>
          <cell r="R1418">
            <v>4318339</v>
          </cell>
          <cell r="S1418">
            <v>4318339</v>
          </cell>
          <cell r="T1418">
            <v>2439535</v>
          </cell>
          <cell r="V1418" t="str">
            <v>cx134527</v>
          </cell>
          <cell r="W1418" t="str">
            <v>rh117666</v>
          </cell>
          <cell r="Y1418" t="str">
            <v>測量,航空,建築,建積,土質,鋼構,河川,道路,施行,地質,土調,土評,物件,機工,営業,損失,補償,</v>
          </cell>
          <cell r="Z1418">
            <v>21136</v>
          </cell>
          <cell r="AA1418" t="str">
            <v/>
          </cell>
          <cell r="AB1418">
            <v>1714951</v>
          </cell>
          <cell r="AC1418">
            <v>116659</v>
          </cell>
          <cell r="AD1418" t="str">
            <v/>
          </cell>
          <cell r="AE1418" t="str">
            <v/>
          </cell>
          <cell r="AF1418" t="str">
            <v/>
          </cell>
          <cell r="AI1418">
            <v>3</v>
          </cell>
          <cell r="AJ1418" t="str">
            <v>土木</v>
          </cell>
          <cell r="CR1418">
            <v>7910</v>
          </cell>
          <cell r="CS1418" t="str">
            <v>ｵｵｶﾜ ﾖｼﾀｶ</v>
          </cell>
          <cell r="CT1418" t="str">
            <v>大河　芳賢</v>
          </cell>
          <cell r="CU1418" t="str">
            <v>道路保全課</v>
          </cell>
          <cell r="CW1418">
            <v>4883</v>
          </cell>
        </row>
        <row r="1419">
          <cell r="B1419">
            <v>5370</v>
          </cell>
          <cell r="C1419" t="str">
            <v>(株)技研施工</v>
          </cell>
          <cell r="D1419" t="str">
            <v>088-803-1192</v>
          </cell>
          <cell r="E1419" t="str">
            <v>781-5195</v>
          </cell>
          <cell r="F1419" t="str">
            <v>高知県高知市布師田3948-1</v>
          </cell>
          <cell r="G1419" t="str">
            <v>高知市</v>
          </cell>
          <cell r="H1419" t="str">
            <v/>
          </cell>
          <cell r="I1419" t="str">
            <v>代表取締役　 大平　厚</v>
          </cell>
          <cell r="J1419" t="str">
            <v>本店</v>
          </cell>
          <cell r="K1419" t="str">
            <v>088-803-1212</v>
          </cell>
          <cell r="L1419" t="str">
            <v>sekok-somu@giken.com</v>
          </cell>
          <cell r="M1419" t="str">
            <v/>
          </cell>
          <cell r="N1419" t="str">
            <v>無</v>
          </cell>
          <cell r="O1419">
            <v>28</v>
          </cell>
          <cell r="P1419">
            <v>122</v>
          </cell>
          <cell r="Q1419">
            <v>3490000000000</v>
          </cell>
          <cell r="R1419">
            <v>30000</v>
          </cell>
          <cell r="S1419">
            <v>1774235</v>
          </cell>
          <cell r="T1419">
            <v>7458718</v>
          </cell>
          <cell r="V1419" t="str">
            <v>bc135768</v>
          </cell>
          <cell r="W1419" t="str">
            <v>on177583</v>
          </cell>
          <cell r="Y1419" t="str">
            <v>測量,河川,</v>
          </cell>
          <cell r="Z1419" t="str">
            <v/>
          </cell>
          <cell r="AA1419" t="str">
            <v/>
          </cell>
          <cell r="AB1419" t="str">
            <v/>
          </cell>
          <cell r="AC1419" t="str">
            <v/>
          </cell>
          <cell r="AD1419" t="str">
            <v/>
          </cell>
          <cell r="AE1419" t="str">
            <v/>
          </cell>
          <cell r="AF1419" t="str">
            <v/>
          </cell>
          <cell r="AI1419">
            <v>1</v>
          </cell>
          <cell r="AJ1419" t="str">
            <v>測量</v>
          </cell>
          <cell r="CR1419">
            <v>7913</v>
          </cell>
          <cell r="CS1419" t="str">
            <v>ﾔﾏｼﾀ ﾘｮｳ</v>
          </cell>
          <cell r="CT1419" t="str">
            <v>山下　諒</v>
          </cell>
          <cell r="CU1419" t="str">
            <v>営繕課</v>
          </cell>
          <cell r="CW1419">
            <v>4784</v>
          </cell>
        </row>
        <row r="1420">
          <cell r="B1420">
            <v>5371</v>
          </cell>
          <cell r="C1420" t="str">
            <v>(株)技研製作所</v>
          </cell>
          <cell r="D1420" t="str">
            <v>088-846-2943</v>
          </cell>
          <cell r="E1420" t="str">
            <v>781-5195</v>
          </cell>
          <cell r="F1420" t="str">
            <v>高知県高知市布師田3948-1</v>
          </cell>
          <cell r="G1420" t="str">
            <v>高知市</v>
          </cell>
          <cell r="H1420" t="str">
            <v/>
          </cell>
          <cell r="I1420" t="str">
            <v>代表取締役 北村　精男</v>
          </cell>
          <cell r="J1420" t="str">
            <v>本店</v>
          </cell>
          <cell r="K1420" t="str">
            <v>088-846-2939</v>
          </cell>
          <cell r="L1420" t="str">
            <v>sekok-somu@giken.com</v>
          </cell>
          <cell r="M1420" t="str">
            <v>ｷﾞｹﾝｾｲｻｸｼｮ</v>
          </cell>
          <cell r="N1420" t="str">
            <v>無</v>
          </cell>
          <cell r="O1420">
            <v>24</v>
          </cell>
          <cell r="P1420">
            <v>368</v>
          </cell>
          <cell r="Q1420">
            <v>5490001000359</v>
          </cell>
          <cell r="R1420">
            <v>8055000</v>
          </cell>
          <cell r="S1420">
            <v>29576000</v>
          </cell>
          <cell r="T1420">
            <v>25965000</v>
          </cell>
          <cell r="V1420" t="str">
            <v>cf173921</v>
          </cell>
          <cell r="W1420" t="str">
            <v>km134641</v>
          </cell>
          <cell r="Y1420" t="str">
            <v>測量,建築,意匠,</v>
          </cell>
          <cell r="Z1420" t="str">
            <v/>
          </cell>
          <cell r="AA1420" t="str">
            <v/>
          </cell>
          <cell r="AB1420" t="str">
            <v/>
          </cell>
          <cell r="AC1420" t="str">
            <v/>
          </cell>
          <cell r="AD1420" t="str">
            <v/>
          </cell>
          <cell r="AE1420" t="str">
            <v/>
          </cell>
          <cell r="AF1420" t="str">
            <v/>
          </cell>
          <cell r="AI1420">
            <v>1</v>
          </cell>
          <cell r="AJ1420" t="str">
            <v>測量</v>
          </cell>
        </row>
        <row r="1421">
          <cell r="B1421">
            <v>5373</v>
          </cell>
          <cell r="C1421" t="str">
            <v>(株)きんそく</v>
          </cell>
          <cell r="D1421" t="str">
            <v>075-682-7710</v>
          </cell>
          <cell r="E1421" t="str">
            <v>601-8134</v>
          </cell>
          <cell r="F1421" t="str">
            <v>京都府京都市南区上鳥羽大溝6</v>
          </cell>
          <cell r="G1421" t="str">
            <v>京都市</v>
          </cell>
          <cell r="H1421" t="str">
            <v/>
          </cell>
          <cell r="I1421" t="str">
            <v>代表取締役 奥野　勝司</v>
          </cell>
          <cell r="J1421" t="str">
            <v>本店</v>
          </cell>
          <cell r="K1421" t="str">
            <v>075-682-7720</v>
          </cell>
          <cell r="L1421" t="str">
            <v>tender@kinsoku.com</v>
          </cell>
          <cell r="M1421" t="str">
            <v>ｷﾝｿｸ</v>
          </cell>
          <cell r="N1421" t="str">
            <v>無</v>
          </cell>
          <cell r="O1421">
            <v>25</v>
          </cell>
          <cell r="P1421">
            <v>185</v>
          </cell>
          <cell r="Q1421">
            <v>3130001010437</v>
          </cell>
          <cell r="R1421">
            <v>20150</v>
          </cell>
          <cell r="S1421">
            <v>768691</v>
          </cell>
          <cell r="T1421">
            <v>1749952</v>
          </cell>
          <cell r="V1421" t="str">
            <v>sg117522</v>
          </cell>
          <cell r="W1421" t="str">
            <v>uv181768</v>
          </cell>
          <cell r="Y1421" t="str">
            <v>測量,航空,鋼構,施行,下水,土他,物件,地質,交通,調他</v>
          </cell>
          <cell r="Z1421">
            <v>877650</v>
          </cell>
          <cell r="AA1421" t="str">
            <v/>
          </cell>
          <cell r="AB1421">
            <v>64713</v>
          </cell>
          <cell r="AC1421">
            <v>112187</v>
          </cell>
          <cell r="AD1421">
            <v>616060</v>
          </cell>
          <cell r="AE1421" t="str">
            <v/>
          </cell>
          <cell r="AF1421" t="str">
            <v/>
          </cell>
          <cell r="AI1421">
            <v>1</v>
          </cell>
          <cell r="AJ1421" t="str">
            <v>測量</v>
          </cell>
        </row>
        <row r="1422">
          <cell r="B1422">
            <v>5374</v>
          </cell>
          <cell r="C1422" t="str">
            <v>(株)共同建築設計事務所</v>
          </cell>
          <cell r="D1422" t="str">
            <v>06-6195-3621</v>
          </cell>
          <cell r="E1422" t="str">
            <v>533-0033</v>
          </cell>
          <cell r="F1422" t="str">
            <v>大阪府大阪市東淀川区東中島1-17-18</v>
          </cell>
          <cell r="H1422" t="str">
            <v>関西支社</v>
          </cell>
          <cell r="I1422" t="str">
            <v>支社長 山下　健司</v>
          </cell>
          <cell r="J1422" t="str">
            <v>東京都</v>
          </cell>
          <cell r="K1422" t="str">
            <v>06-6195-3622</v>
          </cell>
          <cell r="L1422" t="str">
            <v>kyodo@kyodo-aa.co.jp</v>
          </cell>
          <cell r="M1422" t="str">
            <v>ｷｮｳﾄﾞｳｹﾝﾁｸｾｯｹｲｼﾞﾑｼｮ</v>
          </cell>
          <cell r="N1422" t="str">
            <v>有</v>
          </cell>
          <cell r="O1422">
            <v>60</v>
          </cell>
          <cell r="P1422">
            <v>69</v>
          </cell>
          <cell r="Q1422">
            <v>7011101005260</v>
          </cell>
          <cell r="R1422">
            <v>50000</v>
          </cell>
          <cell r="S1422">
            <v>104443</v>
          </cell>
          <cell r="T1422">
            <v>633936</v>
          </cell>
          <cell r="V1422" t="str">
            <v>br102245</v>
          </cell>
          <cell r="W1422" t="str">
            <v>ya113775</v>
          </cell>
          <cell r="Y1422" t="str">
            <v>建築,</v>
          </cell>
          <cell r="Z1422" t="str">
            <v/>
          </cell>
          <cell r="AA1422">
            <v>652563</v>
          </cell>
          <cell r="AB1422" t="str">
            <v/>
          </cell>
          <cell r="AC1422" t="str">
            <v/>
          </cell>
          <cell r="AD1422" t="str">
            <v/>
          </cell>
          <cell r="AE1422" t="str">
            <v/>
          </cell>
          <cell r="AF1422" t="str">
            <v/>
          </cell>
          <cell r="AI1422">
            <v>2</v>
          </cell>
          <cell r="AJ1422" t="str">
            <v>建築</v>
          </cell>
        </row>
        <row r="1423">
          <cell r="B1423">
            <v>5381</v>
          </cell>
          <cell r="C1423" t="str">
            <v>(株)空間創研</v>
          </cell>
          <cell r="D1423" t="str">
            <v>06-4709-6933</v>
          </cell>
          <cell r="E1423" t="str">
            <v>530-0026</v>
          </cell>
          <cell r="F1423" t="str">
            <v>大阪府大阪市北区神山町1-5 扇町公園ﾋﾞﾙ6F</v>
          </cell>
          <cell r="G1423" t="str">
            <v>京都市</v>
          </cell>
          <cell r="H1423" t="str">
            <v>大阪事務所</v>
          </cell>
          <cell r="I1423" t="str">
            <v>取締役大阪事務所長　 日野　誠次</v>
          </cell>
          <cell r="J1423" t="str">
            <v>京都府京都市</v>
          </cell>
          <cell r="K1423" t="str">
            <v>06-4709-6934</v>
          </cell>
          <cell r="L1423" t="str">
            <v>hino@kukan.com</v>
          </cell>
          <cell r="M1423" t="str">
            <v>ｸｳｶﾝｿｳｹﾝ</v>
          </cell>
          <cell r="N1423" t="str">
            <v>有</v>
          </cell>
          <cell r="O1423">
            <v>34</v>
          </cell>
          <cell r="P1423">
            <v>18</v>
          </cell>
          <cell r="Q1423">
            <v>5130001020566</v>
          </cell>
          <cell r="R1423">
            <v>30000</v>
          </cell>
          <cell r="S1423">
            <v>33521</v>
          </cell>
          <cell r="T1423">
            <v>262902</v>
          </cell>
          <cell r="V1423" t="str">
            <v>qy591279</v>
          </cell>
          <cell r="W1423" t="str">
            <v>nx722928</v>
          </cell>
          <cell r="Y1423" t="str">
            <v>測量,建築,意匠,造園,都市,</v>
          </cell>
          <cell r="Z1423">
            <v>6908</v>
          </cell>
          <cell r="AA1423">
            <v>17132</v>
          </cell>
          <cell r="AB1423">
            <v>218151</v>
          </cell>
          <cell r="AC1423" t="str">
            <v/>
          </cell>
          <cell r="AD1423" t="str">
            <v/>
          </cell>
          <cell r="AE1423" t="str">
            <v/>
          </cell>
          <cell r="AF1423" t="str">
            <v/>
          </cell>
          <cell r="AI1423">
            <v>3</v>
          </cell>
          <cell r="AJ1423" t="str">
            <v>土木</v>
          </cell>
        </row>
        <row r="1424">
          <cell r="B1424">
            <v>5383</v>
          </cell>
          <cell r="C1424" t="str">
            <v>(株)ＫＵＳ建築設計事務所</v>
          </cell>
          <cell r="D1424" t="str">
            <v>06-6262-1246</v>
          </cell>
          <cell r="E1424" t="str">
            <v>541-0059</v>
          </cell>
          <cell r="F1424" t="str">
            <v>大阪府大阪市博労町2-3-1</v>
          </cell>
          <cell r="G1424" t="str">
            <v>大阪市</v>
          </cell>
          <cell r="H1424" t="str">
            <v/>
          </cell>
          <cell r="I1424" t="str">
            <v>代表取締役 種　雄司</v>
          </cell>
          <cell r="J1424" t="str">
            <v>本店</v>
          </cell>
          <cell r="K1424" t="str">
            <v>06-6262-1245</v>
          </cell>
          <cell r="L1424" t="str">
            <v>jdm05125@nifty</v>
          </cell>
          <cell r="M1424" t="str">
            <v>ｸｽｹﾝﾁｸｾｯｹｲｼﾞﾑｼｮ</v>
          </cell>
          <cell r="N1424" t="str">
            <v>無</v>
          </cell>
          <cell r="O1424">
            <v>47</v>
          </cell>
          <cell r="P1424">
            <v>5</v>
          </cell>
          <cell r="Q1424">
            <v>4120001078391</v>
          </cell>
          <cell r="R1424">
            <v>10000</v>
          </cell>
          <cell r="S1424">
            <v>48597</v>
          </cell>
          <cell r="T1424">
            <v>72460</v>
          </cell>
          <cell r="V1424" t="str">
            <v>yf404506</v>
          </cell>
          <cell r="W1424" t="str">
            <v>tx422101</v>
          </cell>
          <cell r="Y1424" t="str">
            <v/>
          </cell>
          <cell r="Z1424" t="str">
            <v/>
          </cell>
          <cell r="AA1424">
            <v>72460</v>
          </cell>
          <cell r="AB1424" t="str">
            <v/>
          </cell>
          <cell r="AC1424" t="str">
            <v/>
          </cell>
          <cell r="AD1424" t="str">
            <v/>
          </cell>
          <cell r="AE1424" t="str">
            <v/>
          </cell>
          <cell r="AF1424">
            <v>72460</v>
          </cell>
          <cell r="AI1424" t="str">
            <v>土木</v>
          </cell>
          <cell r="AJ1424" t="str">
            <v>大阪府</v>
          </cell>
        </row>
        <row r="1425">
          <cell r="B1425">
            <v>5385</v>
          </cell>
          <cell r="C1425" t="str">
            <v>(株)久米設計</v>
          </cell>
          <cell r="D1425" t="str">
            <v>06-6444-1161</v>
          </cell>
          <cell r="E1425" t="str">
            <v>550-0002</v>
          </cell>
          <cell r="F1425" t="str">
            <v>大阪府大阪市西区江戸堀1-10-8</v>
          </cell>
          <cell r="H1425" t="str">
            <v>大阪支社</v>
          </cell>
          <cell r="I1425" t="str">
            <v>支社長 小牧　実豊</v>
          </cell>
          <cell r="J1425" t="str">
            <v>東京都</v>
          </cell>
          <cell r="K1425" t="str">
            <v>06-6444-1167</v>
          </cell>
          <cell r="L1425" t="str">
            <v>osaka@kumesekkei.co.jp</v>
          </cell>
          <cell r="M1425" t="str">
            <v>ｸﾒｾｯｹｲ</v>
          </cell>
          <cell r="N1425" t="str">
            <v>有</v>
          </cell>
          <cell r="O1425">
            <v>86</v>
          </cell>
          <cell r="P1425">
            <v>634</v>
          </cell>
          <cell r="Q1425">
            <v>3010601021886</v>
          </cell>
          <cell r="R1425">
            <v>90000</v>
          </cell>
          <cell r="S1425">
            <v>9165028</v>
          </cell>
          <cell r="T1425">
            <v>11614633</v>
          </cell>
          <cell r="V1425" t="str">
            <v>vu624081</v>
          </cell>
          <cell r="W1425" t="str">
            <v>zt835488</v>
          </cell>
          <cell r="Y1425" t="str">
            <v>建築,意匠,構造,冷暖,衛生,電気,建積,機積,電積,調査,都市,</v>
          </cell>
          <cell r="Z1425" t="str">
            <v/>
          </cell>
          <cell r="AA1425">
            <v>10471039</v>
          </cell>
          <cell r="AB1425">
            <v>1143594</v>
          </cell>
          <cell r="AC1425" t="str">
            <v/>
          </cell>
          <cell r="AD1425" t="str">
            <v/>
          </cell>
          <cell r="AE1425" t="str">
            <v/>
          </cell>
          <cell r="AF1425" t="str">
            <v/>
          </cell>
          <cell r="AI1425">
            <v>2</v>
          </cell>
          <cell r="AJ1425" t="str">
            <v>建築</v>
          </cell>
        </row>
        <row r="1426">
          <cell r="B1426">
            <v>5387</v>
          </cell>
          <cell r="C1426" t="str">
            <v>(株)グリーンエコ</v>
          </cell>
          <cell r="D1426" t="str">
            <v>06-6484-5571</v>
          </cell>
          <cell r="E1426" t="str">
            <v>542-0081</v>
          </cell>
          <cell r="F1426" t="str">
            <v>大阪府大阪市中央区南船場1-17-11</v>
          </cell>
          <cell r="G1426" t="str">
            <v>大阪市</v>
          </cell>
          <cell r="H1426" t="str">
            <v/>
          </cell>
          <cell r="I1426" t="str">
            <v>代表取締役 岡村　雅明</v>
          </cell>
          <cell r="J1426" t="str">
            <v>本店</v>
          </cell>
          <cell r="K1426" t="str">
            <v>06-6484-5573</v>
          </cell>
          <cell r="L1426" t="str">
            <v>greeneco-k@wine.ocn.ne.jp</v>
          </cell>
          <cell r="M1426" t="str">
            <v>ｸﾞﾘｰﾝｴｺ</v>
          </cell>
          <cell r="N1426" t="str">
            <v>無</v>
          </cell>
          <cell r="O1426">
            <v>23</v>
          </cell>
          <cell r="P1426">
            <v>18</v>
          </cell>
          <cell r="Q1426">
            <v>2120001115147</v>
          </cell>
          <cell r="R1426">
            <v>10000</v>
          </cell>
          <cell r="S1426">
            <v>28075</v>
          </cell>
          <cell r="T1426">
            <v>216982</v>
          </cell>
          <cell r="V1426" t="str">
            <v>zw597950</v>
          </cell>
          <cell r="W1426" t="str">
            <v>xw897087</v>
          </cell>
          <cell r="Y1426" t="str">
            <v>建築,意匠,建積,調査,河川,道路,造園,上水,都市,環境,土他,地質,水質,大気,騒音,交通,商業,調他</v>
          </cell>
          <cell r="Z1426" t="str">
            <v/>
          </cell>
          <cell r="AA1426" t="str">
            <v/>
          </cell>
          <cell r="AB1426">
            <v>46667</v>
          </cell>
          <cell r="AC1426" t="str">
            <v/>
          </cell>
          <cell r="AD1426">
            <v>155558</v>
          </cell>
          <cell r="AE1426" t="str">
            <v>計量証明事業</v>
          </cell>
          <cell r="AF1426">
            <v>15164</v>
          </cell>
          <cell r="AI1426">
            <v>5</v>
          </cell>
          <cell r="AJ1426" t="str">
            <v>調査</v>
          </cell>
        </row>
        <row r="1427">
          <cell r="B1427">
            <v>5388</v>
          </cell>
          <cell r="C1427" t="str">
            <v>(有)グリーン測量</v>
          </cell>
          <cell r="D1427" t="str">
            <v>072-778-7660</v>
          </cell>
          <cell r="E1427" t="str">
            <v>664-0002</v>
          </cell>
          <cell r="F1427" t="str">
            <v>兵庫県伊丹市荻野1-172-1</v>
          </cell>
          <cell r="G1427" t="str">
            <v>伊丹市</v>
          </cell>
          <cell r="H1427" t="str">
            <v/>
          </cell>
          <cell r="I1427" t="str">
            <v>取締役 川上　靖</v>
          </cell>
          <cell r="J1427" t="str">
            <v>本店</v>
          </cell>
          <cell r="K1427" t="str">
            <v>072-778-7665</v>
          </cell>
          <cell r="L1427" t="str">
            <v>u-greensurvey@gol.com</v>
          </cell>
          <cell r="M1427" t="str">
            <v>ｸﾞﾘｰﾝｿｸﾘｮｳ</v>
          </cell>
          <cell r="N1427" t="str">
            <v>無</v>
          </cell>
          <cell r="O1427">
            <v>16</v>
          </cell>
          <cell r="P1427">
            <v>1</v>
          </cell>
          <cell r="Q1427">
            <v>7140002068073</v>
          </cell>
          <cell r="R1427">
            <v>3000</v>
          </cell>
          <cell r="S1427">
            <v>3000</v>
          </cell>
          <cell r="T1427">
            <v>6723</v>
          </cell>
          <cell r="V1427" t="str">
            <v>xc812496</v>
          </cell>
          <cell r="W1427" t="str">
            <v>gw347946</v>
          </cell>
          <cell r="Y1427" t="str">
            <v>測量,</v>
          </cell>
          <cell r="Z1427">
            <v>6723</v>
          </cell>
          <cell r="AA1427" t="str">
            <v/>
          </cell>
          <cell r="AB1427" t="str">
            <v/>
          </cell>
          <cell r="AC1427" t="str">
            <v/>
          </cell>
          <cell r="AD1427" t="str">
            <v/>
          </cell>
          <cell r="AE1427" t="str">
            <v/>
          </cell>
          <cell r="AF1427" t="str">
            <v/>
          </cell>
          <cell r="AI1427">
            <v>1</v>
          </cell>
          <cell r="AJ1427" t="str">
            <v>測量</v>
          </cell>
        </row>
        <row r="1428">
          <cell r="B1428">
            <v>5390</v>
          </cell>
          <cell r="C1428" t="str">
            <v>(株)黒田建築設計事務所</v>
          </cell>
          <cell r="D1428" t="str">
            <v>078-574-0678</v>
          </cell>
          <cell r="E1428" t="str">
            <v>652-0047</v>
          </cell>
          <cell r="F1428" t="str">
            <v>兵庫県神戸市兵庫区下沢通2-1-17</v>
          </cell>
          <cell r="G1428" t="str">
            <v>神戸市</v>
          </cell>
          <cell r="H1428" t="str">
            <v/>
          </cell>
          <cell r="I1428" t="str">
            <v>代表取締役 湖亀　一登</v>
          </cell>
          <cell r="J1428" t="str">
            <v>本店</v>
          </cell>
          <cell r="K1428" t="str">
            <v>078-574-1838</v>
          </cell>
          <cell r="L1428" t="str">
            <v>eigyou@kuroda-sekkei.jp</v>
          </cell>
          <cell r="M1428" t="str">
            <v>ｸﾛﾀﾞｹﾝﾁｸｾｯｹｲｼﾞﾑｼｮ</v>
          </cell>
          <cell r="N1428" t="str">
            <v>無</v>
          </cell>
          <cell r="O1428">
            <v>54</v>
          </cell>
          <cell r="P1428">
            <v>27</v>
          </cell>
          <cell r="Q1428">
            <v>9140001007328</v>
          </cell>
          <cell r="R1428">
            <v>20000</v>
          </cell>
          <cell r="S1428">
            <v>254874</v>
          </cell>
          <cell r="T1428">
            <v>185129</v>
          </cell>
          <cell r="V1428" t="str">
            <v>nv786037</v>
          </cell>
          <cell r="W1428" t="str">
            <v>zc738420</v>
          </cell>
          <cell r="Y1428" t="str">
            <v>建築,意匠,構造,冷暖,衛生,電気,建積,機積,電積,</v>
          </cell>
          <cell r="Z1428" t="str">
            <v/>
          </cell>
          <cell r="AA1428">
            <v>231102</v>
          </cell>
          <cell r="AB1428" t="str">
            <v/>
          </cell>
          <cell r="AC1428" t="str">
            <v/>
          </cell>
          <cell r="AD1428" t="str">
            <v/>
          </cell>
          <cell r="AE1428" t="str">
            <v/>
          </cell>
          <cell r="AF1428" t="str">
            <v/>
          </cell>
          <cell r="AI1428">
            <v>2</v>
          </cell>
          <cell r="AJ1428" t="str">
            <v>建築</v>
          </cell>
        </row>
        <row r="1429">
          <cell r="B1429">
            <v>5391</v>
          </cell>
          <cell r="C1429" t="str">
            <v>黒田測量設計(株)</v>
          </cell>
          <cell r="D1429" t="str">
            <v>0795-72-1901</v>
          </cell>
          <cell r="E1429" t="str">
            <v>669-3314</v>
          </cell>
          <cell r="F1429" t="str">
            <v>兵庫県丹波市柏原町挙田101</v>
          </cell>
          <cell r="G1429" t="str">
            <v>丹波市</v>
          </cell>
          <cell r="H1429" t="str">
            <v/>
          </cell>
          <cell r="I1429" t="str">
            <v>代表取締役 黒田　好信</v>
          </cell>
          <cell r="J1429" t="str">
            <v>本店</v>
          </cell>
          <cell r="K1429" t="str">
            <v>0795-73-0559</v>
          </cell>
          <cell r="L1429" t="str">
            <v>info@kuroda-sokuryo.co.jp</v>
          </cell>
          <cell r="M1429" t="str">
            <v>ｸﾛﾀﾞｿｸﾘｮｳｾｯｹｲ</v>
          </cell>
          <cell r="N1429" t="str">
            <v>無</v>
          </cell>
          <cell r="O1429">
            <v>51</v>
          </cell>
          <cell r="P1429">
            <v>8</v>
          </cell>
          <cell r="Q1429">
            <v>9140001041046</v>
          </cell>
          <cell r="R1429">
            <v>20000</v>
          </cell>
          <cell r="S1429">
            <v>10799</v>
          </cell>
          <cell r="T1429">
            <v>48419</v>
          </cell>
          <cell r="V1429" t="str">
            <v>fe402051</v>
          </cell>
          <cell r="W1429" t="str">
            <v>ux646845</v>
          </cell>
          <cell r="Y1429" t="str">
            <v>測量,測量,航空,鋼構,河川,道路,土調,物件,</v>
          </cell>
          <cell r="Z1429">
            <v>38729</v>
          </cell>
          <cell r="AA1429" t="str">
            <v/>
          </cell>
          <cell r="AB1429" t="str">
            <v/>
          </cell>
          <cell r="AC1429">
            <v>9690</v>
          </cell>
          <cell r="AD1429" t="str">
            <v/>
          </cell>
          <cell r="AE1429" t="str">
            <v/>
          </cell>
          <cell r="AF1429" t="str">
            <v/>
          </cell>
          <cell r="AI1429">
            <v>1</v>
          </cell>
          <cell r="AJ1429" t="str">
            <v>測量</v>
          </cell>
        </row>
        <row r="1430">
          <cell r="B1430">
            <v>5394</v>
          </cell>
          <cell r="C1430" t="str">
            <v>(株)倉田総合鑑定</v>
          </cell>
          <cell r="D1430" t="str">
            <v>078-755-5210</v>
          </cell>
          <cell r="E1430" t="str">
            <v>520-0051</v>
          </cell>
          <cell r="F1430" t="str">
            <v>兵庫県神戸市垂水区下畑町字上口884-4</v>
          </cell>
          <cell r="G1430" t="str">
            <v>奈良市</v>
          </cell>
          <cell r="H1430" t="str">
            <v>兵庫営業所</v>
          </cell>
          <cell r="I1430" t="str">
            <v>兵庫営業所長 染谷　直弘</v>
          </cell>
          <cell r="J1430" t="str">
            <v>奈良県奈良市</v>
          </cell>
          <cell r="K1430" t="str">
            <v>078-755-5211</v>
          </cell>
          <cell r="L1430" t="str">
            <v>soumu@kuratakantei.co.jp</v>
          </cell>
          <cell r="M1430" t="str">
            <v>ｸﾗﾀｿｳｺﾞｳｶﾝﾃｲ</v>
          </cell>
          <cell r="N1430" t="str">
            <v>有</v>
          </cell>
          <cell r="O1430">
            <v>15</v>
          </cell>
          <cell r="P1430">
            <v>18</v>
          </cell>
          <cell r="Q1430">
            <v>8150001004572</v>
          </cell>
          <cell r="R1430">
            <v>10000</v>
          </cell>
          <cell r="S1430">
            <v>19128</v>
          </cell>
          <cell r="T1430">
            <v>89428</v>
          </cell>
          <cell r="V1430" t="str">
            <v>gb738378</v>
          </cell>
          <cell r="W1430" t="str">
            <v>eb781740</v>
          </cell>
          <cell r="Y1430" t="str">
            <v>土調,土評,物件,機工,営業,損失,補償,</v>
          </cell>
          <cell r="Z1430">
            <v>242</v>
          </cell>
          <cell r="AA1430" t="str">
            <v/>
          </cell>
          <cell r="AB1430" t="str">
            <v/>
          </cell>
          <cell r="AC1430">
            <v>89428</v>
          </cell>
          <cell r="AD1430" t="str">
            <v/>
          </cell>
          <cell r="AE1430" t="str">
            <v/>
          </cell>
          <cell r="AF1430" t="str">
            <v/>
          </cell>
          <cell r="AI1430">
            <v>4</v>
          </cell>
          <cell r="AJ1430" t="str">
            <v>補償</v>
          </cell>
        </row>
        <row r="1431">
          <cell r="B1431">
            <v>5395</v>
          </cell>
          <cell r="C1431" t="str">
            <v>(株)空間デザイン</v>
          </cell>
          <cell r="D1431" t="str">
            <v>06-6192-8751</v>
          </cell>
          <cell r="E1431" t="str">
            <v>564-0062</v>
          </cell>
          <cell r="F1431" t="str">
            <v>大阪府吹田市垂水町3-24-1</v>
          </cell>
          <cell r="G1431" t="str">
            <v>吹田市</v>
          </cell>
          <cell r="H1431" t="str">
            <v/>
          </cell>
          <cell r="I1431" t="str">
            <v>代表取締役 阿部　弘明</v>
          </cell>
          <cell r="J1431" t="str">
            <v>本店</v>
          </cell>
          <cell r="K1431" t="str">
            <v>06-6192-8752</v>
          </cell>
          <cell r="L1431" t="str">
            <v>nyusatu@sd-arc.jp</v>
          </cell>
          <cell r="M1431" t="str">
            <v>ｸｳｶﾝﾃﾞｻﾞｲﾝ</v>
          </cell>
          <cell r="N1431" t="str">
            <v>無</v>
          </cell>
          <cell r="O1431">
            <v>22</v>
          </cell>
          <cell r="P1431">
            <v>25</v>
          </cell>
          <cell r="Q1431">
            <v>8120901006274</v>
          </cell>
          <cell r="R1431">
            <v>10000</v>
          </cell>
          <cell r="S1431">
            <v>21838</v>
          </cell>
          <cell r="T1431">
            <v>213817</v>
          </cell>
          <cell r="V1431" t="str">
            <v>ee152875</v>
          </cell>
          <cell r="W1431" t="str">
            <v>an482473</v>
          </cell>
          <cell r="Y1431" t="str">
            <v>建築,意匠,構造,冷暖,衛生,電気,建積,調査,</v>
          </cell>
          <cell r="Z1431" t="str">
            <v/>
          </cell>
          <cell r="AA1431">
            <v>198547</v>
          </cell>
          <cell r="AB1431" t="str">
            <v/>
          </cell>
          <cell r="AC1431" t="str">
            <v/>
          </cell>
          <cell r="AD1431" t="str">
            <v/>
          </cell>
          <cell r="AE1431" t="str">
            <v/>
          </cell>
          <cell r="AF1431" t="str">
            <v/>
          </cell>
          <cell r="AI1431">
            <v>2</v>
          </cell>
          <cell r="AJ1431" t="str">
            <v>建築</v>
          </cell>
        </row>
        <row r="1432">
          <cell r="B1432">
            <v>5396</v>
          </cell>
          <cell r="C1432" t="str">
            <v>國年上下水道設計(株)</v>
          </cell>
          <cell r="D1432" t="str">
            <v>078-414-6162</v>
          </cell>
          <cell r="E1432" t="str">
            <v>658-0022</v>
          </cell>
          <cell r="F1432" t="str">
            <v>兵庫県神戸市東灘区深江南町3-7-17-502</v>
          </cell>
          <cell r="G1432" t="str">
            <v>大阪狭山市</v>
          </cell>
          <cell r="H1432" t="str">
            <v>兵庫営業所</v>
          </cell>
          <cell r="I1432" t="str">
            <v>所長 井上　勝</v>
          </cell>
          <cell r="J1432" t="str">
            <v>大阪府大阪狭山市</v>
          </cell>
          <cell r="K1432" t="str">
            <v>078-414-6164</v>
          </cell>
          <cell r="L1432" t="str">
            <v>kunitosi@wk9.so-net.ne.jp</v>
          </cell>
          <cell r="M1432" t="str">
            <v>ｸﾆﾄｼｼﾞｮｳｹﾞｽｲﾄﾞｳｾｯｹｲ</v>
          </cell>
          <cell r="N1432" t="str">
            <v>有</v>
          </cell>
          <cell r="O1432">
            <v>48</v>
          </cell>
          <cell r="P1432">
            <v>15</v>
          </cell>
          <cell r="Q1432">
            <v>2120101026525</v>
          </cell>
          <cell r="R1432">
            <v>10000</v>
          </cell>
          <cell r="S1432">
            <v>56192</v>
          </cell>
          <cell r="T1432">
            <v>134227</v>
          </cell>
          <cell r="V1432" t="str">
            <v>bu431299</v>
          </cell>
          <cell r="W1432" t="str">
            <v>hq340921</v>
          </cell>
          <cell r="Y1432" t="str">
            <v>測量,建築,電気,上水,下水,</v>
          </cell>
          <cell r="Z1432">
            <v>5603</v>
          </cell>
          <cell r="AA1432" t="str">
            <v/>
          </cell>
          <cell r="AB1432">
            <v>106448</v>
          </cell>
          <cell r="AC1432" t="str">
            <v/>
          </cell>
          <cell r="AD1432" t="str">
            <v/>
          </cell>
          <cell r="AE1432" t="str">
            <v/>
          </cell>
          <cell r="AF1432" t="str">
            <v/>
          </cell>
          <cell r="AI1432">
            <v>3</v>
          </cell>
          <cell r="AJ1432" t="str">
            <v>土木</v>
          </cell>
        </row>
        <row r="1433">
          <cell r="B1433">
            <v>5397</v>
          </cell>
          <cell r="C1433" t="str">
            <v>倉測建設コンサルタント(株)</v>
          </cell>
          <cell r="D1433" t="str">
            <v>078-325-1080</v>
          </cell>
          <cell r="E1433" t="str">
            <v>650-0033</v>
          </cell>
          <cell r="F1433" t="str">
            <v>兵庫県神戸市中央区江戸町104</v>
          </cell>
          <cell r="G1433" t="str">
            <v>倉敷市</v>
          </cell>
          <cell r="H1433" t="str">
            <v>神戸支店</v>
          </cell>
          <cell r="I1433" t="str">
            <v>支店長 川原　弘一</v>
          </cell>
          <cell r="J1433" t="str">
            <v>岡山県倉敷市</v>
          </cell>
          <cell r="K1433" t="str">
            <v>078-325-1081</v>
          </cell>
          <cell r="L1433" t="str">
            <v>eigyou-h@kurasoku.co.jp</v>
          </cell>
          <cell r="M1433" t="str">
            <v>ｸﾗｿｸｹﾝｾﾂｺﾝｻﾙﾀﾝﾄ</v>
          </cell>
          <cell r="N1433" t="str">
            <v>有</v>
          </cell>
          <cell r="O1433">
            <v>49</v>
          </cell>
          <cell r="P1433">
            <v>36</v>
          </cell>
          <cell r="Q1433">
            <v>9260001013223</v>
          </cell>
          <cell r="R1433">
            <v>20000</v>
          </cell>
          <cell r="S1433">
            <v>51220</v>
          </cell>
          <cell r="T1433">
            <v>218371</v>
          </cell>
          <cell r="V1433" t="str">
            <v>dd927995</v>
          </cell>
          <cell r="W1433" t="str">
            <v>bh343010</v>
          </cell>
          <cell r="Y1433" t="str">
            <v>測量,測量,建築,土質,鋼構,道路,上水,下水,土調,物件,損失,地質,</v>
          </cell>
          <cell r="Z1433">
            <v>64719</v>
          </cell>
          <cell r="AA1433">
            <v>874</v>
          </cell>
          <cell r="AB1433">
            <v>129418</v>
          </cell>
          <cell r="AC1433">
            <v>18792</v>
          </cell>
          <cell r="AD1433">
            <v>3361</v>
          </cell>
          <cell r="AE1433" t="str">
            <v/>
          </cell>
          <cell r="AF1433" t="str">
            <v/>
          </cell>
          <cell r="AI1433">
            <v>3</v>
          </cell>
          <cell r="AJ1433" t="str">
            <v>土木</v>
          </cell>
        </row>
        <row r="1434">
          <cell r="B1434">
            <v>5398</v>
          </cell>
          <cell r="C1434" t="str">
            <v>熊谷不動産鑑定士事務所</v>
          </cell>
          <cell r="D1434" t="str">
            <v>0797-87-4393</v>
          </cell>
          <cell r="E1434" t="str">
            <v>665-0861</v>
          </cell>
          <cell r="F1434" t="str">
            <v>兵庫県宝塚市中山寺1-5-20</v>
          </cell>
          <cell r="G1434" t="str">
            <v>宝塚市</v>
          </cell>
          <cell r="H1434" t="str">
            <v/>
          </cell>
          <cell r="I1434" t="str">
            <v xml:space="preserve"> 熊谷　有剛</v>
          </cell>
          <cell r="J1434" t="str">
            <v>本店</v>
          </cell>
          <cell r="K1434" t="str">
            <v>0797-87-4393</v>
          </cell>
          <cell r="L1434" t="str">
            <v>info@r-valuer.com</v>
          </cell>
          <cell r="M1434" t="str">
            <v>ｸﾏﾀﾆﾌﾄﾞｳｻﾝｶﾝﾃｲｼｼﾞﾑｼｮ</v>
          </cell>
          <cell r="N1434" t="str">
            <v>無</v>
          </cell>
          <cell r="O1434">
            <v>13</v>
          </cell>
          <cell r="P1434">
            <v>2</v>
          </cell>
          <cell r="R1434">
            <v>0</v>
          </cell>
          <cell r="S1434">
            <v>2783</v>
          </cell>
          <cell r="T1434">
            <v>8553</v>
          </cell>
          <cell r="V1434" t="str">
            <v>py935706</v>
          </cell>
          <cell r="W1434" t="str">
            <v>xn786957</v>
          </cell>
          <cell r="Y1434" t="str">
            <v>鑑定,</v>
          </cell>
          <cell r="Z1434" t="str">
            <v/>
          </cell>
          <cell r="AA1434" t="str">
            <v/>
          </cell>
          <cell r="AB1434" t="str">
            <v/>
          </cell>
          <cell r="AC1434">
            <v>8000</v>
          </cell>
          <cell r="AD1434" t="str">
            <v/>
          </cell>
          <cell r="AE1434" t="str">
            <v/>
          </cell>
          <cell r="AF1434" t="str">
            <v/>
          </cell>
          <cell r="AI1434">
            <v>4</v>
          </cell>
          <cell r="AJ1434" t="str">
            <v>補償</v>
          </cell>
        </row>
        <row r="1435">
          <cell r="B1435">
            <v>5406</v>
          </cell>
          <cell r="C1435" t="str">
            <v>(株)ケイ設計</v>
          </cell>
          <cell r="D1435" t="str">
            <v>0794-85-6962</v>
          </cell>
          <cell r="E1435" t="str">
            <v>673-0541</v>
          </cell>
          <cell r="F1435" t="str">
            <v>兵庫県三木市志染町広野1-38</v>
          </cell>
          <cell r="G1435" t="str">
            <v>三木市</v>
          </cell>
          <cell r="H1435" t="str">
            <v/>
          </cell>
          <cell r="I1435" t="str">
            <v>代表取締役 橘田　睦之</v>
          </cell>
          <cell r="J1435" t="str">
            <v>本店</v>
          </cell>
          <cell r="K1435" t="str">
            <v>0794-85-6964</v>
          </cell>
          <cell r="L1435" t="str">
            <v>info@k1-sekkei.co.jp</v>
          </cell>
          <cell r="M1435" t="str">
            <v>ｹｲｾｯｹｲ</v>
          </cell>
          <cell r="N1435" t="str">
            <v>無</v>
          </cell>
          <cell r="O1435">
            <v>48</v>
          </cell>
          <cell r="P1435">
            <v>17</v>
          </cell>
          <cell r="Q1435">
            <v>6140001036230</v>
          </cell>
          <cell r="R1435">
            <v>15000</v>
          </cell>
          <cell r="S1435">
            <v>57812</v>
          </cell>
          <cell r="T1435">
            <v>177809</v>
          </cell>
          <cell r="V1435" t="str">
            <v>yw727558</v>
          </cell>
          <cell r="W1435" t="str">
            <v>es221900</v>
          </cell>
          <cell r="Y1435" t="str">
            <v>測量,建築,意匠,構造,冷暖,衛生,電気,建積,機積,電積,調査,</v>
          </cell>
          <cell r="Z1435">
            <v>1271</v>
          </cell>
          <cell r="AA1435">
            <v>213325</v>
          </cell>
          <cell r="AB1435" t="str">
            <v/>
          </cell>
          <cell r="AC1435" t="str">
            <v/>
          </cell>
          <cell r="AD1435" t="str">
            <v/>
          </cell>
          <cell r="AE1435" t="str">
            <v/>
          </cell>
          <cell r="AF1435" t="str">
            <v/>
          </cell>
          <cell r="AI1435">
            <v>2</v>
          </cell>
          <cell r="AJ1435" t="str">
            <v>建築</v>
          </cell>
        </row>
        <row r="1436">
          <cell r="B1436">
            <v>5411</v>
          </cell>
          <cell r="C1436" t="str">
            <v>(株)ケー・シー・エス</v>
          </cell>
          <cell r="D1436" t="str">
            <v>078-232-0824</v>
          </cell>
          <cell r="E1436" t="str">
            <v>651-0083</v>
          </cell>
          <cell r="F1436" t="str">
            <v>兵庫県神戸市中央区浜辺通5-1-14</v>
          </cell>
          <cell r="G1436">
            <v>0</v>
          </cell>
          <cell r="H1436" t="str">
            <v>神戸営業所</v>
          </cell>
          <cell r="I1436" t="str">
            <v>所長 柴田　峰之</v>
          </cell>
          <cell r="J1436" t="str">
            <v>東京都</v>
          </cell>
          <cell r="K1436" t="str">
            <v>078-232-0825</v>
          </cell>
          <cell r="L1436" t="str">
            <v>eigyo@kcsweb.co.jp</v>
          </cell>
          <cell r="M1436" t="str">
            <v>ｹｰｼｰｴｽ</v>
          </cell>
          <cell r="N1436" t="str">
            <v>有</v>
          </cell>
          <cell r="O1436">
            <v>50</v>
          </cell>
          <cell r="P1436">
            <v>65</v>
          </cell>
          <cell r="Q1436">
            <v>3011101040658</v>
          </cell>
          <cell r="R1436">
            <v>220000</v>
          </cell>
          <cell r="S1436">
            <v>641212</v>
          </cell>
          <cell r="T1436">
            <v>1373524</v>
          </cell>
          <cell r="V1436" t="str">
            <v>kr788073</v>
          </cell>
          <cell r="W1436" t="str">
            <v>ru658636</v>
          </cell>
          <cell r="Y1436" t="str">
            <v/>
          </cell>
          <cell r="Z1436" t="str">
            <v/>
          </cell>
          <cell r="AA1436" t="str">
            <v/>
          </cell>
          <cell r="AB1436">
            <v>1368105</v>
          </cell>
          <cell r="AC1436" t="str">
            <v/>
          </cell>
          <cell r="AD1436" t="str">
            <v/>
          </cell>
          <cell r="AE1436" t="str">
            <v/>
          </cell>
          <cell r="AF1436">
            <v>1368105</v>
          </cell>
          <cell r="AI1436" t="str">
            <v>補償</v>
          </cell>
          <cell r="AJ1436" t="str">
            <v>東京都</v>
          </cell>
        </row>
        <row r="1437">
          <cell r="B1437">
            <v>5412</v>
          </cell>
          <cell r="C1437" t="str">
            <v>(株)ＫＣコンサルタント</v>
          </cell>
          <cell r="D1437" t="str">
            <v>078-708-8432</v>
          </cell>
          <cell r="E1437" t="str">
            <v>655-0853</v>
          </cell>
          <cell r="F1437" t="str">
            <v>兵庫県神戸市垂水区つつじが丘6-10-27</v>
          </cell>
          <cell r="G1437" t="str">
            <v>神戸市</v>
          </cell>
          <cell r="H1437" t="str">
            <v/>
          </cell>
          <cell r="I1437" t="str">
            <v>代表取締役 柏木　良一</v>
          </cell>
          <cell r="J1437" t="str">
            <v>本店</v>
          </cell>
          <cell r="K1437" t="str">
            <v>078-706-5574</v>
          </cell>
          <cell r="L1437" t="str">
            <v>kobe@kcconsul.co.jp</v>
          </cell>
          <cell r="M1437" t="str">
            <v>ｹｰｼｰｺﾝｻﾙﾀﾝﾄ</v>
          </cell>
          <cell r="N1437" t="str">
            <v>無</v>
          </cell>
          <cell r="O1437">
            <v>27</v>
          </cell>
          <cell r="P1437">
            <v>10</v>
          </cell>
          <cell r="Q1437">
            <v>7140001018351</v>
          </cell>
          <cell r="R1437">
            <v>15900</v>
          </cell>
          <cell r="S1437">
            <v>59064</v>
          </cell>
          <cell r="T1437">
            <v>110647</v>
          </cell>
          <cell r="V1437" t="str">
            <v>tu717190</v>
          </cell>
          <cell r="W1437" t="str">
            <v>qh775945</v>
          </cell>
          <cell r="Y1437" t="str">
            <v>物件,機工,営業,損失,補償,</v>
          </cell>
          <cell r="Z1437" t="str">
            <v/>
          </cell>
          <cell r="AA1437" t="str">
            <v/>
          </cell>
          <cell r="AB1437" t="str">
            <v/>
          </cell>
          <cell r="AC1437">
            <v>110647</v>
          </cell>
          <cell r="AD1437" t="str">
            <v/>
          </cell>
          <cell r="AE1437" t="str">
            <v/>
          </cell>
          <cell r="AF1437" t="str">
            <v/>
          </cell>
          <cell r="AI1437">
            <v>4</v>
          </cell>
          <cell r="AJ1437" t="str">
            <v>補償</v>
          </cell>
        </row>
        <row r="1438">
          <cell r="B1438">
            <v>5415</v>
          </cell>
          <cell r="C1438" t="str">
            <v>(株)ケンセイ</v>
          </cell>
          <cell r="D1438" t="str">
            <v>072-773-8050</v>
          </cell>
          <cell r="E1438" t="str">
            <v>664-0832</v>
          </cell>
          <cell r="F1438" t="str">
            <v>兵庫県伊丹市下河原2-11-15</v>
          </cell>
          <cell r="G1438" t="str">
            <v>大阪市</v>
          </cell>
          <cell r="H1438" t="str">
            <v>伊丹支店</v>
          </cell>
          <cell r="I1438" t="str">
            <v>取締役支店長 北浦　慎也</v>
          </cell>
          <cell r="J1438" t="str">
            <v>大阪府大阪市</v>
          </cell>
          <cell r="K1438" t="str">
            <v>072-773-8060</v>
          </cell>
          <cell r="L1438" t="str">
            <v>nishida@kk-kensei.co.jp</v>
          </cell>
          <cell r="M1438" t="str">
            <v>ｹﾝｾｲ</v>
          </cell>
          <cell r="N1438" t="str">
            <v>有</v>
          </cell>
          <cell r="O1438">
            <v>61</v>
          </cell>
          <cell r="P1438">
            <v>41</v>
          </cell>
          <cell r="Q1438">
            <v>8120001051650</v>
          </cell>
          <cell r="R1438">
            <v>41000</v>
          </cell>
          <cell r="S1438">
            <v>336888</v>
          </cell>
          <cell r="T1438">
            <v>1227642</v>
          </cell>
          <cell r="V1438" t="str">
            <v>db139618</v>
          </cell>
          <cell r="W1438" t="str">
            <v>ey955780</v>
          </cell>
          <cell r="Y1438" t="str">
            <v>損失,騒音,交通,</v>
          </cell>
          <cell r="Z1438" t="str">
            <v/>
          </cell>
          <cell r="AA1438" t="str">
            <v/>
          </cell>
          <cell r="AB1438" t="str">
            <v/>
          </cell>
          <cell r="AC1438">
            <v>238469</v>
          </cell>
          <cell r="AD1438" t="str">
            <v/>
          </cell>
          <cell r="AE1438" t="str">
            <v/>
          </cell>
          <cell r="AF1438" t="str">
            <v/>
          </cell>
          <cell r="AI1438">
            <v>4</v>
          </cell>
          <cell r="AJ1438" t="str">
            <v>補償</v>
          </cell>
        </row>
        <row r="1439">
          <cell r="B1439">
            <v>5417</v>
          </cell>
          <cell r="C1439" t="str">
            <v>(株)建設技術研究所</v>
          </cell>
          <cell r="D1439" t="str">
            <v>078-261-3060</v>
          </cell>
          <cell r="E1439" t="str">
            <v>651-0086</v>
          </cell>
          <cell r="F1439" t="str">
            <v>兵庫県神戸市中央区磯上通7-1-30</v>
          </cell>
          <cell r="G1439" t="str">
            <v/>
          </cell>
          <cell r="H1439" t="str">
            <v>神戸事務所</v>
          </cell>
          <cell r="I1439" t="str">
            <v>所長　 西本　隆</v>
          </cell>
          <cell r="J1439" t="str">
            <v>東京都</v>
          </cell>
          <cell r="K1439" t="str">
            <v>078-261-3061</v>
          </cell>
          <cell r="L1439" t="str">
            <v>e-osaka@ctie.co.jp</v>
          </cell>
          <cell r="M1439" t="str">
            <v>ｹﾝｾﾂｷﾞｼﾞﾕﾂｹﾝｷﾕｳｼﾞﾖ</v>
          </cell>
          <cell r="N1439" t="str">
            <v>有</v>
          </cell>
          <cell r="O1439">
            <v>55</v>
          </cell>
          <cell r="P1439">
            <v>1603</v>
          </cell>
          <cell r="Q1439">
            <v>7010001042703</v>
          </cell>
          <cell r="R1439">
            <v>3025875</v>
          </cell>
          <cell r="S1439">
            <v>26528476</v>
          </cell>
          <cell r="T1439">
            <v>34848328</v>
          </cell>
          <cell r="V1439" t="str">
            <v>er396882</v>
          </cell>
          <cell r="W1439" t="str">
            <v>dw346157</v>
          </cell>
          <cell r="Y1439" t="str">
            <v>測量,測量,建築,意匠,構造,電気,調査,土質,鋼構,河川,道路,施行,建機,地質,造園,上水,下水,都市,スポ,環境,土他,地質,水質,大気,騒音,交通,商業,調他</v>
          </cell>
          <cell r="Z1439">
            <v>9653</v>
          </cell>
          <cell r="AA1439">
            <v>270342</v>
          </cell>
          <cell r="AB1439">
            <v>33244624</v>
          </cell>
          <cell r="AC1439">
            <v>90203</v>
          </cell>
          <cell r="AD1439">
            <v>164986</v>
          </cell>
          <cell r="AE1439" t="str">
            <v>その他（広告・宣伝・情報処理）</v>
          </cell>
          <cell r="AF1439">
            <v>1068521</v>
          </cell>
          <cell r="AI1439">
            <v>3</v>
          </cell>
          <cell r="AJ1439" t="str">
            <v>土木</v>
          </cell>
        </row>
        <row r="1440">
          <cell r="B1440">
            <v>5419</v>
          </cell>
          <cell r="C1440" t="str">
            <v>(株)建綜研</v>
          </cell>
          <cell r="D1440" t="str">
            <v>06-6454-1630</v>
          </cell>
          <cell r="E1440" t="str">
            <v>531-0076</v>
          </cell>
          <cell r="F1440" t="str">
            <v>大阪府大阪市北区大淀中1-8-5</v>
          </cell>
          <cell r="G1440" t="str">
            <v>大阪市</v>
          </cell>
          <cell r="H1440" t="str">
            <v/>
          </cell>
          <cell r="I1440" t="str">
            <v>代表取締役 大岡　永知</v>
          </cell>
          <cell r="J1440" t="str">
            <v>本店</v>
          </cell>
          <cell r="K1440" t="str">
            <v>06-6454-1620</v>
          </cell>
          <cell r="L1440" t="str">
            <v>soumu@kensoken.com</v>
          </cell>
          <cell r="M1440" t="str">
            <v>ｹﾝｿｳｹﾝ</v>
          </cell>
          <cell r="N1440" t="str">
            <v>無</v>
          </cell>
          <cell r="O1440">
            <v>59</v>
          </cell>
          <cell r="P1440">
            <v>27</v>
          </cell>
          <cell r="Q1440">
            <v>3120001063543</v>
          </cell>
          <cell r="R1440">
            <v>10000</v>
          </cell>
          <cell r="S1440">
            <v>180662</v>
          </cell>
          <cell r="T1440">
            <v>418816</v>
          </cell>
          <cell r="V1440" t="str">
            <v>nn135800</v>
          </cell>
          <cell r="W1440" t="str">
            <v>ss488964</v>
          </cell>
          <cell r="Y1440" t="str">
            <v>建築,意匠,構造,冷暖,衛生,電気,建積,機積,電積,調査,</v>
          </cell>
          <cell r="Z1440" t="str">
            <v/>
          </cell>
          <cell r="AA1440">
            <v>418816</v>
          </cell>
          <cell r="AB1440" t="str">
            <v/>
          </cell>
          <cell r="AC1440" t="str">
            <v/>
          </cell>
          <cell r="AD1440" t="str">
            <v/>
          </cell>
          <cell r="AE1440" t="str">
            <v/>
          </cell>
          <cell r="AF1440" t="str">
            <v/>
          </cell>
          <cell r="AI1440">
            <v>2</v>
          </cell>
          <cell r="AJ1440" t="str">
            <v>建築</v>
          </cell>
        </row>
        <row r="1441">
          <cell r="B1441">
            <v>5420</v>
          </cell>
          <cell r="C1441" t="str">
            <v>(株)現代ランドスケープ</v>
          </cell>
          <cell r="D1441" t="str">
            <v>06-6203-1270</v>
          </cell>
          <cell r="E1441" t="str">
            <v>654-0005</v>
          </cell>
          <cell r="F1441" t="str">
            <v>大阪府大阪市中央区平野町3-1-10-603号</v>
          </cell>
          <cell r="G1441" t="str">
            <v>大阪市</v>
          </cell>
          <cell r="H1441" t="str">
            <v/>
          </cell>
          <cell r="I1441" t="str">
            <v>代表取締役　 西辻　俊明</v>
          </cell>
          <cell r="J1441" t="str">
            <v>本店</v>
          </cell>
          <cell r="K1441" t="str">
            <v>06-6203-1271</v>
          </cell>
          <cell r="L1441" t="str">
            <v>genland@dream.com</v>
          </cell>
          <cell r="M1441" t="str">
            <v>ｹﾞﾝﾀﾞｲﾗﾝﾄﾞｽｹ-ﾌﾟ</v>
          </cell>
          <cell r="N1441" t="str">
            <v>無</v>
          </cell>
          <cell r="O1441">
            <v>27</v>
          </cell>
          <cell r="P1441">
            <v>8</v>
          </cell>
          <cell r="Q1441">
            <v>8120001078974</v>
          </cell>
          <cell r="R1441">
            <v>10000</v>
          </cell>
          <cell r="S1441">
            <v>18158</v>
          </cell>
          <cell r="T1441">
            <v>51657</v>
          </cell>
          <cell r="V1441" t="str">
            <v>kk551802</v>
          </cell>
          <cell r="W1441" t="str">
            <v>jm189088</v>
          </cell>
          <cell r="Y1441" t="str">
            <v>意匠,造園,都市,</v>
          </cell>
          <cell r="Z1441" t="str">
            <v/>
          </cell>
          <cell r="AA1441" t="str">
            <v/>
          </cell>
          <cell r="AB1441">
            <v>51657</v>
          </cell>
          <cell r="AC1441" t="str">
            <v/>
          </cell>
          <cell r="AD1441" t="str">
            <v/>
          </cell>
          <cell r="AE1441" t="str">
            <v/>
          </cell>
          <cell r="AF1441" t="str">
            <v/>
          </cell>
          <cell r="AI1441">
            <v>3</v>
          </cell>
          <cell r="AJ1441" t="str">
            <v>土木</v>
          </cell>
        </row>
        <row r="1442">
          <cell r="B1442">
            <v>5422</v>
          </cell>
          <cell r="C1442" t="str">
            <v>(株)ヴェネックス</v>
          </cell>
          <cell r="D1442" t="str">
            <v>079-669-1781</v>
          </cell>
          <cell r="E1442" t="str">
            <v>667-0311</v>
          </cell>
          <cell r="F1442" t="str">
            <v>兵庫県養父市大屋町大屋市場4</v>
          </cell>
          <cell r="G1442" t="str">
            <v>養父市</v>
          </cell>
          <cell r="H1442" t="str">
            <v/>
          </cell>
          <cell r="I1442" t="str">
            <v>代表取締役 中尾　康彦</v>
          </cell>
          <cell r="J1442" t="str">
            <v>本店</v>
          </cell>
          <cell r="K1442" t="str">
            <v>079-669-1782</v>
          </cell>
          <cell r="L1442" t="str">
            <v>bene-bene@abelia.ocn.ne.jp</v>
          </cell>
          <cell r="M1442" t="str">
            <v>ヴｪﾈｯｸｽ</v>
          </cell>
          <cell r="N1442" t="str">
            <v>無</v>
          </cell>
          <cell r="O1442">
            <v>30</v>
          </cell>
          <cell r="P1442">
            <v>6</v>
          </cell>
          <cell r="Q1442">
            <v>5140001093529</v>
          </cell>
          <cell r="R1442">
            <v>3000</v>
          </cell>
          <cell r="S1442">
            <v>-21399</v>
          </cell>
          <cell r="T1442">
            <v>21718</v>
          </cell>
          <cell r="V1442" t="str">
            <v>qz103269</v>
          </cell>
          <cell r="W1442" t="str">
            <v>ez767917</v>
          </cell>
          <cell r="Y1442" t="str">
            <v>建築,意匠,構造,冷暖,衛生,電気,建積,機積,電積,調査,</v>
          </cell>
          <cell r="Z1442" t="str">
            <v/>
          </cell>
          <cell r="AA1442">
            <v>21718</v>
          </cell>
          <cell r="AB1442" t="str">
            <v/>
          </cell>
          <cell r="AC1442" t="str">
            <v/>
          </cell>
          <cell r="AD1442" t="str">
            <v/>
          </cell>
          <cell r="AE1442" t="str">
            <v/>
          </cell>
          <cell r="AF1442" t="str">
            <v/>
          </cell>
          <cell r="AI1442">
            <v>2</v>
          </cell>
          <cell r="AJ1442" t="str">
            <v>建築</v>
          </cell>
        </row>
        <row r="1443">
          <cell r="B1443">
            <v>5424</v>
          </cell>
          <cell r="C1443" t="str">
            <v>スキャドロン(株)</v>
          </cell>
          <cell r="D1443" t="str">
            <v>072-759-0212</v>
          </cell>
          <cell r="E1443" t="str">
            <v>670-0955</v>
          </cell>
          <cell r="F1443" t="str">
            <v>兵庫県川西市萩原台西2-81</v>
          </cell>
          <cell r="G1443" t="str">
            <v>橿原市</v>
          </cell>
          <cell r="H1443" t="str">
            <v>兵庫営業所</v>
          </cell>
          <cell r="I1443" t="str">
            <v>営業所長　 木村　洋智</v>
          </cell>
          <cell r="J1443" t="str">
            <v>奈良県橿原市</v>
          </cell>
          <cell r="K1443" t="str">
            <v>072-744-0218</v>
          </cell>
          <cell r="L1443" t="str">
            <v>info@scadron.jp</v>
          </cell>
          <cell r="M1443" t="str">
            <v>ｽｷﾔﾄﾞﾛﾝ</v>
          </cell>
          <cell r="N1443" t="str">
            <v>有</v>
          </cell>
          <cell r="O1443">
            <v>50</v>
          </cell>
          <cell r="P1443">
            <v>30</v>
          </cell>
          <cell r="Q1443">
            <v>2150001010477</v>
          </cell>
          <cell r="R1443">
            <v>20000</v>
          </cell>
          <cell r="S1443">
            <v>19765</v>
          </cell>
          <cell r="T1443">
            <v>311528</v>
          </cell>
          <cell r="V1443" t="str">
            <v>yv991497</v>
          </cell>
          <cell r="W1443" t="str">
            <v>sh274821</v>
          </cell>
          <cell r="Y1443" t="str">
            <v>測量,測量,航空,鋼構,河川,道路,下水,土調,</v>
          </cell>
          <cell r="Z1443">
            <v>23450</v>
          </cell>
          <cell r="AA1443" t="str">
            <v/>
          </cell>
          <cell r="AB1443">
            <v>249295</v>
          </cell>
          <cell r="AC1443">
            <v>22634</v>
          </cell>
          <cell r="AD1443" t="str">
            <v/>
          </cell>
          <cell r="AE1443" t="str">
            <v>地質調査</v>
          </cell>
          <cell r="AF1443">
            <v>16149</v>
          </cell>
          <cell r="AI1443">
            <v>3</v>
          </cell>
          <cell r="AJ1443" t="str">
            <v>土木</v>
          </cell>
        </row>
        <row r="1444">
          <cell r="B1444">
            <v>5428</v>
          </cell>
          <cell r="C1444" t="str">
            <v>(株)ＫＫＣ</v>
          </cell>
          <cell r="D1444" t="str">
            <v>078-857-9556</v>
          </cell>
          <cell r="E1444" t="str">
            <v>658-0062</v>
          </cell>
          <cell r="F1444" t="str">
            <v>兵庫県神戸市東灘区住吉台5-1-404</v>
          </cell>
          <cell r="G1444" t="str">
            <v>神戸市</v>
          </cell>
          <cell r="H1444" t="str">
            <v>兵庫支店</v>
          </cell>
          <cell r="I1444" t="str">
            <v>兵庫支店長　大橋　秀之</v>
          </cell>
          <cell r="J1444" t="str">
            <v>大阪府大阪市</v>
          </cell>
          <cell r="K1444" t="str">
            <v>06-6944-0719</v>
          </cell>
          <cell r="L1444" t="str">
            <v>kkc@kkc1985.com</v>
          </cell>
          <cell r="M1444" t="str">
            <v>ｹｰｹｰｼｰ</v>
          </cell>
          <cell r="N1444" t="str">
            <v>有</v>
          </cell>
          <cell r="O1444">
            <v>33</v>
          </cell>
          <cell r="P1444">
            <v>23</v>
          </cell>
          <cell r="Q1444">
            <v>7120001077317</v>
          </cell>
          <cell r="R1444">
            <v>12000</v>
          </cell>
          <cell r="S1444">
            <v>41358</v>
          </cell>
          <cell r="T1444">
            <v>213955</v>
          </cell>
          <cell r="V1444" t="str">
            <v>wc913132</v>
          </cell>
          <cell r="W1444" t="str">
            <v>ep985175</v>
          </cell>
          <cell r="Y1444" t="str">
            <v>測量,土質,河川,道路,施行,下水,</v>
          </cell>
          <cell r="Z1444">
            <v>6508</v>
          </cell>
          <cell r="AB1444">
            <v>129824</v>
          </cell>
          <cell r="AI1444">
            <v>3</v>
          </cell>
          <cell r="AJ1444" t="str">
            <v>土木</v>
          </cell>
        </row>
        <row r="1445">
          <cell r="B1445">
            <v>5430</v>
          </cell>
          <cell r="C1445" t="str">
            <v>(株)ケイズ</v>
          </cell>
          <cell r="D1445" t="str">
            <v>06-4708-5215</v>
          </cell>
          <cell r="E1445" t="str">
            <v>541-0041</v>
          </cell>
          <cell r="F1445" t="str">
            <v>大阪府大阪市中央区北浜1-9-9</v>
          </cell>
          <cell r="G1445" t="str">
            <v>京都市</v>
          </cell>
          <cell r="H1445" t="str">
            <v>大阪支社</v>
          </cell>
          <cell r="I1445" t="str">
            <v>支社長 坊ケ内　克良</v>
          </cell>
          <cell r="J1445" t="str">
            <v>京都府京都市</v>
          </cell>
          <cell r="K1445" t="str">
            <v>06-4708-5216</v>
          </cell>
          <cell r="L1445" t="str">
            <v>eigyou@keizu.net</v>
          </cell>
          <cell r="M1445" t="str">
            <v>ｹｲｽﾞ</v>
          </cell>
          <cell r="N1445" t="str">
            <v>有</v>
          </cell>
          <cell r="O1445">
            <v>29</v>
          </cell>
          <cell r="P1445">
            <v>15</v>
          </cell>
          <cell r="Q1445">
            <v>5130001020657</v>
          </cell>
          <cell r="R1445">
            <v>10000</v>
          </cell>
          <cell r="S1445">
            <v>-37520</v>
          </cell>
          <cell r="T1445">
            <v>127011</v>
          </cell>
          <cell r="V1445" t="str">
            <v>pe900936</v>
          </cell>
          <cell r="W1445" t="str">
            <v>cc226305</v>
          </cell>
          <cell r="Y1445" t="str">
            <v>測量,測量,航空,</v>
          </cell>
          <cell r="Z1445">
            <v>127011</v>
          </cell>
          <cell r="AA1445" t="str">
            <v/>
          </cell>
          <cell r="AB1445" t="str">
            <v/>
          </cell>
          <cell r="AC1445" t="str">
            <v/>
          </cell>
          <cell r="AD1445" t="str">
            <v/>
          </cell>
          <cell r="AE1445" t="str">
            <v/>
          </cell>
          <cell r="AF1445" t="str">
            <v/>
          </cell>
          <cell r="AI1445">
            <v>1</v>
          </cell>
          <cell r="AJ1445" t="str">
            <v>測量</v>
          </cell>
        </row>
        <row r="1446">
          <cell r="B1446">
            <v>5431</v>
          </cell>
          <cell r="C1446" t="str">
            <v>(株)ＫＥＩＳＩＮ</v>
          </cell>
          <cell r="D1446" t="str">
            <v>072-201-2144</v>
          </cell>
          <cell r="E1446" t="str">
            <v>590-0834</v>
          </cell>
          <cell r="F1446" t="str">
            <v>大阪府堺市堺区出島町3-8-22</v>
          </cell>
          <cell r="G1446" t="str">
            <v>堺市</v>
          </cell>
          <cell r="H1446" t="str">
            <v/>
          </cell>
          <cell r="I1446" t="str">
            <v>代表取締役 西林　嘉隆</v>
          </cell>
          <cell r="J1446" t="str">
            <v>本店</v>
          </cell>
          <cell r="K1446" t="str">
            <v>072-245-6878</v>
          </cell>
          <cell r="L1446" t="str">
            <v>keisin-nara@trad.ocn.ne.jp</v>
          </cell>
          <cell r="M1446" t="str">
            <v>ｹｲｼﾝ</v>
          </cell>
          <cell r="N1446" t="str">
            <v>無</v>
          </cell>
          <cell r="O1446">
            <v>8</v>
          </cell>
          <cell r="P1446">
            <v>11</v>
          </cell>
          <cell r="Q1446">
            <v>1120101030404</v>
          </cell>
          <cell r="R1446">
            <v>18000</v>
          </cell>
          <cell r="S1446">
            <v>21112</v>
          </cell>
          <cell r="T1446">
            <v>94589</v>
          </cell>
          <cell r="V1446" t="str">
            <v>cc465983</v>
          </cell>
          <cell r="W1446" t="str">
            <v>sy498745</v>
          </cell>
          <cell r="Y1446" t="str">
            <v>測量,測量,物件,機工,営業,損失,</v>
          </cell>
          <cell r="Z1446">
            <v>9375</v>
          </cell>
          <cell r="AA1446">
            <v>16005</v>
          </cell>
          <cell r="AB1446" t="str">
            <v/>
          </cell>
          <cell r="AC1446">
            <v>63474</v>
          </cell>
          <cell r="AD1446" t="str">
            <v/>
          </cell>
          <cell r="AE1446" t="str">
            <v>役務</v>
          </cell>
          <cell r="AF1446">
            <v>854</v>
          </cell>
          <cell r="AI1446">
            <v>4</v>
          </cell>
          <cell r="AJ1446" t="str">
            <v>補償</v>
          </cell>
        </row>
        <row r="1447">
          <cell r="B1447">
            <v>5432</v>
          </cell>
          <cell r="C1447" t="str">
            <v>(株)建設環境研究所</v>
          </cell>
          <cell r="D1447" t="str">
            <v>078-915-1840</v>
          </cell>
          <cell r="E1447" t="str">
            <v>651-2125</v>
          </cell>
          <cell r="F1447" t="str">
            <v>兵庫県神戸市西区玉津町新方457-13</v>
          </cell>
          <cell r="H1447" t="str">
            <v>兵庫営業所</v>
          </cell>
          <cell r="I1447" t="str">
            <v>所長 尾添　昌彦</v>
          </cell>
          <cell r="J1447" t="str">
            <v>東京都</v>
          </cell>
          <cell r="K1447" t="str">
            <v>078-915-1841</v>
          </cell>
          <cell r="L1447" t="str">
            <v>head@kensetsukankyo.co.jp</v>
          </cell>
          <cell r="M1447" t="str">
            <v>ｹﾝｾﾂｶﾝｷｮｳｹﾝｷｭｳｼﾞｮ</v>
          </cell>
          <cell r="N1447" t="str">
            <v>有</v>
          </cell>
          <cell r="O1447">
            <v>36</v>
          </cell>
          <cell r="P1447">
            <v>414</v>
          </cell>
          <cell r="Q1447">
            <v>4013301013608</v>
          </cell>
          <cell r="R1447">
            <v>250000</v>
          </cell>
          <cell r="S1447">
            <v>1708969</v>
          </cell>
          <cell r="T1447">
            <v>6335046</v>
          </cell>
          <cell r="V1447" t="str">
            <v>rt140988</v>
          </cell>
          <cell r="W1447" t="str">
            <v>nq922779</v>
          </cell>
          <cell r="Y1447" t="str">
            <v>土質,河川,道路,造園,都市,環境,水質,大気,騒音,交通,調他</v>
          </cell>
          <cell r="Z1447" t="str">
            <v/>
          </cell>
          <cell r="AA1447" t="str">
            <v/>
          </cell>
          <cell r="AB1447">
            <v>6335046</v>
          </cell>
          <cell r="AC1447" t="str">
            <v/>
          </cell>
          <cell r="AD1447">
            <v>26912</v>
          </cell>
          <cell r="AE1447" t="str">
            <v/>
          </cell>
          <cell r="AF1447" t="str">
            <v/>
          </cell>
          <cell r="AI1447">
            <v>3</v>
          </cell>
          <cell r="AJ1447" t="str">
            <v>土木</v>
          </cell>
        </row>
        <row r="1448">
          <cell r="B1448">
            <v>5433</v>
          </cell>
          <cell r="C1448" t="str">
            <v>(一財)経済調査会</v>
          </cell>
          <cell r="D1448" t="str">
            <v>06-6233-2020</v>
          </cell>
          <cell r="E1448" t="str">
            <v>541-0042</v>
          </cell>
          <cell r="F1448" t="str">
            <v>大阪府大阪市中央区今橋4-4-7</v>
          </cell>
          <cell r="G1448" t="str">
            <v/>
          </cell>
          <cell r="H1448" t="str">
            <v>関西支部</v>
          </cell>
          <cell r="I1448" t="str">
            <v>支部長 松田　正司</v>
          </cell>
          <cell r="J1448" t="str">
            <v>東京都</v>
          </cell>
          <cell r="K1448" t="str">
            <v>06-6233-2011</v>
          </cell>
          <cell r="L1448" t="str">
            <v>sinsa-ml@zai-keicho.or.jp</v>
          </cell>
          <cell r="M1448" t="str">
            <v>ｹｲｻﾞｲﾁﾖｳｻｶｲ</v>
          </cell>
          <cell r="N1448" t="str">
            <v>有</v>
          </cell>
          <cell r="O1448">
            <v>72</v>
          </cell>
          <cell r="P1448">
            <v>311</v>
          </cell>
          <cell r="Q1448">
            <v>1010010000000</v>
          </cell>
          <cell r="R1448">
            <v>1640000</v>
          </cell>
          <cell r="S1448">
            <v>9797425</v>
          </cell>
          <cell r="T1448">
            <v>7383025</v>
          </cell>
          <cell r="V1448" t="str">
            <v>hh511111</v>
          </cell>
          <cell r="W1448" t="str">
            <v>hs755014</v>
          </cell>
          <cell r="Y1448" t="str">
            <v/>
          </cell>
          <cell r="Z1448" t="str">
            <v/>
          </cell>
          <cell r="AA1448" t="str">
            <v/>
          </cell>
          <cell r="AB1448" t="str">
            <v/>
          </cell>
          <cell r="AC1448" t="str">
            <v/>
          </cell>
          <cell r="AD1448" t="str">
            <v/>
          </cell>
          <cell r="AE1448" t="str">
            <v/>
          </cell>
          <cell r="AF1448" t="str">
            <v/>
          </cell>
          <cell r="AI1448">
            <v>1</v>
          </cell>
          <cell r="AJ1448" t="str">
            <v>測量</v>
          </cell>
        </row>
        <row r="1449">
          <cell r="B1449">
            <v>5434</v>
          </cell>
          <cell r="C1449" t="str">
            <v>(株)建設計画</v>
          </cell>
          <cell r="D1449" t="str">
            <v>078-846-1901</v>
          </cell>
          <cell r="E1449" t="str">
            <v>658-0032</v>
          </cell>
          <cell r="F1449" t="str">
            <v>兵庫県神戸市東灘区向洋町中6-9</v>
          </cell>
          <cell r="G1449" t="str">
            <v>神戸市</v>
          </cell>
          <cell r="H1449" t="str">
            <v/>
          </cell>
          <cell r="I1449" t="str">
            <v>代表取締役 石川　真一郎</v>
          </cell>
          <cell r="J1449" t="str">
            <v>本店</v>
          </cell>
          <cell r="K1449" t="str">
            <v>078-846-1902</v>
          </cell>
          <cell r="L1449" t="str">
            <v>nyusatsu@kensetsu-k.co.jp</v>
          </cell>
          <cell r="M1449" t="str">
            <v>ｹﾝｾﾂｹｲｶｸ</v>
          </cell>
          <cell r="N1449" t="str">
            <v>無</v>
          </cell>
          <cell r="O1449">
            <v>19</v>
          </cell>
          <cell r="P1449">
            <v>33</v>
          </cell>
          <cell r="Q1449">
            <v>6140001023105</v>
          </cell>
          <cell r="R1449">
            <v>30000</v>
          </cell>
          <cell r="S1449">
            <v>134611</v>
          </cell>
          <cell r="T1449">
            <v>511793</v>
          </cell>
          <cell r="V1449" t="str">
            <v>dw346157</v>
          </cell>
          <cell r="W1449" t="str">
            <v>pe900936</v>
          </cell>
          <cell r="Y1449" t="str">
            <v>測量,鋼構,道路,施行,</v>
          </cell>
          <cell r="Z1449" t="str">
            <v/>
          </cell>
          <cell r="AA1449" t="str">
            <v/>
          </cell>
          <cell r="AB1449">
            <v>511793</v>
          </cell>
          <cell r="AC1449" t="str">
            <v/>
          </cell>
          <cell r="AD1449" t="str">
            <v/>
          </cell>
          <cell r="AE1449" t="str">
            <v/>
          </cell>
          <cell r="AF1449" t="str">
            <v/>
          </cell>
          <cell r="AI1449">
            <v>3</v>
          </cell>
          <cell r="AJ1449" t="str">
            <v>土木</v>
          </cell>
        </row>
        <row r="1450">
          <cell r="B1450">
            <v>5435</v>
          </cell>
          <cell r="C1450" t="str">
            <v>計測技研(株)</v>
          </cell>
          <cell r="D1450" t="str">
            <v>06-6401-2288</v>
          </cell>
          <cell r="E1450" t="str">
            <v>660-0803</v>
          </cell>
          <cell r="F1450" t="str">
            <v>兵庫県尼崎市長洲本通1-14-1</v>
          </cell>
          <cell r="G1450" t="str">
            <v>尼崎市</v>
          </cell>
          <cell r="H1450" t="str">
            <v/>
          </cell>
          <cell r="I1450" t="str">
            <v>代表取締役 橋村　正義</v>
          </cell>
          <cell r="J1450" t="str">
            <v>本店</v>
          </cell>
          <cell r="K1450" t="str">
            <v>06-6401-2488</v>
          </cell>
          <cell r="L1450" t="str">
            <v>yamao.tokuji@keisokugiken.co.jp</v>
          </cell>
          <cell r="M1450" t="str">
            <v>ｹｲｿｸｷﾞｹﾝ</v>
          </cell>
          <cell r="N1450" t="str">
            <v>無</v>
          </cell>
          <cell r="O1450">
            <v>27</v>
          </cell>
          <cell r="P1450">
            <v>72</v>
          </cell>
          <cell r="Q1450">
            <v>8140001048620</v>
          </cell>
          <cell r="R1450">
            <v>24000</v>
          </cell>
          <cell r="S1450">
            <v>172871</v>
          </cell>
          <cell r="T1450">
            <v>1336063</v>
          </cell>
          <cell r="V1450" t="str">
            <v>mb128562</v>
          </cell>
          <cell r="W1450" t="str">
            <v>lb172465</v>
          </cell>
          <cell r="Y1450" t="str">
            <v>測量,鋼構,施行,地質,</v>
          </cell>
          <cell r="Z1450">
            <v>414180</v>
          </cell>
          <cell r="AA1450" t="str">
            <v/>
          </cell>
          <cell r="AB1450">
            <v>887711</v>
          </cell>
          <cell r="AC1450" t="str">
            <v/>
          </cell>
          <cell r="AD1450" t="str">
            <v/>
          </cell>
          <cell r="AE1450" t="str">
            <v/>
          </cell>
          <cell r="AF1450" t="str">
            <v/>
          </cell>
          <cell r="AI1450">
            <v>3</v>
          </cell>
          <cell r="AJ1450" t="str">
            <v>土木</v>
          </cell>
        </row>
        <row r="1451">
          <cell r="B1451">
            <v>5439</v>
          </cell>
          <cell r="C1451" t="str">
            <v>(株)建設環境コンサルティング</v>
          </cell>
          <cell r="D1451" t="str">
            <v>06-4791-3151</v>
          </cell>
          <cell r="E1451" t="str">
            <v>540-0031</v>
          </cell>
          <cell r="F1451" t="str">
            <v>大阪府大阪市中央区北浜東4-33</v>
          </cell>
          <cell r="G1451" t="str">
            <v>大阪市</v>
          </cell>
          <cell r="H1451" t="str">
            <v>大阪支店</v>
          </cell>
          <cell r="I1451" t="str">
            <v>大阪支店長 山本　亨</v>
          </cell>
          <cell r="J1451" t="str">
            <v>大阪府大阪市</v>
          </cell>
          <cell r="K1451" t="str">
            <v>06-4791-3122</v>
          </cell>
          <cell r="L1451" t="str">
            <v>consin-osaka@cons-hd.co.jp</v>
          </cell>
          <cell r="M1451" t="str">
            <v>ｹﾝｾﾂｶﾝｷｮｳｺﾝｻﾙﾃｨﾝｸﾞ</v>
          </cell>
          <cell r="N1451" t="str">
            <v>有</v>
          </cell>
          <cell r="O1451">
            <v>29</v>
          </cell>
          <cell r="P1451">
            <v>19</v>
          </cell>
          <cell r="Q1451">
            <v>8120001143852</v>
          </cell>
          <cell r="R1451">
            <v>48000</v>
          </cell>
          <cell r="S1451">
            <v>334430</v>
          </cell>
          <cell r="T1451">
            <v>759162</v>
          </cell>
          <cell r="V1451" t="str">
            <v>di145542</v>
          </cell>
          <cell r="W1451" t="str">
            <v>ai142088</v>
          </cell>
          <cell r="Y1451" t="str">
            <v>建築,意匠,構造,調査,鋼構,騒音,調他</v>
          </cell>
          <cell r="Z1451" t="str">
            <v/>
          </cell>
          <cell r="AA1451">
            <v>29742</v>
          </cell>
          <cell r="AB1451">
            <v>319945</v>
          </cell>
          <cell r="AC1451" t="str">
            <v/>
          </cell>
          <cell r="AD1451">
            <v>154655</v>
          </cell>
          <cell r="AE1451" t="str">
            <v>建設工事</v>
          </cell>
          <cell r="AF1451">
            <v>254820</v>
          </cell>
          <cell r="AI1451">
            <v>3</v>
          </cell>
          <cell r="AJ1451" t="str">
            <v>土木</v>
          </cell>
        </row>
        <row r="1452">
          <cell r="B1452">
            <v>5444</v>
          </cell>
          <cell r="C1452" t="str">
            <v>(株)隈研吾建築都市設計事務所</v>
          </cell>
          <cell r="D1452" t="str">
            <v>03-5771-7577</v>
          </cell>
          <cell r="E1452" t="str">
            <v>107-0062</v>
          </cell>
          <cell r="F1452" t="str">
            <v>東京都港区南青山2ｰ24ｰ8</v>
          </cell>
          <cell r="H1452" t="str">
            <v/>
          </cell>
          <cell r="I1452" t="str">
            <v>代表取締役 横尾　実</v>
          </cell>
          <cell r="J1452" t="str">
            <v>本店</v>
          </cell>
          <cell r="K1452" t="str">
            <v>03-5771-7580</v>
          </cell>
          <cell r="L1452" t="str">
            <v>t.shibuya@kkaa.co.jp</v>
          </cell>
          <cell r="M1452" t="str">
            <v>ｸﾏｹﾝｺﾞｹﾝﾁｸﾄｼｾｯｹｲｼﾞﾑｼｮ</v>
          </cell>
          <cell r="N1452" t="str">
            <v>無</v>
          </cell>
          <cell r="O1452">
            <v>28</v>
          </cell>
          <cell r="P1452">
            <v>182</v>
          </cell>
          <cell r="Q1452">
            <v>2010401008416</v>
          </cell>
          <cell r="R1452">
            <v>10000</v>
          </cell>
          <cell r="S1452">
            <v>2268546.4270000001</v>
          </cell>
          <cell r="T1452">
            <v>3048474.1770000001</v>
          </cell>
          <cell r="V1452" t="str">
            <v>il155812</v>
          </cell>
          <cell r="W1452" t="str">
            <v>be181681</v>
          </cell>
          <cell r="Y1452" t="str">
            <v>構造,</v>
          </cell>
          <cell r="Z1452" t="str">
            <v/>
          </cell>
          <cell r="AA1452" t="str">
            <v/>
          </cell>
          <cell r="AB1452" t="str">
            <v/>
          </cell>
          <cell r="AC1452">
            <v>3731552</v>
          </cell>
          <cell r="AD1452" t="str">
            <v/>
          </cell>
          <cell r="AE1452" t="str">
            <v/>
          </cell>
          <cell r="AF1452" t="str">
            <v/>
          </cell>
          <cell r="AI1452">
            <v>4</v>
          </cell>
          <cell r="AJ1452" t="str">
            <v>補償</v>
          </cell>
        </row>
        <row r="1453">
          <cell r="B1453">
            <v>5445</v>
          </cell>
          <cell r="C1453" t="str">
            <v>(株)グルンドコンサルタント</v>
          </cell>
          <cell r="D1453" t="str">
            <v>078-651-8739</v>
          </cell>
          <cell r="E1453" t="str">
            <v>652-0814</v>
          </cell>
          <cell r="F1453" t="str">
            <v>兵庫県神戸市兵庫区門口町1-20</v>
          </cell>
          <cell r="G1453" t="str">
            <v>神戸市</v>
          </cell>
          <cell r="H1453" t="str">
            <v/>
          </cell>
          <cell r="I1453" t="str">
            <v>代表取締役社長 西村　祥久</v>
          </cell>
          <cell r="J1453" t="str">
            <v>本店</v>
          </cell>
          <cell r="K1453" t="str">
            <v>078-651-8737</v>
          </cell>
          <cell r="L1453" t="str">
            <v>gurundo-osaka@vega.ocn.ne.jp</v>
          </cell>
          <cell r="M1453" t="str">
            <v>ｸﾞﾙﾝﾄﾞｺﾝｻﾙﾀﾝﾄ</v>
          </cell>
          <cell r="N1453" t="str">
            <v>無</v>
          </cell>
          <cell r="O1453">
            <v>28</v>
          </cell>
          <cell r="P1453">
            <v>14</v>
          </cell>
          <cell r="Q1453">
            <v>140001012946</v>
          </cell>
          <cell r="R1453">
            <v>25000</v>
          </cell>
          <cell r="S1453">
            <v>3222</v>
          </cell>
          <cell r="T1453">
            <v>450162</v>
          </cell>
          <cell r="V1453" t="str">
            <v>bj121973</v>
          </cell>
          <cell r="W1453" t="str">
            <v>du116582</v>
          </cell>
          <cell r="Y1453" t="str">
            <v/>
          </cell>
          <cell r="Z1453" t="str">
            <v/>
          </cell>
          <cell r="AA1453" t="str">
            <v/>
          </cell>
          <cell r="AB1453" t="str">
            <v/>
          </cell>
          <cell r="AC1453" t="str">
            <v/>
          </cell>
          <cell r="AD1453" t="str">
            <v>地盤改良工事</v>
          </cell>
          <cell r="AE1453" t="str">
            <v>地盤改良工事</v>
          </cell>
          <cell r="AF1453" t="str">
            <v/>
          </cell>
          <cell r="AI1453" t="str">
            <v>測量</v>
          </cell>
          <cell r="AJ1453" t="str">
            <v>兵庫県</v>
          </cell>
        </row>
        <row r="1454">
          <cell r="B1454">
            <v>5446</v>
          </cell>
          <cell r="C1454" t="str">
            <v>(株)工藤建築環境設計室</v>
          </cell>
          <cell r="D1454" t="str">
            <v>072-744-2921</v>
          </cell>
          <cell r="E1454" t="str">
            <v>665-0805</v>
          </cell>
          <cell r="F1454" t="str">
            <v>兵庫県宝塚市雲雀丘2丁目12-35</v>
          </cell>
          <cell r="G1454" t="str">
            <v>宝塚市</v>
          </cell>
          <cell r="H1454" t="str">
            <v/>
          </cell>
          <cell r="I1454" t="str">
            <v>代表取締役 工藤　晃久</v>
          </cell>
          <cell r="J1454" t="str">
            <v>本店</v>
          </cell>
          <cell r="K1454" t="str">
            <v>072-744-2901</v>
          </cell>
          <cell r="L1454" t="str">
            <v>kjs.kudo@gmail.com</v>
          </cell>
          <cell r="M1454" t="str">
            <v>ｸﾄﾞｳｹﾝﾁｸｶﾝｷｮｳｾｯｹｲｼﾂ</v>
          </cell>
          <cell r="N1454" t="str">
            <v>無</v>
          </cell>
          <cell r="O1454">
            <v>13</v>
          </cell>
          <cell r="P1454">
            <v>4</v>
          </cell>
          <cell r="Q1454">
            <v>1140001099554</v>
          </cell>
          <cell r="R1454">
            <v>3000</v>
          </cell>
          <cell r="S1454">
            <v>319</v>
          </cell>
          <cell r="T1454">
            <v>33321</v>
          </cell>
          <cell r="V1454" t="str">
            <v>ha164988</v>
          </cell>
          <cell r="W1454" t="str">
            <v>va156692</v>
          </cell>
          <cell r="Y1454" t="str">
            <v/>
          </cell>
          <cell r="Z1454" t="str">
            <v/>
          </cell>
          <cell r="AA1454">
            <v>33321</v>
          </cell>
          <cell r="AB1454" t="str">
            <v/>
          </cell>
          <cell r="AC1454" t="str">
            <v/>
          </cell>
          <cell r="AD1454" t="str">
            <v/>
          </cell>
          <cell r="AE1454" t="str">
            <v/>
          </cell>
          <cell r="AF1454">
            <v>33321</v>
          </cell>
          <cell r="AI1454" t="str">
            <v>土木</v>
          </cell>
          <cell r="AJ1454" t="str">
            <v>兵庫県</v>
          </cell>
        </row>
        <row r="1455">
          <cell r="B1455">
            <v>5451</v>
          </cell>
          <cell r="C1455" t="str">
            <v>興亜開発(株)</v>
          </cell>
          <cell r="D1455" t="str">
            <v>072-250-3451</v>
          </cell>
          <cell r="E1455" t="str">
            <v>591-8037</v>
          </cell>
          <cell r="F1455" t="str">
            <v>大阪府堺市北区百舌鳥赤畑町3-176</v>
          </cell>
          <cell r="H1455" t="str">
            <v>関西支店</v>
          </cell>
          <cell r="I1455" t="str">
            <v>支店長 大村　範明</v>
          </cell>
          <cell r="J1455" t="str">
            <v>東京都</v>
          </cell>
          <cell r="K1455" t="str">
            <v>072-250-3457</v>
          </cell>
          <cell r="L1455" t="str">
            <v>check05@koa-kaihtasu.co.jp</v>
          </cell>
          <cell r="M1455" t="str">
            <v>ｺｳｱｶｲﾊﾂ</v>
          </cell>
          <cell r="N1455" t="str">
            <v>有</v>
          </cell>
          <cell r="O1455">
            <v>65</v>
          </cell>
          <cell r="P1455">
            <v>95</v>
          </cell>
          <cell r="Q1455">
            <v>9010601010479</v>
          </cell>
          <cell r="R1455">
            <v>76000</v>
          </cell>
          <cell r="S1455">
            <v>499593</v>
          </cell>
          <cell r="T1455">
            <v>2178343</v>
          </cell>
          <cell r="V1455" t="str">
            <v>df234334</v>
          </cell>
          <cell r="W1455" t="str">
            <v>tc738307</v>
          </cell>
          <cell r="Y1455" t="str">
            <v>測量,土質,地質,地質,調他</v>
          </cell>
          <cell r="Z1455">
            <v>13030</v>
          </cell>
          <cell r="AA1455" t="str">
            <v/>
          </cell>
          <cell r="AB1455">
            <v>96310</v>
          </cell>
          <cell r="AC1455" t="str">
            <v/>
          </cell>
          <cell r="AD1455">
            <v>2000599</v>
          </cell>
          <cell r="AE1455" t="str">
            <v>その他工事</v>
          </cell>
          <cell r="AF1455">
            <v>68405</v>
          </cell>
          <cell r="AI1455">
            <v>5</v>
          </cell>
          <cell r="AJ1455" t="str">
            <v>調査</v>
          </cell>
        </row>
        <row r="1456">
          <cell r="B1456">
            <v>5452</v>
          </cell>
          <cell r="C1456" t="str">
            <v>(株)上坂設計</v>
          </cell>
          <cell r="D1456" t="str">
            <v>06-6367-1113</v>
          </cell>
          <cell r="E1456" t="str">
            <v>530-0051</v>
          </cell>
          <cell r="F1456" t="str">
            <v>大阪府大阪市北区太融寺町3-24</v>
          </cell>
          <cell r="G1456" t="str">
            <v>大阪市</v>
          </cell>
          <cell r="H1456" t="str">
            <v/>
          </cell>
          <cell r="I1456" t="str">
            <v>代表取締役 上坂　成輝</v>
          </cell>
          <cell r="J1456" t="str">
            <v>本店</v>
          </cell>
          <cell r="K1456" t="str">
            <v>06-6367-1114</v>
          </cell>
          <cell r="L1456" t="str">
            <v>soumu@kosarc.com</v>
          </cell>
          <cell r="M1456" t="str">
            <v>ｺｳｻｶｾｯｹｲ</v>
          </cell>
          <cell r="N1456" t="str">
            <v>無</v>
          </cell>
          <cell r="O1456">
            <v>30</v>
          </cell>
          <cell r="P1456">
            <v>26</v>
          </cell>
          <cell r="Q1456">
            <v>5120001061017</v>
          </cell>
          <cell r="R1456">
            <v>10000</v>
          </cell>
          <cell r="S1456">
            <v>159344</v>
          </cell>
          <cell r="T1456">
            <v>184457</v>
          </cell>
          <cell r="V1456" t="str">
            <v>ff212419</v>
          </cell>
          <cell r="W1456" t="str">
            <v>jc958762</v>
          </cell>
          <cell r="Y1456" t="str">
            <v>建築,意匠,構造,冷暖,衛生,電気,建積,機積,電積,調査,</v>
          </cell>
          <cell r="Z1456" t="str">
            <v/>
          </cell>
          <cell r="AA1456">
            <v>194287</v>
          </cell>
          <cell r="AB1456" t="str">
            <v/>
          </cell>
          <cell r="AC1456" t="str">
            <v/>
          </cell>
          <cell r="AD1456" t="str">
            <v/>
          </cell>
          <cell r="AE1456" t="str">
            <v/>
          </cell>
          <cell r="AF1456" t="str">
            <v/>
          </cell>
          <cell r="AI1456">
            <v>2</v>
          </cell>
          <cell r="AJ1456" t="str">
            <v>建築</v>
          </cell>
        </row>
        <row r="1457">
          <cell r="B1457">
            <v>5458</v>
          </cell>
          <cell r="C1457" t="str">
            <v>(株)構造総合技術研究所</v>
          </cell>
          <cell r="D1457" t="str">
            <v>06-6748-8880</v>
          </cell>
          <cell r="E1457" t="str">
            <v>577-0012</v>
          </cell>
          <cell r="F1457" t="str">
            <v>大阪府東大阪市長田東3-2-27</v>
          </cell>
          <cell r="G1457" t="str">
            <v>東大阪市</v>
          </cell>
          <cell r="H1457" t="str">
            <v/>
          </cell>
          <cell r="I1457" t="str">
            <v>代表取締役 高井　俊次</v>
          </cell>
          <cell r="J1457" t="str">
            <v>本店</v>
          </cell>
          <cell r="K1457" t="str">
            <v>06-6748-8887</v>
          </cell>
          <cell r="L1457" t="str">
            <v>rd.osaka@kosoken.co.jp</v>
          </cell>
          <cell r="M1457" t="str">
            <v>ｺｳｿﾞｳｿｳｺﾞｳｷﾞｼﾞｭﾂｹﾝｷｭｳｼｮ</v>
          </cell>
          <cell r="N1457" t="str">
            <v>無</v>
          </cell>
          <cell r="O1457">
            <v>32</v>
          </cell>
          <cell r="P1457">
            <v>20</v>
          </cell>
          <cell r="Q1457">
            <v>2122001012084</v>
          </cell>
          <cell r="R1457">
            <v>30000</v>
          </cell>
          <cell r="S1457">
            <v>124413</v>
          </cell>
          <cell r="T1457">
            <v>217042</v>
          </cell>
          <cell r="V1457" t="str">
            <v>eh458909</v>
          </cell>
          <cell r="W1457" t="str">
            <v>zd249037</v>
          </cell>
          <cell r="Y1457" t="str">
            <v>建築,構造,調査,</v>
          </cell>
          <cell r="Z1457" t="str">
            <v/>
          </cell>
          <cell r="AA1457">
            <v>204100</v>
          </cell>
          <cell r="AB1457" t="str">
            <v/>
          </cell>
          <cell r="AC1457" t="str">
            <v/>
          </cell>
          <cell r="AD1457" t="str">
            <v/>
          </cell>
          <cell r="AE1457" t="str">
            <v/>
          </cell>
          <cell r="AF1457" t="str">
            <v/>
          </cell>
          <cell r="AI1457">
            <v>2</v>
          </cell>
          <cell r="AJ1457" t="str">
            <v>建築</v>
          </cell>
        </row>
        <row r="1458">
          <cell r="B1458">
            <v>5462</v>
          </cell>
          <cell r="C1458" t="str">
            <v>幸陽測量設計(株)</v>
          </cell>
          <cell r="D1458" t="str">
            <v>06-6412-4500</v>
          </cell>
          <cell r="E1458" t="str">
            <v>660-0052</v>
          </cell>
          <cell r="F1458" t="str">
            <v>兵庫県尼崎市七松町3-4-5</v>
          </cell>
          <cell r="G1458" t="str">
            <v>尼崎市</v>
          </cell>
          <cell r="H1458" t="str">
            <v/>
          </cell>
          <cell r="I1458" t="str">
            <v>代表取締役 森山　崇</v>
          </cell>
          <cell r="J1458" t="str">
            <v>本店</v>
          </cell>
          <cell r="K1458" t="str">
            <v>06-6412-4600</v>
          </cell>
          <cell r="L1458" t="str">
            <v>kk@koyosoku.com</v>
          </cell>
          <cell r="M1458" t="str">
            <v>ｺｳﾖｳｿｸﾘｮｳｾｯｹｲ</v>
          </cell>
          <cell r="N1458" t="str">
            <v>無</v>
          </cell>
          <cell r="O1458">
            <v>43</v>
          </cell>
          <cell r="P1458">
            <v>10</v>
          </cell>
          <cell r="Q1458">
            <v>3140001048724</v>
          </cell>
          <cell r="R1458">
            <v>10000</v>
          </cell>
          <cell r="S1458">
            <v>225487</v>
          </cell>
          <cell r="T1458">
            <v>98916</v>
          </cell>
          <cell r="V1458" t="str">
            <v>cc739934</v>
          </cell>
          <cell r="W1458" t="str">
            <v>bc580613</v>
          </cell>
          <cell r="Y1458" t="str">
            <v>測量,</v>
          </cell>
          <cell r="Z1458">
            <v>98916</v>
          </cell>
          <cell r="AA1458" t="str">
            <v/>
          </cell>
          <cell r="AB1458" t="str">
            <v/>
          </cell>
          <cell r="AC1458" t="str">
            <v/>
          </cell>
          <cell r="AD1458" t="str">
            <v/>
          </cell>
          <cell r="AE1458" t="str">
            <v/>
          </cell>
          <cell r="AF1458" t="str">
            <v/>
          </cell>
          <cell r="AI1458">
            <v>1</v>
          </cell>
          <cell r="AJ1458" t="str">
            <v>測量</v>
          </cell>
        </row>
        <row r="1459">
          <cell r="B1459">
            <v>5464</v>
          </cell>
          <cell r="C1459" t="str">
            <v>晃和調査設計(株)</v>
          </cell>
          <cell r="D1459" t="str">
            <v>078-733-1563</v>
          </cell>
          <cell r="E1459" t="str">
            <v>654-0008</v>
          </cell>
          <cell r="F1459" t="str">
            <v>兵庫県神戸市須磨区菊池町2-2-12</v>
          </cell>
          <cell r="G1459" t="str">
            <v>大阪市</v>
          </cell>
          <cell r="H1459" t="str">
            <v>神戸事務所</v>
          </cell>
          <cell r="I1459" t="str">
            <v>神戸事務所長 五藤　一哉</v>
          </cell>
          <cell r="J1459" t="str">
            <v>大阪府大阪市</v>
          </cell>
          <cell r="K1459" t="str">
            <v>078-733-1562</v>
          </cell>
          <cell r="L1459" t="str">
            <v>kowa5@zah.att.ne.jp</v>
          </cell>
          <cell r="M1459" t="str">
            <v>ｺｳﾜﾁｮｳｻｾｯｹｲ</v>
          </cell>
          <cell r="N1459" t="str">
            <v>有</v>
          </cell>
          <cell r="O1459">
            <v>53</v>
          </cell>
          <cell r="P1459">
            <v>20</v>
          </cell>
          <cell r="Q1459">
            <v>4120001063724</v>
          </cell>
          <cell r="R1459">
            <v>45000</v>
          </cell>
          <cell r="S1459">
            <v>143994</v>
          </cell>
          <cell r="T1459">
            <v>128325</v>
          </cell>
          <cell r="V1459" t="str">
            <v>tc486312</v>
          </cell>
          <cell r="W1459" t="str">
            <v>ww914152</v>
          </cell>
          <cell r="Y1459" t="str">
            <v>測量,土質,鋼構,河川,道路,施行,下水,都市,土他,交通,調他</v>
          </cell>
          <cell r="Z1459">
            <v>6186</v>
          </cell>
          <cell r="AA1459" t="str">
            <v/>
          </cell>
          <cell r="AB1459">
            <v>130276</v>
          </cell>
          <cell r="AC1459" t="str">
            <v/>
          </cell>
          <cell r="AD1459" t="str">
            <v/>
          </cell>
          <cell r="AE1459" t="str">
            <v/>
          </cell>
          <cell r="AF1459" t="str">
            <v/>
          </cell>
          <cell r="AI1459">
            <v>3</v>
          </cell>
          <cell r="AJ1459" t="str">
            <v>土木</v>
          </cell>
        </row>
        <row r="1460">
          <cell r="B1460">
            <v>5466</v>
          </cell>
          <cell r="C1460" t="str">
            <v>国際航業(株)</v>
          </cell>
          <cell r="D1460" t="str">
            <v>06-6487-1284</v>
          </cell>
          <cell r="E1460" t="str">
            <v>660-0805</v>
          </cell>
          <cell r="F1460" t="str">
            <v>兵庫県尼崎市西長洲町1-1-15</v>
          </cell>
          <cell r="H1460" t="str">
            <v>兵庫支店</v>
          </cell>
          <cell r="I1460" t="str">
            <v>支店長 金岡　賢二</v>
          </cell>
          <cell r="J1460" t="str">
            <v>東京都</v>
          </cell>
          <cell r="K1460" t="str">
            <v>06-6487-1337</v>
          </cell>
          <cell r="L1460" t="str">
            <v>info-hyogo@kk-grp.jp</v>
          </cell>
          <cell r="M1460" t="str">
            <v>ｺｸｻｲｺｳｷﾞｮｳ</v>
          </cell>
          <cell r="N1460" t="str">
            <v>有</v>
          </cell>
          <cell r="O1460">
            <v>71</v>
          </cell>
          <cell r="P1460">
            <v>1378</v>
          </cell>
          <cell r="Q1460">
            <v>9010001008669</v>
          </cell>
          <cell r="R1460">
            <v>16729013</v>
          </cell>
          <cell r="S1460">
            <v>19558087</v>
          </cell>
          <cell r="T1460">
            <v>36970070</v>
          </cell>
          <cell r="V1460" t="str">
            <v>kb213692</v>
          </cell>
          <cell r="W1460" t="str">
            <v>fh431049</v>
          </cell>
          <cell r="Y1460" t="str">
            <v>測量,測量,航空,建築,調査,土質,鋼構,河川,道路,施行,地質,造園,上水,下水,都市,スポ,環境,土他,土調,物件,地質,水質,大気,騒音,交通,商業,調他</v>
          </cell>
          <cell r="Z1460">
            <v>11934037</v>
          </cell>
          <cell r="AA1460">
            <v>281165</v>
          </cell>
          <cell r="AB1460">
            <v>16629414</v>
          </cell>
          <cell r="AC1460">
            <v>88982</v>
          </cell>
          <cell r="AD1460">
            <v>348867</v>
          </cell>
          <cell r="AE1460" t="str">
            <v>地質調査</v>
          </cell>
          <cell r="AF1460">
            <v>3018782</v>
          </cell>
          <cell r="AI1460">
            <v>3</v>
          </cell>
          <cell r="AJ1460" t="str">
            <v>土木</v>
          </cell>
        </row>
        <row r="1461">
          <cell r="B1461">
            <v>5468</v>
          </cell>
          <cell r="C1461" t="str">
            <v>(株)国土開発センター</v>
          </cell>
          <cell r="D1461" t="str">
            <v>079-287-6010</v>
          </cell>
          <cell r="E1461" t="str">
            <v>670-0953</v>
          </cell>
          <cell r="F1461" t="str">
            <v>兵庫県姫路市三条町1-31</v>
          </cell>
          <cell r="G1461" t="str">
            <v>金沢市</v>
          </cell>
          <cell r="H1461" t="str">
            <v>姫路営業所</v>
          </cell>
          <cell r="I1461" t="str">
            <v>所長 田村　勇</v>
          </cell>
          <cell r="J1461" t="str">
            <v>石川県金沢市</v>
          </cell>
          <cell r="K1461" t="str">
            <v>079-287-6011</v>
          </cell>
          <cell r="L1461" t="str">
            <v>oskegyo@kokudonet.co.jp</v>
          </cell>
          <cell r="M1461" t="str">
            <v>ｺｸﾄﾞｶｲﾊﾂｾﾝﾀｰ</v>
          </cell>
          <cell r="N1461" t="str">
            <v>有</v>
          </cell>
          <cell r="O1461">
            <v>54</v>
          </cell>
          <cell r="P1461">
            <v>231</v>
          </cell>
          <cell r="Q1461">
            <v>6220001007693</v>
          </cell>
          <cell r="R1461">
            <v>95000</v>
          </cell>
          <cell r="S1461">
            <v>3157419</v>
          </cell>
          <cell r="T1461">
            <v>3466566</v>
          </cell>
          <cell r="V1461" t="str">
            <v>pz675987</v>
          </cell>
          <cell r="W1461" t="str">
            <v>je883185</v>
          </cell>
          <cell r="Y1461" t="str">
            <v>測量,測量,航空,土質,鋼構,河川,道路,造園,上水,下水,都市,環境,土他,土調,土評,物件,機工,営業,損失,補償,地質,水質,大気,騒音,交通,商業,</v>
          </cell>
          <cell r="Z1461">
            <v>182218</v>
          </cell>
          <cell r="AA1461">
            <v>56771</v>
          </cell>
          <cell r="AB1461">
            <v>2281917</v>
          </cell>
          <cell r="AC1461">
            <v>1001439</v>
          </cell>
          <cell r="AD1461">
            <v>18647</v>
          </cell>
          <cell r="AE1461" t="str">
            <v/>
          </cell>
          <cell r="AF1461" t="str">
            <v/>
          </cell>
          <cell r="AI1461">
            <v>3</v>
          </cell>
          <cell r="AJ1461" t="str">
            <v>土木</v>
          </cell>
        </row>
        <row r="1462">
          <cell r="B1462">
            <v>5470</v>
          </cell>
          <cell r="C1462" t="str">
            <v>国土情報開発(株)</v>
          </cell>
          <cell r="D1462" t="str">
            <v>03-5481-3000</v>
          </cell>
          <cell r="E1462" t="str">
            <v>154-8530</v>
          </cell>
          <cell r="F1462" t="str">
            <v>東京都世田谷区池尻2-7-3</v>
          </cell>
          <cell r="H1462" t="str">
            <v/>
          </cell>
          <cell r="I1462" t="str">
            <v>代表取締役社長 羽田　寛</v>
          </cell>
          <cell r="J1462" t="str">
            <v>本店</v>
          </cell>
          <cell r="K1462" t="str">
            <v>03-5481-3030</v>
          </cell>
          <cell r="L1462" t="str">
            <v>nyusatsu@kjk.co.jp</v>
          </cell>
          <cell r="M1462" t="str">
            <v>ｺｸﾄﾞｼﾞｮｳﾎｳｶｲﾊﾂ</v>
          </cell>
          <cell r="N1462" t="str">
            <v>無</v>
          </cell>
          <cell r="O1462">
            <v>58</v>
          </cell>
          <cell r="P1462">
            <v>70</v>
          </cell>
          <cell r="Q1462">
            <v>6010901004126</v>
          </cell>
          <cell r="R1462">
            <v>3500</v>
          </cell>
          <cell r="S1462">
            <v>1374564</v>
          </cell>
          <cell r="T1462">
            <v>189124</v>
          </cell>
          <cell r="V1462" t="str">
            <v>xc364220</v>
          </cell>
          <cell r="W1462" t="str">
            <v>xk916476</v>
          </cell>
          <cell r="Y1462" t="str">
            <v>測量,測量,</v>
          </cell>
          <cell r="Z1462">
            <v>179449</v>
          </cell>
          <cell r="AA1462" t="str">
            <v/>
          </cell>
          <cell r="AB1462" t="str">
            <v/>
          </cell>
          <cell r="AC1462" t="str">
            <v/>
          </cell>
          <cell r="AD1462" t="str">
            <v/>
          </cell>
          <cell r="AE1462" t="str">
            <v/>
          </cell>
          <cell r="AF1462" t="str">
            <v/>
          </cell>
          <cell r="AI1462">
            <v>1</v>
          </cell>
          <cell r="AJ1462" t="str">
            <v>測量</v>
          </cell>
        </row>
        <row r="1463">
          <cell r="B1463">
            <v>5471</v>
          </cell>
          <cell r="C1463" t="str">
            <v>国土防災技術(株)</v>
          </cell>
          <cell r="D1463" t="str">
            <v>078-221-2213</v>
          </cell>
          <cell r="E1463" t="str">
            <v>651-0083</v>
          </cell>
          <cell r="F1463" t="str">
            <v>兵庫県神戸市中央区浜辺通2-1-30</v>
          </cell>
          <cell r="H1463" t="str">
            <v>神戸支店</v>
          </cell>
          <cell r="I1463" t="str">
            <v>支店長 堂村　靖浩</v>
          </cell>
          <cell r="J1463" t="str">
            <v>東京都</v>
          </cell>
          <cell r="K1463" t="str">
            <v>078-221-2611</v>
          </cell>
          <cell r="L1463" t="str">
            <v>kobe@jce.co.jp</v>
          </cell>
          <cell r="M1463" t="str">
            <v>ｺｸﾄﾞﾎﾞｳｻｲｷﾞｼﾞｭﾂ</v>
          </cell>
          <cell r="N1463" t="str">
            <v>有</v>
          </cell>
          <cell r="O1463">
            <v>51</v>
          </cell>
          <cell r="P1463">
            <v>393</v>
          </cell>
          <cell r="Q1463">
            <v>9010401010035</v>
          </cell>
          <cell r="R1463">
            <v>100000</v>
          </cell>
          <cell r="S1463">
            <v>5260303</v>
          </cell>
          <cell r="T1463">
            <v>7866422</v>
          </cell>
          <cell r="V1463" t="str">
            <v>mn300245</v>
          </cell>
          <cell r="W1463" t="str">
            <v>yn433824</v>
          </cell>
          <cell r="Y1463" t="str">
            <v>測量,測量,航空,土質,河川,道路,地質,都市,環境,土調,地質,水質,交通,</v>
          </cell>
          <cell r="Z1463">
            <v>128469</v>
          </cell>
          <cell r="AA1463" t="str">
            <v/>
          </cell>
          <cell r="AB1463">
            <v>2757220</v>
          </cell>
          <cell r="AC1463">
            <v>17565</v>
          </cell>
          <cell r="AD1463">
            <v>2220485</v>
          </cell>
          <cell r="AE1463" t="str">
            <v/>
          </cell>
          <cell r="AF1463" t="str">
            <v/>
          </cell>
          <cell r="AI1463">
            <v>3</v>
          </cell>
          <cell r="AJ1463" t="str">
            <v>土木</v>
          </cell>
        </row>
        <row r="1464">
          <cell r="B1464">
            <v>5475</v>
          </cell>
          <cell r="C1464" t="str">
            <v>(株)五星</v>
          </cell>
          <cell r="D1464" t="str">
            <v>078-891-4039</v>
          </cell>
          <cell r="E1464" t="str">
            <v>651-0084</v>
          </cell>
          <cell r="F1464" t="str">
            <v>兵庫県神戸市中央区磯辺通2-2-3</v>
          </cell>
          <cell r="G1464" t="str">
            <v>三豊市</v>
          </cell>
          <cell r="H1464" t="str">
            <v>神戸事務所</v>
          </cell>
          <cell r="I1464" t="str">
            <v>所長 田中　洋子</v>
          </cell>
          <cell r="J1464" t="str">
            <v>香川県三豊市</v>
          </cell>
          <cell r="K1464" t="str">
            <v>078-891-4059</v>
          </cell>
          <cell r="L1464" t="str">
            <v>kseigyo@mail.gosei.ne.jp</v>
          </cell>
          <cell r="M1464" t="str">
            <v>ｺﾞｾｲ</v>
          </cell>
          <cell r="N1464" t="str">
            <v>有</v>
          </cell>
          <cell r="O1464">
            <v>55</v>
          </cell>
          <cell r="P1464">
            <v>136</v>
          </cell>
          <cell r="Q1464">
            <v>3470001010238</v>
          </cell>
          <cell r="R1464">
            <v>48000</v>
          </cell>
          <cell r="S1464">
            <v>1040776</v>
          </cell>
          <cell r="T1464">
            <v>1908018</v>
          </cell>
          <cell r="V1464" t="str">
            <v>xk182792</v>
          </cell>
          <cell r="W1464" t="str">
            <v>bz603868</v>
          </cell>
          <cell r="Y1464" t="str">
            <v>測量,測量,航空,建築,土質,鋼構,河川,道路,上水,下水,都市,土他,土調,物件,営業,地質,</v>
          </cell>
          <cell r="Z1464">
            <v>205760</v>
          </cell>
          <cell r="AA1464">
            <v>41890</v>
          </cell>
          <cell r="AB1464">
            <v>952856</v>
          </cell>
          <cell r="AC1464">
            <v>79023</v>
          </cell>
          <cell r="AD1464">
            <v>17145</v>
          </cell>
          <cell r="AE1464" t="str">
            <v>電算業務、調査計画業務</v>
          </cell>
          <cell r="AF1464">
            <v>603048</v>
          </cell>
          <cell r="AI1464">
            <v>3</v>
          </cell>
          <cell r="AJ1464" t="str">
            <v>土木</v>
          </cell>
        </row>
        <row r="1465">
          <cell r="B1465">
            <v>5476</v>
          </cell>
          <cell r="C1465" t="str">
            <v>(株)小西建築事務所</v>
          </cell>
          <cell r="D1465" t="str">
            <v>06-6743-4078</v>
          </cell>
          <cell r="E1465" t="str">
            <v>550-0002</v>
          </cell>
          <cell r="F1465" t="str">
            <v>大阪府大阪市西区江戸堀1-25-29</v>
          </cell>
          <cell r="G1465" t="str">
            <v>大阪市</v>
          </cell>
          <cell r="H1465" t="str">
            <v/>
          </cell>
          <cell r="I1465" t="str">
            <v>代表取締役 山田　惠三</v>
          </cell>
          <cell r="J1465" t="str">
            <v>本店</v>
          </cell>
          <cell r="K1465" t="str">
            <v>06-6743-4079</v>
          </cell>
          <cell r="L1465" t="str">
            <v>konishi_a.o@nifty.com</v>
          </cell>
          <cell r="M1465" t="str">
            <v>ｺﾆｼｹﾝﾁｸｼﾞﾑｼｮ</v>
          </cell>
          <cell r="N1465" t="str">
            <v>無</v>
          </cell>
          <cell r="O1465">
            <v>51</v>
          </cell>
          <cell r="P1465">
            <v>9</v>
          </cell>
          <cell r="Q1465">
            <v>7120001043310</v>
          </cell>
          <cell r="R1465">
            <v>10000</v>
          </cell>
          <cell r="S1465">
            <v>52259</v>
          </cell>
          <cell r="T1465">
            <v>75004</v>
          </cell>
          <cell r="V1465" t="str">
            <v>ee433959</v>
          </cell>
          <cell r="W1465" t="str">
            <v>qe335131</v>
          </cell>
          <cell r="Y1465" t="str">
            <v>建築,意匠,構造,冷暖,衛生,電気,建積,機積,電積,調査,</v>
          </cell>
          <cell r="Z1465" t="str">
            <v/>
          </cell>
          <cell r="AA1465">
            <v>69214</v>
          </cell>
          <cell r="AB1465" t="str">
            <v/>
          </cell>
          <cell r="AC1465" t="str">
            <v/>
          </cell>
          <cell r="AD1465" t="str">
            <v/>
          </cell>
          <cell r="AE1465" t="str">
            <v/>
          </cell>
          <cell r="AF1465" t="str">
            <v/>
          </cell>
          <cell r="AI1465">
            <v>2</v>
          </cell>
          <cell r="AJ1465" t="str">
            <v>建築</v>
          </cell>
        </row>
        <row r="1466">
          <cell r="B1466">
            <v>5477</v>
          </cell>
          <cell r="C1466" t="str">
            <v>(株)小西建築設計事務所</v>
          </cell>
          <cell r="D1466" t="str">
            <v>0794-62-6699</v>
          </cell>
          <cell r="E1466" t="str">
            <v>675-1379</v>
          </cell>
          <cell r="F1466" t="str">
            <v>兵庫県小野市上本町135-10</v>
          </cell>
          <cell r="G1466" t="str">
            <v>小野市</v>
          </cell>
          <cell r="H1466" t="str">
            <v/>
          </cell>
          <cell r="I1466" t="str">
            <v>代表取締役 小西　龍機</v>
          </cell>
          <cell r="J1466" t="str">
            <v>本店</v>
          </cell>
          <cell r="K1466" t="str">
            <v>0794-62-6692</v>
          </cell>
          <cell r="L1466" t="str">
            <v>k-nyusatsu@heart.ocn.ne.jp</v>
          </cell>
          <cell r="M1466" t="str">
            <v>ｺﾆｼｹﾝﾁｸｾｯｹｲｼﾞﾑｼｮ</v>
          </cell>
          <cell r="N1466" t="str">
            <v>無</v>
          </cell>
          <cell r="O1466">
            <v>41</v>
          </cell>
          <cell r="P1466">
            <v>30</v>
          </cell>
          <cell r="Q1466">
            <v>1140001076693</v>
          </cell>
          <cell r="R1466">
            <v>10000</v>
          </cell>
          <cell r="S1466">
            <v>56132</v>
          </cell>
          <cell r="T1466">
            <v>378885</v>
          </cell>
          <cell r="V1466" t="str">
            <v>ea534445</v>
          </cell>
          <cell r="W1466" t="str">
            <v>nb400813</v>
          </cell>
          <cell r="Y1466" t="str">
            <v>建築,意匠,構造,冷暖,衛生,電気,建積,機積,電積,調査,</v>
          </cell>
          <cell r="Z1466" t="str">
            <v/>
          </cell>
          <cell r="AA1466">
            <v>378885</v>
          </cell>
          <cell r="AB1466" t="str">
            <v/>
          </cell>
          <cell r="AC1466" t="str">
            <v/>
          </cell>
          <cell r="AD1466" t="str">
            <v/>
          </cell>
          <cell r="AE1466" t="str">
            <v/>
          </cell>
          <cell r="AF1466" t="str">
            <v/>
          </cell>
          <cell r="AI1466">
            <v>2</v>
          </cell>
          <cell r="AJ1466" t="str">
            <v>建築</v>
          </cell>
        </row>
        <row r="1467">
          <cell r="B1467">
            <v>5478</v>
          </cell>
          <cell r="C1467" t="str">
            <v>(株)小西設計</v>
          </cell>
          <cell r="D1467" t="str">
            <v>06-6532-4051</v>
          </cell>
          <cell r="E1467" t="str">
            <v>550-0012</v>
          </cell>
          <cell r="F1467" t="str">
            <v>大阪府大阪市西区立売堀1-12-16</v>
          </cell>
          <cell r="G1467" t="str">
            <v>大阪市</v>
          </cell>
          <cell r="H1467" t="str">
            <v/>
          </cell>
          <cell r="I1467" t="str">
            <v>取締役社長 小西　敏子</v>
          </cell>
          <cell r="J1467" t="str">
            <v>本店</v>
          </cell>
          <cell r="K1467" t="str">
            <v>06-6532-1562</v>
          </cell>
          <cell r="L1467" t="str">
            <v>eigyobu@konishi-sekkei.co.jp</v>
          </cell>
          <cell r="M1467" t="str">
            <v>ｺﾆｼｾｯｹｲ</v>
          </cell>
          <cell r="N1467" t="str">
            <v>無</v>
          </cell>
          <cell r="O1467">
            <v>63</v>
          </cell>
          <cell r="P1467">
            <v>32</v>
          </cell>
          <cell r="Q1467">
            <v>4120001043313</v>
          </cell>
          <cell r="R1467">
            <v>20000</v>
          </cell>
          <cell r="S1467">
            <v>71425</v>
          </cell>
          <cell r="T1467">
            <v>480774</v>
          </cell>
          <cell r="V1467" t="str">
            <v>wb168514</v>
          </cell>
          <cell r="W1467" t="str">
            <v>nq244306</v>
          </cell>
          <cell r="Y1467" t="str">
            <v>建築,意匠,構造,冷暖,衛生,電気,建積,機積,電積,調査,</v>
          </cell>
          <cell r="Z1467" t="str">
            <v/>
          </cell>
          <cell r="AA1467">
            <v>443337</v>
          </cell>
          <cell r="AB1467" t="str">
            <v/>
          </cell>
          <cell r="AC1467" t="str">
            <v/>
          </cell>
          <cell r="AD1467" t="str">
            <v/>
          </cell>
          <cell r="AE1467" t="str">
            <v/>
          </cell>
          <cell r="AF1467" t="str">
            <v/>
          </cell>
          <cell r="AI1467">
            <v>2</v>
          </cell>
          <cell r="AJ1467" t="str">
            <v>建築</v>
          </cell>
        </row>
        <row r="1468">
          <cell r="B1468">
            <v>5481</v>
          </cell>
          <cell r="C1468" t="str">
            <v>(株)コベルコ科研</v>
          </cell>
          <cell r="D1468" t="str">
            <v>06-4307-6105</v>
          </cell>
          <cell r="E1468" t="str">
            <v>530-0001</v>
          </cell>
          <cell r="F1468" t="str">
            <v>大阪府大阪市北区梅田3-3-10</v>
          </cell>
          <cell r="G1468" t="str">
            <v>神戸市</v>
          </cell>
          <cell r="H1468" t="str">
            <v>営業本部　大阪支店</v>
          </cell>
          <cell r="I1468" t="str">
            <v>大阪支店長 由利　司</v>
          </cell>
          <cell r="J1468" t="str">
            <v>兵庫県神戸市</v>
          </cell>
          <cell r="K1468" t="str">
            <v>06-4307-6129</v>
          </cell>
          <cell r="L1468" t="str">
            <v>nagao.osamu@kki.kobelco.com</v>
          </cell>
          <cell r="M1468" t="str">
            <v>ｺﾍﾞﾙｺｶｹﾝ</v>
          </cell>
          <cell r="N1468" t="str">
            <v>有</v>
          </cell>
          <cell r="O1468">
            <v>39</v>
          </cell>
          <cell r="P1468">
            <v>1413</v>
          </cell>
          <cell r="Q1468">
            <v>330100187046</v>
          </cell>
          <cell r="R1468">
            <v>300000</v>
          </cell>
          <cell r="S1468">
            <v>5950512</v>
          </cell>
          <cell r="T1468">
            <v>22046279</v>
          </cell>
          <cell r="V1468" t="str">
            <v>gq106926</v>
          </cell>
          <cell r="W1468" t="str">
            <v>dj488649</v>
          </cell>
          <cell r="Y1468" t="str">
            <v>環境,地質,水質,大気,騒音,</v>
          </cell>
          <cell r="Z1468" t="str">
            <v/>
          </cell>
          <cell r="AA1468" t="str">
            <v/>
          </cell>
          <cell r="AB1468">
            <v>35506</v>
          </cell>
          <cell r="AC1468" t="str">
            <v/>
          </cell>
          <cell r="AD1468">
            <v>21967588</v>
          </cell>
          <cell r="AE1468" t="str">
            <v>地質調査</v>
          </cell>
          <cell r="AF1468">
            <v>43185</v>
          </cell>
          <cell r="AI1468">
            <v>5</v>
          </cell>
          <cell r="AJ1468" t="str">
            <v>調査</v>
          </cell>
        </row>
        <row r="1469">
          <cell r="B1469">
            <v>5482</v>
          </cell>
          <cell r="C1469" t="str">
            <v>(株)コム計画研究所</v>
          </cell>
          <cell r="D1469" t="str">
            <v>06-6624-2321</v>
          </cell>
          <cell r="E1469" t="str">
            <v>545-0037</v>
          </cell>
          <cell r="F1469" t="str">
            <v>大阪府大阪市阿倍野区帝塚山1-6-3</v>
          </cell>
          <cell r="G1469" t="str">
            <v>大阪市</v>
          </cell>
          <cell r="H1469" t="str">
            <v/>
          </cell>
          <cell r="I1469" t="str">
            <v>代表取締役 高田　昇</v>
          </cell>
          <cell r="J1469" t="str">
            <v>本店</v>
          </cell>
          <cell r="K1469" t="str">
            <v>06-6624-2737</v>
          </cell>
          <cell r="L1469" t="str">
            <v>com@com-planning.co.jp</v>
          </cell>
          <cell r="M1469" t="str">
            <v>ｺﾑｹｲｶｸｹﾝｷｭｳｼｮ</v>
          </cell>
          <cell r="N1469" t="str">
            <v>無</v>
          </cell>
          <cell r="O1469">
            <v>47</v>
          </cell>
          <cell r="P1469">
            <v>11</v>
          </cell>
          <cell r="Q1469">
            <v>8120001005268</v>
          </cell>
          <cell r="R1469">
            <v>10000</v>
          </cell>
          <cell r="S1469">
            <v>23095</v>
          </cell>
          <cell r="T1469">
            <v>66062</v>
          </cell>
          <cell r="V1469" t="str">
            <v>xq645865</v>
          </cell>
          <cell r="W1469" t="str">
            <v>wk314352</v>
          </cell>
          <cell r="Y1469" t="str">
            <v>建築,意匠,</v>
          </cell>
          <cell r="Z1469" t="str">
            <v/>
          </cell>
          <cell r="AA1469">
            <v>78931</v>
          </cell>
          <cell r="AB1469" t="str">
            <v/>
          </cell>
          <cell r="AC1469" t="str">
            <v/>
          </cell>
          <cell r="AD1469" t="str">
            <v/>
          </cell>
          <cell r="AE1469" t="str">
            <v/>
          </cell>
          <cell r="AF1469" t="str">
            <v/>
          </cell>
          <cell r="AI1469">
            <v>2</v>
          </cell>
          <cell r="AJ1469" t="str">
            <v>建築</v>
          </cell>
        </row>
        <row r="1470">
          <cell r="B1470">
            <v>5483</v>
          </cell>
          <cell r="C1470" t="str">
            <v>五洋設計(株)</v>
          </cell>
          <cell r="D1470" t="str">
            <v>078-321-5439</v>
          </cell>
          <cell r="E1470" t="str">
            <v>650-0024</v>
          </cell>
          <cell r="F1470" t="str">
            <v>兵庫県神戸市中央区海岸通3-1-1</v>
          </cell>
          <cell r="G1470" t="str">
            <v>奈良市</v>
          </cell>
          <cell r="H1470" t="str">
            <v>神戸支店</v>
          </cell>
          <cell r="I1470" t="str">
            <v>支店長 折谷　俊昭</v>
          </cell>
          <cell r="J1470" t="str">
            <v>奈良県奈良市</v>
          </cell>
          <cell r="K1470" t="str">
            <v>078-599-8554</v>
          </cell>
          <cell r="L1470" t="str">
            <v>info@goyo-s.co.jp</v>
          </cell>
          <cell r="M1470" t="str">
            <v>ｺﾞﾖｳｾｯｹｲ</v>
          </cell>
          <cell r="N1470" t="str">
            <v>有</v>
          </cell>
          <cell r="O1470">
            <v>47</v>
          </cell>
          <cell r="P1470">
            <v>31</v>
          </cell>
          <cell r="Q1470">
            <v>8150001008532</v>
          </cell>
          <cell r="R1470">
            <v>30000</v>
          </cell>
          <cell r="S1470">
            <v>30852</v>
          </cell>
          <cell r="T1470">
            <v>267307</v>
          </cell>
          <cell r="V1470" t="str">
            <v>vq997902</v>
          </cell>
          <cell r="W1470" t="str">
            <v>px246733</v>
          </cell>
          <cell r="Y1470" t="str">
            <v>測量,鋼構,河川,道路,交通,</v>
          </cell>
          <cell r="Z1470">
            <v>22803</v>
          </cell>
          <cell r="AA1470" t="str">
            <v/>
          </cell>
          <cell r="AB1470">
            <v>231864</v>
          </cell>
          <cell r="AC1470" t="str">
            <v/>
          </cell>
          <cell r="AD1470">
            <v>1988</v>
          </cell>
          <cell r="AE1470" t="str">
            <v/>
          </cell>
          <cell r="AF1470" t="str">
            <v/>
          </cell>
          <cell r="AI1470">
            <v>3</v>
          </cell>
          <cell r="AJ1470" t="str">
            <v>土木</v>
          </cell>
        </row>
        <row r="1471">
          <cell r="B1471">
            <v>5484</v>
          </cell>
          <cell r="C1471" t="str">
            <v>国際文化財(株)</v>
          </cell>
          <cell r="D1471" t="str">
            <v>078-591-8223</v>
          </cell>
          <cell r="E1471" t="str">
            <v>651-1101</v>
          </cell>
          <cell r="F1471" t="str">
            <v>兵庫県神戸市北区山田町小部字妙賀10-8</v>
          </cell>
          <cell r="H1471" t="str">
            <v>神戸営業所</v>
          </cell>
          <cell r="I1471" t="str">
            <v>所長 川井　健士</v>
          </cell>
          <cell r="J1471" t="str">
            <v>東京都</v>
          </cell>
          <cell r="K1471" t="str">
            <v>078-596-6771</v>
          </cell>
          <cell r="L1471" t="str">
            <v>kbc-nishinihon@kk-grp.jp</v>
          </cell>
          <cell r="M1471" t="str">
            <v>ｺｸｻｲﾌﾞﾝｶｻﾞｲ</v>
          </cell>
          <cell r="N1471" t="str">
            <v>有</v>
          </cell>
          <cell r="O1471">
            <v>11</v>
          </cell>
          <cell r="P1471">
            <v>66</v>
          </cell>
          <cell r="Q1471">
            <v>2010001114184</v>
          </cell>
          <cell r="R1471">
            <v>100000</v>
          </cell>
          <cell r="S1471">
            <v>679926</v>
          </cell>
          <cell r="T1471">
            <v>1941829</v>
          </cell>
          <cell r="V1471" t="str">
            <v>gt229055</v>
          </cell>
          <cell r="W1471" t="str">
            <v>wd636752</v>
          </cell>
          <cell r="Y1471" t="str">
            <v>測量,測量,航空,調他</v>
          </cell>
          <cell r="Z1471">
            <v>107619</v>
          </cell>
          <cell r="AA1471" t="str">
            <v/>
          </cell>
          <cell r="AB1471" t="str">
            <v/>
          </cell>
          <cell r="AC1471" t="str">
            <v/>
          </cell>
          <cell r="AD1471" t="str">
            <v/>
          </cell>
          <cell r="AE1471" t="str">
            <v>埋蔵文化財発掘調査</v>
          </cell>
          <cell r="AF1471">
            <v>1834210</v>
          </cell>
          <cell r="AI1471">
            <v>1</v>
          </cell>
          <cell r="AJ1471" t="str">
            <v>測量</v>
          </cell>
        </row>
        <row r="1472">
          <cell r="B1472">
            <v>5485</v>
          </cell>
          <cell r="C1472" t="str">
            <v>(株)コンサルタント関西</v>
          </cell>
          <cell r="D1472" t="str">
            <v>079-238-6222</v>
          </cell>
          <cell r="E1472" t="str">
            <v>671-1154</v>
          </cell>
          <cell r="F1472" t="str">
            <v>兵庫県姫路市広畑区吾妻町1-35-3</v>
          </cell>
          <cell r="G1472" t="str">
            <v>姫路市</v>
          </cell>
          <cell r="H1472" t="str">
            <v/>
          </cell>
          <cell r="I1472" t="str">
            <v>代表取締役 加藤　雅宣</v>
          </cell>
          <cell r="J1472" t="str">
            <v>本店</v>
          </cell>
          <cell r="K1472" t="str">
            <v>079-238-6224</v>
          </cell>
          <cell r="L1472" t="str">
            <v>info@c-kansai.co.jp</v>
          </cell>
          <cell r="M1472" t="str">
            <v>ｺﾝｻﾙﾀﾝﾄｶﾝｻｲ</v>
          </cell>
          <cell r="N1472" t="str">
            <v>無</v>
          </cell>
          <cell r="O1472">
            <v>38</v>
          </cell>
          <cell r="P1472">
            <v>23</v>
          </cell>
          <cell r="Q1472">
            <v>8140001058826</v>
          </cell>
          <cell r="R1472">
            <v>10000</v>
          </cell>
          <cell r="S1472">
            <v>35527</v>
          </cell>
          <cell r="T1472">
            <v>145060</v>
          </cell>
          <cell r="V1472" t="str">
            <v>hh410696</v>
          </cell>
          <cell r="W1472" t="str">
            <v>nc667042</v>
          </cell>
          <cell r="Y1472" t="str">
            <v>測量,測量,航空,土質,河川,道路,施行,地質,造園,都市,土調,物件,機工,営業,損失,補償,地質,水質,交通,</v>
          </cell>
          <cell r="Z1472">
            <v>38306</v>
          </cell>
          <cell r="AA1472" t="str">
            <v/>
          </cell>
          <cell r="AB1472">
            <v>39949</v>
          </cell>
          <cell r="AC1472">
            <v>45677</v>
          </cell>
          <cell r="AD1472" t="str">
            <v/>
          </cell>
          <cell r="AE1472" t="str">
            <v/>
          </cell>
          <cell r="AF1472" t="str">
            <v/>
          </cell>
          <cell r="AI1472">
            <v>4</v>
          </cell>
          <cell r="AJ1472" t="str">
            <v>補償</v>
          </cell>
        </row>
        <row r="1473">
          <cell r="B1473">
            <v>5487</v>
          </cell>
          <cell r="C1473" t="str">
            <v>(株)コンステック</v>
          </cell>
          <cell r="D1473" t="str">
            <v>078-261-1501</v>
          </cell>
          <cell r="E1473" t="str">
            <v>651-0087</v>
          </cell>
          <cell r="F1473" t="str">
            <v>兵庫県神戸市中央区御幸通4-2-20</v>
          </cell>
          <cell r="G1473" t="str">
            <v>大阪市</v>
          </cell>
          <cell r="H1473" t="str">
            <v>神戸支店</v>
          </cell>
          <cell r="I1473" t="str">
            <v>支店長 谷口　良平</v>
          </cell>
          <cell r="J1473" t="str">
            <v>大阪府大阪市</v>
          </cell>
          <cell r="K1473" t="str">
            <v>078-261-1502</v>
          </cell>
          <cell r="L1473" t="str">
            <v>constec-kobe@cons-hd.co.jp</v>
          </cell>
          <cell r="M1473" t="str">
            <v>ｺﾝｽﾃｯｸ</v>
          </cell>
          <cell r="N1473" t="str">
            <v>有</v>
          </cell>
          <cell r="O1473">
            <v>47</v>
          </cell>
          <cell r="P1473">
            <v>265</v>
          </cell>
          <cell r="Q1473">
            <v>1120001108515</v>
          </cell>
          <cell r="R1473">
            <v>96000</v>
          </cell>
          <cell r="S1473">
            <v>5402014</v>
          </cell>
          <cell r="T1473">
            <v>16094506</v>
          </cell>
          <cell r="V1473" t="str">
            <v>st227555</v>
          </cell>
          <cell r="W1473" t="str">
            <v>ah222671</v>
          </cell>
          <cell r="Y1473" t="str">
            <v>建築,意匠,構造,鋼構,</v>
          </cell>
          <cell r="Z1473" t="str">
            <v/>
          </cell>
          <cell r="AA1473">
            <v>1762100</v>
          </cell>
          <cell r="AB1473">
            <v>208365</v>
          </cell>
          <cell r="AC1473" t="str">
            <v/>
          </cell>
          <cell r="AD1473" t="str">
            <v/>
          </cell>
          <cell r="AE1473" t="str">
            <v/>
          </cell>
          <cell r="AF1473" t="str">
            <v/>
          </cell>
          <cell r="AI1473">
            <v>2</v>
          </cell>
          <cell r="AJ1473" t="str">
            <v>建築</v>
          </cell>
        </row>
        <row r="1474">
          <cell r="B1474">
            <v>5489</v>
          </cell>
          <cell r="C1474" t="str">
            <v>(株)コスモ</v>
          </cell>
          <cell r="D1474" t="str">
            <v>079-672-5483</v>
          </cell>
          <cell r="E1474" t="str">
            <v>669-5221</v>
          </cell>
          <cell r="F1474" t="str">
            <v>兵庫県朝来市和田山町秋葉台2ｰ105</v>
          </cell>
          <cell r="G1474" t="str">
            <v>朝来市</v>
          </cell>
          <cell r="H1474" t="str">
            <v/>
          </cell>
          <cell r="I1474" t="str">
            <v>代表取締役 川見　元</v>
          </cell>
          <cell r="J1474" t="str">
            <v>本店</v>
          </cell>
          <cell r="K1474" t="str">
            <v>079-672-5809</v>
          </cell>
          <cell r="L1474" t="str">
            <v>cosumo@gold.ocn.ne.jp</v>
          </cell>
          <cell r="M1474" t="str">
            <v>ｺｽﾓ</v>
          </cell>
          <cell r="N1474" t="str">
            <v>無</v>
          </cell>
          <cell r="O1474">
            <v>29</v>
          </cell>
          <cell r="P1474">
            <v>20</v>
          </cell>
          <cell r="Q1474">
            <v>8140001046806</v>
          </cell>
          <cell r="R1474">
            <v>10000</v>
          </cell>
          <cell r="S1474">
            <v>65025</v>
          </cell>
          <cell r="T1474">
            <v>191131</v>
          </cell>
          <cell r="V1474" t="str">
            <v>bx933087</v>
          </cell>
          <cell r="W1474" t="str">
            <v>wr801947</v>
          </cell>
          <cell r="Y1474" t="str">
            <v>測量,測量,航空,土質,鋼構,河川,道路,施行,地質,造園,上水,下水,都市,土他,土調,物件,地質,水質,交通,</v>
          </cell>
          <cell r="Z1474">
            <v>138181</v>
          </cell>
          <cell r="AA1474" t="str">
            <v/>
          </cell>
          <cell r="AB1474">
            <v>30904</v>
          </cell>
          <cell r="AC1474">
            <v>1274</v>
          </cell>
          <cell r="AD1474" t="str">
            <v/>
          </cell>
          <cell r="AE1474" t="str">
            <v>その他コンサル</v>
          </cell>
          <cell r="AF1474">
            <v>20772</v>
          </cell>
          <cell r="AI1474">
            <v>1</v>
          </cell>
          <cell r="AJ1474" t="str">
            <v>測量</v>
          </cell>
        </row>
        <row r="1475">
          <cell r="B1475">
            <v>5492</v>
          </cell>
          <cell r="C1475" t="str">
            <v>(株)コム建築コンサルタント</v>
          </cell>
          <cell r="D1475" t="str">
            <v>06-6809-7160</v>
          </cell>
          <cell r="E1475" t="str">
            <v>540-0026</v>
          </cell>
          <cell r="F1475" t="str">
            <v>大阪府大阪市中央区内本町1-1-6</v>
          </cell>
          <cell r="G1475" t="str">
            <v>生駒市</v>
          </cell>
          <cell r="H1475" t="str">
            <v>大阪営業所</v>
          </cell>
          <cell r="I1475" t="str">
            <v>所長 大門　憲司</v>
          </cell>
          <cell r="J1475" t="str">
            <v>奈良県生駒市</v>
          </cell>
          <cell r="K1475" t="str">
            <v>06-6809-7159</v>
          </cell>
          <cell r="L1475" t="str">
            <v>office.main@com-architect.co.jp</v>
          </cell>
          <cell r="M1475" t="str">
            <v>ｺﾑｹﾝﾁｸｺﾝｻﾙﾀﾝﾄ</v>
          </cell>
          <cell r="N1475" t="str">
            <v>有</v>
          </cell>
          <cell r="O1475">
            <v>24</v>
          </cell>
          <cell r="P1475">
            <v>9</v>
          </cell>
          <cell r="Q1475">
            <v>5150001004856</v>
          </cell>
          <cell r="R1475">
            <v>10000</v>
          </cell>
          <cell r="S1475">
            <v>76325</v>
          </cell>
          <cell r="T1475">
            <v>99565</v>
          </cell>
          <cell r="V1475" t="str">
            <v>mj657529</v>
          </cell>
          <cell r="W1475" t="str">
            <v>zc771083</v>
          </cell>
          <cell r="Y1475" t="str">
            <v>物件,機工,営業,損失,</v>
          </cell>
          <cell r="Z1475" t="str">
            <v/>
          </cell>
          <cell r="AA1475" t="str">
            <v/>
          </cell>
          <cell r="AB1475" t="str">
            <v/>
          </cell>
          <cell r="AC1475">
            <v>99632</v>
          </cell>
          <cell r="AD1475" t="str">
            <v/>
          </cell>
          <cell r="AE1475" t="str">
            <v/>
          </cell>
          <cell r="AF1475" t="str">
            <v/>
          </cell>
          <cell r="AI1475">
            <v>4</v>
          </cell>
          <cell r="AJ1475" t="str">
            <v>補償</v>
          </cell>
        </row>
        <row r="1476">
          <cell r="B1476">
            <v>5494</v>
          </cell>
          <cell r="C1476" t="str">
            <v>コンストラクションインベストマネジャーズ(株)</v>
          </cell>
          <cell r="D1476" t="str">
            <v>06-6910-8883</v>
          </cell>
          <cell r="E1476" t="str">
            <v>540-0026</v>
          </cell>
          <cell r="F1476" t="str">
            <v>大阪府大阪市中央区内本町2-4-7</v>
          </cell>
          <cell r="G1476" t="str">
            <v>大阪市</v>
          </cell>
          <cell r="H1476" t="str">
            <v/>
          </cell>
          <cell r="I1476" t="str">
            <v>代表取締役 中西　基晴</v>
          </cell>
          <cell r="J1476" t="str">
            <v>本店</v>
          </cell>
          <cell r="K1476" t="str">
            <v>06-6910-8884</v>
          </cell>
          <cell r="L1476" t="str">
            <v>cim@cim2005.co.jp</v>
          </cell>
          <cell r="M1476" t="str">
            <v>ｺﾝｽﾄﾗｸｼｮﾝｲﾝﾍﾞｽﾄﾏﾈｼﾞｬｰｽﾞ</v>
          </cell>
          <cell r="N1476" t="str">
            <v>無</v>
          </cell>
          <cell r="O1476">
            <v>13</v>
          </cell>
          <cell r="P1476">
            <v>30</v>
          </cell>
          <cell r="Q1476">
            <v>5120001111309</v>
          </cell>
          <cell r="R1476">
            <v>59750</v>
          </cell>
          <cell r="S1476">
            <v>169458</v>
          </cell>
          <cell r="T1476">
            <v>328298</v>
          </cell>
          <cell r="V1476" t="str">
            <v>vf969088</v>
          </cell>
          <cell r="W1476" t="str">
            <v>vf169187</v>
          </cell>
          <cell r="Y1476" t="str">
            <v>建築,意匠,構造,冷暖,衛生,電気,建積,調査,</v>
          </cell>
          <cell r="Z1476" t="str">
            <v/>
          </cell>
          <cell r="AA1476" t="str">
            <v/>
          </cell>
          <cell r="AB1476" t="str">
            <v/>
          </cell>
          <cell r="AC1476" t="str">
            <v/>
          </cell>
          <cell r="AD1476" t="str">
            <v/>
          </cell>
          <cell r="AE1476" t="str">
            <v/>
          </cell>
          <cell r="AF1476" t="str">
            <v/>
          </cell>
          <cell r="AI1476">
            <v>1</v>
          </cell>
          <cell r="AJ1476" t="str">
            <v>測量</v>
          </cell>
        </row>
        <row r="1477">
          <cell r="B1477">
            <v>5496</v>
          </cell>
          <cell r="C1477" t="str">
            <v>(株)交通システム研究所</v>
          </cell>
          <cell r="D1477" t="str">
            <v>06-6101-7001</v>
          </cell>
          <cell r="E1477" t="str">
            <v>532-0011</v>
          </cell>
          <cell r="F1477" t="str">
            <v>大阪府大阪市淀川区西中島7-1-20</v>
          </cell>
          <cell r="G1477" t="str">
            <v>大阪市</v>
          </cell>
          <cell r="H1477" t="str">
            <v/>
          </cell>
          <cell r="I1477" t="str">
            <v>代表取締役 大藤　武彦</v>
          </cell>
          <cell r="J1477" t="str">
            <v>本店</v>
          </cell>
          <cell r="K1477" t="str">
            <v>06-6101-7002</v>
          </cell>
          <cell r="L1477" t="str">
            <v>tssl@tss-lab.com</v>
          </cell>
          <cell r="M1477" t="str">
            <v>ｺｳﾂｳｼｽﾃﾑｹﾝｷｭｳｼｮ</v>
          </cell>
          <cell r="N1477" t="str">
            <v>無</v>
          </cell>
          <cell r="O1477">
            <v>18</v>
          </cell>
          <cell r="P1477">
            <v>5</v>
          </cell>
          <cell r="Q1477">
            <v>7120001099195</v>
          </cell>
          <cell r="R1477">
            <v>10000</v>
          </cell>
          <cell r="S1477">
            <v>11005</v>
          </cell>
          <cell r="T1477">
            <v>52278</v>
          </cell>
          <cell r="V1477" t="str">
            <v>zn890134</v>
          </cell>
          <cell r="W1477" t="str">
            <v>rj728323</v>
          </cell>
          <cell r="Y1477" t="str">
            <v/>
          </cell>
          <cell r="Z1477" t="str">
            <v/>
          </cell>
          <cell r="AA1477" t="str">
            <v/>
          </cell>
          <cell r="AB1477">
            <v>52278</v>
          </cell>
          <cell r="AC1477" t="str">
            <v/>
          </cell>
          <cell r="AD1477" t="str">
            <v/>
          </cell>
          <cell r="AE1477" t="str">
            <v/>
          </cell>
          <cell r="AF1477">
            <v>52278</v>
          </cell>
          <cell r="AI1477" t="str">
            <v>補償</v>
          </cell>
          <cell r="AJ1477" t="str">
            <v>大阪府</v>
          </cell>
        </row>
        <row r="1478">
          <cell r="B1478">
            <v>5498</v>
          </cell>
          <cell r="C1478" t="str">
            <v>(株)公園マネジメント研究所</v>
          </cell>
          <cell r="D1478" t="str">
            <v>06-6947-6522</v>
          </cell>
          <cell r="E1478" t="str">
            <v>540-0012</v>
          </cell>
          <cell r="F1478" t="str">
            <v>大阪府大阪市中央区谷町2-2-22</v>
          </cell>
          <cell r="G1478" t="str">
            <v>大阪市</v>
          </cell>
          <cell r="H1478" t="str">
            <v/>
          </cell>
          <cell r="I1478" t="str">
            <v>代表取締役 小野　隆</v>
          </cell>
          <cell r="J1478" t="str">
            <v>本店</v>
          </cell>
          <cell r="K1478" t="str">
            <v>06-6947-6523</v>
          </cell>
          <cell r="L1478" t="str">
            <v>pml@go-park.net</v>
          </cell>
          <cell r="M1478" t="str">
            <v>ｺｳｴﾝﾏﾈｼﾞﾒﾝﾄｹﾝｷｭｳｼｮ</v>
          </cell>
          <cell r="N1478" t="str">
            <v>無</v>
          </cell>
          <cell r="O1478">
            <v>12</v>
          </cell>
          <cell r="P1478">
            <v>13</v>
          </cell>
          <cell r="Q1478">
            <v>3120001128131</v>
          </cell>
          <cell r="R1478">
            <v>10000</v>
          </cell>
          <cell r="S1478">
            <v>4838</v>
          </cell>
          <cell r="T1478">
            <v>60144</v>
          </cell>
          <cell r="V1478" t="str">
            <v>fd791251</v>
          </cell>
          <cell r="W1478" t="str">
            <v>rp700058</v>
          </cell>
          <cell r="Y1478" t="str">
            <v/>
          </cell>
          <cell r="Z1478" t="str">
            <v/>
          </cell>
          <cell r="AA1478" t="str">
            <v/>
          </cell>
          <cell r="AB1478">
            <v>36989</v>
          </cell>
          <cell r="AC1478" t="str">
            <v/>
          </cell>
          <cell r="AD1478" t="str">
            <v/>
          </cell>
          <cell r="AE1478" t="str">
            <v/>
          </cell>
          <cell r="AF1478">
            <v>36989</v>
          </cell>
          <cell r="AI1478" t="str">
            <v>補償</v>
          </cell>
          <cell r="AJ1478" t="str">
            <v>大阪府</v>
          </cell>
        </row>
        <row r="1479">
          <cell r="B1479">
            <v>5500</v>
          </cell>
          <cell r="C1479" t="str">
            <v>(株)国土技術コンサルタント</v>
          </cell>
          <cell r="D1479" t="str">
            <v>078-599-8137</v>
          </cell>
          <cell r="E1479" t="str">
            <v>650-0022</v>
          </cell>
          <cell r="F1479" t="str">
            <v>兵庫県神戸市中央区元町通3-17-8</v>
          </cell>
          <cell r="G1479" t="str">
            <v>大阪市</v>
          </cell>
          <cell r="H1479" t="str">
            <v>神戸事務所</v>
          </cell>
          <cell r="I1479" t="str">
            <v>所長 片山　剛</v>
          </cell>
          <cell r="J1479" t="str">
            <v>大阪府大阪市</v>
          </cell>
          <cell r="K1479" t="str">
            <v>078-599-8138</v>
          </cell>
          <cell r="L1479" t="str">
            <v>kokudo.kgc@k4.dion.ne.jp</v>
          </cell>
          <cell r="M1479" t="str">
            <v>ｺｸﾄﾞｷﾞｼﾞｭﾂｺﾝｻﾙﾀﾝﾄ</v>
          </cell>
          <cell r="N1479" t="str">
            <v>有</v>
          </cell>
          <cell r="O1479">
            <v>16</v>
          </cell>
          <cell r="P1479">
            <v>39</v>
          </cell>
          <cell r="Q1479">
            <v>2122001013297</v>
          </cell>
          <cell r="R1479">
            <v>20000</v>
          </cell>
          <cell r="S1479">
            <v>25002</v>
          </cell>
          <cell r="T1479">
            <v>1092993</v>
          </cell>
          <cell r="V1479" t="str">
            <v>zo130524</v>
          </cell>
          <cell r="W1479" t="str">
            <v>ql120793</v>
          </cell>
          <cell r="Y1479" t="str">
            <v>測量,河川,道路,施行,</v>
          </cell>
          <cell r="Z1479">
            <v>2192</v>
          </cell>
          <cell r="AA1479" t="str">
            <v/>
          </cell>
          <cell r="AB1479">
            <v>1090801</v>
          </cell>
          <cell r="AC1479" t="str">
            <v/>
          </cell>
          <cell r="AD1479" t="str">
            <v/>
          </cell>
          <cell r="AE1479" t="str">
            <v/>
          </cell>
          <cell r="AF1479" t="str">
            <v/>
          </cell>
          <cell r="AI1479">
            <v>3</v>
          </cell>
          <cell r="AJ1479" t="str">
            <v>土木</v>
          </cell>
        </row>
        <row r="1480">
          <cell r="B1480">
            <v>5501</v>
          </cell>
          <cell r="C1480" t="str">
            <v>(一財)神戸市水道サービス公社</v>
          </cell>
          <cell r="D1480" t="str">
            <v>078-733-5150</v>
          </cell>
          <cell r="E1480" t="str">
            <v>654-0026</v>
          </cell>
          <cell r="F1480" t="str">
            <v>兵庫県神戸市須磨区大池町5-6-30</v>
          </cell>
          <cell r="G1480" t="str">
            <v>神戸市</v>
          </cell>
          <cell r="H1480" t="str">
            <v/>
          </cell>
          <cell r="I1480" t="str">
            <v>理事長 山本　剛司</v>
          </cell>
          <cell r="J1480" t="str">
            <v>本店</v>
          </cell>
          <cell r="K1480" t="str">
            <v>078-739-0702</v>
          </cell>
          <cell r="L1480" t="str">
            <v>t_yokoyama@kwsc.jp</v>
          </cell>
          <cell r="M1480" t="str">
            <v>ｺｳﾍﾞｼｽｲﾄﾞｳｻｰﾋﾞｽｺｳｼｬ</v>
          </cell>
          <cell r="N1480" t="str">
            <v>無</v>
          </cell>
          <cell r="O1480">
            <v>52</v>
          </cell>
          <cell r="P1480">
            <v>58</v>
          </cell>
          <cell r="Q1480">
            <v>8140005001708</v>
          </cell>
          <cell r="R1480">
            <v>110000</v>
          </cell>
          <cell r="S1480">
            <v>0</v>
          </cell>
          <cell r="T1480">
            <v>729500</v>
          </cell>
          <cell r="V1480" t="str">
            <v>uj123956</v>
          </cell>
          <cell r="W1480" t="str">
            <v>kj187302</v>
          </cell>
          <cell r="Y1480" t="str">
            <v>上水,</v>
          </cell>
          <cell r="Z1480" t="str">
            <v/>
          </cell>
          <cell r="AA1480" t="str">
            <v/>
          </cell>
          <cell r="AB1480">
            <v>22840</v>
          </cell>
          <cell r="AC1480" t="str">
            <v/>
          </cell>
          <cell r="AD1480" t="str">
            <v/>
          </cell>
          <cell r="AE1480" t="str">
            <v/>
          </cell>
          <cell r="AF1480" t="str">
            <v/>
          </cell>
          <cell r="AI1480">
            <v>3</v>
          </cell>
          <cell r="AJ1480" t="str">
            <v>土木</v>
          </cell>
        </row>
        <row r="1481">
          <cell r="B1481">
            <v>5502</v>
          </cell>
          <cell r="C1481" t="str">
            <v>(株)弘洋コンサルタンツ</v>
          </cell>
          <cell r="D1481" t="str">
            <v>078-855-3001</v>
          </cell>
          <cell r="E1481" t="str">
            <v>657-0835</v>
          </cell>
          <cell r="F1481" t="str">
            <v>兵庫県神戸市灘区灘北通7丁目4-15</v>
          </cell>
          <cell r="G1481" t="str">
            <v>松阪市</v>
          </cell>
          <cell r="H1481" t="str">
            <v>神戸支店</v>
          </cell>
          <cell r="I1481" t="str">
            <v>支店長 野口　高弘</v>
          </cell>
          <cell r="J1481" t="str">
            <v>三重県松阪市</v>
          </cell>
          <cell r="K1481" t="str">
            <v>078-855-3002</v>
          </cell>
          <cell r="L1481" t="str">
            <v>e.kouno@kouyo-con.co.jp</v>
          </cell>
          <cell r="M1481" t="str">
            <v>ｺｳﾖｳｺﾝｻﾙﾀﾝﾂ</v>
          </cell>
          <cell r="N1481" t="str">
            <v>有</v>
          </cell>
          <cell r="O1481">
            <v>40</v>
          </cell>
          <cell r="P1481">
            <v>43</v>
          </cell>
          <cell r="Q1481">
            <v>4190001011073</v>
          </cell>
          <cell r="R1481">
            <v>30000</v>
          </cell>
          <cell r="S1481">
            <v>96487</v>
          </cell>
          <cell r="T1481">
            <v>500980</v>
          </cell>
          <cell r="V1481" t="str">
            <v>dn118267</v>
          </cell>
          <cell r="W1481" t="str">
            <v>bw128997</v>
          </cell>
          <cell r="Y1481" t="str">
            <v>測量,土質,鋼構,河川,道路,施行,下水,土調,物件,交通,</v>
          </cell>
          <cell r="Z1481">
            <v>73354</v>
          </cell>
          <cell r="AA1481" t="str">
            <v/>
          </cell>
          <cell r="AB1481">
            <v>169828</v>
          </cell>
          <cell r="AC1481">
            <v>8146</v>
          </cell>
          <cell r="AD1481" t="str">
            <v/>
          </cell>
          <cell r="AE1481" t="str">
            <v/>
          </cell>
          <cell r="AF1481" t="str">
            <v/>
          </cell>
          <cell r="AI1481">
            <v>3</v>
          </cell>
          <cell r="AJ1481" t="str">
            <v>土木</v>
          </cell>
        </row>
        <row r="1482">
          <cell r="B1482">
            <v>5503</v>
          </cell>
          <cell r="C1482" t="str">
            <v>コクヨマーケティング(株)</v>
          </cell>
          <cell r="D1482" t="str">
            <v>06-7633-5943</v>
          </cell>
          <cell r="E1482" t="str">
            <v>530-0011</v>
          </cell>
          <cell r="F1482" t="str">
            <v>大阪府大阪市北区大深町3-1</v>
          </cell>
          <cell r="G1482">
            <v>0</v>
          </cell>
          <cell r="H1482" t="str">
            <v>関西支社</v>
          </cell>
          <cell r="I1482" t="str">
            <v>関西支社長 下辻　則仁</v>
          </cell>
          <cell r="J1482" t="str">
            <v>東京都</v>
          </cell>
          <cell r="K1482" t="str">
            <v>06-7633-5947</v>
          </cell>
          <cell r="L1482" t="str">
            <v>takuya_fukui@kokuyo.com</v>
          </cell>
          <cell r="M1482" t="str">
            <v>ｺｸﾖﾏｰｹﾃｲﾝｸﾞ</v>
          </cell>
          <cell r="N1482" t="str">
            <v>有</v>
          </cell>
          <cell r="O1482">
            <v>49</v>
          </cell>
          <cell r="P1482">
            <v>909</v>
          </cell>
          <cell r="Q1482">
            <v>4010401072162</v>
          </cell>
          <cell r="R1482">
            <v>530000</v>
          </cell>
          <cell r="S1482">
            <v>7172323</v>
          </cell>
          <cell r="T1482">
            <v>74923747</v>
          </cell>
          <cell r="V1482" t="str">
            <v>db136783</v>
          </cell>
          <cell r="W1482" t="str">
            <v>gl169707</v>
          </cell>
          <cell r="Y1482" t="str">
            <v/>
          </cell>
          <cell r="Z1482" t="str">
            <v/>
          </cell>
          <cell r="AA1482" t="str">
            <v/>
          </cell>
          <cell r="AB1482" t="str">
            <v/>
          </cell>
          <cell r="AC1482" t="str">
            <v/>
          </cell>
          <cell r="AD1482" t="str">
            <v/>
          </cell>
          <cell r="AE1482" t="str">
            <v/>
          </cell>
          <cell r="AF1482" t="str">
            <v/>
          </cell>
          <cell r="AI1482">
            <v>1</v>
          </cell>
          <cell r="AJ1482" t="str">
            <v>測量</v>
          </cell>
        </row>
        <row r="1483">
          <cell r="B1483">
            <v>5516</v>
          </cell>
          <cell r="C1483" t="str">
            <v>(株)三信建築設計事務所</v>
          </cell>
          <cell r="D1483" t="str">
            <v>06-6344-3455</v>
          </cell>
          <cell r="E1483" t="str">
            <v>530-0002</v>
          </cell>
          <cell r="F1483" t="str">
            <v>大阪府大阪市北区曽根崎新地1-4-10</v>
          </cell>
          <cell r="G1483" t="str">
            <v>大阪市</v>
          </cell>
          <cell r="H1483" t="str">
            <v/>
          </cell>
          <cell r="I1483" t="str">
            <v>代表取締役 北谷　幸一</v>
          </cell>
          <cell r="J1483" t="str">
            <v>本店</v>
          </cell>
          <cell r="K1483" t="str">
            <v>06-6344-3517</v>
          </cell>
          <cell r="L1483" t="str">
            <v>sae_taoka@ac.auone-net.jp</v>
          </cell>
          <cell r="M1483" t="str">
            <v>ｻﾝｼﾝｹﾝﾁｸｾｯｹｲｼﾞﾑｼｮ</v>
          </cell>
          <cell r="N1483" t="str">
            <v>無</v>
          </cell>
          <cell r="O1483">
            <v>49</v>
          </cell>
          <cell r="P1483">
            <v>21</v>
          </cell>
          <cell r="Q1483">
            <v>3120001064616</v>
          </cell>
          <cell r="R1483">
            <v>10000</v>
          </cell>
          <cell r="S1483">
            <v>746121</v>
          </cell>
          <cell r="T1483">
            <v>559087</v>
          </cell>
          <cell r="V1483" t="str">
            <v>zy150275</v>
          </cell>
          <cell r="W1483" t="str">
            <v>ai174085</v>
          </cell>
          <cell r="Y1483" t="str">
            <v/>
          </cell>
          <cell r="Z1483" t="str">
            <v/>
          </cell>
          <cell r="AA1483" t="str">
            <v/>
          </cell>
          <cell r="AB1483" t="str">
            <v/>
          </cell>
          <cell r="AC1483" t="str">
            <v/>
          </cell>
          <cell r="AD1483" t="str">
            <v/>
          </cell>
          <cell r="AE1483" t="str">
            <v/>
          </cell>
          <cell r="AF1483" t="str">
            <v/>
          </cell>
          <cell r="AI1483" t="str">
            <v>測量</v>
          </cell>
          <cell r="AJ1483" t="str">
            <v>大阪府</v>
          </cell>
        </row>
        <row r="1484">
          <cell r="B1484">
            <v>5521</v>
          </cell>
          <cell r="C1484" t="str">
            <v>(株)サーベイリサーチセンター</v>
          </cell>
          <cell r="D1484" t="str">
            <v>06-4801-9231</v>
          </cell>
          <cell r="E1484" t="str">
            <v>530-6011</v>
          </cell>
          <cell r="F1484" t="str">
            <v>大阪府大阪市北区天満橋1-8-30</v>
          </cell>
          <cell r="H1484" t="str">
            <v>大阪事務所</v>
          </cell>
          <cell r="I1484" t="str">
            <v>大阪事務所長 中村　光明</v>
          </cell>
          <cell r="J1484" t="str">
            <v>東京都</v>
          </cell>
          <cell r="K1484" t="str">
            <v>06-4801-9233</v>
          </cell>
          <cell r="L1484" t="str">
            <v>onishi_h@surece.co.jp</v>
          </cell>
          <cell r="M1484" t="str">
            <v>ｻｰﾍﾞｲﾘｻｰﾁｾﾝﾀｰ</v>
          </cell>
          <cell r="N1484" t="str">
            <v>有</v>
          </cell>
          <cell r="O1484">
            <v>43</v>
          </cell>
          <cell r="P1484">
            <v>249</v>
          </cell>
          <cell r="Q1484">
            <v>6011501006529</v>
          </cell>
          <cell r="R1484">
            <v>60000</v>
          </cell>
          <cell r="S1484">
            <v>1905525</v>
          </cell>
          <cell r="T1484">
            <v>6581173</v>
          </cell>
          <cell r="V1484" t="str">
            <v>dv803684</v>
          </cell>
          <cell r="W1484" t="str">
            <v>an898404</v>
          </cell>
          <cell r="Y1484" t="str">
            <v>道路,都市,交通,商業,調他</v>
          </cell>
          <cell r="Z1484" t="str">
            <v/>
          </cell>
          <cell r="AA1484" t="str">
            <v/>
          </cell>
          <cell r="AB1484">
            <v>165877</v>
          </cell>
          <cell r="AC1484" t="str">
            <v/>
          </cell>
          <cell r="AD1484">
            <v>6415296</v>
          </cell>
          <cell r="AE1484" t="str">
            <v/>
          </cell>
          <cell r="AF1484" t="str">
            <v/>
          </cell>
          <cell r="AI1484">
            <v>5</v>
          </cell>
          <cell r="AJ1484" t="str">
            <v>調査</v>
          </cell>
        </row>
        <row r="1485">
          <cell r="B1485">
            <v>5522</v>
          </cell>
          <cell r="C1485" t="str">
            <v>サイエンスマイクロ(株)</v>
          </cell>
          <cell r="D1485" t="str">
            <v>078-987-0170</v>
          </cell>
          <cell r="E1485" t="str">
            <v>651-1331</v>
          </cell>
          <cell r="F1485" t="str">
            <v>兵庫県神戸市北区有野町唐櫃3256-1</v>
          </cell>
          <cell r="G1485" t="str">
            <v>神戸市</v>
          </cell>
          <cell r="H1485" t="str">
            <v/>
          </cell>
          <cell r="I1485" t="str">
            <v>代表取締役 西田　晃幸</v>
          </cell>
          <cell r="J1485" t="str">
            <v>本店</v>
          </cell>
          <cell r="K1485" t="str">
            <v>078-987-0173</v>
          </cell>
          <cell r="L1485" t="str">
            <v>sone@s-micro.com</v>
          </cell>
          <cell r="M1485" t="str">
            <v>ｻｲｴﾝｽﾏｲｸﾛ</v>
          </cell>
          <cell r="N1485" t="str">
            <v>無</v>
          </cell>
          <cell r="O1485">
            <v>33</v>
          </cell>
          <cell r="P1485">
            <v>32</v>
          </cell>
          <cell r="Q1485">
            <v>2140001015007</v>
          </cell>
          <cell r="R1485">
            <v>10000</v>
          </cell>
          <cell r="S1485">
            <v>81732</v>
          </cell>
          <cell r="T1485">
            <v>216849</v>
          </cell>
          <cell r="V1485" t="str">
            <v>mq909623</v>
          </cell>
          <cell r="W1485" t="str">
            <v>er277314</v>
          </cell>
          <cell r="Y1485" t="str">
            <v>調他</v>
          </cell>
          <cell r="Z1485" t="str">
            <v/>
          </cell>
          <cell r="AA1485" t="str">
            <v/>
          </cell>
          <cell r="AB1485" t="str">
            <v/>
          </cell>
          <cell r="AC1485" t="str">
            <v/>
          </cell>
          <cell r="AD1485" t="str">
            <v/>
          </cell>
          <cell r="AE1485" t="str">
            <v>計量証明</v>
          </cell>
          <cell r="AF1485">
            <v>216849</v>
          </cell>
          <cell r="AI1485">
            <v>1</v>
          </cell>
          <cell r="AJ1485" t="str">
            <v>測量</v>
          </cell>
        </row>
        <row r="1486">
          <cell r="B1486">
            <v>5523</v>
          </cell>
          <cell r="C1486" t="str">
            <v>(株)坂倉建築研究所</v>
          </cell>
          <cell r="D1486" t="str">
            <v>06-6443-0021</v>
          </cell>
          <cell r="E1486" t="str">
            <v>550-0003</v>
          </cell>
          <cell r="F1486" t="str">
            <v>大阪府大阪市西区京町堀1-15-7</v>
          </cell>
          <cell r="H1486" t="str">
            <v>大阪事務所</v>
          </cell>
          <cell r="I1486" t="str">
            <v>取締役大阪事務所長 宍道　弘志</v>
          </cell>
          <cell r="J1486" t="str">
            <v>東京都</v>
          </cell>
          <cell r="K1486" t="str">
            <v>06-6443-0724</v>
          </cell>
          <cell r="L1486" t="str">
            <v>info@sakakura.co.jp</v>
          </cell>
          <cell r="M1486" t="str">
            <v>ｻｶｸﾗｹﾝﾁｸｹﾝｷｭｳｼｮ</v>
          </cell>
          <cell r="N1486" t="str">
            <v>有</v>
          </cell>
          <cell r="O1486">
            <v>77</v>
          </cell>
          <cell r="P1486">
            <v>53</v>
          </cell>
          <cell r="Q1486">
            <v>7010401011118</v>
          </cell>
          <cell r="R1486">
            <v>80000</v>
          </cell>
          <cell r="S1486">
            <v>592586</v>
          </cell>
          <cell r="T1486">
            <v>840744</v>
          </cell>
          <cell r="V1486" t="str">
            <v>qn218338</v>
          </cell>
          <cell r="W1486" t="str">
            <v>vq486349</v>
          </cell>
          <cell r="Y1486" t="str">
            <v>建築,</v>
          </cell>
          <cell r="Z1486" t="str">
            <v/>
          </cell>
          <cell r="AA1486">
            <v>950075</v>
          </cell>
          <cell r="AB1486" t="str">
            <v/>
          </cell>
          <cell r="AC1486" t="str">
            <v/>
          </cell>
          <cell r="AD1486" t="str">
            <v/>
          </cell>
          <cell r="AE1486" t="str">
            <v/>
          </cell>
          <cell r="AF1486" t="str">
            <v/>
          </cell>
          <cell r="AI1486">
            <v>2</v>
          </cell>
          <cell r="AJ1486" t="str">
            <v>建築</v>
          </cell>
        </row>
        <row r="1487">
          <cell r="B1487">
            <v>5524</v>
          </cell>
          <cell r="C1487" t="str">
            <v>(株)佐藤総合計画</v>
          </cell>
          <cell r="D1487" t="str">
            <v>06-6946-7330</v>
          </cell>
          <cell r="E1487" t="str">
            <v>540-0031</v>
          </cell>
          <cell r="F1487" t="str">
            <v>大阪府大阪市中央区北浜東1-26</v>
          </cell>
          <cell r="H1487" t="str">
            <v>関西オフィス</v>
          </cell>
          <cell r="I1487" t="str">
            <v>執行役員関西オフィス代表 井下　仁史</v>
          </cell>
          <cell r="J1487" t="str">
            <v>東京都</v>
          </cell>
          <cell r="K1487" t="str">
            <v>06-6946-7336</v>
          </cell>
          <cell r="L1487" t="str">
            <v>c_nakano@axscom.co.jp</v>
          </cell>
          <cell r="M1487" t="str">
            <v>ｻﾄｳｿｳｺﾞｳｹｲｶｸ</v>
          </cell>
          <cell r="N1487" t="str">
            <v>有</v>
          </cell>
          <cell r="O1487">
            <v>73</v>
          </cell>
          <cell r="P1487">
            <v>338</v>
          </cell>
          <cell r="Q1487">
            <v>4010601034111</v>
          </cell>
          <cell r="R1487">
            <v>50000</v>
          </cell>
          <cell r="S1487">
            <v>3377626</v>
          </cell>
          <cell r="T1487">
            <v>7546017</v>
          </cell>
          <cell r="V1487" t="str">
            <v>ux334277</v>
          </cell>
          <cell r="W1487" t="str">
            <v>vq628166</v>
          </cell>
          <cell r="Y1487" t="str">
            <v>建築,意匠,構造,冷暖,衛生,電気,建積,機積,電積,調査,都市,</v>
          </cell>
          <cell r="Z1487" t="str">
            <v/>
          </cell>
          <cell r="AA1487">
            <v>7427972</v>
          </cell>
          <cell r="AB1487">
            <v>363064</v>
          </cell>
          <cell r="AC1487" t="str">
            <v/>
          </cell>
          <cell r="AD1487" t="str">
            <v/>
          </cell>
          <cell r="AE1487" t="str">
            <v/>
          </cell>
          <cell r="AF1487" t="str">
            <v/>
          </cell>
          <cell r="AI1487">
            <v>2</v>
          </cell>
          <cell r="AJ1487" t="str">
            <v>建築</v>
          </cell>
        </row>
        <row r="1488">
          <cell r="B1488">
            <v>5527</v>
          </cell>
          <cell r="C1488" t="str">
            <v>(株)里と水辺研究所</v>
          </cell>
          <cell r="D1488" t="str">
            <v>06-6321-6757</v>
          </cell>
          <cell r="E1488" t="str">
            <v>533-0033</v>
          </cell>
          <cell r="F1488" t="str">
            <v>大阪府大阪市東淀川区東中島4-11-32-602</v>
          </cell>
          <cell r="G1488" t="str">
            <v>大阪市</v>
          </cell>
          <cell r="H1488" t="str">
            <v/>
          </cell>
          <cell r="I1488" t="str">
            <v>代表取締役 赤松　弘治</v>
          </cell>
          <cell r="J1488" t="str">
            <v>本店</v>
          </cell>
          <cell r="K1488" t="str">
            <v>06-6321-8323</v>
          </cell>
          <cell r="L1488" t="str">
            <v>office@sato-mizube.co.jp</v>
          </cell>
          <cell r="M1488" t="str">
            <v>ｻﾄﾄﾐｽﾞﾍﾞｹﾝｷｭｳｼｮ</v>
          </cell>
          <cell r="N1488" t="str">
            <v>無</v>
          </cell>
          <cell r="O1488">
            <v>26</v>
          </cell>
          <cell r="P1488">
            <v>6</v>
          </cell>
          <cell r="Q1488">
            <v>4120001051794</v>
          </cell>
          <cell r="R1488">
            <v>10000</v>
          </cell>
          <cell r="S1488">
            <v>32563</v>
          </cell>
          <cell r="T1488">
            <v>63547</v>
          </cell>
          <cell r="V1488" t="str">
            <v>kn540296</v>
          </cell>
          <cell r="W1488" t="str">
            <v>vk119042</v>
          </cell>
          <cell r="Y1488" t="str">
            <v>造園,都市,土他,</v>
          </cell>
          <cell r="Z1488" t="str">
            <v/>
          </cell>
          <cell r="AA1488" t="str">
            <v/>
          </cell>
          <cell r="AB1488">
            <v>63547</v>
          </cell>
          <cell r="AC1488" t="str">
            <v/>
          </cell>
          <cell r="AD1488" t="str">
            <v/>
          </cell>
          <cell r="AE1488" t="str">
            <v/>
          </cell>
          <cell r="AF1488" t="str">
            <v/>
          </cell>
          <cell r="AI1488">
            <v>3</v>
          </cell>
          <cell r="AJ1488" t="str">
            <v>土木</v>
          </cell>
        </row>
        <row r="1489">
          <cell r="B1489">
            <v>5533</v>
          </cell>
          <cell r="C1489" t="str">
            <v>(株)産業工学研究所</v>
          </cell>
          <cell r="D1489" t="str">
            <v>06-6541-5845</v>
          </cell>
          <cell r="E1489" t="str">
            <v>550-0012</v>
          </cell>
          <cell r="F1489" t="str">
            <v>大阪府大阪市西区立売堀3-1-14</v>
          </cell>
          <cell r="G1489" t="str">
            <v>大阪市</v>
          </cell>
          <cell r="H1489" t="str">
            <v/>
          </cell>
          <cell r="I1489" t="str">
            <v>代表取締役 武田　正典</v>
          </cell>
          <cell r="J1489" t="str">
            <v>本店</v>
          </cell>
          <cell r="K1489" t="str">
            <v>06-6532-7777</v>
          </cell>
          <cell r="L1489" t="str">
            <v>eigyo@sanken-eil.co.jp</v>
          </cell>
          <cell r="M1489" t="str">
            <v>ｻﾝｷﾞｮｳｺｳｶﾞｸｹﾝｷｭｳｼｮ</v>
          </cell>
          <cell r="N1489" t="str">
            <v>無</v>
          </cell>
          <cell r="O1489">
            <v>47</v>
          </cell>
          <cell r="P1489">
            <v>28</v>
          </cell>
          <cell r="Q1489">
            <v>6120001043591</v>
          </cell>
          <cell r="R1489">
            <v>10000</v>
          </cell>
          <cell r="S1489">
            <v>451164</v>
          </cell>
          <cell r="T1489">
            <v>324227</v>
          </cell>
          <cell r="V1489" t="str">
            <v>rk319790</v>
          </cell>
          <cell r="W1489" t="str">
            <v>km869204</v>
          </cell>
          <cell r="Y1489" t="str">
            <v>測量,都市,土調,土評,物件,機工,営業,損失,補償,鑑定,登記,</v>
          </cell>
          <cell r="Z1489" t="str">
            <v/>
          </cell>
          <cell r="AA1489">
            <v>3113</v>
          </cell>
          <cell r="AB1489" t="str">
            <v/>
          </cell>
          <cell r="AC1489">
            <v>370275</v>
          </cell>
          <cell r="AD1489" t="str">
            <v/>
          </cell>
          <cell r="AE1489" t="str">
            <v>その他</v>
          </cell>
          <cell r="AF1489">
            <v>28585</v>
          </cell>
          <cell r="AI1489">
            <v>4</v>
          </cell>
          <cell r="AJ1489" t="str">
            <v>補償</v>
          </cell>
        </row>
        <row r="1490">
          <cell r="B1490">
            <v>5534</v>
          </cell>
          <cell r="C1490" t="str">
            <v>(株)三協設計事務所</v>
          </cell>
          <cell r="D1490" t="str">
            <v>06-6364-2015</v>
          </cell>
          <cell r="E1490" t="str">
            <v>530-0047</v>
          </cell>
          <cell r="F1490" t="str">
            <v>大阪府大阪市北区西天満5-10-17</v>
          </cell>
          <cell r="G1490" t="str">
            <v>大阪市</v>
          </cell>
          <cell r="H1490" t="str">
            <v/>
          </cell>
          <cell r="I1490" t="str">
            <v>代表取締役 中西　真也</v>
          </cell>
          <cell r="J1490" t="str">
            <v>本店</v>
          </cell>
          <cell r="K1490" t="str">
            <v>06-6364-217</v>
          </cell>
          <cell r="L1490" t="str">
            <v>sankyont@sirius.ocn.ne.jp</v>
          </cell>
          <cell r="M1490" t="str">
            <v>ｻﾝｷｮｳｾｯｹｲｼﾞﾑｼｮ</v>
          </cell>
          <cell r="N1490" t="str">
            <v>無</v>
          </cell>
          <cell r="O1490">
            <v>41</v>
          </cell>
          <cell r="P1490">
            <v>11</v>
          </cell>
          <cell r="Q1490">
            <v>3120001064533</v>
          </cell>
          <cell r="R1490">
            <v>10000</v>
          </cell>
          <cell r="S1490">
            <v>42331</v>
          </cell>
          <cell r="T1490">
            <v>71012</v>
          </cell>
          <cell r="V1490" t="str">
            <v>ak422694</v>
          </cell>
          <cell r="W1490" t="str">
            <v>ty192087</v>
          </cell>
          <cell r="Y1490" t="str">
            <v>冷暖,衛生,電気,機積,電積,</v>
          </cell>
          <cell r="Z1490" t="str">
            <v/>
          </cell>
          <cell r="AA1490">
            <v>71012</v>
          </cell>
          <cell r="AB1490" t="str">
            <v/>
          </cell>
          <cell r="AC1490" t="str">
            <v/>
          </cell>
          <cell r="AD1490" t="str">
            <v/>
          </cell>
          <cell r="AE1490" t="str">
            <v/>
          </cell>
          <cell r="AF1490" t="str">
            <v/>
          </cell>
          <cell r="AI1490">
            <v>2</v>
          </cell>
          <cell r="AJ1490" t="str">
            <v>建築</v>
          </cell>
        </row>
        <row r="1491">
          <cell r="B1491">
            <v>5535</v>
          </cell>
          <cell r="C1491" t="str">
            <v>(株)三弘建築事務所</v>
          </cell>
          <cell r="D1491" t="str">
            <v>0798-34-5081</v>
          </cell>
          <cell r="E1491" t="str">
            <v>662-0914</v>
          </cell>
          <cell r="F1491" t="str">
            <v>兵庫県西宮市本町4-16</v>
          </cell>
          <cell r="G1491" t="str">
            <v>西宮市</v>
          </cell>
          <cell r="H1491" t="str">
            <v/>
          </cell>
          <cell r="I1491" t="str">
            <v>代表取締役 池田　裕彦</v>
          </cell>
          <cell r="J1491" t="str">
            <v>本店</v>
          </cell>
          <cell r="K1491" t="str">
            <v>0798-34-5177</v>
          </cell>
          <cell r="L1491" t="str">
            <v>gyo@sanko-ae.co.jp</v>
          </cell>
          <cell r="M1491" t="str">
            <v>ｻﾝｺｳｹﾝﾁｸｼﾞﾑｼｮ</v>
          </cell>
          <cell r="N1491" t="str">
            <v>無</v>
          </cell>
          <cell r="O1491">
            <v>49</v>
          </cell>
          <cell r="P1491">
            <v>24</v>
          </cell>
          <cell r="Q1491">
            <v>7140001068842</v>
          </cell>
          <cell r="R1491">
            <v>12000</v>
          </cell>
          <cell r="S1491">
            <v>336814</v>
          </cell>
          <cell r="T1491">
            <v>297064</v>
          </cell>
          <cell r="V1491" t="str">
            <v>bj489247</v>
          </cell>
          <cell r="W1491" t="str">
            <v>hu434662</v>
          </cell>
          <cell r="Y1491" t="str">
            <v>建築,意匠,構造,冷暖,衛生,電気,建積,機積,電積,調査,</v>
          </cell>
          <cell r="Z1491" t="str">
            <v/>
          </cell>
          <cell r="AA1491">
            <v>311425</v>
          </cell>
          <cell r="AB1491" t="str">
            <v/>
          </cell>
          <cell r="AC1491" t="str">
            <v/>
          </cell>
          <cell r="AD1491" t="str">
            <v/>
          </cell>
          <cell r="AE1491" t="str">
            <v/>
          </cell>
          <cell r="AF1491" t="str">
            <v/>
          </cell>
          <cell r="AI1491">
            <v>2</v>
          </cell>
          <cell r="AJ1491" t="str">
            <v>建築</v>
          </cell>
        </row>
        <row r="1492">
          <cell r="B1492">
            <v>5537</v>
          </cell>
          <cell r="C1492" t="str">
            <v>サンコーコンサルタント(株)</v>
          </cell>
          <cell r="D1492" t="str">
            <v>079-283-7801</v>
          </cell>
          <cell r="E1492" t="str">
            <v>670-0940</v>
          </cell>
          <cell r="F1492" t="str">
            <v>兵庫県姫路市三左衛門堀西の町61</v>
          </cell>
          <cell r="H1492" t="str">
            <v>兵庫営業所</v>
          </cell>
          <cell r="I1492" t="str">
            <v>所長 西村　栄治</v>
          </cell>
          <cell r="J1492" t="str">
            <v>東京都</v>
          </cell>
          <cell r="K1492" t="str">
            <v>079-283-7802</v>
          </cell>
          <cell r="L1492" t="str">
            <v>y.saikusa@suncoh.co.jp</v>
          </cell>
          <cell r="M1492" t="str">
            <v>ｻﾝｺｰｺﾝｻﾙﾀﾝﾄ</v>
          </cell>
          <cell r="N1492" t="str">
            <v>有</v>
          </cell>
          <cell r="O1492">
            <v>57</v>
          </cell>
          <cell r="P1492">
            <v>336</v>
          </cell>
          <cell r="Q1492">
            <v>9010601018051</v>
          </cell>
          <cell r="R1492">
            <v>100000</v>
          </cell>
          <cell r="S1492">
            <v>1617649</v>
          </cell>
          <cell r="T1492">
            <v>6546694</v>
          </cell>
          <cell r="V1492" t="str">
            <v>su614661</v>
          </cell>
          <cell r="W1492" t="str">
            <v>rr818594</v>
          </cell>
          <cell r="Y1492" t="str">
            <v>測量,測量,航空,建築,土質,鋼構,河川,道路,施行,地質,造園,上水,下水,都市,地質,</v>
          </cell>
          <cell r="Z1492">
            <v>44315</v>
          </cell>
          <cell r="AA1492">
            <v>68200</v>
          </cell>
          <cell r="AB1492">
            <v>5305289</v>
          </cell>
          <cell r="AC1492">
            <v>36590</v>
          </cell>
          <cell r="AD1492">
            <v>965266</v>
          </cell>
          <cell r="AE1492" t="str">
            <v/>
          </cell>
          <cell r="AF1492" t="str">
            <v/>
          </cell>
          <cell r="AI1492">
            <v>3</v>
          </cell>
          <cell r="AJ1492" t="str">
            <v>土木</v>
          </cell>
        </row>
        <row r="1493">
          <cell r="B1493">
            <v>5538</v>
          </cell>
          <cell r="C1493" t="str">
            <v>(株)サンコム</v>
          </cell>
          <cell r="D1493" t="str">
            <v>078-686-7466</v>
          </cell>
          <cell r="E1493" t="str">
            <v>650-0044</v>
          </cell>
          <cell r="F1493" t="str">
            <v>兵庫県神戸市中央区東川崎町6-6-11</v>
          </cell>
          <cell r="G1493" t="str">
            <v>たつの市</v>
          </cell>
          <cell r="H1493" t="str">
            <v>神戸支店</v>
          </cell>
          <cell r="I1493" t="str">
            <v>支店長 三村　崇幸</v>
          </cell>
          <cell r="J1493" t="str">
            <v>兵庫県たつの市</v>
          </cell>
          <cell r="K1493" t="str">
            <v>078-686-7471</v>
          </cell>
          <cell r="L1493" t="str">
            <v>info@kk-suncom.co.jp</v>
          </cell>
          <cell r="M1493" t="str">
            <v>ｻﾝｺﾑ</v>
          </cell>
          <cell r="N1493" t="str">
            <v>有</v>
          </cell>
          <cell r="O1493">
            <v>49</v>
          </cell>
          <cell r="P1493">
            <v>17</v>
          </cell>
          <cell r="Q1493">
            <v>9140001040808</v>
          </cell>
          <cell r="R1493">
            <v>10000</v>
          </cell>
          <cell r="S1493">
            <v>21920</v>
          </cell>
          <cell r="T1493">
            <v>276735</v>
          </cell>
          <cell r="V1493" t="str">
            <v>dp922773</v>
          </cell>
          <cell r="W1493" t="str">
            <v>pf199608</v>
          </cell>
          <cell r="Y1493" t="str">
            <v>測量,測量,航空,土質,鋼構,河川,道路,土調,物件,機工,営業,損失,補償,</v>
          </cell>
          <cell r="Z1493">
            <v>75417</v>
          </cell>
          <cell r="AA1493" t="str">
            <v/>
          </cell>
          <cell r="AB1493">
            <v>115145</v>
          </cell>
          <cell r="AC1493">
            <v>35230</v>
          </cell>
          <cell r="AD1493" t="str">
            <v/>
          </cell>
          <cell r="AE1493" t="str">
            <v/>
          </cell>
          <cell r="AF1493" t="str">
            <v/>
          </cell>
          <cell r="AI1493">
            <v>3</v>
          </cell>
          <cell r="AJ1493" t="str">
            <v>土木</v>
          </cell>
        </row>
        <row r="1494">
          <cell r="B1494">
            <v>5539</v>
          </cell>
          <cell r="C1494" t="str">
            <v>(株)三座建築事務所</v>
          </cell>
          <cell r="D1494" t="str">
            <v>06-6443-0051</v>
          </cell>
          <cell r="E1494" t="str">
            <v>550-0002</v>
          </cell>
          <cell r="F1494" t="str">
            <v>大阪府大阪市西区江戸堀1-22-38</v>
          </cell>
          <cell r="G1494" t="str">
            <v>大阪市</v>
          </cell>
          <cell r="H1494" t="str">
            <v/>
          </cell>
          <cell r="I1494" t="str">
            <v>代表取締役 井手　俊男</v>
          </cell>
          <cell r="J1494" t="str">
            <v>本店</v>
          </cell>
          <cell r="K1494" t="str">
            <v>06-6443-9898</v>
          </cell>
          <cell r="L1494" t="str">
            <v>osaka@sanza-jp.com</v>
          </cell>
          <cell r="M1494" t="str">
            <v>ｻﾝｻﾞｹﾝﾁｸｼﾞﾑｼｮ</v>
          </cell>
          <cell r="N1494" t="str">
            <v>無</v>
          </cell>
          <cell r="O1494">
            <v>77</v>
          </cell>
          <cell r="P1494">
            <v>19</v>
          </cell>
          <cell r="Q1494">
            <v>7120001043673</v>
          </cell>
          <cell r="R1494">
            <v>30500</v>
          </cell>
          <cell r="S1494">
            <v>26960</v>
          </cell>
          <cell r="T1494">
            <v>223903</v>
          </cell>
          <cell r="V1494" t="str">
            <v>zz524483</v>
          </cell>
          <cell r="W1494" t="str">
            <v>ac218177</v>
          </cell>
          <cell r="Y1494" t="str">
            <v>建築,意匠,構造,冷暖,衛生,電気,建積,機積,電積,調査,都市,</v>
          </cell>
          <cell r="Z1494" t="str">
            <v/>
          </cell>
          <cell r="AA1494">
            <v>213485</v>
          </cell>
          <cell r="AB1494">
            <v>10418</v>
          </cell>
          <cell r="AC1494" t="str">
            <v/>
          </cell>
          <cell r="AD1494" t="str">
            <v/>
          </cell>
          <cell r="AE1494" t="str">
            <v/>
          </cell>
          <cell r="AF1494" t="str">
            <v/>
          </cell>
          <cell r="AI1494">
            <v>2</v>
          </cell>
          <cell r="AJ1494" t="str">
            <v>建築</v>
          </cell>
        </row>
        <row r="1495">
          <cell r="B1495">
            <v>5540</v>
          </cell>
          <cell r="C1495" t="str">
            <v>(株)三水コンサルタント</v>
          </cell>
          <cell r="D1495" t="str">
            <v>078-734-4740</v>
          </cell>
          <cell r="E1495" t="str">
            <v>654-0005</v>
          </cell>
          <cell r="F1495" t="str">
            <v>兵庫県神戸市須磨区川上町3-1-12</v>
          </cell>
          <cell r="G1495" t="str">
            <v>大阪市</v>
          </cell>
          <cell r="H1495" t="str">
            <v>神戸事務所</v>
          </cell>
          <cell r="I1495" t="str">
            <v>所長 三村　仁志</v>
          </cell>
          <cell r="J1495" t="str">
            <v>大阪府大阪市</v>
          </cell>
          <cell r="K1495" t="str">
            <v>078-734-4741</v>
          </cell>
          <cell r="L1495" t="str">
            <v>sansui-osaka@3wcon.co.jp</v>
          </cell>
          <cell r="M1495" t="str">
            <v>ｻﾝｽｲｺﾝｻﾙﾀﾝﾄ</v>
          </cell>
          <cell r="N1495" t="str">
            <v>有</v>
          </cell>
          <cell r="O1495">
            <v>44</v>
          </cell>
          <cell r="P1495">
            <v>141</v>
          </cell>
          <cell r="Q1495">
            <v>7120001064604</v>
          </cell>
          <cell r="R1495">
            <v>39000</v>
          </cell>
          <cell r="S1495">
            <v>542297</v>
          </cell>
          <cell r="T1495">
            <v>3546466</v>
          </cell>
          <cell r="V1495" t="str">
            <v>kt363715</v>
          </cell>
          <cell r="W1495" t="str">
            <v>mb612625</v>
          </cell>
          <cell r="Y1495" t="str">
            <v>測量,建築,意匠,構造,冷暖,衛生,電気,建積,機積,電積,調査,土質,河川,上水,下水,環境,土他,地質,水質,大気,騒音,交通,調他</v>
          </cell>
          <cell r="Z1495">
            <v>17009</v>
          </cell>
          <cell r="AA1495" t="str">
            <v/>
          </cell>
          <cell r="AB1495">
            <v>3230058</v>
          </cell>
          <cell r="AC1495" t="str">
            <v/>
          </cell>
          <cell r="AD1495">
            <v>9415</v>
          </cell>
          <cell r="AE1495" t="str">
            <v/>
          </cell>
          <cell r="AF1495" t="str">
            <v/>
          </cell>
          <cell r="AI1495">
            <v>3</v>
          </cell>
          <cell r="AJ1495" t="str">
            <v>土木</v>
          </cell>
        </row>
        <row r="1496">
          <cell r="B1496">
            <v>5541</v>
          </cell>
          <cell r="C1496" t="str">
            <v>(株)三省設備設計事務所</v>
          </cell>
          <cell r="D1496" t="str">
            <v>06-6629-7371</v>
          </cell>
          <cell r="E1496" t="str">
            <v>545-0053</v>
          </cell>
          <cell r="F1496" t="str">
            <v>大阪府大阪市阿倍野区松崎町4-4-22</v>
          </cell>
          <cell r="G1496" t="str">
            <v>大阪市</v>
          </cell>
          <cell r="H1496" t="str">
            <v/>
          </cell>
          <cell r="I1496" t="str">
            <v>代表取締役 福西　輝男</v>
          </cell>
          <cell r="J1496" t="str">
            <v>本店</v>
          </cell>
          <cell r="K1496" t="str">
            <v>06-6629-0295</v>
          </cell>
          <cell r="L1496" t="str">
            <v>sansei@xrh.biglobe.ne.jp</v>
          </cell>
          <cell r="M1496" t="str">
            <v>ｻﾝｾｲｾﾂﾋﾞｾｯｹｲｼﾞﾑｼｮ</v>
          </cell>
          <cell r="N1496" t="str">
            <v>無</v>
          </cell>
          <cell r="O1496">
            <v>49</v>
          </cell>
          <cell r="P1496">
            <v>26</v>
          </cell>
          <cell r="Q1496">
            <v>1120001005381</v>
          </cell>
          <cell r="R1496">
            <v>10000</v>
          </cell>
          <cell r="S1496">
            <v>-17992</v>
          </cell>
          <cell r="T1496">
            <v>0</v>
          </cell>
          <cell r="V1496" t="str">
            <v>jz647230</v>
          </cell>
          <cell r="W1496" t="str">
            <v>gp284311</v>
          </cell>
          <cell r="Y1496" t="str">
            <v>冷暖,衛生,電気,機積,電積,</v>
          </cell>
          <cell r="Z1496" t="str">
            <v/>
          </cell>
          <cell r="AA1496">
            <v>67505</v>
          </cell>
          <cell r="AB1496" t="str">
            <v/>
          </cell>
          <cell r="AC1496" t="str">
            <v/>
          </cell>
          <cell r="AD1496" t="str">
            <v/>
          </cell>
          <cell r="AE1496" t="str">
            <v/>
          </cell>
          <cell r="AF1496" t="str">
            <v/>
          </cell>
          <cell r="AI1496">
            <v>2</v>
          </cell>
          <cell r="AJ1496" t="str">
            <v>建築</v>
          </cell>
        </row>
        <row r="1497">
          <cell r="B1497">
            <v>5548</v>
          </cell>
          <cell r="C1497" t="str">
            <v>(株)サンワコン</v>
          </cell>
          <cell r="D1497" t="str">
            <v>079-282-7022</v>
          </cell>
          <cell r="E1497" t="str">
            <v>650-0033</v>
          </cell>
          <cell r="F1497" t="str">
            <v>兵庫県姫路市安田4-71</v>
          </cell>
          <cell r="G1497" t="str">
            <v>福井市</v>
          </cell>
          <cell r="H1497" t="str">
            <v>姫路出張所</v>
          </cell>
          <cell r="I1497" t="str">
            <v>所長　 小田　豊和</v>
          </cell>
          <cell r="J1497" t="str">
            <v>福井県福井市</v>
          </cell>
          <cell r="K1497" t="str">
            <v>079-282-7014</v>
          </cell>
          <cell r="L1497" t="str">
            <v>himeji@sanwacon.co.jp</v>
          </cell>
          <cell r="M1497" t="str">
            <v>ｻﾝﾜｺﾝ</v>
          </cell>
          <cell r="N1497" t="str">
            <v>有</v>
          </cell>
          <cell r="O1497">
            <v>69</v>
          </cell>
          <cell r="P1497">
            <v>213</v>
          </cell>
          <cell r="Q1497">
            <v>1210001001479</v>
          </cell>
          <cell r="R1497">
            <v>98000</v>
          </cell>
          <cell r="S1497">
            <v>768474</v>
          </cell>
          <cell r="T1497">
            <v>2274764</v>
          </cell>
          <cell r="V1497" t="str">
            <v>mk419678</v>
          </cell>
          <cell r="W1497" t="str">
            <v>bc164470</v>
          </cell>
          <cell r="Y1497" t="str">
            <v>測量,測量,航空,建築,土質,鋼構,河川,道路,地質,造園,上水,下水,都市,スポ,環境,土他,土調,物件,機工,営業,損失,補償,地質,交通,調他</v>
          </cell>
          <cell r="Z1497">
            <v>489204</v>
          </cell>
          <cell r="AA1497">
            <v>32249</v>
          </cell>
          <cell r="AB1497">
            <v>1385100</v>
          </cell>
          <cell r="AC1497">
            <v>150627</v>
          </cell>
          <cell r="AD1497">
            <v>217584</v>
          </cell>
          <cell r="AE1497" t="str">
            <v/>
          </cell>
          <cell r="AF1497" t="str">
            <v/>
          </cell>
          <cell r="AI1497">
            <v>3</v>
          </cell>
          <cell r="AJ1497" t="str">
            <v>土木</v>
          </cell>
        </row>
        <row r="1498">
          <cell r="B1498">
            <v>5550</v>
          </cell>
          <cell r="C1498" t="str">
            <v>(株)三和綜合コンサル</v>
          </cell>
          <cell r="D1498" t="str">
            <v>079-282-7022</v>
          </cell>
          <cell r="E1498" t="str">
            <v>670-0941</v>
          </cell>
          <cell r="F1498" t="str">
            <v>兵庫県姫路市若菜町2-25</v>
          </cell>
          <cell r="G1498" t="str">
            <v>大阪市</v>
          </cell>
          <cell r="H1498" t="str">
            <v>姫路支店</v>
          </cell>
          <cell r="I1498" t="str">
            <v>支店長 中谷　均</v>
          </cell>
          <cell r="J1498" t="str">
            <v>大阪府大阪市</v>
          </cell>
          <cell r="K1498" t="str">
            <v>079-226-5311</v>
          </cell>
          <cell r="L1498" t="str">
            <v>n_imai@sanwa-sc.co.jp</v>
          </cell>
          <cell r="M1498" t="str">
            <v>ｻﾝﾜｿｳｺﾞｳｺﾝｻﾙ</v>
          </cell>
          <cell r="N1498" t="str">
            <v>有</v>
          </cell>
          <cell r="O1498">
            <v>54</v>
          </cell>
          <cell r="P1498">
            <v>30</v>
          </cell>
          <cell r="Q1498">
            <v>7120001000518</v>
          </cell>
          <cell r="R1498">
            <v>35000</v>
          </cell>
          <cell r="S1498">
            <v>169249</v>
          </cell>
          <cell r="T1498">
            <v>313251</v>
          </cell>
          <cell r="V1498" t="str">
            <v>ku129218</v>
          </cell>
          <cell r="W1498" t="str">
            <v>wu245789</v>
          </cell>
          <cell r="Y1498" t="str">
            <v>土調,土評,物件,機工,営業,損失,補償,</v>
          </cell>
          <cell r="Z1498" t="str">
            <v/>
          </cell>
          <cell r="AA1498" t="str">
            <v/>
          </cell>
          <cell r="AB1498" t="str">
            <v/>
          </cell>
          <cell r="AC1498">
            <v>298729</v>
          </cell>
          <cell r="AD1498" t="str">
            <v/>
          </cell>
          <cell r="AE1498" t="str">
            <v/>
          </cell>
          <cell r="AF1498" t="str">
            <v/>
          </cell>
          <cell r="AI1498">
            <v>4</v>
          </cell>
          <cell r="AJ1498" t="str">
            <v>補償</v>
          </cell>
        </row>
        <row r="1499">
          <cell r="B1499">
            <v>5554</v>
          </cell>
          <cell r="C1499" t="str">
            <v>(株)三権構造</v>
          </cell>
          <cell r="D1499" t="str">
            <v>06-6442-3447</v>
          </cell>
          <cell r="E1499" t="str">
            <v>553-0003</v>
          </cell>
          <cell r="F1499" t="str">
            <v>大阪府大阪市福島区福島7-15-26</v>
          </cell>
          <cell r="G1499" t="str">
            <v>大阪市</v>
          </cell>
          <cell r="H1499" t="str">
            <v/>
          </cell>
          <cell r="I1499" t="str">
            <v>代表取締役 尾添　政昭</v>
          </cell>
          <cell r="J1499" t="str">
            <v>本店</v>
          </cell>
          <cell r="K1499" t="str">
            <v>06-6442-3446</v>
          </cell>
          <cell r="L1499" t="str">
            <v>daihyou@sk-eng.jp</v>
          </cell>
          <cell r="M1499" t="str">
            <v>ｻﾝｹﾝｺｳｿﾞｳ</v>
          </cell>
          <cell r="N1499" t="str">
            <v>無</v>
          </cell>
          <cell r="O1499">
            <v>50</v>
          </cell>
          <cell r="P1499">
            <v>20</v>
          </cell>
          <cell r="Q1499">
            <v>3120001035105</v>
          </cell>
          <cell r="R1499">
            <v>20000</v>
          </cell>
          <cell r="S1499">
            <v>39941</v>
          </cell>
          <cell r="T1499">
            <v>167892</v>
          </cell>
          <cell r="V1499" t="str">
            <v>fa599615</v>
          </cell>
          <cell r="W1499" t="str">
            <v>wx204212</v>
          </cell>
          <cell r="Y1499" t="str">
            <v>建築,意匠,構造,</v>
          </cell>
          <cell r="Z1499" t="str">
            <v/>
          </cell>
          <cell r="AA1499" t="str">
            <v/>
          </cell>
          <cell r="AB1499" t="str">
            <v/>
          </cell>
          <cell r="AC1499" t="str">
            <v/>
          </cell>
          <cell r="AD1499" t="str">
            <v/>
          </cell>
          <cell r="AE1499" t="str">
            <v/>
          </cell>
          <cell r="AF1499" t="str">
            <v/>
          </cell>
          <cell r="AI1499">
            <v>1</v>
          </cell>
          <cell r="AJ1499" t="str">
            <v>測量</v>
          </cell>
        </row>
        <row r="1500">
          <cell r="B1500">
            <v>5555</v>
          </cell>
          <cell r="C1500" t="str">
            <v>サンスイコンサルタント(株)</v>
          </cell>
          <cell r="D1500" t="str">
            <v>079-288-3141</v>
          </cell>
          <cell r="E1500" t="str">
            <v>670-0902</v>
          </cell>
          <cell r="F1500" t="str">
            <v>兵庫県姫路市白銀町50</v>
          </cell>
          <cell r="G1500" t="str">
            <v>京都市</v>
          </cell>
          <cell r="H1500" t="str">
            <v>姫路支店</v>
          </cell>
          <cell r="I1500" t="str">
            <v>支店長 大田　惠司</v>
          </cell>
          <cell r="J1500" t="str">
            <v>京都府京都市</v>
          </cell>
          <cell r="K1500" t="str">
            <v>079-288-3147</v>
          </cell>
          <cell r="L1500" t="str">
            <v>eigyo.somu@sansui-consul.co.jp</v>
          </cell>
          <cell r="M1500" t="str">
            <v>ｻﾝｽｲｺﾝｻﾙﾀﾝﾄ</v>
          </cell>
          <cell r="N1500" t="str">
            <v>有</v>
          </cell>
          <cell r="O1500">
            <v>50</v>
          </cell>
          <cell r="P1500">
            <v>180</v>
          </cell>
          <cell r="Q1500">
            <v>5130001017447</v>
          </cell>
          <cell r="R1500">
            <v>50000</v>
          </cell>
          <cell r="S1500">
            <v>1957408</v>
          </cell>
          <cell r="T1500">
            <v>2775497</v>
          </cell>
          <cell r="V1500" t="str">
            <v>qh685793</v>
          </cell>
          <cell r="W1500" t="str">
            <v>aq204212</v>
          </cell>
          <cell r="Y1500" t="str">
            <v>測量,測量,航空,建築,土質,鋼構,河川,道路,施行,土他,土調,地質,</v>
          </cell>
          <cell r="Z1500">
            <v>87129</v>
          </cell>
          <cell r="AA1500" t="str">
            <v/>
          </cell>
          <cell r="AB1500">
            <v>2658270</v>
          </cell>
          <cell r="AC1500">
            <v>5028</v>
          </cell>
          <cell r="AD1500">
            <v>26960</v>
          </cell>
          <cell r="AE1500" t="str">
            <v>労働者派遣事業</v>
          </cell>
          <cell r="AF1500">
            <v>7877</v>
          </cell>
          <cell r="AI1500">
            <v>3</v>
          </cell>
          <cell r="AJ1500" t="str">
            <v>土木</v>
          </cell>
        </row>
        <row r="1501">
          <cell r="B1501">
            <v>5566</v>
          </cell>
          <cell r="C1501" t="str">
            <v>(株)翔設計</v>
          </cell>
          <cell r="D1501" t="str">
            <v>03-5410-2525</v>
          </cell>
          <cell r="E1501" t="str">
            <v>151-0051</v>
          </cell>
          <cell r="F1501" t="str">
            <v>東京都渋谷区千駄ヶ谷4-24-15</v>
          </cell>
          <cell r="G1501">
            <v>0</v>
          </cell>
          <cell r="H1501" t="str">
            <v/>
          </cell>
          <cell r="I1501" t="str">
            <v>代表取締役 貴船　美彦</v>
          </cell>
          <cell r="J1501" t="str">
            <v>本店</v>
          </cell>
          <cell r="K1501" t="str">
            <v>03-5410-2560</v>
          </cell>
          <cell r="L1501" t="str">
            <v>eigyo@sho-sekkei.co.jp</v>
          </cell>
          <cell r="M1501" t="str">
            <v>ｼｮｳｾｯｹｲ</v>
          </cell>
          <cell r="N1501" t="str">
            <v>無</v>
          </cell>
          <cell r="O1501">
            <v>35</v>
          </cell>
          <cell r="P1501">
            <v>88</v>
          </cell>
          <cell r="Q1501">
            <v>7011001028717</v>
          </cell>
          <cell r="R1501">
            <v>62500</v>
          </cell>
          <cell r="S1501">
            <v>508700</v>
          </cell>
          <cell r="T1501">
            <v>1237171</v>
          </cell>
          <cell r="V1501" t="str">
            <v>gw153805</v>
          </cell>
          <cell r="W1501" t="str">
            <v>ih160350</v>
          </cell>
          <cell r="Y1501" t="str">
            <v/>
          </cell>
          <cell r="Z1501" t="str">
            <v/>
          </cell>
          <cell r="AA1501">
            <v>1223674</v>
          </cell>
          <cell r="AB1501" t="str">
            <v/>
          </cell>
          <cell r="AC1501" t="str">
            <v/>
          </cell>
          <cell r="AD1501" t="str">
            <v/>
          </cell>
          <cell r="AE1501" t="str">
            <v/>
          </cell>
          <cell r="AF1501">
            <v>1223674</v>
          </cell>
          <cell r="AI1501" t="str">
            <v>土木</v>
          </cell>
          <cell r="AJ1501" t="str">
            <v>東京都</v>
          </cell>
        </row>
        <row r="1502">
          <cell r="B1502">
            <v>5567</v>
          </cell>
          <cell r="C1502" t="str">
            <v>(株)住建設計</v>
          </cell>
          <cell r="D1502" t="str">
            <v>075-344-0500</v>
          </cell>
          <cell r="E1502" t="str">
            <v>600-8216</v>
          </cell>
          <cell r="F1502" t="str">
            <v>京都府京都市下京区塩小路通烏丸西入東塩小路町579-1</v>
          </cell>
          <cell r="G1502" t="str">
            <v>京都市</v>
          </cell>
          <cell r="H1502" t="str">
            <v/>
          </cell>
          <cell r="I1502" t="str">
            <v>代表取締役 若野　豪宏</v>
          </cell>
          <cell r="J1502" t="str">
            <v>本店</v>
          </cell>
          <cell r="K1502" t="str">
            <v>075-344-0501</v>
          </cell>
          <cell r="L1502" t="str">
            <v>kyoto@jyuken-sekkei.co.jp</v>
          </cell>
          <cell r="M1502" t="str">
            <v>ｼﾞｭｳｹﾝｾｯｹｲ</v>
          </cell>
          <cell r="N1502" t="str">
            <v>無</v>
          </cell>
          <cell r="O1502">
            <v>49</v>
          </cell>
          <cell r="P1502">
            <v>10</v>
          </cell>
          <cell r="Q1502">
            <v>1130001006585</v>
          </cell>
          <cell r="R1502">
            <v>10000</v>
          </cell>
          <cell r="S1502">
            <v>10000</v>
          </cell>
          <cell r="T1502">
            <v>131172</v>
          </cell>
          <cell r="V1502" t="str">
            <v>rd131078</v>
          </cell>
          <cell r="W1502" t="str">
            <v>fi134300</v>
          </cell>
          <cell r="Y1502" t="str">
            <v/>
          </cell>
          <cell r="Z1502" t="str">
            <v/>
          </cell>
          <cell r="AA1502">
            <v>148478</v>
          </cell>
          <cell r="AB1502" t="str">
            <v/>
          </cell>
          <cell r="AC1502" t="str">
            <v/>
          </cell>
          <cell r="AD1502" t="str">
            <v/>
          </cell>
          <cell r="AE1502" t="str">
            <v/>
          </cell>
          <cell r="AF1502">
            <v>148478</v>
          </cell>
          <cell r="AI1502" t="str">
            <v>土木</v>
          </cell>
          <cell r="AJ1502" t="str">
            <v>京都府</v>
          </cell>
        </row>
        <row r="1503">
          <cell r="B1503">
            <v>5569</v>
          </cell>
          <cell r="C1503" t="str">
            <v>(株)ＣＴＩウイング</v>
          </cell>
          <cell r="D1503" t="str">
            <v>078-855-5061</v>
          </cell>
          <cell r="E1503" t="str">
            <v>651-0086</v>
          </cell>
          <cell r="F1503" t="str">
            <v>兵庫県神戸市中央区磯上通7-1-30</v>
          </cell>
          <cell r="G1503" t="str">
            <v>神戸市</v>
          </cell>
          <cell r="H1503" t="str">
            <v>兵庫事務所</v>
          </cell>
          <cell r="I1503" t="str">
            <v>所長　佐々木　良作</v>
          </cell>
          <cell r="J1503" t="str">
            <v>大阪府大阪市中央区道修町1-6-7</v>
          </cell>
          <cell r="K1503" t="str">
            <v>078-855-5062</v>
          </cell>
          <cell r="L1503" t="str">
            <v>ctiw04@tenor.ocn.ne.jp</v>
          </cell>
          <cell r="M1503" t="str">
            <v>ｼｰﾃｨｰｱｲｳｲﾝｸﾞ</v>
          </cell>
          <cell r="N1503" t="str">
            <v>有</v>
          </cell>
          <cell r="O1503">
            <v>31</v>
          </cell>
          <cell r="P1503">
            <v>81</v>
          </cell>
          <cell r="Q1503">
            <v>2120001085010</v>
          </cell>
          <cell r="R1503">
            <v>100000</v>
          </cell>
          <cell r="S1503">
            <v>214258</v>
          </cell>
          <cell r="T1503">
            <v>775938</v>
          </cell>
          <cell r="V1503" t="str">
            <v>tn158084</v>
          </cell>
          <cell r="W1503" t="str">
            <v>ji115692</v>
          </cell>
          <cell r="Y1503" t="str">
            <v>河川,道路,施行,建機,土他,大気,騒音,交通,商業,調他</v>
          </cell>
          <cell r="Z1503" t="str">
            <v/>
          </cell>
          <cell r="AA1503" t="str">
            <v/>
          </cell>
          <cell r="AB1503" t="str">
            <v/>
          </cell>
          <cell r="AC1503">
            <v>595325</v>
          </cell>
          <cell r="AD1503" t="str">
            <v/>
          </cell>
          <cell r="AE1503">
            <v>52123</v>
          </cell>
          <cell r="AF1503" t="str">
            <v/>
          </cell>
          <cell r="AI1503">
            <v>4</v>
          </cell>
          <cell r="AJ1503" t="str">
            <v>補償</v>
          </cell>
        </row>
        <row r="1504">
          <cell r="B1504">
            <v>5570</v>
          </cell>
          <cell r="C1504" t="str">
            <v>(株)ＧＰＭＯ</v>
          </cell>
          <cell r="D1504" t="str">
            <v>06-6225-7379</v>
          </cell>
          <cell r="E1504" t="str">
            <v>532-0011</v>
          </cell>
          <cell r="F1504" t="str">
            <v>大阪府大阪市淀川区西中島6-2-3</v>
          </cell>
          <cell r="G1504" t="str">
            <v>高松市</v>
          </cell>
          <cell r="H1504" t="str">
            <v>関西事務所</v>
          </cell>
          <cell r="I1504" t="str">
            <v>事務所長 神原　孝行</v>
          </cell>
          <cell r="J1504" t="str">
            <v>香川県高松市</v>
          </cell>
          <cell r="K1504" t="str">
            <v>06-7632-4057</v>
          </cell>
          <cell r="L1504" t="str">
            <v>kkanbara@gpmo.jp</v>
          </cell>
          <cell r="M1504" t="str">
            <v>ｼﾞｰﾋﾟｰｴﾑｵｰ</v>
          </cell>
          <cell r="N1504" t="str">
            <v>有</v>
          </cell>
          <cell r="O1504">
            <v>2</v>
          </cell>
          <cell r="P1504">
            <v>16</v>
          </cell>
          <cell r="Q1504">
            <v>4470001015797</v>
          </cell>
          <cell r="R1504">
            <v>30000</v>
          </cell>
          <cell r="S1504">
            <v>39765</v>
          </cell>
          <cell r="T1504">
            <v>183723</v>
          </cell>
          <cell r="V1504" t="str">
            <v>fe155356</v>
          </cell>
          <cell r="W1504" t="str">
            <v>vn166396</v>
          </cell>
          <cell r="Y1504" t="str">
            <v>測量,測量,航空,道路,上水,下水,都市,土他,調他</v>
          </cell>
          <cell r="Z1504" t="str">
            <v/>
          </cell>
          <cell r="AA1504" t="str">
            <v/>
          </cell>
          <cell r="AB1504">
            <v>109399</v>
          </cell>
          <cell r="AC1504" t="str">
            <v/>
          </cell>
          <cell r="AD1504" t="str">
            <v/>
          </cell>
          <cell r="AE1504" t="str">
            <v>指定管理、公共支援業務他</v>
          </cell>
          <cell r="AF1504">
            <v>78998</v>
          </cell>
          <cell r="AI1504">
            <v>3</v>
          </cell>
          <cell r="AJ1504" t="str">
            <v>土木</v>
          </cell>
        </row>
        <row r="1505">
          <cell r="B1505">
            <v>5574</v>
          </cell>
          <cell r="C1505" t="str">
            <v>(株)シードコンサルタント</v>
          </cell>
          <cell r="D1505" t="str">
            <v>078-531-8505</v>
          </cell>
          <cell r="E1505" t="str">
            <v>652-0803</v>
          </cell>
          <cell r="F1505" t="str">
            <v>兵庫県神戸市兵庫区大開通2-3-22</v>
          </cell>
          <cell r="G1505" t="str">
            <v>奈良市</v>
          </cell>
          <cell r="H1505" t="str">
            <v>神戸支店</v>
          </cell>
          <cell r="I1505" t="str">
            <v>支店長 中本　和孝</v>
          </cell>
          <cell r="J1505" t="str">
            <v>奈良県奈良市</v>
          </cell>
          <cell r="K1505" t="str">
            <v>078-531-8505</v>
          </cell>
          <cell r="L1505" t="str">
            <v>eigyobu@seedcon.co.jp</v>
          </cell>
          <cell r="M1505" t="str">
            <v>ｼｰﾄﾞｺﾝｻﾙﾀﾝﾄ</v>
          </cell>
          <cell r="N1505" t="str">
            <v>有</v>
          </cell>
          <cell r="O1505">
            <v>51</v>
          </cell>
          <cell r="P1505">
            <v>49</v>
          </cell>
          <cell r="Q1505">
            <v>5150001000954</v>
          </cell>
          <cell r="R1505">
            <v>80000</v>
          </cell>
          <cell r="S1505">
            <v>217390</v>
          </cell>
          <cell r="T1505">
            <v>692880</v>
          </cell>
          <cell r="V1505" t="str">
            <v>ms302621</v>
          </cell>
          <cell r="W1505" t="str">
            <v>eg931385</v>
          </cell>
          <cell r="Y1505" t="str">
            <v>測量,測量,建築,意匠,構造,調査,河川,下水,都市,土調,地質,交通,</v>
          </cell>
          <cell r="Z1505">
            <v>74412</v>
          </cell>
          <cell r="AA1505">
            <v>29091</v>
          </cell>
          <cell r="AB1505">
            <v>524368</v>
          </cell>
          <cell r="AC1505">
            <v>3948</v>
          </cell>
          <cell r="AD1505">
            <v>58839</v>
          </cell>
          <cell r="AE1505" t="str">
            <v/>
          </cell>
          <cell r="AF1505" t="str">
            <v/>
          </cell>
          <cell r="AI1505">
            <v>3</v>
          </cell>
          <cell r="AJ1505" t="str">
            <v>土木</v>
          </cell>
        </row>
        <row r="1506">
          <cell r="B1506">
            <v>5576</v>
          </cell>
          <cell r="C1506" t="str">
            <v>ジェイアール西日本コンサルタンツ(株)</v>
          </cell>
          <cell r="D1506" t="str">
            <v>06-6303-6971</v>
          </cell>
          <cell r="E1506" t="str">
            <v>532-0011</v>
          </cell>
          <cell r="F1506" t="str">
            <v>大阪府大阪市淀川区西中島5ｰ4ｰ20</v>
          </cell>
          <cell r="G1506" t="str">
            <v>大阪市</v>
          </cell>
          <cell r="H1506" t="str">
            <v/>
          </cell>
          <cell r="I1506" t="str">
            <v>代表取締役 土肥　弘明</v>
          </cell>
          <cell r="J1506" t="str">
            <v>本店</v>
          </cell>
          <cell r="K1506" t="str">
            <v>06-6309-8304</v>
          </cell>
          <cell r="L1506" t="str">
            <v>info@jrnc.co.jp</v>
          </cell>
          <cell r="M1506" t="str">
            <v>ｼﾞｪｲｱｰﾙﾆｼﾆﾎﾝｺﾝｻﾙﾀﾝﾂ</v>
          </cell>
          <cell r="N1506" t="str">
            <v>無</v>
          </cell>
          <cell r="O1506">
            <v>30</v>
          </cell>
          <cell r="P1506">
            <v>405</v>
          </cell>
          <cell r="Q1506">
            <v>7120001055727</v>
          </cell>
          <cell r="R1506">
            <v>50000</v>
          </cell>
          <cell r="S1506">
            <v>9487240</v>
          </cell>
          <cell r="T1506">
            <v>9604245</v>
          </cell>
          <cell r="V1506" t="str">
            <v>nh804157</v>
          </cell>
          <cell r="W1506" t="str">
            <v>fz970294</v>
          </cell>
          <cell r="Y1506" t="str">
            <v>測量,測量,航空,建築,意匠,構造,冷暖,衛生,電気,建積,機積,電積,調査,土質,鋼構,道路,施行,上水,下水,都市,土他,土調,物件,機工,補償,地質,騒音,交通,調他</v>
          </cell>
          <cell r="Z1506">
            <v>376486</v>
          </cell>
          <cell r="AA1506">
            <v>2458916</v>
          </cell>
          <cell r="AB1506">
            <v>6601733</v>
          </cell>
          <cell r="AC1506">
            <v>137600</v>
          </cell>
          <cell r="AD1506">
            <v>29510</v>
          </cell>
          <cell r="AE1506" t="str">
            <v/>
          </cell>
          <cell r="AF1506" t="str">
            <v/>
          </cell>
          <cell r="AI1506">
            <v>3</v>
          </cell>
          <cell r="AJ1506" t="str">
            <v>土木</v>
          </cell>
        </row>
        <row r="1507">
          <cell r="B1507">
            <v>5578</v>
          </cell>
          <cell r="C1507" t="str">
            <v>(株)ＪＦＥ設計</v>
          </cell>
          <cell r="D1507" t="str">
            <v>06-6315-4705</v>
          </cell>
          <cell r="E1507" t="str">
            <v>530-0026</v>
          </cell>
          <cell r="F1507" t="str">
            <v>大阪府大阪市北区神山町8-1</v>
          </cell>
          <cell r="H1507" t="str">
            <v>大阪営業所</v>
          </cell>
          <cell r="I1507" t="str">
            <v>大阪営業所所長 平井　義隆</v>
          </cell>
          <cell r="J1507" t="str">
            <v>東京都</v>
          </cell>
          <cell r="K1507" t="str">
            <v>06-6315-4706</v>
          </cell>
          <cell r="L1507" t="str">
            <v>gyoumu2@jfe-sekkei.co.jp</v>
          </cell>
          <cell r="M1507" t="str">
            <v>ｼﾞｪｲｴﾌｲｰｾｯｹｲ</v>
          </cell>
          <cell r="N1507" t="str">
            <v>有</v>
          </cell>
          <cell r="O1507">
            <v>43</v>
          </cell>
          <cell r="P1507">
            <v>220</v>
          </cell>
          <cell r="Q1507">
            <v>2010501022069</v>
          </cell>
          <cell r="R1507">
            <v>50000</v>
          </cell>
          <cell r="S1507">
            <v>1381299</v>
          </cell>
          <cell r="T1507">
            <v>4497041</v>
          </cell>
          <cell r="V1507" t="str">
            <v>gc482858</v>
          </cell>
          <cell r="W1507" t="str">
            <v>ca672878</v>
          </cell>
          <cell r="Y1507" t="str">
            <v>建築,意匠,構造,土質,鋼構,</v>
          </cell>
          <cell r="Z1507">
            <v>91883</v>
          </cell>
          <cell r="AA1507">
            <v>1167313</v>
          </cell>
          <cell r="AB1507">
            <v>1345018</v>
          </cell>
          <cell r="AC1507" t="str">
            <v/>
          </cell>
          <cell r="AD1507" t="str">
            <v/>
          </cell>
          <cell r="AE1507" t="str">
            <v>工場関係機械設備設計</v>
          </cell>
          <cell r="AF1507">
            <v>1932825</v>
          </cell>
          <cell r="AI1507">
            <v>3</v>
          </cell>
          <cell r="AJ1507" t="str">
            <v>土木</v>
          </cell>
        </row>
        <row r="1508">
          <cell r="B1508">
            <v>5582</v>
          </cell>
          <cell r="C1508" t="str">
            <v>(株)ＧＥＯソリューションズ</v>
          </cell>
          <cell r="D1508" t="str">
            <v>0798-37-1280</v>
          </cell>
          <cell r="E1508" t="str">
            <v>662-0971</v>
          </cell>
          <cell r="F1508" t="str">
            <v>兵庫県西宮市和上町1-31</v>
          </cell>
          <cell r="G1508" t="str">
            <v>西宮市</v>
          </cell>
          <cell r="H1508" t="str">
            <v/>
          </cell>
          <cell r="I1508" t="str">
            <v>代表取締役 藤井　達司</v>
          </cell>
          <cell r="J1508" t="str">
            <v>本店</v>
          </cell>
          <cell r="K1508" t="str">
            <v>0798-37-1281</v>
          </cell>
          <cell r="L1508" t="str">
            <v>info@geo-sol.co.jp</v>
          </cell>
          <cell r="M1508" t="str">
            <v>ｼﾞｵｿﾘｭｰｼｮﾝｽﾞ</v>
          </cell>
          <cell r="N1508" t="str">
            <v>無</v>
          </cell>
          <cell r="O1508">
            <v>13</v>
          </cell>
          <cell r="P1508">
            <v>56</v>
          </cell>
          <cell r="Q1508">
            <v>2140001072031</v>
          </cell>
          <cell r="R1508">
            <v>13000</v>
          </cell>
          <cell r="S1508">
            <v>69962</v>
          </cell>
          <cell r="T1508">
            <v>437268</v>
          </cell>
          <cell r="V1508" t="str">
            <v>yp277163</v>
          </cell>
          <cell r="W1508" t="str">
            <v>zt165881</v>
          </cell>
          <cell r="Y1508" t="str">
            <v>測量,測量,航空,河川,</v>
          </cell>
          <cell r="Z1508">
            <v>204382</v>
          </cell>
          <cell r="AA1508" t="str">
            <v/>
          </cell>
          <cell r="AB1508">
            <v>29265</v>
          </cell>
          <cell r="AC1508" t="str">
            <v/>
          </cell>
          <cell r="AD1508">
            <v>139644</v>
          </cell>
          <cell r="AE1508" t="str">
            <v/>
          </cell>
          <cell r="AF1508" t="str">
            <v/>
          </cell>
          <cell r="AI1508">
            <v>1</v>
          </cell>
          <cell r="AJ1508" t="str">
            <v>測量</v>
          </cell>
        </row>
        <row r="1509">
          <cell r="B1509">
            <v>5583</v>
          </cell>
          <cell r="C1509" t="str">
            <v>(株)ジオテクノ関西</v>
          </cell>
          <cell r="D1509" t="str">
            <v>0798-38-8510</v>
          </cell>
          <cell r="E1509" t="str">
            <v>662-0911</v>
          </cell>
          <cell r="F1509" t="str">
            <v>兵庫県西宮市池田町12-20</v>
          </cell>
          <cell r="G1509" t="str">
            <v>西宮市</v>
          </cell>
          <cell r="H1509" t="str">
            <v/>
          </cell>
          <cell r="I1509" t="str">
            <v>代表取締役 藤井　博美</v>
          </cell>
          <cell r="J1509" t="str">
            <v>本店</v>
          </cell>
          <cell r="K1509" t="str">
            <v>0798-38-8522</v>
          </cell>
          <cell r="L1509" t="str">
            <v>nnn@geotec.co.jp</v>
          </cell>
          <cell r="M1509" t="str">
            <v>ｼﾞｵﾃｸﾉｶﾝｻｲ</v>
          </cell>
          <cell r="N1509" t="str">
            <v>無</v>
          </cell>
          <cell r="O1509">
            <v>53</v>
          </cell>
          <cell r="P1509">
            <v>36</v>
          </cell>
          <cell r="Q1509">
            <v>1140001068971</v>
          </cell>
          <cell r="R1509">
            <v>30000</v>
          </cell>
          <cell r="S1509">
            <v>228859</v>
          </cell>
          <cell r="T1509">
            <v>701846</v>
          </cell>
          <cell r="V1509" t="str">
            <v>ru186202</v>
          </cell>
          <cell r="W1509" t="str">
            <v>kc232218</v>
          </cell>
          <cell r="Y1509" t="str">
            <v>測量,測量,航空,</v>
          </cell>
          <cell r="Z1509">
            <v>640037</v>
          </cell>
          <cell r="AA1509" t="str">
            <v/>
          </cell>
          <cell r="AB1509" t="str">
            <v/>
          </cell>
          <cell r="AC1509" t="str">
            <v/>
          </cell>
          <cell r="AD1509" t="str">
            <v/>
          </cell>
          <cell r="AE1509" t="str">
            <v>その他</v>
          </cell>
          <cell r="AF1509">
            <v>61808</v>
          </cell>
          <cell r="AI1509">
            <v>1</v>
          </cell>
          <cell r="AJ1509" t="str">
            <v>測量</v>
          </cell>
        </row>
        <row r="1510">
          <cell r="B1510">
            <v>5586</v>
          </cell>
          <cell r="C1510" t="str">
            <v>(株)あい設計</v>
          </cell>
          <cell r="D1510" t="str">
            <v>06-6366-0241</v>
          </cell>
          <cell r="E1510" t="str">
            <v>530-0047</v>
          </cell>
          <cell r="F1510" t="str">
            <v>大阪府大阪市北区西天満5‐1‐9</v>
          </cell>
          <cell r="G1510" t="str">
            <v>広島市</v>
          </cell>
          <cell r="H1510" t="str">
            <v>大阪支社</v>
          </cell>
          <cell r="I1510" t="str">
            <v>支社長 三谷　学</v>
          </cell>
          <cell r="J1510" t="str">
            <v>広島県広島市</v>
          </cell>
          <cell r="K1510" t="str">
            <v>06-6367-8445</v>
          </cell>
          <cell r="L1510" t="str">
            <v>eigyoubu@aisekkei.co.jp</v>
          </cell>
          <cell r="M1510" t="str">
            <v>ｱｲｾｯｹｲ</v>
          </cell>
          <cell r="N1510" t="str">
            <v>有</v>
          </cell>
          <cell r="O1510">
            <v>19</v>
          </cell>
          <cell r="P1510">
            <v>309</v>
          </cell>
          <cell r="Q1510">
            <v>6240001020843</v>
          </cell>
          <cell r="R1510">
            <v>45000</v>
          </cell>
          <cell r="S1510">
            <v>2756710</v>
          </cell>
          <cell r="T1510">
            <v>4754122</v>
          </cell>
          <cell r="V1510" t="str">
            <v>cd677145</v>
          </cell>
          <cell r="W1510" t="str">
            <v>ey828923</v>
          </cell>
          <cell r="Y1510" t="str">
            <v>建築,意匠,構造,冷暖,衛生,電気,建積,機積,電積,調査,</v>
          </cell>
          <cell r="Z1510" t="str">
            <v/>
          </cell>
          <cell r="AA1510">
            <v>4747200</v>
          </cell>
          <cell r="AB1510" t="str">
            <v/>
          </cell>
          <cell r="AC1510" t="str">
            <v/>
          </cell>
          <cell r="AD1510" t="str">
            <v/>
          </cell>
          <cell r="AE1510" t="str">
            <v>その他</v>
          </cell>
          <cell r="AF1510">
            <v>48591</v>
          </cell>
          <cell r="AI1510">
            <v>2</v>
          </cell>
          <cell r="AJ1510" t="str">
            <v>建築</v>
          </cell>
        </row>
        <row r="1511">
          <cell r="B1511">
            <v>5588</v>
          </cell>
          <cell r="C1511" t="str">
            <v>(株)資産評価研究所</v>
          </cell>
          <cell r="D1511" t="str">
            <v>0798-33-8567</v>
          </cell>
          <cell r="E1511" t="str">
            <v>662-0978</v>
          </cell>
          <cell r="F1511" t="str">
            <v>兵庫県西宮市産所町15-14</v>
          </cell>
          <cell r="G1511" t="str">
            <v>西宮市</v>
          </cell>
          <cell r="H1511" t="str">
            <v/>
          </cell>
          <cell r="I1511" t="str">
            <v>代表取締役 横野　忠敏</v>
          </cell>
          <cell r="J1511" t="str">
            <v>本店</v>
          </cell>
          <cell r="K1511" t="str">
            <v>0798-33-8568</v>
          </cell>
          <cell r="L1511" t="str">
            <v>yokono@poppy.ocn.ne.jp</v>
          </cell>
          <cell r="M1511" t="str">
            <v>ｼｻﾝﾋｮｳｶｹﾝｷｭｳｼｮ</v>
          </cell>
          <cell r="N1511" t="str">
            <v>無</v>
          </cell>
          <cell r="O1511">
            <v>28</v>
          </cell>
          <cell r="P1511">
            <v>2</v>
          </cell>
          <cell r="Q1511">
            <v>9140001069013</v>
          </cell>
          <cell r="R1511">
            <v>10000</v>
          </cell>
          <cell r="S1511">
            <v>18599</v>
          </cell>
          <cell r="T1511">
            <v>20252</v>
          </cell>
          <cell r="V1511" t="str">
            <v>bt233612</v>
          </cell>
          <cell r="W1511" t="str">
            <v>ba564316</v>
          </cell>
          <cell r="Y1511" t="str">
            <v>鑑定,</v>
          </cell>
          <cell r="Z1511" t="str">
            <v/>
          </cell>
          <cell r="AA1511" t="str">
            <v/>
          </cell>
          <cell r="AB1511" t="str">
            <v/>
          </cell>
          <cell r="AC1511">
            <v>20252</v>
          </cell>
          <cell r="AD1511" t="str">
            <v/>
          </cell>
          <cell r="AE1511" t="str">
            <v/>
          </cell>
          <cell r="AF1511" t="str">
            <v/>
          </cell>
          <cell r="AI1511">
            <v>4</v>
          </cell>
          <cell r="AJ1511" t="str">
            <v>補償</v>
          </cell>
        </row>
        <row r="1512">
          <cell r="B1512">
            <v>5589</v>
          </cell>
          <cell r="C1512" t="str">
            <v>(株)総合環境計画</v>
          </cell>
          <cell r="D1512" t="str">
            <v>078-241-5761</v>
          </cell>
          <cell r="E1512" t="str">
            <v>651-0084</v>
          </cell>
          <cell r="F1512" t="str">
            <v>兵庫県神戸市中央区磯辺通1-1-18</v>
          </cell>
          <cell r="G1512" t="str">
            <v/>
          </cell>
          <cell r="H1512" t="str">
            <v>神戸事務所</v>
          </cell>
          <cell r="I1512" t="str">
            <v>所長 赤井　裕</v>
          </cell>
          <cell r="J1512" t="str">
            <v>東京都</v>
          </cell>
          <cell r="K1512" t="str">
            <v>078-241-6560</v>
          </cell>
          <cell r="L1512" t="str">
            <v>kikaku@sepc.co.jp</v>
          </cell>
          <cell r="M1512" t="str">
            <v>ｿｳｺﾞｳｶﾝｷﾖｳｹｲｶｸ</v>
          </cell>
          <cell r="N1512" t="str">
            <v>有</v>
          </cell>
          <cell r="O1512">
            <v>29</v>
          </cell>
          <cell r="P1512">
            <v>54</v>
          </cell>
          <cell r="Q1512">
            <v>3010000000000</v>
          </cell>
          <cell r="R1512">
            <v>45000</v>
          </cell>
          <cell r="S1512">
            <v>154759</v>
          </cell>
          <cell r="T1512">
            <v>589718</v>
          </cell>
          <cell r="V1512" t="str">
            <v>qe668236</v>
          </cell>
          <cell r="W1512" t="str">
            <v>ba897218</v>
          </cell>
          <cell r="Y1512" t="str">
            <v>測量,河川,道路,造園,都市,環境,水質,大気,騒音,交通,商業,調他</v>
          </cell>
          <cell r="Z1512">
            <v>7795</v>
          </cell>
          <cell r="AA1512" t="str">
            <v/>
          </cell>
          <cell r="AB1512">
            <v>498238</v>
          </cell>
          <cell r="AC1512" t="str">
            <v/>
          </cell>
          <cell r="AD1512">
            <v>31740</v>
          </cell>
          <cell r="AE1512" t="str">
            <v>その他（システム等）</v>
          </cell>
          <cell r="AF1512">
            <v>48153</v>
          </cell>
          <cell r="AI1512">
            <v>3</v>
          </cell>
          <cell r="AJ1512" t="str">
            <v>土木</v>
          </cell>
        </row>
        <row r="1513">
          <cell r="B1513">
            <v>5590</v>
          </cell>
          <cell r="C1513" t="str">
            <v>(株)施設工学研究所</v>
          </cell>
          <cell r="D1513" t="str">
            <v>06-6313-3951</v>
          </cell>
          <cell r="E1513" t="str">
            <v>530-0028</v>
          </cell>
          <cell r="F1513" t="str">
            <v>大阪府大阪市北区万歳町4-12</v>
          </cell>
          <cell r="G1513" t="str">
            <v>大阪市</v>
          </cell>
          <cell r="H1513" t="str">
            <v/>
          </cell>
          <cell r="I1513" t="str">
            <v>代表取締役 吉住　則明</v>
          </cell>
          <cell r="J1513" t="str">
            <v>本店</v>
          </cell>
          <cell r="K1513" t="str">
            <v>06-6313-1064</v>
          </cell>
          <cell r="L1513" t="str">
            <v>shisetsu@skyblue.ocn.ne.jp</v>
          </cell>
          <cell r="M1513" t="str">
            <v>ｼｾﾂｺｳｶﾞｸｹﾝｷｭｳｼｮ</v>
          </cell>
          <cell r="N1513" t="str">
            <v>無</v>
          </cell>
          <cell r="O1513">
            <v>47</v>
          </cell>
          <cell r="P1513">
            <v>35</v>
          </cell>
          <cell r="Q1513">
            <v>8120001064891</v>
          </cell>
          <cell r="R1513">
            <v>16000</v>
          </cell>
          <cell r="S1513">
            <v>268641</v>
          </cell>
          <cell r="T1513">
            <v>373839</v>
          </cell>
          <cell r="V1513" t="str">
            <v>bc820162</v>
          </cell>
          <cell r="W1513" t="str">
            <v>gy841865</v>
          </cell>
          <cell r="Y1513" t="str">
            <v>建築,意匠,冷暖,衛生,電気,機積,電積,調査,</v>
          </cell>
          <cell r="Z1513" t="str">
            <v/>
          </cell>
          <cell r="AA1513">
            <v>373839</v>
          </cell>
          <cell r="AB1513" t="str">
            <v/>
          </cell>
          <cell r="AC1513" t="str">
            <v/>
          </cell>
          <cell r="AD1513" t="str">
            <v/>
          </cell>
          <cell r="AE1513" t="str">
            <v/>
          </cell>
          <cell r="AF1513" t="str">
            <v/>
          </cell>
          <cell r="AI1513">
            <v>2</v>
          </cell>
          <cell r="AJ1513" t="str">
            <v>建築</v>
          </cell>
        </row>
        <row r="1514">
          <cell r="B1514">
            <v>5594</v>
          </cell>
          <cell r="C1514" t="str">
            <v>(株)島津テクノリサーチ</v>
          </cell>
          <cell r="D1514" t="str">
            <v>075-811-3183</v>
          </cell>
          <cell r="E1514" t="str">
            <v>604-8436</v>
          </cell>
          <cell r="F1514" t="str">
            <v>京都府京都市中京区西ﾉ京下合町1</v>
          </cell>
          <cell r="G1514" t="str">
            <v>京都市</v>
          </cell>
          <cell r="H1514" t="str">
            <v>環境事業部</v>
          </cell>
          <cell r="I1514" t="str">
            <v>事業部長 井上　毅</v>
          </cell>
          <cell r="J1514" t="str">
            <v>京都府京都市</v>
          </cell>
          <cell r="K1514" t="str">
            <v>075-821-7837</v>
          </cell>
          <cell r="L1514" t="str">
            <v>k_okumura00@shimadzu-techno.co.jp</v>
          </cell>
          <cell r="M1514" t="str">
            <v>ｼﾏﾂﾞﾃｸﾉﾘｻｰﾁ</v>
          </cell>
          <cell r="N1514" t="str">
            <v>有</v>
          </cell>
          <cell r="O1514">
            <v>46</v>
          </cell>
          <cell r="P1514">
            <v>200</v>
          </cell>
          <cell r="Q1514">
            <v>5130001021069</v>
          </cell>
          <cell r="R1514">
            <v>80000</v>
          </cell>
          <cell r="S1514">
            <v>3835046</v>
          </cell>
          <cell r="T1514">
            <v>3696359</v>
          </cell>
          <cell r="V1514" t="str">
            <v>fp545669</v>
          </cell>
          <cell r="W1514" t="str">
            <v>rg344390</v>
          </cell>
          <cell r="Y1514" t="str">
            <v>地質,水質,大気,騒音,調他</v>
          </cell>
          <cell r="Z1514" t="str">
            <v/>
          </cell>
          <cell r="AA1514" t="str">
            <v/>
          </cell>
          <cell r="AB1514" t="str">
            <v/>
          </cell>
          <cell r="AC1514" t="str">
            <v/>
          </cell>
          <cell r="AD1514">
            <v>2305460</v>
          </cell>
          <cell r="AE1514" t="str">
            <v>計量証明</v>
          </cell>
          <cell r="AF1514">
            <v>1390899</v>
          </cell>
          <cell r="AI1514">
            <v>5</v>
          </cell>
          <cell r="AJ1514" t="str">
            <v>調査</v>
          </cell>
        </row>
        <row r="1515">
          <cell r="B1515">
            <v>5595</v>
          </cell>
          <cell r="C1515" t="str">
            <v>(株)ジャス</v>
          </cell>
          <cell r="D1515" t="str">
            <v>06-6833-6611</v>
          </cell>
          <cell r="E1515" t="str">
            <v>565-0861</v>
          </cell>
          <cell r="F1515" t="str">
            <v>大阪府吹田市高野台1-6-8</v>
          </cell>
          <cell r="G1515" t="str">
            <v>吹田市</v>
          </cell>
          <cell r="H1515" t="str">
            <v/>
          </cell>
          <cell r="I1515" t="str">
            <v>代表取締役 加藤　精一</v>
          </cell>
          <cell r="J1515" t="str">
            <v>本店</v>
          </cell>
          <cell r="K1515" t="str">
            <v>06-6833-6249</v>
          </cell>
          <cell r="L1515" t="str">
            <v>info@jas-ass.jp</v>
          </cell>
          <cell r="M1515" t="str">
            <v>ｼﾞｬｽ</v>
          </cell>
          <cell r="N1515" t="str">
            <v>無</v>
          </cell>
          <cell r="O1515">
            <v>43</v>
          </cell>
          <cell r="P1515">
            <v>11</v>
          </cell>
          <cell r="Q1515">
            <v>4120901013679</v>
          </cell>
          <cell r="R1515">
            <v>10000</v>
          </cell>
          <cell r="S1515">
            <v>22930</v>
          </cell>
          <cell r="T1515">
            <v>123333</v>
          </cell>
          <cell r="V1515" t="str">
            <v>mj905005</v>
          </cell>
          <cell r="W1515" t="str">
            <v>js624071</v>
          </cell>
          <cell r="Y1515" t="str">
            <v>建築,意匠,調査,都市,</v>
          </cell>
          <cell r="Z1515" t="str">
            <v/>
          </cell>
          <cell r="AA1515">
            <v>117114</v>
          </cell>
          <cell r="AB1515">
            <v>16467</v>
          </cell>
          <cell r="AC1515" t="str">
            <v/>
          </cell>
          <cell r="AD1515" t="str">
            <v/>
          </cell>
          <cell r="AE1515" t="str">
            <v/>
          </cell>
          <cell r="AF1515" t="str">
            <v/>
          </cell>
          <cell r="AI1515">
            <v>2</v>
          </cell>
          <cell r="AJ1515" t="str">
            <v>建築</v>
          </cell>
        </row>
        <row r="1516">
          <cell r="B1516">
            <v>5596</v>
          </cell>
          <cell r="C1516" t="str">
            <v>写測エンジニアリング(株)</v>
          </cell>
          <cell r="D1516" t="str">
            <v>078-271-1135</v>
          </cell>
          <cell r="E1516" t="str">
            <v>651-0083</v>
          </cell>
          <cell r="F1516" t="str">
            <v>兵庫県神戸市中央区浜辺通4-1-23</v>
          </cell>
          <cell r="G1516" t="str">
            <v>大阪市</v>
          </cell>
          <cell r="H1516" t="str">
            <v>神戸支店</v>
          </cell>
          <cell r="I1516" t="str">
            <v>支店長 光本　昇一</v>
          </cell>
          <cell r="J1516" t="str">
            <v>大阪府大阪市</v>
          </cell>
          <cell r="K1516" t="str">
            <v>078-271-1210</v>
          </cell>
          <cell r="L1516" t="str">
            <v>osakabranch@ss-eng.co.jp</v>
          </cell>
          <cell r="M1516" t="str">
            <v>ｼｬｿｸｴﾝｼﾞﾆｱﾘﾝｸﾞ</v>
          </cell>
          <cell r="N1516" t="str">
            <v>有</v>
          </cell>
          <cell r="O1516">
            <v>65</v>
          </cell>
          <cell r="P1516">
            <v>78</v>
          </cell>
          <cell r="Q1516">
            <v>3120001023704</v>
          </cell>
          <cell r="R1516">
            <v>100000</v>
          </cell>
          <cell r="S1516">
            <v>495377</v>
          </cell>
          <cell r="T1516">
            <v>1330823</v>
          </cell>
          <cell r="V1516" t="str">
            <v>zc453907</v>
          </cell>
          <cell r="W1516" t="str">
            <v>mr212763</v>
          </cell>
          <cell r="Y1516" t="str">
            <v>測量,測量,航空,鋼構,河川,道路,造園,下水,都市,土他,土調,物件,機工,営業,損失,騒音,交通,</v>
          </cell>
          <cell r="Z1516">
            <v>1012300</v>
          </cell>
          <cell r="AA1516" t="str">
            <v/>
          </cell>
          <cell r="AB1516">
            <v>188687</v>
          </cell>
          <cell r="AC1516">
            <v>105379</v>
          </cell>
          <cell r="AD1516" t="str">
            <v/>
          </cell>
          <cell r="AE1516" t="str">
            <v>派遣売上・物販売上</v>
          </cell>
          <cell r="AF1516">
            <v>10236</v>
          </cell>
          <cell r="AI1516">
            <v>1</v>
          </cell>
          <cell r="AJ1516" t="str">
            <v>測量</v>
          </cell>
        </row>
        <row r="1517">
          <cell r="B1517">
            <v>5597</v>
          </cell>
          <cell r="C1517" t="str">
            <v>(株)ジャパックス</v>
          </cell>
          <cell r="D1517" t="str">
            <v>078-862-1463</v>
          </cell>
          <cell r="E1517" t="str">
            <v>658-0015</v>
          </cell>
          <cell r="F1517" t="str">
            <v>兵庫県神戸市東灘区本山南町8-6-26</v>
          </cell>
          <cell r="G1517" t="str">
            <v>神戸市</v>
          </cell>
          <cell r="H1517" t="str">
            <v/>
          </cell>
          <cell r="I1517" t="str">
            <v>代表取締役 大塚　光二</v>
          </cell>
          <cell r="J1517" t="str">
            <v>本店</v>
          </cell>
          <cell r="K1517" t="str">
            <v>078-862-1464</v>
          </cell>
          <cell r="L1517" t="str">
            <v>jp@japax.org</v>
          </cell>
          <cell r="M1517" t="str">
            <v>ｼﾞｬﾊﾟｯｸｽ</v>
          </cell>
          <cell r="N1517" t="str">
            <v>無</v>
          </cell>
          <cell r="O1517">
            <v>38</v>
          </cell>
          <cell r="P1517">
            <v>56</v>
          </cell>
          <cell r="Q1517">
            <v>5140001007050</v>
          </cell>
          <cell r="R1517">
            <v>70000</v>
          </cell>
          <cell r="S1517">
            <v>441012</v>
          </cell>
          <cell r="T1517">
            <v>802007</v>
          </cell>
          <cell r="V1517" t="str">
            <v>uy546656</v>
          </cell>
          <cell r="W1517" t="str">
            <v>ev504821</v>
          </cell>
          <cell r="Y1517" t="str">
            <v>測量,測量,航空,土質,鋼構,河川,道路,施行,地質,造園,上水,下水,都市,環境,地質,水質,大気,騒音,交通,</v>
          </cell>
          <cell r="Z1517">
            <v>133807</v>
          </cell>
          <cell r="AA1517" t="str">
            <v/>
          </cell>
          <cell r="AB1517">
            <v>471078</v>
          </cell>
          <cell r="AC1517" t="str">
            <v/>
          </cell>
          <cell r="AD1517" t="str">
            <v/>
          </cell>
          <cell r="AE1517" t="str">
            <v/>
          </cell>
          <cell r="AF1517" t="str">
            <v/>
          </cell>
          <cell r="AI1517">
            <v>3</v>
          </cell>
          <cell r="AJ1517" t="str">
            <v>土木</v>
          </cell>
        </row>
        <row r="1518">
          <cell r="B1518">
            <v>5599</v>
          </cell>
          <cell r="C1518" t="str">
            <v>(株)修成建設コンサルタント</v>
          </cell>
          <cell r="D1518" t="str">
            <v>078-291-4760</v>
          </cell>
          <cell r="E1518" t="str">
            <v>651-0085</v>
          </cell>
          <cell r="F1518" t="str">
            <v>兵庫県神戸市中央区八幡通4-1-15</v>
          </cell>
          <cell r="G1518" t="str">
            <v>大阪市</v>
          </cell>
          <cell r="H1518" t="str">
            <v>兵庫事務所</v>
          </cell>
          <cell r="I1518" t="str">
            <v>所長 仲　昭人</v>
          </cell>
          <cell r="J1518" t="str">
            <v>大阪府大阪市</v>
          </cell>
          <cell r="K1518" t="str">
            <v>078-291-4770</v>
          </cell>
          <cell r="L1518" t="str">
            <v>scchyogo@shusei.co.jp</v>
          </cell>
          <cell r="M1518" t="str">
            <v>ｼｭｳｾｲｹﾝｾﾂｺﾝｻﾙﾀﾝﾄ</v>
          </cell>
          <cell r="N1518" t="str">
            <v>有</v>
          </cell>
          <cell r="O1518">
            <v>56</v>
          </cell>
          <cell r="P1518">
            <v>116</v>
          </cell>
          <cell r="Q1518">
            <v>5120001035219</v>
          </cell>
          <cell r="R1518">
            <v>70000</v>
          </cell>
          <cell r="S1518">
            <v>922838</v>
          </cell>
          <cell r="T1518">
            <v>1855177</v>
          </cell>
          <cell r="V1518" t="str">
            <v>zm683746</v>
          </cell>
          <cell r="W1518" t="str">
            <v>tx240493</v>
          </cell>
          <cell r="Y1518" t="str">
            <v>測量,建築,土質,鋼構,河川,道路,施行,造園,都市,スポ,環境,土他,地質,水質,大気,騒音,交通,商業,調他</v>
          </cell>
          <cell r="Z1518">
            <v>35852</v>
          </cell>
          <cell r="AA1518" t="str">
            <v/>
          </cell>
          <cell r="AB1518">
            <v>1734000</v>
          </cell>
          <cell r="AC1518" t="str">
            <v/>
          </cell>
          <cell r="AD1518" t="str">
            <v/>
          </cell>
          <cell r="AE1518" t="str">
            <v/>
          </cell>
          <cell r="AF1518" t="str">
            <v/>
          </cell>
          <cell r="AI1518">
            <v>3</v>
          </cell>
          <cell r="AJ1518" t="str">
            <v>土木</v>
          </cell>
        </row>
        <row r="1519">
          <cell r="B1519">
            <v>5601</v>
          </cell>
          <cell r="C1519" t="str">
            <v>(株)上智</v>
          </cell>
          <cell r="D1519" t="str">
            <v>0799-43-2266</v>
          </cell>
          <cell r="E1519" t="str">
            <v>656-0478</v>
          </cell>
          <cell r="F1519" t="str">
            <v>兵庫県南あわじ市市福永450-8</v>
          </cell>
          <cell r="G1519" t="str">
            <v>砺波市</v>
          </cell>
          <cell r="H1519" t="str">
            <v>あわじ支店</v>
          </cell>
          <cell r="I1519" t="str">
            <v>支店長 眞野　雅文</v>
          </cell>
          <cell r="J1519" t="str">
            <v>富山県砺波市</v>
          </cell>
          <cell r="K1519" t="str">
            <v>0799-43-2267</v>
          </cell>
          <cell r="L1519" t="str">
            <v>nyuusatsu-hyogo@johchi.co.jp</v>
          </cell>
          <cell r="M1519" t="str">
            <v>ｼﾞｮｳﾁ</v>
          </cell>
          <cell r="N1519" t="str">
            <v>有</v>
          </cell>
          <cell r="O1519">
            <v>58</v>
          </cell>
          <cell r="P1519">
            <v>129</v>
          </cell>
          <cell r="Q1519">
            <v>6230001008261</v>
          </cell>
          <cell r="R1519">
            <v>84000</v>
          </cell>
          <cell r="S1519">
            <v>1089966</v>
          </cell>
          <cell r="T1519">
            <v>1351547</v>
          </cell>
          <cell r="V1519" t="str">
            <v>hs823590</v>
          </cell>
          <cell r="W1519" t="str">
            <v>hk149561</v>
          </cell>
          <cell r="Y1519" t="str">
            <v>測量,測量,航空,土質,河川,道路,下水,都市,土調,土評,物件,機工,営業,損失,補償,</v>
          </cell>
          <cell r="Z1519">
            <v>780354</v>
          </cell>
          <cell r="AA1519" t="str">
            <v/>
          </cell>
          <cell r="AB1519">
            <v>286427</v>
          </cell>
          <cell r="AC1519">
            <v>111758</v>
          </cell>
          <cell r="AD1519" t="str">
            <v/>
          </cell>
          <cell r="AE1519" t="str">
            <v>システム関係他</v>
          </cell>
          <cell r="AF1519">
            <v>176173</v>
          </cell>
          <cell r="AI1519">
            <v>1</v>
          </cell>
          <cell r="AJ1519" t="str">
            <v>測量</v>
          </cell>
        </row>
        <row r="1520">
          <cell r="B1520">
            <v>5602</v>
          </cell>
          <cell r="C1520" t="str">
            <v>昭和(株)</v>
          </cell>
          <cell r="D1520" t="str">
            <v>078-231-3181</v>
          </cell>
          <cell r="E1520" t="str">
            <v>651-0083</v>
          </cell>
          <cell r="F1520" t="str">
            <v>兵庫県神戸市中央区浜辺通4-1-23</v>
          </cell>
          <cell r="H1520" t="str">
            <v>神戸営業所</v>
          </cell>
          <cell r="I1520" t="str">
            <v>所長 熊木　敏之</v>
          </cell>
          <cell r="J1520" t="str">
            <v>東京都</v>
          </cell>
          <cell r="K1520" t="str">
            <v>078-231-6300</v>
          </cell>
          <cell r="L1520" t="str">
            <v>ka_shimei@sho-wa.co.jp</v>
          </cell>
          <cell r="M1520" t="str">
            <v>ｼｮｳﾜ</v>
          </cell>
          <cell r="N1520" t="str">
            <v>有</v>
          </cell>
          <cell r="O1520">
            <v>95</v>
          </cell>
          <cell r="P1520">
            <v>437</v>
          </cell>
          <cell r="Q1520">
            <v>6011501002200</v>
          </cell>
          <cell r="R1520">
            <v>100000</v>
          </cell>
          <cell r="S1520">
            <v>680171</v>
          </cell>
          <cell r="T1520">
            <v>6471779</v>
          </cell>
          <cell r="V1520" t="str">
            <v>fz870418</v>
          </cell>
          <cell r="W1520" t="str">
            <v>yc931506</v>
          </cell>
          <cell r="Y1520" t="str">
            <v>測量,測量,土質,道路,造園,下水,都市,土調,物件,機工,営業,損失,補償,交通,商業,</v>
          </cell>
          <cell r="Z1520">
            <v>1656042</v>
          </cell>
          <cell r="AA1520">
            <v>11463</v>
          </cell>
          <cell r="AB1520">
            <v>4491670</v>
          </cell>
          <cell r="AC1520">
            <v>312604</v>
          </cell>
          <cell r="AD1520" t="str">
            <v/>
          </cell>
          <cell r="AE1520" t="str">
            <v/>
          </cell>
          <cell r="AF1520" t="str">
            <v/>
          </cell>
          <cell r="AI1520">
            <v>3</v>
          </cell>
          <cell r="AJ1520" t="str">
            <v>土木</v>
          </cell>
        </row>
        <row r="1521">
          <cell r="B1521">
            <v>5603</v>
          </cell>
          <cell r="C1521" t="str">
            <v>(株)昭和設計</v>
          </cell>
          <cell r="D1521" t="str">
            <v>050-6868-2873</v>
          </cell>
          <cell r="E1521" t="str">
            <v>651-0084</v>
          </cell>
          <cell r="F1521" t="str">
            <v>兵庫県神戸市中央区磯辺通1-1-20</v>
          </cell>
          <cell r="G1521" t="str">
            <v>神戸市</v>
          </cell>
          <cell r="H1521" t="str">
            <v>神戸事務所</v>
          </cell>
          <cell r="I1521" t="str">
            <v>取締役所長 小畑　博之</v>
          </cell>
          <cell r="J1521" t="str">
            <v>大阪府大阪市</v>
          </cell>
          <cell r="K1521" t="str">
            <v>050-3588-2197</v>
          </cell>
          <cell r="L1521" t="str">
            <v>eigyo@showa-sekkei.co.jp</v>
          </cell>
          <cell r="M1521" t="str">
            <v>ｼｮｳﾜｾｯｹｲ</v>
          </cell>
          <cell r="N1521" t="str">
            <v>有</v>
          </cell>
          <cell r="O1521">
            <v>61</v>
          </cell>
          <cell r="P1521">
            <v>207</v>
          </cell>
          <cell r="Q1521">
            <v>8120001029102</v>
          </cell>
          <cell r="R1521">
            <v>60000</v>
          </cell>
          <cell r="S1521">
            <v>799209</v>
          </cell>
          <cell r="T1521">
            <v>2727412</v>
          </cell>
          <cell r="V1521" t="str">
            <v>az457152</v>
          </cell>
          <cell r="W1521" t="str">
            <v>uv827515</v>
          </cell>
          <cell r="Y1521" t="str">
            <v>測量,建築,意匠,構造,冷暖,衛生,電気,建積,機積,電積,調査,土質,上水,下水,都市,</v>
          </cell>
          <cell r="Z1521" t="str">
            <v/>
          </cell>
          <cell r="AA1521">
            <v>1929055</v>
          </cell>
          <cell r="AB1521">
            <v>798357</v>
          </cell>
          <cell r="AC1521" t="str">
            <v/>
          </cell>
          <cell r="AD1521" t="str">
            <v/>
          </cell>
          <cell r="AE1521" t="str">
            <v/>
          </cell>
          <cell r="AF1521" t="str">
            <v/>
          </cell>
          <cell r="AI1521">
            <v>2</v>
          </cell>
          <cell r="AJ1521" t="str">
            <v>建築</v>
          </cell>
        </row>
        <row r="1522">
          <cell r="B1522">
            <v>5604</v>
          </cell>
          <cell r="C1522" t="str">
            <v>勝和測量設計(株)</v>
          </cell>
          <cell r="D1522" t="str">
            <v>06-6418-4515</v>
          </cell>
          <cell r="E1522" t="str">
            <v>660-0077</v>
          </cell>
          <cell r="F1522" t="str">
            <v>兵庫県尼崎市大庄西町1-17-10</v>
          </cell>
          <cell r="G1522" t="str">
            <v>尼崎市</v>
          </cell>
          <cell r="H1522" t="str">
            <v/>
          </cell>
          <cell r="I1522" t="str">
            <v>代表取締役 山口　達也</v>
          </cell>
          <cell r="J1522" t="str">
            <v>本店</v>
          </cell>
          <cell r="K1522" t="str">
            <v>06-6418-7620</v>
          </cell>
          <cell r="L1522" t="str">
            <v>info@showasokuryou.co.jp</v>
          </cell>
          <cell r="M1522" t="str">
            <v>ｼｮｳﾜｿｸﾘｮｳｾｯｹｲ</v>
          </cell>
          <cell r="N1522" t="str">
            <v>無</v>
          </cell>
          <cell r="O1522">
            <v>35</v>
          </cell>
          <cell r="P1522">
            <v>7</v>
          </cell>
          <cell r="Q1522">
            <v>4140001049309</v>
          </cell>
          <cell r="R1522">
            <v>10000</v>
          </cell>
          <cell r="S1522">
            <v>33646</v>
          </cell>
          <cell r="T1522">
            <v>55592</v>
          </cell>
          <cell r="V1522" t="str">
            <v>gj670288</v>
          </cell>
          <cell r="W1522" t="str">
            <v>dn870082</v>
          </cell>
          <cell r="Y1522" t="str">
            <v>測量,</v>
          </cell>
          <cell r="Z1522">
            <v>55592</v>
          </cell>
          <cell r="AA1522" t="str">
            <v/>
          </cell>
          <cell r="AB1522" t="str">
            <v/>
          </cell>
          <cell r="AC1522" t="str">
            <v/>
          </cell>
          <cell r="AD1522" t="str">
            <v/>
          </cell>
          <cell r="AE1522" t="str">
            <v/>
          </cell>
          <cell r="AF1522" t="str">
            <v/>
          </cell>
          <cell r="AI1522">
            <v>1</v>
          </cell>
          <cell r="AJ1522" t="str">
            <v>測量</v>
          </cell>
        </row>
        <row r="1523">
          <cell r="B1523">
            <v>5606</v>
          </cell>
          <cell r="C1523" t="str">
            <v>(株)新大阪エンジニアリング</v>
          </cell>
          <cell r="D1523" t="str">
            <v>078-855-6540</v>
          </cell>
          <cell r="E1523" t="str">
            <v>657-0831</v>
          </cell>
          <cell r="F1523" t="str">
            <v>兵庫県神戸市灘区水道筋5-1-15-701</v>
          </cell>
          <cell r="G1523" t="str">
            <v>大阪市</v>
          </cell>
          <cell r="H1523" t="str">
            <v>神戸事務所</v>
          </cell>
          <cell r="I1523" t="str">
            <v>取締役所長 越智　啓二</v>
          </cell>
          <cell r="J1523" t="str">
            <v>大阪府大阪市</v>
          </cell>
          <cell r="K1523" t="str">
            <v>078-855-6541</v>
          </cell>
          <cell r="L1523" t="str">
            <v>eigyo@shin-osaka-eng.co.jp</v>
          </cell>
          <cell r="M1523" t="str">
            <v>ｼﾝｵｵｻｶｴﾝｼﾞﾆｱﾘﾝｸﾞ</v>
          </cell>
          <cell r="N1523" t="str">
            <v>有</v>
          </cell>
          <cell r="O1523">
            <v>41</v>
          </cell>
          <cell r="P1523">
            <v>21</v>
          </cell>
          <cell r="Q1523">
            <v>8120001056055</v>
          </cell>
          <cell r="R1523">
            <v>30000</v>
          </cell>
          <cell r="S1523">
            <v>99259</v>
          </cell>
          <cell r="T1523">
            <v>217794</v>
          </cell>
          <cell r="V1523" t="str">
            <v>gs116536</v>
          </cell>
          <cell r="W1523" t="str">
            <v>qw270570</v>
          </cell>
          <cell r="Y1523" t="str">
            <v>測量,建築,構造,電気,建積,上水,地質,</v>
          </cell>
          <cell r="Z1523">
            <v>26097</v>
          </cell>
          <cell r="AA1523">
            <v>4350</v>
          </cell>
          <cell r="AB1523">
            <v>173987</v>
          </cell>
          <cell r="AC1523">
            <v>13048</v>
          </cell>
          <cell r="AD1523" t="str">
            <v/>
          </cell>
          <cell r="AE1523" t="str">
            <v/>
          </cell>
          <cell r="AF1523" t="str">
            <v/>
          </cell>
          <cell r="AI1523">
            <v>3</v>
          </cell>
          <cell r="AJ1523" t="str">
            <v>土木</v>
          </cell>
        </row>
        <row r="1524">
          <cell r="B1524">
            <v>5607</v>
          </cell>
          <cell r="C1524" t="str">
            <v>(株)新大阪設計事務所</v>
          </cell>
          <cell r="D1524" t="str">
            <v>06-6698-1071</v>
          </cell>
          <cell r="E1524" t="str">
            <v>558-0004</v>
          </cell>
          <cell r="F1524" t="str">
            <v>大阪府大阪市住吉区長居東4-2-6</v>
          </cell>
          <cell r="G1524" t="str">
            <v>大阪市</v>
          </cell>
          <cell r="H1524" t="str">
            <v/>
          </cell>
          <cell r="I1524" t="str">
            <v>代表取締役会長 浅田　昌孝</v>
          </cell>
          <cell r="J1524" t="str">
            <v>本店</v>
          </cell>
          <cell r="K1524" t="str">
            <v>06-6698-1073</v>
          </cell>
          <cell r="L1524" t="str">
            <v>ssae@estate.ocn.ne.jp</v>
          </cell>
          <cell r="M1524" t="str">
            <v>ｼﾝｵｵｻｶｾｯｹｲｼﾞﾑｼｮ</v>
          </cell>
          <cell r="N1524" t="str">
            <v>無</v>
          </cell>
          <cell r="O1524">
            <v>48</v>
          </cell>
          <cell r="P1524">
            <v>17</v>
          </cell>
          <cell r="Q1524">
            <v>2120001032846</v>
          </cell>
          <cell r="R1524">
            <v>10000</v>
          </cell>
          <cell r="S1524">
            <v>113965</v>
          </cell>
          <cell r="T1524">
            <v>160511</v>
          </cell>
          <cell r="V1524" t="str">
            <v>bw551694</v>
          </cell>
          <cell r="W1524" t="str">
            <v>an275397</v>
          </cell>
          <cell r="Y1524" t="str">
            <v>測量,測量,建築,意匠,構造,冷暖,衛生,電気,建積,機積,電積,調査,</v>
          </cell>
          <cell r="Z1524">
            <v>5215</v>
          </cell>
          <cell r="AA1524">
            <v>165748</v>
          </cell>
          <cell r="AB1524" t="str">
            <v/>
          </cell>
          <cell r="AC1524" t="str">
            <v/>
          </cell>
          <cell r="AD1524" t="str">
            <v/>
          </cell>
          <cell r="AE1524" t="str">
            <v/>
          </cell>
          <cell r="AF1524" t="str">
            <v/>
          </cell>
          <cell r="AI1524">
            <v>2</v>
          </cell>
          <cell r="AJ1524" t="str">
            <v>建築</v>
          </cell>
        </row>
        <row r="1525">
          <cell r="B1525">
            <v>5608</v>
          </cell>
          <cell r="C1525" t="str">
            <v>新建築設計事業(協)</v>
          </cell>
          <cell r="D1525" t="str">
            <v>06-6947-0570</v>
          </cell>
          <cell r="E1525" t="str">
            <v>540-0037</v>
          </cell>
          <cell r="F1525" t="str">
            <v>大阪府大阪市中央区内平野町1ｰ1-6-805</v>
          </cell>
          <cell r="G1525" t="str">
            <v>大阪市</v>
          </cell>
          <cell r="H1525" t="str">
            <v/>
          </cell>
          <cell r="I1525" t="str">
            <v>理事長 出崎　裕三</v>
          </cell>
          <cell r="J1525" t="str">
            <v>本店</v>
          </cell>
          <cell r="K1525" t="str">
            <v>06-6940-4685</v>
          </cell>
          <cell r="L1525" t="str">
            <v>dezaki@maple.ocn.ne.jp</v>
          </cell>
          <cell r="M1525" t="str">
            <v>ｼﾝｹﾝﾁｸｾｯｹｲｼﾞｷﾞｮｳｷｮｳﾄﾞｳｸﾐｱｲ</v>
          </cell>
          <cell r="N1525" t="str">
            <v>無</v>
          </cell>
          <cell r="O1525">
            <v>18</v>
          </cell>
          <cell r="P1525">
            <v>48</v>
          </cell>
          <cell r="Q1525">
            <v>6120005007758</v>
          </cell>
          <cell r="R1525">
            <v>2000</v>
          </cell>
          <cell r="S1525">
            <v>3197</v>
          </cell>
          <cell r="T1525">
            <v>118120</v>
          </cell>
          <cell r="V1525" t="str">
            <v>qm576413</v>
          </cell>
          <cell r="W1525" t="str">
            <v>qm783866</v>
          </cell>
          <cell r="Y1525" t="str">
            <v>建築,意匠,構造,冷暖,衛生,電気,建積,調査,</v>
          </cell>
          <cell r="Z1525" t="str">
            <v/>
          </cell>
          <cell r="AA1525">
            <v>118120</v>
          </cell>
          <cell r="AB1525" t="str">
            <v/>
          </cell>
          <cell r="AC1525" t="str">
            <v/>
          </cell>
          <cell r="AD1525" t="str">
            <v/>
          </cell>
          <cell r="AE1525" t="str">
            <v/>
          </cell>
          <cell r="AF1525" t="str">
            <v/>
          </cell>
          <cell r="AI1525">
            <v>2</v>
          </cell>
          <cell r="AJ1525" t="str">
            <v>建築</v>
          </cell>
        </row>
        <row r="1526">
          <cell r="B1526">
            <v>5610</v>
          </cell>
          <cell r="C1526" t="str">
            <v>(株)新洲</v>
          </cell>
          <cell r="D1526" t="str">
            <v>079-447-9590</v>
          </cell>
          <cell r="E1526" t="str">
            <v>676-0082</v>
          </cell>
          <cell r="F1526" t="str">
            <v>兵庫県高砂市曽根町2834-5</v>
          </cell>
          <cell r="G1526" t="str">
            <v>栗東市</v>
          </cell>
          <cell r="H1526" t="str">
            <v>兵庫営業所</v>
          </cell>
          <cell r="I1526" t="str">
            <v>所長 和泉　達也</v>
          </cell>
          <cell r="J1526" t="str">
            <v>滋賀県栗東市</v>
          </cell>
          <cell r="K1526" t="str">
            <v>079-447-9590</v>
          </cell>
          <cell r="L1526" t="str">
            <v>eigyou@shinshucl.co.jp</v>
          </cell>
          <cell r="M1526" t="str">
            <v>ｼﾝｼｭｳ</v>
          </cell>
          <cell r="N1526" t="str">
            <v>有</v>
          </cell>
          <cell r="O1526">
            <v>52</v>
          </cell>
          <cell r="P1526">
            <v>49</v>
          </cell>
          <cell r="Q1526">
            <v>5160001013419</v>
          </cell>
          <cell r="R1526">
            <v>50000</v>
          </cell>
          <cell r="S1526">
            <v>130634</v>
          </cell>
          <cell r="T1526">
            <v>557863</v>
          </cell>
          <cell r="V1526" t="str">
            <v>pe707293</v>
          </cell>
          <cell r="W1526" t="str">
            <v>sf226200</v>
          </cell>
          <cell r="Y1526" t="str">
            <v>測量,測量,航空,建築,土質,鋼構,河川,道路,施行,上水,下水,都市,環境,土調,物件,営業,地質,水質,大気,騒音,交通,商業,調他</v>
          </cell>
          <cell r="Z1526">
            <v>71604</v>
          </cell>
          <cell r="AA1526">
            <v>6885</v>
          </cell>
          <cell r="AB1526">
            <v>476931</v>
          </cell>
          <cell r="AC1526">
            <v>4390</v>
          </cell>
          <cell r="AD1526">
            <v>9060</v>
          </cell>
          <cell r="AE1526" t="str">
            <v/>
          </cell>
          <cell r="AF1526" t="str">
            <v/>
          </cell>
          <cell r="AI1526">
            <v>3</v>
          </cell>
          <cell r="AJ1526" t="str">
            <v>土木</v>
          </cell>
        </row>
        <row r="1527">
          <cell r="B1527">
            <v>5613</v>
          </cell>
          <cell r="C1527" t="str">
            <v>(株)新都市二十一</v>
          </cell>
          <cell r="D1527" t="str">
            <v>0742-33-1577</v>
          </cell>
          <cell r="E1527" t="str">
            <v>630-8012</v>
          </cell>
          <cell r="F1527" t="str">
            <v>奈良県奈良市二条大路南1-2-7</v>
          </cell>
          <cell r="G1527" t="str">
            <v>奈良市</v>
          </cell>
          <cell r="H1527" t="str">
            <v/>
          </cell>
          <cell r="I1527" t="str">
            <v>代表取締役 榮長　文之助</v>
          </cell>
          <cell r="J1527" t="str">
            <v>本店</v>
          </cell>
          <cell r="K1527" t="str">
            <v>0742-35-6791</v>
          </cell>
          <cell r="L1527" t="str">
            <v>acnt@shintoshi21.com</v>
          </cell>
          <cell r="M1527" t="str">
            <v>ｼﾝﾄｼﾆｼﾞｭｳｲﾁ</v>
          </cell>
          <cell r="N1527" t="str">
            <v>無</v>
          </cell>
          <cell r="O1527">
            <v>42</v>
          </cell>
          <cell r="P1527">
            <v>11</v>
          </cell>
          <cell r="Q1527">
            <v>2150001001022</v>
          </cell>
          <cell r="R1527">
            <v>10000</v>
          </cell>
          <cell r="S1527">
            <v>11161</v>
          </cell>
          <cell r="T1527">
            <v>78631</v>
          </cell>
          <cell r="V1527" t="str">
            <v>hk896209</v>
          </cell>
          <cell r="W1527" t="str">
            <v>pq375678</v>
          </cell>
          <cell r="Y1527" t="str">
            <v>測量,都市,</v>
          </cell>
          <cell r="Z1527">
            <v>28391</v>
          </cell>
          <cell r="AA1527" t="str">
            <v/>
          </cell>
          <cell r="AB1527">
            <v>60411</v>
          </cell>
          <cell r="AC1527" t="str">
            <v/>
          </cell>
          <cell r="AD1527" t="str">
            <v/>
          </cell>
          <cell r="AE1527" t="str">
            <v/>
          </cell>
          <cell r="AF1527" t="str">
            <v/>
          </cell>
          <cell r="AI1527">
            <v>3</v>
          </cell>
          <cell r="AJ1527" t="str">
            <v>土木</v>
          </cell>
        </row>
        <row r="1528">
          <cell r="B1528">
            <v>5614</v>
          </cell>
          <cell r="C1528" t="str">
            <v>(株)新土木開発コンタルタント</v>
          </cell>
          <cell r="D1528" t="str">
            <v>078-392-8445</v>
          </cell>
          <cell r="E1528" t="str">
            <v>650-0032</v>
          </cell>
          <cell r="F1528" t="str">
            <v>兵庫県神戸市中央区伊藤町119</v>
          </cell>
          <cell r="G1528" t="str">
            <v>神戸市</v>
          </cell>
          <cell r="H1528" t="str">
            <v/>
          </cell>
          <cell r="I1528" t="str">
            <v>代表取締役 吉光　茂規</v>
          </cell>
          <cell r="J1528" t="str">
            <v>本店</v>
          </cell>
          <cell r="K1528" t="str">
            <v>078-392-8443</v>
          </cell>
          <cell r="L1528" t="str">
            <v>soumu@shindoboku.co.jp</v>
          </cell>
          <cell r="M1528" t="str">
            <v>ｼﾝﾄﾞﾎﾞｸｶｲﾊﾂｺﾝｻﾙﾀﾝﾄ</v>
          </cell>
          <cell r="N1528" t="str">
            <v>無</v>
          </cell>
          <cell r="O1528">
            <v>34</v>
          </cell>
          <cell r="P1528">
            <v>44</v>
          </cell>
          <cell r="Q1528">
            <v>5140001008354</v>
          </cell>
          <cell r="R1528">
            <v>1000</v>
          </cell>
          <cell r="S1528">
            <v>49703</v>
          </cell>
          <cell r="T1528">
            <v>631045</v>
          </cell>
          <cell r="V1528" t="str">
            <v>ep244731</v>
          </cell>
          <cell r="W1528" t="str">
            <v>sv186450</v>
          </cell>
          <cell r="Y1528" t="str">
            <v>測量,測量,航空,土質,鋼構,河川,道路,施行,下水,土調,</v>
          </cell>
          <cell r="Z1528">
            <v>31343</v>
          </cell>
          <cell r="AA1528" t="str">
            <v/>
          </cell>
          <cell r="AB1528">
            <v>504356</v>
          </cell>
          <cell r="AC1528">
            <v>5816</v>
          </cell>
          <cell r="AD1528" t="str">
            <v/>
          </cell>
          <cell r="AE1528" t="str">
            <v/>
          </cell>
          <cell r="AF1528" t="str">
            <v/>
          </cell>
          <cell r="AI1528">
            <v>3</v>
          </cell>
          <cell r="AJ1528" t="str">
            <v>土木</v>
          </cell>
        </row>
        <row r="1529">
          <cell r="B1529">
            <v>5616</v>
          </cell>
          <cell r="C1529" t="str">
            <v>(株)ＴＭＣ</v>
          </cell>
          <cell r="D1529" t="str">
            <v>078-936-1113</v>
          </cell>
          <cell r="E1529" t="str">
            <v>674-0053</v>
          </cell>
          <cell r="F1529" t="str">
            <v>兵庫県明石市大久保町松陰1127-32</v>
          </cell>
          <cell r="G1529" t="str">
            <v>明石市</v>
          </cell>
          <cell r="H1529" t="str">
            <v/>
          </cell>
          <cell r="I1529" t="str">
            <v>代表取締役 松村　大三</v>
          </cell>
          <cell r="J1529" t="str">
            <v>本店</v>
          </cell>
          <cell r="K1529" t="str">
            <v>078-935-8477</v>
          </cell>
          <cell r="L1529" t="str">
            <v>197106@kk-tmc.com</v>
          </cell>
          <cell r="M1529" t="str">
            <v>ﾃｨｴﾑｼｰ</v>
          </cell>
          <cell r="N1529" t="str">
            <v>無</v>
          </cell>
          <cell r="O1529">
            <v>32</v>
          </cell>
          <cell r="P1529">
            <v>46</v>
          </cell>
          <cell r="Q1529">
            <v>6140001034416</v>
          </cell>
          <cell r="R1529">
            <v>30000</v>
          </cell>
          <cell r="S1529">
            <v>265508</v>
          </cell>
          <cell r="T1529">
            <v>790741</v>
          </cell>
          <cell r="V1529" t="str">
            <v>um886696</v>
          </cell>
          <cell r="W1529" t="str">
            <v>dg238855</v>
          </cell>
          <cell r="Y1529" t="str">
            <v>下水,</v>
          </cell>
          <cell r="Z1529" t="str">
            <v/>
          </cell>
          <cell r="AA1529" t="str">
            <v/>
          </cell>
          <cell r="AB1529">
            <v>14724</v>
          </cell>
          <cell r="AC1529" t="str">
            <v/>
          </cell>
          <cell r="AD1529" t="str">
            <v/>
          </cell>
          <cell r="AE1529" t="str">
            <v/>
          </cell>
          <cell r="AF1529" t="str">
            <v/>
          </cell>
          <cell r="AI1529">
            <v>3</v>
          </cell>
          <cell r="AJ1529" t="str">
            <v>土木</v>
          </cell>
        </row>
        <row r="1530">
          <cell r="B1530">
            <v>5617</v>
          </cell>
          <cell r="C1530" t="str">
            <v>(株)新日本設備計画</v>
          </cell>
          <cell r="D1530" t="str">
            <v>06-6233-8801</v>
          </cell>
          <cell r="E1530" t="str">
            <v>541-0051</v>
          </cell>
          <cell r="F1530" t="str">
            <v>大阪府大阪市中央区備後町3-1-6</v>
          </cell>
          <cell r="G1530" t="str">
            <v>大阪市</v>
          </cell>
          <cell r="H1530" t="str">
            <v/>
          </cell>
          <cell r="I1530" t="str">
            <v>代表取締役 加地　正和</v>
          </cell>
          <cell r="J1530" t="str">
            <v>本店</v>
          </cell>
          <cell r="K1530" t="str">
            <v>06-6233-8857</v>
          </cell>
          <cell r="L1530" t="str">
            <v>somu@sceo.co.jp</v>
          </cell>
          <cell r="M1530" t="str">
            <v>ｼﾝﾆﾎﾝｾﾂﾋﾞｹｲｶｸ</v>
          </cell>
          <cell r="N1530" t="str">
            <v>無</v>
          </cell>
          <cell r="O1530">
            <v>46</v>
          </cell>
          <cell r="P1530">
            <v>62</v>
          </cell>
          <cell r="Q1530">
            <v>4120001065794</v>
          </cell>
          <cell r="R1530">
            <v>79425</v>
          </cell>
          <cell r="S1530">
            <v>442654</v>
          </cell>
          <cell r="T1530">
            <v>664178</v>
          </cell>
          <cell r="V1530" t="str">
            <v>jm796669</v>
          </cell>
          <cell r="W1530" t="str">
            <v>cs722905</v>
          </cell>
          <cell r="Y1530" t="str">
            <v>冷暖,衛生,電気,機積,電積,調査,</v>
          </cell>
          <cell r="Z1530" t="str">
            <v/>
          </cell>
          <cell r="AA1530">
            <v>683909</v>
          </cell>
          <cell r="AB1530" t="str">
            <v/>
          </cell>
          <cell r="AC1530" t="str">
            <v/>
          </cell>
          <cell r="AD1530" t="str">
            <v/>
          </cell>
          <cell r="AE1530" t="str">
            <v/>
          </cell>
          <cell r="AF1530" t="str">
            <v/>
          </cell>
          <cell r="AI1530">
            <v>2</v>
          </cell>
          <cell r="AJ1530" t="str">
            <v>建築</v>
          </cell>
        </row>
        <row r="1531">
          <cell r="B1531">
            <v>5622</v>
          </cell>
          <cell r="C1531" t="str">
            <v>進和測量設計(株)</v>
          </cell>
          <cell r="D1531" t="str">
            <v>072-770-3346</v>
          </cell>
          <cell r="E1531" t="str">
            <v>664-0875</v>
          </cell>
          <cell r="F1531" t="str">
            <v>兵庫県伊丹市野間北3-12-27</v>
          </cell>
          <cell r="G1531" t="str">
            <v>伊丹市</v>
          </cell>
          <cell r="H1531" t="str">
            <v/>
          </cell>
          <cell r="I1531" t="str">
            <v>代表取締役 高橋　潔</v>
          </cell>
          <cell r="J1531" t="str">
            <v>本店</v>
          </cell>
          <cell r="K1531" t="str">
            <v>072-770-3348</v>
          </cell>
          <cell r="L1531" t="str">
            <v>m_nakaoka@shinwa-soku.co.jp</v>
          </cell>
          <cell r="M1531" t="str">
            <v>ｼﾝﾜｿｸﾘｮｳｾｯｹｲ</v>
          </cell>
          <cell r="N1531" t="str">
            <v>無</v>
          </cell>
          <cell r="O1531">
            <v>31</v>
          </cell>
          <cell r="P1531">
            <v>7</v>
          </cell>
          <cell r="Q1531">
            <v>5140001079404</v>
          </cell>
          <cell r="R1531">
            <v>40500</v>
          </cell>
          <cell r="S1531">
            <v>-14601</v>
          </cell>
          <cell r="T1531">
            <v>74703</v>
          </cell>
          <cell r="V1531" t="str">
            <v>bv675434</v>
          </cell>
          <cell r="W1531" t="str">
            <v>is465691</v>
          </cell>
          <cell r="Y1531" t="str">
            <v>測量,測量,</v>
          </cell>
          <cell r="Z1531">
            <v>74703</v>
          </cell>
          <cell r="AA1531" t="str">
            <v/>
          </cell>
          <cell r="AB1531" t="str">
            <v/>
          </cell>
          <cell r="AC1531" t="str">
            <v/>
          </cell>
          <cell r="AD1531" t="str">
            <v/>
          </cell>
          <cell r="AE1531" t="str">
            <v/>
          </cell>
          <cell r="AF1531" t="str">
            <v/>
          </cell>
          <cell r="AI1531">
            <v>1</v>
          </cell>
          <cell r="AJ1531" t="str">
            <v>測量</v>
          </cell>
        </row>
        <row r="1532">
          <cell r="B1532">
            <v>5624</v>
          </cell>
          <cell r="C1532" t="str">
            <v>伸栄開発(株)</v>
          </cell>
          <cell r="D1532" t="str">
            <v>0798-38-2750</v>
          </cell>
          <cell r="E1532" t="str">
            <v>662-0914</v>
          </cell>
          <cell r="F1532" t="str">
            <v>兵庫県西宮市本町11-28</v>
          </cell>
          <cell r="G1532" t="str">
            <v>たつの市</v>
          </cell>
          <cell r="H1532" t="str">
            <v>阪神支店</v>
          </cell>
          <cell r="I1532" t="str">
            <v>支店長　 中塚　聖光</v>
          </cell>
          <cell r="J1532" t="str">
            <v>兵庫県たつの市</v>
          </cell>
          <cell r="K1532" t="str">
            <v>0798-38-2751</v>
          </cell>
          <cell r="L1532" t="str">
            <v>eigyo@shineikaihatu.co.jp</v>
          </cell>
          <cell r="M1532" t="str">
            <v>ｼﾝｴｲｶｲﾊﾂ</v>
          </cell>
          <cell r="N1532" t="str">
            <v>有</v>
          </cell>
          <cell r="O1532">
            <v>36</v>
          </cell>
          <cell r="P1532">
            <v>85</v>
          </cell>
          <cell r="Q1532">
            <v>3140001038361</v>
          </cell>
          <cell r="R1532">
            <v>30000</v>
          </cell>
          <cell r="S1532">
            <v>1832514</v>
          </cell>
          <cell r="T1532">
            <v>2533279</v>
          </cell>
          <cell r="V1532" t="str">
            <v>xh885147</v>
          </cell>
          <cell r="W1532" t="str">
            <v>ej200209</v>
          </cell>
          <cell r="Y1532" t="str">
            <v>測量,測量,航空,調査,土質,鋼構,河川,道路,地質,上水,下水,土他,土調,物件,機工,営業,損失,補償,地質,調他</v>
          </cell>
          <cell r="Z1532">
            <v>588029</v>
          </cell>
          <cell r="AA1532" t="str">
            <v/>
          </cell>
          <cell r="AB1532">
            <v>1785341</v>
          </cell>
          <cell r="AC1532">
            <v>23974</v>
          </cell>
          <cell r="AD1532" t="str">
            <v/>
          </cell>
          <cell r="AE1532" t="str">
            <v/>
          </cell>
          <cell r="AF1532" t="str">
            <v/>
          </cell>
          <cell r="AI1532">
            <v>3</v>
          </cell>
          <cell r="AJ1532" t="str">
            <v>土木</v>
          </cell>
        </row>
        <row r="1533">
          <cell r="B1533">
            <v>5625</v>
          </cell>
          <cell r="C1533" t="str">
            <v>新大阪地質(株)</v>
          </cell>
          <cell r="D1533" t="str">
            <v>06-6881-1868</v>
          </cell>
          <cell r="E1533" t="str">
            <v>531-0064</v>
          </cell>
          <cell r="F1533" t="str">
            <v>大阪府大阪市北区国分寺1-3-4</v>
          </cell>
          <cell r="G1533" t="str">
            <v>大阪市</v>
          </cell>
          <cell r="H1533" t="str">
            <v/>
          </cell>
          <cell r="I1533" t="str">
            <v>代表取締役 古川　三郎</v>
          </cell>
          <cell r="J1533" t="str">
            <v>本店</v>
          </cell>
          <cell r="K1533" t="str">
            <v>06-6881-1968</v>
          </cell>
          <cell r="L1533" t="str">
            <v>shinosaka@mist.ocn.ne.jp</v>
          </cell>
          <cell r="M1533" t="str">
            <v>ｼﾝｵｵｻｶﾁｼﾂ</v>
          </cell>
          <cell r="N1533" t="str">
            <v>無</v>
          </cell>
          <cell r="O1533">
            <v>36</v>
          </cell>
          <cell r="P1533">
            <v>7</v>
          </cell>
          <cell r="Q1533">
            <v>4120001065679</v>
          </cell>
          <cell r="R1533">
            <v>10000</v>
          </cell>
          <cell r="S1533">
            <v>28075</v>
          </cell>
          <cell r="T1533">
            <v>229481</v>
          </cell>
          <cell r="V1533" t="str">
            <v>wx742871</v>
          </cell>
          <cell r="W1533" t="str">
            <v>jb348810</v>
          </cell>
          <cell r="Y1533" t="str">
            <v>地質,</v>
          </cell>
          <cell r="Z1533" t="str">
            <v/>
          </cell>
          <cell r="AA1533" t="str">
            <v/>
          </cell>
          <cell r="AB1533" t="str">
            <v/>
          </cell>
          <cell r="AC1533" t="str">
            <v/>
          </cell>
          <cell r="AD1533">
            <v>219076</v>
          </cell>
          <cell r="AE1533" t="str">
            <v/>
          </cell>
          <cell r="AF1533" t="str">
            <v/>
          </cell>
          <cell r="AI1533">
            <v>5</v>
          </cell>
          <cell r="AJ1533" t="str">
            <v>調査</v>
          </cell>
        </row>
        <row r="1534">
          <cell r="B1534">
            <v>5629</v>
          </cell>
          <cell r="C1534" t="str">
            <v>シルバーテック測量</v>
          </cell>
          <cell r="D1534" t="str">
            <v>06-7505-1194</v>
          </cell>
          <cell r="E1534" t="str">
            <v>660-0075</v>
          </cell>
          <cell r="F1534" t="str">
            <v>兵庫県尼崎市大庄中通2-64</v>
          </cell>
          <cell r="G1534" t="str">
            <v>尼崎市</v>
          </cell>
          <cell r="H1534" t="str">
            <v/>
          </cell>
          <cell r="I1534" t="str">
            <v>代表者 桑田　安雄</v>
          </cell>
          <cell r="J1534" t="str">
            <v>本店</v>
          </cell>
          <cell r="K1534" t="str">
            <v>06-7505-1364</v>
          </cell>
          <cell r="L1534" t="str">
            <v>info-silver@maia.eonet.ne.jp</v>
          </cell>
          <cell r="M1534" t="str">
            <v>ｼﾙﾊﾞｰﾃｯｸｿｸﾘｮｳ</v>
          </cell>
          <cell r="N1534" t="str">
            <v>無</v>
          </cell>
          <cell r="O1534">
            <v>10</v>
          </cell>
          <cell r="P1534">
            <v>4</v>
          </cell>
          <cell r="R1534">
            <v>0</v>
          </cell>
          <cell r="S1534">
            <v>6133</v>
          </cell>
          <cell r="T1534">
            <v>17847</v>
          </cell>
          <cell r="V1534" t="str">
            <v>pk142043</v>
          </cell>
          <cell r="W1534" t="str">
            <v>nf822707</v>
          </cell>
          <cell r="Y1534" t="str">
            <v>測量,測量,土調,登記,</v>
          </cell>
          <cell r="Z1534">
            <v>19398</v>
          </cell>
          <cell r="AA1534" t="str">
            <v/>
          </cell>
          <cell r="AB1534" t="str">
            <v/>
          </cell>
          <cell r="AC1534" t="str">
            <v/>
          </cell>
          <cell r="AD1534" t="str">
            <v/>
          </cell>
          <cell r="AE1534" t="str">
            <v/>
          </cell>
          <cell r="AF1534" t="str">
            <v/>
          </cell>
          <cell r="AI1534">
            <v>1</v>
          </cell>
          <cell r="AJ1534" t="str">
            <v>測量</v>
          </cell>
        </row>
        <row r="1535">
          <cell r="B1535">
            <v>5630</v>
          </cell>
          <cell r="C1535" t="str">
            <v>(株)信栄補償設計</v>
          </cell>
          <cell r="D1535" t="str">
            <v>06-6947-1130</v>
          </cell>
          <cell r="E1535" t="str">
            <v>540-0026</v>
          </cell>
          <cell r="F1535" t="str">
            <v>大阪府大阪市内本町1-2-14</v>
          </cell>
          <cell r="G1535" t="str">
            <v>大阪市</v>
          </cell>
          <cell r="H1535" t="str">
            <v/>
          </cell>
          <cell r="I1535" t="str">
            <v>代表取締役 田中　英世</v>
          </cell>
          <cell r="J1535" t="str">
            <v>本店</v>
          </cell>
          <cell r="K1535" t="str">
            <v>06-6947-1250</v>
          </cell>
          <cell r="L1535" t="str">
            <v>shinei@marble.ocn.ne.jp</v>
          </cell>
          <cell r="M1535" t="str">
            <v>ｼﾝｴｲﾎｼｮｳｾｯｹｲ</v>
          </cell>
          <cell r="N1535" t="str">
            <v>無</v>
          </cell>
          <cell r="O1535">
            <v>23</v>
          </cell>
          <cell r="P1535">
            <v>15</v>
          </cell>
          <cell r="Q1535">
            <v>7120001081756</v>
          </cell>
          <cell r="R1535">
            <v>20000</v>
          </cell>
          <cell r="S1535">
            <v>64163</v>
          </cell>
          <cell r="T1535">
            <v>155019</v>
          </cell>
          <cell r="V1535" t="str">
            <v>nc490475</v>
          </cell>
          <cell r="W1535" t="str">
            <v>gq256635</v>
          </cell>
          <cell r="Y1535" t="str">
            <v>物件,機工,営業,損失,補償,</v>
          </cell>
          <cell r="Z1535" t="str">
            <v/>
          </cell>
          <cell r="AA1535" t="str">
            <v/>
          </cell>
          <cell r="AB1535" t="str">
            <v/>
          </cell>
          <cell r="AC1535">
            <v>166625</v>
          </cell>
          <cell r="AD1535" t="str">
            <v/>
          </cell>
          <cell r="AE1535" t="str">
            <v/>
          </cell>
          <cell r="AF1535" t="str">
            <v/>
          </cell>
          <cell r="AI1535">
            <v>4</v>
          </cell>
          <cell r="AJ1535" t="str">
            <v>補償</v>
          </cell>
        </row>
        <row r="1536">
          <cell r="B1536">
            <v>5631</v>
          </cell>
          <cell r="C1536" t="str">
            <v>ジオテクニカル(株)</v>
          </cell>
          <cell r="D1536" t="str">
            <v>078-747-3822</v>
          </cell>
          <cell r="E1536" t="str">
            <v>654-0111</v>
          </cell>
          <cell r="F1536" t="str">
            <v>兵庫県神戸市須磨区車字下大道1226-9</v>
          </cell>
          <cell r="G1536" t="str">
            <v>松原市</v>
          </cell>
          <cell r="H1536" t="str">
            <v>神戸営業所</v>
          </cell>
          <cell r="I1536" t="str">
            <v>営業所長 藤原　嘉伸</v>
          </cell>
          <cell r="J1536" t="str">
            <v>大阪府松原市</v>
          </cell>
          <cell r="K1536" t="str">
            <v>078-747-3823</v>
          </cell>
          <cell r="L1536" t="str">
            <v>r-komatsu@geo-t.co.jp</v>
          </cell>
          <cell r="M1536" t="str">
            <v>ｼﾞｵﾃｸﾆｶﾙ</v>
          </cell>
          <cell r="N1536" t="str">
            <v>有</v>
          </cell>
          <cell r="O1536">
            <v>21</v>
          </cell>
          <cell r="P1536">
            <v>14</v>
          </cell>
          <cell r="Q1536">
            <v>6120101027305</v>
          </cell>
          <cell r="R1536">
            <v>10000</v>
          </cell>
          <cell r="S1536">
            <v>106096</v>
          </cell>
          <cell r="T1536">
            <v>138378</v>
          </cell>
          <cell r="V1536" t="str">
            <v>gm269640</v>
          </cell>
          <cell r="W1536" t="str">
            <v>sk735055</v>
          </cell>
          <cell r="Y1536" t="str">
            <v>測量,測量,航空,</v>
          </cell>
          <cell r="Z1536">
            <v>129538</v>
          </cell>
          <cell r="AA1536" t="str">
            <v/>
          </cell>
          <cell r="AB1536" t="str">
            <v/>
          </cell>
          <cell r="AC1536" t="str">
            <v/>
          </cell>
          <cell r="AD1536" t="str">
            <v/>
          </cell>
          <cell r="AE1536" t="str">
            <v>物品、役務</v>
          </cell>
          <cell r="AF1536">
            <v>1862</v>
          </cell>
          <cell r="AI1536">
            <v>1</v>
          </cell>
          <cell r="AJ1536" t="str">
            <v>測量</v>
          </cell>
        </row>
        <row r="1537">
          <cell r="B1537">
            <v>5632</v>
          </cell>
          <cell r="C1537" t="str">
            <v>塩見測量設計(株)</v>
          </cell>
          <cell r="D1537" t="str">
            <v>0773-22-4947</v>
          </cell>
          <cell r="E1537" t="str">
            <v>620-0035</v>
          </cell>
          <cell r="F1537" t="str">
            <v>京都府福知山市字内記65-15</v>
          </cell>
          <cell r="G1537" t="str">
            <v>福知山市</v>
          </cell>
          <cell r="H1537" t="str">
            <v/>
          </cell>
          <cell r="I1537" t="str">
            <v>代表取締役 塩見　幸雄</v>
          </cell>
          <cell r="J1537" t="str">
            <v>本店</v>
          </cell>
          <cell r="K1537" t="str">
            <v>0773-23-9289</v>
          </cell>
          <cell r="L1537" t="str">
            <v>ssss01@lily.ocn.ne.jp</v>
          </cell>
          <cell r="M1537" t="str">
            <v>ｼｵﾐｿｸﾘｮｳｾｯｹｲ</v>
          </cell>
          <cell r="N1537" t="str">
            <v>無</v>
          </cell>
          <cell r="O1537">
            <v>36</v>
          </cell>
          <cell r="P1537">
            <v>31</v>
          </cell>
          <cell r="Q1537">
            <v>6130001041099</v>
          </cell>
          <cell r="R1537">
            <v>20000</v>
          </cell>
          <cell r="S1537">
            <v>34609</v>
          </cell>
          <cell r="T1537">
            <v>259000</v>
          </cell>
          <cell r="V1537" t="str">
            <v>ws897230</v>
          </cell>
          <cell r="W1537" t="str">
            <v>nz507852</v>
          </cell>
          <cell r="Y1537" t="str">
            <v>測量,測量,航空,土質,鋼構,河川,道路,施行,地質,造園,下水,土調,土評,物件,機工,営業,損失,補償,地質,水質,騒音,交通,</v>
          </cell>
          <cell r="Z1537">
            <v>104836</v>
          </cell>
          <cell r="AA1537" t="str">
            <v/>
          </cell>
          <cell r="AB1537">
            <v>135087</v>
          </cell>
          <cell r="AC1537">
            <v>7711.5</v>
          </cell>
          <cell r="AD1537">
            <v>6285</v>
          </cell>
          <cell r="AE1537" t="str">
            <v/>
          </cell>
          <cell r="AF1537" t="str">
            <v/>
          </cell>
          <cell r="AI1537">
            <v>3</v>
          </cell>
          <cell r="AJ1537" t="str">
            <v>土木</v>
          </cell>
        </row>
        <row r="1538">
          <cell r="B1538">
            <v>5633</v>
          </cell>
          <cell r="C1538" t="str">
            <v>(株)ＣＰＣ</v>
          </cell>
          <cell r="D1538" t="str">
            <v>079-221-7126</v>
          </cell>
          <cell r="E1538" t="str">
            <v>670-0805</v>
          </cell>
          <cell r="F1538" t="str">
            <v>兵庫県姫路市西中島54</v>
          </cell>
          <cell r="G1538" t="str">
            <v>大阪市</v>
          </cell>
          <cell r="H1538" t="str">
            <v>兵庫事務所</v>
          </cell>
          <cell r="I1538" t="str">
            <v>所長 上中　雅美</v>
          </cell>
          <cell r="J1538" t="str">
            <v>大阪府大阪市</v>
          </cell>
          <cell r="K1538" t="str">
            <v>079-221-7127</v>
          </cell>
          <cell r="L1538" t="str">
            <v>bdo@cpcinc.co.jp</v>
          </cell>
          <cell r="M1538" t="str">
            <v>ｼｰﾋﾟｰｼｰ</v>
          </cell>
          <cell r="N1538" t="str">
            <v>有</v>
          </cell>
          <cell r="O1538">
            <v>9</v>
          </cell>
          <cell r="P1538">
            <v>79</v>
          </cell>
          <cell r="Q1538">
            <v>3120001135581</v>
          </cell>
          <cell r="R1538">
            <v>16000</v>
          </cell>
          <cell r="S1538">
            <v>267951</v>
          </cell>
          <cell r="T1538">
            <v>1173040</v>
          </cell>
          <cell r="V1538" t="str">
            <v>mj960726</v>
          </cell>
          <cell r="W1538" t="str">
            <v>yj445463</v>
          </cell>
          <cell r="Y1538" t="str">
            <v>測量,土質,鋼構,河川,道路,施行,地質,都市,土他,地質,交通,調他</v>
          </cell>
          <cell r="Z1538">
            <v>12245</v>
          </cell>
          <cell r="AA1538" t="str">
            <v/>
          </cell>
          <cell r="AB1538">
            <v>1028634</v>
          </cell>
          <cell r="AC1538" t="str">
            <v/>
          </cell>
          <cell r="AD1538">
            <v>34202</v>
          </cell>
          <cell r="AE1538" t="str">
            <v/>
          </cell>
          <cell r="AF1538" t="str">
            <v/>
          </cell>
          <cell r="AI1538">
            <v>3</v>
          </cell>
          <cell r="AJ1538" t="str">
            <v>土木</v>
          </cell>
        </row>
        <row r="1539">
          <cell r="B1539">
            <v>5635</v>
          </cell>
          <cell r="C1539" t="str">
            <v>(株)新都計画</v>
          </cell>
          <cell r="D1539" t="str">
            <v>06-6265-4110</v>
          </cell>
          <cell r="E1539" t="str">
            <v>542-0081</v>
          </cell>
          <cell r="F1539" t="str">
            <v>大阪府大阪市中央区南船場1-18-11</v>
          </cell>
          <cell r="G1539" t="str">
            <v>大阪市</v>
          </cell>
          <cell r="H1539" t="str">
            <v/>
          </cell>
          <cell r="I1539" t="str">
            <v>代表取締役　社長 二宮　顕</v>
          </cell>
          <cell r="J1539" t="str">
            <v>本店</v>
          </cell>
          <cell r="K1539" t="str">
            <v>06-6265-4120</v>
          </cell>
          <cell r="L1539" t="str">
            <v>muramoto@shintokeikaku.co.jp</v>
          </cell>
          <cell r="M1539" t="str">
            <v>ｼﾝﾄｹｲｶｸ</v>
          </cell>
          <cell r="N1539" t="str">
            <v>無</v>
          </cell>
          <cell r="O1539">
            <v>43</v>
          </cell>
          <cell r="P1539">
            <v>12</v>
          </cell>
          <cell r="Q1539">
            <v>8120901030596</v>
          </cell>
          <cell r="R1539">
            <v>20000</v>
          </cell>
          <cell r="S1539">
            <v>454243</v>
          </cell>
          <cell r="T1539">
            <v>373349</v>
          </cell>
          <cell r="V1539" t="str">
            <v>zf260739</v>
          </cell>
          <cell r="W1539" t="str">
            <v>ky308149</v>
          </cell>
          <cell r="Y1539" t="str">
            <v>建築,意匠,</v>
          </cell>
          <cell r="Z1539" t="str">
            <v/>
          </cell>
          <cell r="AA1539" t="str">
            <v/>
          </cell>
          <cell r="AB1539" t="str">
            <v/>
          </cell>
          <cell r="AC1539" t="str">
            <v/>
          </cell>
          <cell r="AD1539" t="str">
            <v/>
          </cell>
          <cell r="AE1539" t="str">
            <v/>
          </cell>
          <cell r="AF1539" t="str">
            <v/>
          </cell>
          <cell r="AI1539">
            <v>1</v>
          </cell>
          <cell r="AJ1539" t="str">
            <v>測量</v>
          </cell>
        </row>
        <row r="1540">
          <cell r="B1540">
            <v>5636</v>
          </cell>
          <cell r="C1540" t="str">
            <v>ジオ・サーチ(株)</v>
          </cell>
          <cell r="D1540" t="str">
            <v>03-5710-0200</v>
          </cell>
          <cell r="E1540" t="str">
            <v>651-0083</v>
          </cell>
          <cell r="F1540" t="str">
            <v>東京都大田区西蒲田7-37-10</v>
          </cell>
          <cell r="G1540" t="str">
            <v/>
          </cell>
          <cell r="H1540" t="str">
            <v/>
          </cell>
          <cell r="I1540" t="str">
            <v>代表取締役社長　 冨田　洋</v>
          </cell>
          <cell r="J1540" t="str">
            <v>本店</v>
          </cell>
          <cell r="K1540" t="str">
            <v>03-5710-0211</v>
          </cell>
          <cell r="L1540" t="str">
            <v>gs-w-nyusatsu@geosearch.co.jp</v>
          </cell>
          <cell r="M1540" t="str">
            <v>ｼﾞｵｻ-ﾁ</v>
          </cell>
          <cell r="N1540" t="str">
            <v>無</v>
          </cell>
          <cell r="O1540">
            <v>30</v>
          </cell>
          <cell r="P1540">
            <v>167</v>
          </cell>
          <cell r="Q1540">
            <v>3010801005185</v>
          </cell>
          <cell r="R1540">
            <v>30000</v>
          </cell>
          <cell r="S1540">
            <v>1215370</v>
          </cell>
          <cell r="T1540">
            <v>3172312</v>
          </cell>
          <cell r="V1540" t="str">
            <v>hy723122</v>
          </cell>
          <cell r="W1540" t="str">
            <v>zb309828</v>
          </cell>
          <cell r="Y1540" t="str">
            <v>土質,鋼構,道路,</v>
          </cell>
          <cell r="Z1540" t="str">
            <v/>
          </cell>
          <cell r="AA1540" t="str">
            <v/>
          </cell>
          <cell r="AB1540">
            <v>3170323</v>
          </cell>
          <cell r="AC1540" t="str">
            <v/>
          </cell>
          <cell r="AD1540" t="str">
            <v/>
          </cell>
          <cell r="AE1540" t="str">
            <v/>
          </cell>
          <cell r="AF1540" t="str">
            <v/>
          </cell>
          <cell r="AI1540">
            <v>3</v>
          </cell>
          <cell r="AJ1540" t="str">
            <v>土木</v>
          </cell>
        </row>
        <row r="1541">
          <cell r="B1541">
            <v>5637</v>
          </cell>
          <cell r="C1541" t="str">
            <v>新日本設計(株)</v>
          </cell>
          <cell r="D1541" t="str">
            <v>079-222-8888</v>
          </cell>
          <cell r="E1541" t="str">
            <v>679-2151</v>
          </cell>
          <cell r="F1541" t="str">
            <v>兵庫県姫路市香寺町香呂84-1</v>
          </cell>
          <cell r="G1541" t="str">
            <v>姫路市</v>
          </cell>
          <cell r="H1541" t="str">
            <v/>
          </cell>
          <cell r="I1541" t="str">
            <v>代表取締役 青田　龍三</v>
          </cell>
          <cell r="J1541" t="str">
            <v>本店</v>
          </cell>
          <cell r="K1541" t="str">
            <v>079-222-8889</v>
          </cell>
          <cell r="L1541" t="str">
            <v>sns@pearl.ocn.ne.jp</v>
          </cell>
          <cell r="M1541" t="str">
            <v>ｼﾝﾆｯﾎﾟﾝｾｯｹｲ</v>
          </cell>
          <cell r="N1541" t="str">
            <v>無</v>
          </cell>
          <cell r="O1541">
            <v>33</v>
          </cell>
          <cell r="P1541">
            <v>7</v>
          </cell>
          <cell r="Q1541">
            <v>3140001059341</v>
          </cell>
          <cell r="R1541">
            <v>20000</v>
          </cell>
          <cell r="S1541">
            <v>23344</v>
          </cell>
          <cell r="T1541">
            <v>58683</v>
          </cell>
          <cell r="V1541" t="str">
            <v>mz421164</v>
          </cell>
          <cell r="W1541" t="str">
            <v>jq998969</v>
          </cell>
          <cell r="Y1541" t="str">
            <v>測量,測量,土質,河川,道路,施行,造園,上水,下水,都市,スポ,土他,土調,土評,物件,機工,補償,交通,</v>
          </cell>
          <cell r="Z1541">
            <v>14694</v>
          </cell>
          <cell r="AA1541" t="str">
            <v/>
          </cell>
          <cell r="AB1541">
            <v>43989</v>
          </cell>
          <cell r="AC1541" t="str">
            <v/>
          </cell>
          <cell r="AD1541" t="str">
            <v/>
          </cell>
          <cell r="AE1541" t="str">
            <v/>
          </cell>
          <cell r="AF1541" t="str">
            <v/>
          </cell>
          <cell r="AI1541">
            <v>3</v>
          </cell>
          <cell r="AJ1541" t="str">
            <v>土木</v>
          </cell>
        </row>
        <row r="1542">
          <cell r="B1542">
            <v>5638</v>
          </cell>
          <cell r="C1542" t="str">
            <v>(株)昭和設計コンサルタント</v>
          </cell>
          <cell r="D1542" t="str">
            <v>078-595-7008</v>
          </cell>
          <cell r="E1542" t="str">
            <v>651-1514</v>
          </cell>
          <cell r="F1542" t="str">
            <v>兵庫県神戸市北区鹿の子台南町2-2-11</v>
          </cell>
          <cell r="G1542" t="str">
            <v>大阪市</v>
          </cell>
          <cell r="H1542" t="str">
            <v>神戸営業所</v>
          </cell>
          <cell r="I1542" t="str">
            <v>取締役所長 松永　初美</v>
          </cell>
          <cell r="J1542" t="str">
            <v>大阪府大阪市</v>
          </cell>
          <cell r="K1542" t="str">
            <v>078-595-7009</v>
          </cell>
          <cell r="L1542" t="str">
            <v>info@showacon.co.jp</v>
          </cell>
          <cell r="M1542" t="str">
            <v>ｼｮｳﾜｾｯｹｲｺﾝｻﾙﾀﾝﾄ</v>
          </cell>
          <cell r="N1542" t="str">
            <v>有</v>
          </cell>
          <cell r="O1542">
            <v>45</v>
          </cell>
          <cell r="P1542">
            <v>11</v>
          </cell>
          <cell r="Q1542">
            <v>3122001003462</v>
          </cell>
          <cell r="R1542">
            <v>10000</v>
          </cell>
          <cell r="S1542">
            <v>51409</v>
          </cell>
          <cell r="T1542">
            <v>124572</v>
          </cell>
          <cell r="V1542" t="str">
            <v>xy810334</v>
          </cell>
          <cell r="W1542" t="str">
            <v>kr588518</v>
          </cell>
          <cell r="Y1542" t="str">
            <v>測量,下水,</v>
          </cell>
          <cell r="Z1542">
            <v>2789</v>
          </cell>
          <cell r="AA1542" t="str">
            <v/>
          </cell>
          <cell r="AB1542">
            <v>121783</v>
          </cell>
          <cell r="AC1542" t="str">
            <v/>
          </cell>
          <cell r="AD1542" t="str">
            <v/>
          </cell>
          <cell r="AE1542" t="str">
            <v/>
          </cell>
          <cell r="AF1542" t="str">
            <v/>
          </cell>
          <cell r="AI1542">
            <v>3</v>
          </cell>
          <cell r="AJ1542" t="str">
            <v>土木</v>
          </cell>
        </row>
        <row r="1543">
          <cell r="B1543">
            <v>5639</v>
          </cell>
          <cell r="C1543" t="str">
            <v>(株)新日本コンサルタント</v>
          </cell>
          <cell r="D1543" t="str">
            <v>078-631-5571</v>
          </cell>
          <cell r="E1543" t="str">
            <v>653-0853</v>
          </cell>
          <cell r="F1543" t="str">
            <v>兵庫県兵庫県長田区庄山町4-1-15</v>
          </cell>
          <cell r="G1543" t="str">
            <v>富山市</v>
          </cell>
          <cell r="H1543" t="str">
            <v>関西営業所</v>
          </cell>
          <cell r="I1543" t="str">
            <v>所長 大西　克明</v>
          </cell>
          <cell r="J1543" t="str">
            <v>富山県富山市</v>
          </cell>
          <cell r="K1543" t="str">
            <v>078-631-5572</v>
          </cell>
          <cell r="L1543" t="str">
            <v>info@shinnihon-cst.co.jp</v>
          </cell>
          <cell r="M1543" t="str">
            <v>ｼﾝﾆﾎﾝｺﾝｻﾙﾀﾝﾄ</v>
          </cell>
          <cell r="N1543" t="str">
            <v>有</v>
          </cell>
          <cell r="O1543">
            <v>39</v>
          </cell>
          <cell r="P1543">
            <v>144</v>
          </cell>
          <cell r="Q1543">
            <v>4230001001202</v>
          </cell>
          <cell r="R1543">
            <v>800000</v>
          </cell>
          <cell r="S1543">
            <v>608229</v>
          </cell>
          <cell r="T1543">
            <v>1851944</v>
          </cell>
          <cell r="V1543" t="str">
            <v>uz827800</v>
          </cell>
          <cell r="W1543" t="str">
            <v>vu518626</v>
          </cell>
          <cell r="Y1543" t="str">
            <v>測量,測量,土質,鋼構,河川,道路,施行,造園,上水,下水,都市,スポ,土他,土調,物件,営業,損失,交通,</v>
          </cell>
          <cell r="Z1543">
            <v>325621</v>
          </cell>
          <cell r="AA1543">
            <v>27693</v>
          </cell>
          <cell r="AB1543">
            <v>1856307</v>
          </cell>
          <cell r="AC1543">
            <v>100020</v>
          </cell>
          <cell r="AD1543" t="str">
            <v/>
          </cell>
          <cell r="AE1543" t="str">
            <v/>
          </cell>
          <cell r="AF1543" t="str">
            <v/>
          </cell>
          <cell r="AI1543">
            <v>3</v>
          </cell>
          <cell r="AJ1543" t="str">
            <v>土木</v>
          </cell>
        </row>
        <row r="1544">
          <cell r="B1544">
            <v>5646</v>
          </cell>
          <cell r="C1544" t="str">
            <v>新日本管検工業(有)</v>
          </cell>
          <cell r="D1544" t="str">
            <v>072-772-1959</v>
          </cell>
          <cell r="E1544" t="str">
            <v>664-0852</v>
          </cell>
          <cell r="F1544" t="str">
            <v>兵庫県伊丹市南本町7-1-1-606</v>
          </cell>
          <cell r="G1544" t="str">
            <v>伊丹市</v>
          </cell>
          <cell r="H1544" t="str">
            <v/>
          </cell>
          <cell r="I1544" t="str">
            <v>取締役 渡海　優</v>
          </cell>
          <cell r="J1544" t="str">
            <v>本店</v>
          </cell>
          <cell r="K1544" t="str">
            <v>072-772-1959</v>
          </cell>
          <cell r="L1544" t="str">
            <v>shinnihonkanken@gmail.com</v>
          </cell>
          <cell r="M1544" t="str">
            <v>ｼﾝﾆﾎﾝｶﾝｹﾝｺｳｷﾞｮｳ</v>
          </cell>
          <cell r="N1544" t="str">
            <v>無</v>
          </cell>
          <cell r="O1544">
            <v>13</v>
          </cell>
          <cell r="P1544">
            <v>1</v>
          </cell>
          <cell r="Q1544">
            <v>5140002027816</v>
          </cell>
          <cell r="R1544">
            <v>3000</v>
          </cell>
          <cell r="S1544">
            <v>6381</v>
          </cell>
          <cell r="T1544">
            <v>17703</v>
          </cell>
          <cell r="V1544" t="str">
            <v>mx144264</v>
          </cell>
          <cell r="W1544" t="str">
            <v>ds106389</v>
          </cell>
          <cell r="Y1544" t="str">
            <v>調他</v>
          </cell>
          <cell r="Z1544" t="str">
            <v/>
          </cell>
          <cell r="AA1544" t="str">
            <v/>
          </cell>
          <cell r="AB1544" t="str">
            <v/>
          </cell>
          <cell r="AC1544" t="str">
            <v/>
          </cell>
          <cell r="AD1544">
            <v>7344</v>
          </cell>
          <cell r="AE1544" t="str">
            <v/>
          </cell>
          <cell r="AF1544" t="str">
            <v/>
          </cell>
          <cell r="AI1544">
            <v>5</v>
          </cell>
          <cell r="AJ1544" t="str">
            <v>調査</v>
          </cell>
        </row>
        <row r="1545">
          <cell r="B1545">
            <v>5661</v>
          </cell>
          <cell r="C1545" t="str">
            <v>(株)杉原設計事務所</v>
          </cell>
          <cell r="D1545" t="str">
            <v>06-6304-7186</v>
          </cell>
          <cell r="E1545" t="str">
            <v>532-0011</v>
          </cell>
          <cell r="F1545" t="str">
            <v>大阪府大阪市淀川区西中島3-8-14</v>
          </cell>
          <cell r="H1545" t="str">
            <v>大阪事務所</v>
          </cell>
          <cell r="I1545" t="str">
            <v>所長 高　好弘</v>
          </cell>
          <cell r="J1545" t="str">
            <v>東京都</v>
          </cell>
          <cell r="K1545" t="str">
            <v>06-6306-4615</v>
          </cell>
          <cell r="L1545" t="str">
            <v>osaka@sugiharasekkei.com</v>
          </cell>
          <cell r="M1545" t="str">
            <v>ｽｷﾞﾊﾗｾｯｹｲｼﾞﾑｼｮ</v>
          </cell>
          <cell r="N1545" t="str">
            <v>有</v>
          </cell>
          <cell r="O1545">
            <v>50</v>
          </cell>
          <cell r="P1545">
            <v>28</v>
          </cell>
          <cell r="Q1545">
            <v>1011101010464</v>
          </cell>
          <cell r="R1545">
            <v>20000</v>
          </cell>
          <cell r="S1545">
            <v>227932</v>
          </cell>
          <cell r="T1545">
            <v>421819</v>
          </cell>
          <cell r="V1545" t="str">
            <v>ef452494</v>
          </cell>
          <cell r="W1545" t="str">
            <v>nk841050</v>
          </cell>
          <cell r="Y1545" t="str">
            <v>建築,意匠,構造,調査,都市,交通,調他</v>
          </cell>
          <cell r="Z1545" t="str">
            <v/>
          </cell>
          <cell r="AA1545">
            <v>418269</v>
          </cell>
          <cell r="AB1545">
            <v>3300</v>
          </cell>
          <cell r="AC1545" t="str">
            <v/>
          </cell>
          <cell r="AD1545">
            <v>250</v>
          </cell>
          <cell r="AE1545" t="str">
            <v/>
          </cell>
          <cell r="AF1545" t="str">
            <v/>
          </cell>
          <cell r="AI1545">
            <v>2</v>
          </cell>
          <cell r="AJ1545" t="str">
            <v>建築</v>
          </cell>
        </row>
        <row r="1546">
          <cell r="B1546">
            <v>5662</v>
          </cell>
          <cell r="C1546" t="str">
            <v>(株)スペースビジョン研究所</v>
          </cell>
          <cell r="D1546" t="str">
            <v>06-6942-6569</v>
          </cell>
          <cell r="E1546" t="str">
            <v>540-6591</v>
          </cell>
          <cell r="F1546" t="str">
            <v>大阪府大阪市中央区大手前1-7-31</v>
          </cell>
          <cell r="G1546" t="str">
            <v>大阪市</v>
          </cell>
          <cell r="H1546" t="str">
            <v/>
          </cell>
          <cell r="I1546" t="str">
            <v>代表取締役 德㔟　貴彦</v>
          </cell>
          <cell r="J1546" t="str">
            <v>本店</v>
          </cell>
          <cell r="K1546" t="str">
            <v>06-6942-6897</v>
          </cell>
          <cell r="L1546" t="str">
            <v>info2@spacevision.co.jp</v>
          </cell>
          <cell r="M1546" t="str">
            <v>ｽﾍﾟｰｽﾋﾞｼﾞｮﾝｹﾝｷｭｳｼｮ</v>
          </cell>
          <cell r="N1546" t="str">
            <v>無</v>
          </cell>
          <cell r="O1546">
            <v>28</v>
          </cell>
          <cell r="P1546">
            <v>12</v>
          </cell>
          <cell r="Q1546">
            <v>7120001082267</v>
          </cell>
          <cell r="R1546">
            <v>10000</v>
          </cell>
          <cell r="S1546">
            <v>49618</v>
          </cell>
          <cell r="T1546">
            <v>100476</v>
          </cell>
          <cell r="V1546" t="str">
            <v>aq755978</v>
          </cell>
          <cell r="W1546" t="str">
            <v>td317738</v>
          </cell>
          <cell r="Y1546" t="str">
            <v>造園,都市,</v>
          </cell>
          <cell r="Z1546" t="str">
            <v/>
          </cell>
          <cell r="AA1546" t="str">
            <v/>
          </cell>
          <cell r="AB1546">
            <v>94099</v>
          </cell>
          <cell r="AC1546" t="str">
            <v/>
          </cell>
          <cell r="AD1546" t="str">
            <v/>
          </cell>
          <cell r="AE1546" t="str">
            <v/>
          </cell>
          <cell r="AF1546" t="str">
            <v/>
          </cell>
          <cell r="AI1546">
            <v>3</v>
          </cell>
          <cell r="AJ1546" t="str">
            <v>土木</v>
          </cell>
        </row>
        <row r="1547">
          <cell r="B1547">
            <v>5666</v>
          </cell>
          <cell r="C1547" t="str">
            <v>日鉄テクノロジー(株)</v>
          </cell>
          <cell r="D1547" t="str">
            <v>073-451-2407</v>
          </cell>
          <cell r="E1547" t="str">
            <v>640-8555</v>
          </cell>
          <cell r="F1547" t="str">
            <v>和歌山県和歌山市湊1850</v>
          </cell>
          <cell r="H1547" t="str">
            <v>和歌山事業所</v>
          </cell>
          <cell r="I1547" t="str">
            <v>事業所長 近藤　邦夫</v>
          </cell>
          <cell r="J1547" t="str">
            <v>東京都</v>
          </cell>
          <cell r="K1547" t="str">
            <v>073-454-2145</v>
          </cell>
          <cell r="L1547" t="str">
            <v>hirami-souichiro@nsst.jp</v>
          </cell>
          <cell r="M1547" t="str">
            <v>ﾆｯﾃﾂｽﾐｷﾝﾃｸﾉﾛｼﾞｰ</v>
          </cell>
          <cell r="N1547" t="str">
            <v>有</v>
          </cell>
          <cell r="O1547">
            <v>31</v>
          </cell>
          <cell r="P1547">
            <v>3458</v>
          </cell>
          <cell r="Q1547">
            <v>5140001049415</v>
          </cell>
          <cell r="R1547">
            <v>100000</v>
          </cell>
          <cell r="S1547">
            <v>9797735</v>
          </cell>
          <cell r="T1547">
            <v>37548632</v>
          </cell>
          <cell r="V1547" t="str">
            <v>es225763</v>
          </cell>
          <cell r="W1547" t="str">
            <v>nq772450</v>
          </cell>
          <cell r="Y1547" t="str">
            <v>水質,大気,騒音,</v>
          </cell>
          <cell r="Z1547" t="str">
            <v/>
          </cell>
          <cell r="AA1547" t="str">
            <v/>
          </cell>
          <cell r="AB1547" t="str">
            <v/>
          </cell>
          <cell r="AC1547" t="str">
            <v/>
          </cell>
          <cell r="AD1547">
            <v>2178000</v>
          </cell>
          <cell r="AE1547" t="str">
            <v>その他申請外</v>
          </cell>
          <cell r="AF1547">
            <v>35167266</v>
          </cell>
          <cell r="AI1547">
            <v>5</v>
          </cell>
          <cell r="AJ1547" t="str">
            <v>調査</v>
          </cell>
        </row>
        <row r="1548">
          <cell r="B1548">
            <v>5667</v>
          </cell>
          <cell r="C1548" t="str">
            <v>住友電工テクニカルソリューションズ(株)</v>
          </cell>
          <cell r="D1548" t="str">
            <v>072-771-0647</v>
          </cell>
          <cell r="E1548" t="str">
            <v>651-0094</v>
          </cell>
          <cell r="F1548" t="str">
            <v>兵庫県伊丹市昆陽北1-1-1</v>
          </cell>
          <cell r="G1548" t="str">
            <v>大阪市</v>
          </cell>
          <cell r="H1548" t="str">
            <v>分析計測事業部　西部統括部</v>
          </cell>
          <cell r="I1548" t="str">
            <v>西部統括部長　 島田　幸治</v>
          </cell>
          <cell r="J1548" t="str">
            <v>大阪府大阪市</v>
          </cell>
          <cell r="K1548" t="str">
            <v>072-771-2238</v>
          </cell>
          <cell r="L1548" t="str">
            <v>ukegawa-harutoshi@gr.sei.co.jp</v>
          </cell>
          <cell r="M1548" t="str">
            <v>ｽﾐﾄﾓﾃﾞﾝｺｳﾃｸﾆｶﾙｿﾘﾕ-ｼﾖﾝｽﾞ</v>
          </cell>
          <cell r="N1548" t="str">
            <v>有</v>
          </cell>
          <cell r="O1548">
            <v>15</v>
          </cell>
          <cell r="P1548">
            <v>56</v>
          </cell>
          <cell r="Q1548">
            <v>6120001027058</v>
          </cell>
          <cell r="R1548">
            <v>305000</v>
          </cell>
          <cell r="S1548">
            <v>816296</v>
          </cell>
          <cell r="T1548">
            <v>6517743</v>
          </cell>
          <cell r="V1548" t="str">
            <v>ms119893</v>
          </cell>
          <cell r="W1548" t="str">
            <v>vp179168</v>
          </cell>
          <cell r="Y1548" t="str">
            <v>地質,水質,大気,騒音,調他</v>
          </cell>
          <cell r="Z1548" t="str">
            <v/>
          </cell>
          <cell r="AA1548" t="str">
            <v/>
          </cell>
          <cell r="AB1548" t="str">
            <v/>
          </cell>
          <cell r="AC1548" t="str">
            <v/>
          </cell>
          <cell r="AD1548">
            <v>1238087</v>
          </cell>
          <cell r="AE1548" t="str">
            <v/>
          </cell>
          <cell r="AF1548" t="str">
            <v/>
          </cell>
          <cell r="AI1548">
            <v>5</v>
          </cell>
          <cell r="AJ1548" t="str">
            <v>調査</v>
          </cell>
        </row>
        <row r="1549">
          <cell r="B1549">
            <v>5668</v>
          </cell>
          <cell r="C1549" t="str">
            <v>(株)スリーエスコンサルタンツ</v>
          </cell>
          <cell r="D1549" t="str">
            <v>078-731-3977</v>
          </cell>
          <cell r="E1549" t="str">
            <v>654-0081</v>
          </cell>
          <cell r="F1549" t="str">
            <v>兵庫県神戸市須磨区高倉台8-6-23</v>
          </cell>
          <cell r="G1549" t="str">
            <v>大阪市</v>
          </cell>
          <cell r="H1549" t="str">
            <v>神戸営業所</v>
          </cell>
          <cell r="I1549" t="str">
            <v>所長 高田　尚明</v>
          </cell>
          <cell r="J1549" t="str">
            <v>大阪府大阪市</v>
          </cell>
          <cell r="K1549" t="str">
            <v>078-731-3977</v>
          </cell>
          <cell r="L1549" t="str">
            <v>info@sss-consultants.co.jp</v>
          </cell>
          <cell r="M1549" t="str">
            <v>ｽﾘｰｴｽｺﾝｻﾙﾀﾝﾂ</v>
          </cell>
          <cell r="N1549" t="str">
            <v>有</v>
          </cell>
          <cell r="O1549">
            <v>33</v>
          </cell>
          <cell r="P1549">
            <v>90</v>
          </cell>
          <cell r="Q1549">
            <v>9120001117780</v>
          </cell>
          <cell r="R1549">
            <v>50000</v>
          </cell>
          <cell r="S1549">
            <v>637481</v>
          </cell>
          <cell r="T1549">
            <v>1740104</v>
          </cell>
          <cell r="V1549" t="str">
            <v>pu472287</v>
          </cell>
          <cell r="W1549" t="str">
            <v>ey934404</v>
          </cell>
          <cell r="Y1549" t="str">
            <v>測量,測量,土質,鋼構,河川,道路,施行,都市,土他,地質,騒音,交通,調他</v>
          </cell>
          <cell r="Z1549">
            <v>15800</v>
          </cell>
          <cell r="AA1549" t="str">
            <v/>
          </cell>
          <cell r="AB1549">
            <v>1653324</v>
          </cell>
          <cell r="AC1549" t="str">
            <v/>
          </cell>
          <cell r="AD1549" t="str">
            <v/>
          </cell>
          <cell r="AE1549" t="str">
            <v/>
          </cell>
          <cell r="AF1549" t="str">
            <v/>
          </cell>
          <cell r="AI1549">
            <v>3</v>
          </cell>
          <cell r="AJ1549" t="str">
            <v>土木</v>
          </cell>
        </row>
        <row r="1550">
          <cell r="B1550">
            <v>5672</v>
          </cell>
          <cell r="C1550" t="str">
            <v>(株)水工社</v>
          </cell>
          <cell r="D1550" t="str">
            <v>06-6205-0880</v>
          </cell>
          <cell r="E1550" t="str">
            <v>541-0051</v>
          </cell>
          <cell r="F1550" t="str">
            <v>大阪府大阪市中央区備後町1丁目6番15号 明治安田生命備後町ﾋﾞﾙ</v>
          </cell>
          <cell r="G1550" t="str">
            <v>大阪市</v>
          </cell>
          <cell r="H1550" t="str">
            <v/>
          </cell>
          <cell r="I1550" t="str">
            <v>代表取締役　 福島　剛</v>
          </cell>
          <cell r="J1550" t="str">
            <v>本店</v>
          </cell>
          <cell r="K1550" t="str">
            <v>06-6205-0990</v>
          </cell>
          <cell r="L1550" t="str">
            <v>tfukushima@suikousha.com</v>
          </cell>
          <cell r="M1550" t="str">
            <v>ｽｲｺｳｼﾔ</v>
          </cell>
          <cell r="N1550" t="str">
            <v>無</v>
          </cell>
          <cell r="O1550">
            <v>39</v>
          </cell>
          <cell r="P1550">
            <v>66</v>
          </cell>
          <cell r="Q1550">
            <v>1120001082082</v>
          </cell>
          <cell r="R1550">
            <v>10000</v>
          </cell>
          <cell r="S1550">
            <v>1110137</v>
          </cell>
          <cell r="T1550">
            <v>497585</v>
          </cell>
          <cell r="V1550" t="str">
            <v>qk326349</v>
          </cell>
          <cell r="W1550" t="str">
            <v>xa903765</v>
          </cell>
          <cell r="Y1550" t="str">
            <v>冷暖,衛生,電気,機積,電積,調査,</v>
          </cell>
          <cell r="Z1550" t="str">
            <v/>
          </cell>
          <cell r="AA1550">
            <v>497585</v>
          </cell>
          <cell r="AB1550" t="str">
            <v/>
          </cell>
          <cell r="AC1550" t="str">
            <v/>
          </cell>
          <cell r="AD1550" t="str">
            <v/>
          </cell>
          <cell r="AE1550" t="str">
            <v/>
          </cell>
          <cell r="AF1550" t="str">
            <v/>
          </cell>
          <cell r="AI1550">
            <v>2</v>
          </cell>
          <cell r="AJ1550" t="str">
            <v>建築</v>
          </cell>
        </row>
        <row r="1551">
          <cell r="B1551">
            <v>5673</v>
          </cell>
          <cell r="C1551" t="str">
            <v>(株)すま建築と福祉の研究所</v>
          </cell>
          <cell r="D1551" t="str">
            <v>078-731-0173</v>
          </cell>
          <cell r="E1551" t="str">
            <v>654-0063</v>
          </cell>
          <cell r="F1551" t="str">
            <v>兵庫県神戸市須磨区月見山町1-3-11</v>
          </cell>
          <cell r="G1551" t="str">
            <v>神戸市</v>
          </cell>
          <cell r="H1551" t="str">
            <v/>
          </cell>
          <cell r="I1551" t="str">
            <v>代表取締役 木下　功</v>
          </cell>
          <cell r="J1551" t="str">
            <v>本店</v>
          </cell>
          <cell r="K1551" t="str">
            <v>078-731-0173</v>
          </cell>
          <cell r="L1551" t="str">
            <v>sumaken_kino@yahoo.co.jp</v>
          </cell>
          <cell r="M1551" t="str">
            <v>ｽﾏｹﾝﾁｸﾄﾌｸｼﾉｹﾝｷｭｳｼｮ</v>
          </cell>
          <cell r="N1551" t="str">
            <v>無</v>
          </cell>
          <cell r="O1551">
            <v>6</v>
          </cell>
          <cell r="P1551">
            <v>1</v>
          </cell>
          <cell r="Q1551">
            <v>4140001028510</v>
          </cell>
          <cell r="R1551">
            <v>1000</v>
          </cell>
          <cell r="S1551">
            <v>1000</v>
          </cell>
          <cell r="T1551">
            <v>791</v>
          </cell>
          <cell r="V1551" t="str">
            <v>or189416</v>
          </cell>
          <cell r="W1551" t="str">
            <v>ge173545</v>
          </cell>
          <cell r="Y1551" t="str">
            <v/>
          </cell>
          <cell r="Z1551" t="str">
            <v/>
          </cell>
          <cell r="AA1551">
            <v>791</v>
          </cell>
          <cell r="AB1551" t="str">
            <v/>
          </cell>
          <cell r="AC1551" t="str">
            <v/>
          </cell>
          <cell r="AD1551" t="str">
            <v/>
          </cell>
          <cell r="AE1551" t="str">
            <v/>
          </cell>
          <cell r="AF1551">
            <v>791</v>
          </cell>
          <cell r="AI1551" t="str">
            <v>土木</v>
          </cell>
          <cell r="AJ1551" t="str">
            <v>兵庫県</v>
          </cell>
        </row>
        <row r="1552">
          <cell r="B1552">
            <v>5682</v>
          </cell>
          <cell r="C1552" t="str">
            <v>(株)西播設計</v>
          </cell>
          <cell r="D1552" t="str">
            <v>078-367-6515</v>
          </cell>
          <cell r="E1552" t="str">
            <v>650-0005</v>
          </cell>
          <cell r="F1552" t="str">
            <v>兵庫県神戸市中央区再度筋町19-2-301</v>
          </cell>
          <cell r="G1552" t="str">
            <v>たつの市</v>
          </cell>
          <cell r="H1552" t="str">
            <v>神戸支店</v>
          </cell>
          <cell r="I1552" t="str">
            <v>支店長　 河村　智裕</v>
          </cell>
          <cell r="J1552" t="str">
            <v>兵庫県たつの市</v>
          </cell>
          <cell r="K1552" t="str">
            <v>078-367-6516</v>
          </cell>
          <cell r="L1552" t="str">
            <v>denshi@seiban-sekkei.co.jp</v>
          </cell>
          <cell r="M1552" t="str">
            <v>ｾｲﾊﾞﾝｾﾂｹｲ</v>
          </cell>
          <cell r="N1552" t="str">
            <v>有</v>
          </cell>
          <cell r="O1552">
            <v>42</v>
          </cell>
          <cell r="P1552">
            <v>62</v>
          </cell>
          <cell r="Q1552">
            <v>6140001038375</v>
          </cell>
          <cell r="R1552">
            <v>50000</v>
          </cell>
          <cell r="S1552">
            <v>86918</v>
          </cell>
          <cell r="T1552">
            <v>495482</v>
          </cell>
          <cell r="V1552" t="str">
            <v>wu204332</v>
          </cell>
          <cell r="W1552" t="str">
            <v>hp264299</v>
          </cell>
          <cell r="Y1552" t="str">
            <v>測量,測量,航空,建築,意匠,構造,冷暖,衛生,電気,建積,機積,電積,調査,土質,鋼構,河川,道路,施行,建機,地質,造園,上水,下水,都市,スポ,環境,土他,土調,土評,物件,機工,営業,損失,補償,登記,地質,水質,騒音,交通,商業,調他</v>
          </cell>
          <cell r="Z1552">
            <v>55133</v>
          </cell>
          <cell r="AA1552">
            <v>205</v>
          </cell>
          <cell r="AB1552">
            <v>216216</v>
          </cell>
          <cell r="AC1552">
            <v>176224</v>
          </cell>
          <cell r="AD1552">
            <v>40033</v>
          </cell>
          <cell r="AE1552" t="str">
            <v/>
          </cell>
          <cell r="AF1552" t="str">
            <v/>
          </cell>
          <cell r="AI1552">
            <v>3</v>
          </cell>
          <cell r="AJ1552" t="str">
            <v>土木</v>
          </cell>
        </row>
        <row r="1553">
          <cell r="B1553">
            <v>5685</v>
          </cell>
          <cell r="C1553" t="str">
            <v>正和設計(株)</v>
          </cell>
          <cell r="D1553" t="str">
            <v>078-361-8402</v>
          </cell>
          <cell r="E1553" t="str">
            <v>650-0013</v>
          </cell>
          <cell r="F1553" t="str">
            <v>滋賀県神戸市中央区花隈町33-15</v>
          </cell>
          <cell r="G1553" t="str">
            <v>大津市</v>
          </cell>
          <cell r="H1553" t="str">
            <v>神戸支店</v>
          </cell>
          <cell r="I1553" t="str">
            <v>支店長 長谷川　幸治</v>
          </cell>
          <cell r="J1553" t="str">
            <v>滋賀県大津市</v>
          </cell>
          <cell r="K1553" t="str">
            <v>078-361-8391</v>
          </cell>
          <cell r="L1553" t="str">
            <v>kobe-ec@seiwa-cc.co.jp</v>
          </cell>
          <cell r="M1553" t="str">
            <v>ｾｲﾜｾｯｹｲ</v>
          </cell>
          <cell r="N1553" t="str">
            <v>有</v>
          </cell>
          <cell r="O1553">
            <v>54</v>
          </cell>
          <cell r="P1553">
            <v>82</v>
          </cell>
          <cell r="Q1553">
            <v>9160001001106</v>
          </cell>
          <cell r="R1553">
            <v>70000</v>
          </cell>
          <cell r="S1553">
            <v>368697</v>
          </cell>
          <cell r="T1553">
            <v>887680</v>
          </cell>
          <cell r="V1553" t="str">
            <v>rp543283</v>
          </cell>
          <cell r="W1553" t="str">
            <v>td626150</v>
          </cell>
          <cell r="Y1553" t="str">
            <v>測量,測量,航空,土質,鋼構,河川,道路,施行,上水,下水,都市,土調,物件,地質,</v>
          </cell>
          <cell r="Z1553">
            <v>133154</v>
          </cell>
          <cell r="AA1553">
            <v>1998</v>
          </cell>
          <cell r="AB1553">
            <v>641274</v>
          </cell>
          <cell r="AC1553">
            <v>6333</v>
          </cell>
          <cell r="AD1553">
            <v>59552</v>
          </cell>
          <cell r="AE1553" t="str">
            <v/>
          </cell>
          <cell r="AF1553" t="str">
            <v/>
          </cell>
          <cell r="AI1553">
            <v>3</v>
          </cell>
          <cell r="AJ1553" t="str">
            <v>土木</v>
          </cell>
        </row>
        <row r="1554">
          <cell r="B1554">
            <v>5690</v>
          </cell>
          <cell r="C1554" t="str">
            <v>(有)ゼン建築設計</v>
          </cell>
          <cell r="D1554" t="str">
            <v>078-361-3955</v>
          </cell>
          <cell r="E1554" t="str">
            <v>650-0022</v>
          </cell>
          <cell r="F1554" t="str">
            <v>兵庫県神戸市中央区元町通6-1-4</v>
          </cell>
          <cell r="G1554" t="str">
            <v>神戸市</v>
          </cell>
          <cell r="H1554" t="str">
            <v/>
          </cell>
          <cell r="I1554" t="str">
            <v>代表取締役 星野　成男</v>
          </cell>
          <cell r="J1554" t="str">
            <v>本店</v>
          </cell>
          <cell r="K1554" t="str">
            <v>078-361-3957</v>
          </cell>
          <cell r="L1554" t="str">
            <v>zen-arch@nifty.com</v>
          </cell>
          <cell r="M1554" t="str">
            <v>ｾﾞﾝｹﾝﾁｸｾｯｹｲ</v>
          </cell>
          <cell r="N1554" t="str">
            <v>無</v>
          </cell>
          <cell r="O1554">
            <v>32</v>
          </cell>
          <cell r="P1554">
            <v>5</v>
          </cell>
          <cell r="Q1554">
            <v>9140002014612</v>
          </cell>
          <cell r="R1554">
            <v>3000</v>
          </cell>
          <cell r="S1554">
            <v>-4289</v>
          </cell>
          <cell r="T1554">
            <v>28105</v>
          </cell>
          <cell r="V1554" t="str">
            <v>wt941171</v>
          </cell>
          <cell r="W1554" t="str">
            <v>ga237541</v>
          </cell>
          <cell r="Y1554" t="str">
            <v>建築,意匠,構造,冷暖,衛生,電気,建積,機積,電積,調査,</v>
          </cell>
          <cell r="Z1554" t="str">
            <v/>
          </cell>
          <cell r="AA1554">
            <v>22358</v>
          </cell>
          <cell r="AB1554" t="str">
            <v/>
          </cell>
          <cell r="AC1554" t="str">
            <v/>
          </cell>
          <cell r="AD1554" t="str">
            <v/>
          </cell>
          <cell r="AE1554" t="str">
            <v/>
          </cell>
          <cell r="AF1554" t="str">
            <v/>
          </cell>
          <cell r="AI1554">
            <v>2</v>
          </cell>
          <cell r="AJ1554" t="str">
            <v>建築</v>
          </cell>
        </row>
        <row r="1555">
          <cell r="B1555">
            <v>5691</v>
          </cell>
          <cell r="C1555" t="str">
            <v>セントラルコンサルタント(株)</v>
          </cell>
          <cell r="D1555" t="str">
            <v>078-221-0595</v>
          </cell>
          <cell r="E1555" t="str">
            <v>651-0094</v>
          </cell>
          <cell r="F1555" t="str">
            <v>兵庫県神戸市中央区琴ﾉ緒町3-3-20</v>
          </cell>
          <cell r="H1555" t="str">
            <v>兵庫営業所</v>
          </cell>
          <cell r="I1555" t="str">
            <v>所長 丸西　義昭</v>
          </cell>
          <cell r="J1555" t="str">
            <v>東京都</v>
          </cell>
          <cell r="K1555" t="str">
            <v>078-221-0596</v>
          </cell>
          <cell r="L1555" t="str">
            <v>denosk@central-con.co.jp</v>
          </cell>
          <cell r="M1555" t="str">
            <v>ｾﾝﾄﾗﾙｺﾝｻﾙﾀﾝﾄ</v>
          </cell>
          <cell r="N1555" t="str">
            <v>有</v>
          </cell>
          <cell r="O1555">
            <v>51</v>
          </cell>
          <cell r="P1555">
            <v>484</v>
          </cell>
          <cell r="Q1555">
            <v>1010001088264</v>
          </cell>
          <cell r="R1555">
            <v>130000</v>
          </cell>
          <cell r="S1555">
            <v>3984880</v>
          </cell>
          <cell r="T1555">
            <v>10225017</v>
          </cell>
          <cell r="V1555" t="str">
            <v>nq844255</v>
          </cell>
          <cell r="W1555" t="str">
            <v>ek146306</v>
          </cell>
          <cell r="Y1555" t="str">
            <v>測量,建築,土質,鋼構,河川,道路,施行,地質,造園,上水,下水,都市,土他,地質,騒音,交通,</v>
          </cell>
          <cell r="Z1555">
            <v>21942</v>
          </cell>
          <cell r="AA1555">
            <v>93106</v>
          </cell>
          <cell r="AB1555">
            <v>9568024</v>
          </cell>
          <cell r="AC1555" t="str">
            <v/>
          </cell>
          <cell r="AD1555">
            <v>17184</v>
          </cell>
          <cell r="AE1555" t="str">
            <v/>
          </cell>
          <cell r="AF1555" t="str">
            <v/>
          </cell>
          <cell r="AI1555">
            <v>3</v>
          </cell>
          <cell r="AJ1555" t="str">
            <v>土木</v>
          </cell>
        </row>
        <row r="1556">
          <cell r="B1556">
            <v>5692</v>
          </cell>
          <cell r="C1556" t="str">
            <v>全日本コンサルタント(株)</v>
          </cell>
          <cell r="D1556" t="str">
            <v>06-6646-0030</v>
          </cell>
          <cell r="E1556" t="str">
            <v>556-0017</v>
          </cell>
          <cell r="F1556" t="str">
            <v>大阪府大阪市浪速区湊町1‐4‐38</v>
          </cell>
          <cell r="G1556" t="str">
            <v>大阪市</v>
          </cell>
          <cell r="H1556" t="str">
            <v/>
          </cell>
          <cell r="I1556" t="str">
            <v>代表取締役社長 青木　亘</v>
          </cell>
          <cell r="J1556" t="str">
            <v>本店</v>
          </cell>
          <cell r="K1556" t="str">
            <v>06-6646-0682</v>
          </cell>
          <cell r="L1556" t="str">
            <v>eigyo@zennippon-c.co.jp</v>
          </cell>
          <cell r="M1556" t="str">
            <v>ｾﾞﾝﾆｯﾎﾟﾝｺﾝｻﾙﾀﾝﾄ</v>
          </cell>
          <cell r="N1556" t="str">
            <v>無</v>
          </cell>
          <cell r="O1556">
            <v>52</v>
          </cell>
          <cell r="P1556">
            <v>97</v>
          </cell>
          <cell r="Q1556">
            <v>7120001023931</v>
          </cell>
          <cell r="R1556">
            <v>90000</v>
          </cell>
          <cell r="S1556">
            <v>1187258</v>
          </cell>
          <cell r="T1556">
            <v>1691313</v>
          </cell>
          <cell r="V1556" t="str">
            <v>ep519853</v>
          </cell>
          <cell r="W1556" t="str">
            <v>ph282874</v>
          </cell>
          <cell r="Y1556" t="str">
            <v>測量,測量,建築,意匠,構造,冷暖,衛生,電気,建積,機積,電積,調査,土質,鋼構,河川,道路,施行,上水,下水,都市,土他,地質,水質,大気,騒音,交通,</v>
          </cell>
          <cell r="Z1556">
            <v>109371</v>
          </cell>
          <cell r="AA1556">
            <v>183398</v>
          </cell>
          <cell r="AB1556">
            <v>1405537</v>
          </cell>
          <cell r="AC1556" t="str">
            <v/>
          </cell>
          <cell r="AD1556">
            <v>58969</v>
          </cell>
          <cell r="AE1556" t="str">
            <v/>
          </cell>
          <cell r="AF1556" t="str">
            <v/>
          </cell>
          <cell r="AI1556">
            <v>3</v>
          </cell>
          <cell r="AJ1556" t="str">
            <v>土木</v>
          </cell>
        </row>
        <row r="1557">
          <cell r="B1557">
            <v>5693</v>
          </cell>
          <cell r="C1557" t="str">
            <v>(株)ゼンリン</v>
          </cell>
          <cell r="D1557" t="str">
            <v>06-6584-0334</v>
          </cell>
          <cell r="E1557" t="str">
            <v>551-0021</v>
          </cell>
          <cell r="F1557" t="str">
            <v>大阪府大阪市西区川口3-3-9</v>
          </cell>
          <cell r="G1557" t="str">
            <v>北九州市</v>
          </cell>
          <cell r="H1557" t="str">
            <v>関西支社</v>
          </cell>
          <cell r="I1557" t="str">
            <v>支社長 岩崎　登</v>
          </cell>
          <cell r="J1557" t="str">
            <v>福岡県北九州市</v>
          </cell>
          <cell r="K1557" t="str">
            <v>06-6584-0006</v>
          </cell>
          <cell r="L1557" t="str">
            <v>kobeof@zenrin.co.jp</v>
          </cell>
          <cell r="M1557" t="str">
            <v>ｾﾞﾝﾘﾝ</v>
          </cell>
          <cell r="N1557" t="str">
            <v>有</v>
          </cell>
          <cell r="O1557">
            <v>70</v>
          </cell>
          <cell r="P1557">
            <v>1938</v>
          </cell>
          <cell r="Q1557">
            <v>5290801002046</v>
          </cell>
          <cell r="R1557">
            <v>6557000</v>
          </cell>
          <cell r="S1557">
            <v>32666000</v>
          </cell>
          <cell r="T1557">
            <v>41235000</v>
          </cell>
          <cell r="V1557" t="str">
            <v>xx150656</v>
          </cell>
          <cell r="W1557" t="str">
            <v>kr142584</v>
          </cell>
          <cell r="Y1557" t="str">
            <v>測量,</v>
          </cell>
          <cell r="Z1557">
            <v>587865</v>
          </cell>
          <cell r="AA1557" t="str">
            <v/>
          </cell>
          <cell r="AB1557" t="str">
            <v/>
          </cell>
          <cell r="AC1557" t="str">
            <v/>
          </cell>
          <cell r="AD1557" t="str">
            <v/>
          </cell>
          <cell r="AE1557" t="str">
            <v/>
          </cell>
          <cell r="AF1557">
            <v>40647135</v>
          </cell>
          <cell r="AI1557">
            <v>1</v>
          </cell>
          <cell r="AJ1557" t="str">
            <v>測量</v>
          </cell>
        </row>
        <row r="1558">
          <cell r="B1558">
            <v>5696</v>
          </cell>
          <cell r="C1558" t="str">
            <v>(株)セリオス</v>
          </cell>
          <cell r="D1558" t="str">
            <v>078-862-5323</v>
          </cell>
          <cell r="E1558" t="str">
            <v>651-0085</v>
          </cell>
          <cell r="F1558" t="str">
            <v>兵庫県神戸市中央区八幡通3-2-11</v>
          </cell>
          <cell r="G1558" t="str">
            <v>大阪市</v>
          </cell>
          <cell r="H1558" t="str">
            <v>神戸支店</v>
          </cell>
          <cell r="I1558" t="str">
            <v>支店長 西岡　哲夫</v>
          </cell>
          <cell r="J1558" t="str">
            <v>大阪府大阪市</v>
          </cell>
          <cell r="K1558" t="str">
            <v>06-6222-1452</v>
          </cell>
          <cell r="L1558" t="str">
            <v>info@serious.co.jp</v>
          </cell>
          <cell r="M1558" t="str">
            <v>ｾﾘｵｽ</v>
          </cell>
          <cell r="N1558" t="str">
            <v>有</v>
          </cell>
          <cell r="O1558">
            <v>22</v>
          </cell>
          <cell r="P1558">
            <v>78</v>
          </cell>
          <cell r="Q1558">
            <v>7120001082688</v>
          </cell>
          <cell r="R1558">
            <v>30000</v>
          </cell>
          <cell r="S1558">
            <v>50144</v>
          </cell>
          <cell r="T1558">
            <v>858872</v>
          </cell>
          <cell r="V1558" t="str">
            <v>ey934404</v>
          </cell>
          <cell r="W1558" t="str">
            <v>rp543283</v>
          </cell>
          <cell r="Y1558" t="str">
            <v>測量,土質,鋼構,河川,道路,施行,下水,都市,スポ,土他,土調,交通,調他</v>
          </cell>
          <cell r="Z1558">
            <v>147537</v>
          </cell>
          <cell r="AA1558">
            <v>10071</v>
          </cell>
          <cell r="AB1558">
            <v>555069</v>
          </cell>
          <cell r="AC1558">
            <v>18880</v>
          </cell>
          <cell r="AD1558" t="str">
            <v/>
          </cell>
          <cell r="AE1558" t="str">
            <v/>
          </cell>
          <cell r="AF1558" t="str">
            <v/>
          </cell>
          <cell r="AI1558">
            <v>3</v>
          </cell>
          <cell r="AJ1558" t="str">
            <v>土木</v>
          </cell>
        </row>
        <row r="1559">
          <cell r="B1559">
            <v>5703</v>
          </cell>
          <cell r="C1559" t="str">
            <v>(株)ソイルシステム</v>
          </cell>
          <cell r="D1559" t="str">
            <v>06-6976-7788</v>
          </cell>
          <cell r="E1559" t="str">
            <v>537-0014</v>
          </cell>
          <cell r="F1559" t="str">
            <v>大阪府大阪市東成区大今里西1-8-3</v>
          </cell>
          <cell r="G1559" t="str">
            <v>大阪市</v>
          </cell>
          <cell r="H1559" t="str">
            <v/>
          </cell>
          <cell r="I1559" t="str">
            <v>代表取締役 寺西　一哲</v>
          </cell>
          <cell r="J1559" t="str">
            <v>本店</v>
          </cell>
          <cell r="K1559" t="str">
            <v>06-6976-7790</v>
          </cell>
          <cell r="L1559" t="str">
            <v>bid@soilsystem.jp</v>
          </cell>
          <cell r="M1559" t="str">
            <v>ｿｲﾙｼｽﾃﾑ</v>
          </cell>
          <cell r="N1559" t="str">
            <v>無</v>
          </cell>
          <cell r="O1559">
            <v>23</v>
          </cell>
          <cell r="P1559">
            <v>26</v>
          </cell>
          <cell r="Q1559">
            <v>4120001012706</v>
          </cell>
          <cell r="R1559">
            <v>10000</v>
          </cell>
          <cell r="S1559">
            <v>767568</v>
          </cell>
          <cell r="T1559">
            <v>541221</v>
          </cell>
          <cell r="V1559" t="str">
            <v>vk363317</v>
          </cell>
          <cell r="W1559" t="str">
            <v>xu157427</v>
          </cell>
          <cell r="Y1559" t="str">
            <v>地質,水質,騒音,交通,</v>
          </cell>
          <cell r="Z1559" t="str">
            <v/>
          </cell>
          <cell r="AA1559" t="str">
            <v/>
          </cell>
          <cell r="AB1559" t="str">
            <v/>
          </cell>
          <cell r="AC1559" t="str">
            <v/>
          </cell>
          <cell r="AD1559">
            <v>541221</v>
          </cell>
          <cell r="AE1559" t="str">
            <v/>
          </cell>
          <cell r="AF1559" t="str">
            <v/>
          </cell>
          <cell r="AI1559">
            <v>5</v>
          </cell>
          <cell r="AJ1559" t="str">
            <v>調査</v>
          </cell>
        </row>
        <row r="1560">
          <cell r="B1560">
            <v>5704</v>
          </cell>
          <cell r="C1560" t="str">
            <v>(株)創英設計</v>
          </cell>
          <cell r="D1560" t="str">
            <v>06-6265-5001</v>
          </cell>
          <cell r="E1560" t="str">
            <v>541-0056</v>
          </cell>
          <cell r="F1560" t="str">
            <v>大阪府大阪市中央区久太郎町1-9-28</v>
          </cell>
          <cell r="G1560" t="str">
            <v>大阪市</v>
          </cell>
          <cell r="H1560" t="str">
            <v/>
          </cell>
          <cell r="I1560" t="str">
            <v>代表取締役 藤野　英志</v>
          </cell>
          <cell r="J1560" t="str">
            <v>本店</v>
          </cell>
          <cell r="K1560" t="str">
            <v>06-6265-5008</v>
          </cell>
          <cell r="L1560" t="str">
            <v>soumu@souei-sekkei.co.jp</v>
          </cell>
          <cell r="M1560" t="str">
            <v>ｿｳｴｲｾｯｹｲ</v>
          </cell>
          <cell r="N1560" t="str">
            <v>無</v>
          </cell>
          <cell r="O1560">
            <v>50</v>
          </cell>
          <cell r="P1560">
            <v>15</v>
          </cell>
          <cell r="Q1560">
            <v>2120001066126</v>
          </cell>
          <cell r="R1560">
            <v>10000</v>
          </cell>
          <cell r="S1560">
            <v>207551</v>
          </cell>
          <cell r="T1560">
            <v>212687</v>
          </cell>
          <cell r="V1560" t="str">
            <v>nc298665</v>
          </cell>
          <cell r="W1560" t="str">
            <v>vk664584</v>
          </cell>
          <cell r="Y1560" t="str">
            <v>建築,意匠,冷暖,衛生,電気,建積,機積,電積,調査,</v>
          </cell>
          <cell r="Z1560" t="str">
            <v/>
          </cell>
          <cell r="AA1560">
            <v>213510</v>
          </cell>
          <cell r="AB1560" t="str">
            <v/>
          </cell>
          <cell r="AC1560" t="str">
            <v/>
          </cell>
          <cell r="AD1560" t="str">
            <v/>
          </cell>
          <cell r="AE1560" t="str">
            <v/>
          </cell>
          <cell r="AF1560" t="str">
            <v/>
          </cell>
          <cell r="AI1560">
            <v>2</v>
          </cell>
          <cell r="AJ1560" t="str">
            <v>建築</v>
          </cell>
        </row>
        <row r="1561">
          <cell r="B1561">
            <v>5705</v>
          </cell>
          <cell r="C1561" t="str">
            <v>(株)綜企画設計</v>
          </cell>
          <cell r="D1561" t="str">
            <v>078-325-1536</v>
          </cell>
          <cell r="E1561" t="str">
            <v>650-0033</v>
          </cell>
          <cell r="F1561" t="str">
            <v>兵庫県神戸市中央区江戸町104番</v>
          </cell>
          <cell r="H1561" t="str">
            <v>神戸支店</v>
          </cell>
          <cell r="I1561" t="str">
            <v>神戸支店長 村上　俊一</v>
          </cell>
          <cell r="J1561" t="str">
            <v>東京都</v>
          </cell>
          <cell r="K1561" t="str">
            <v>078-325-1537</v>
          </cell>
          <cell r="L1561" t="str">
            <v>kobe@soukikaku.co.jp</v>
          </cell>
          <cell r="M1561" t="str">
            <v>ｿｳｷｶｸｾｯｹｲ</v>
          </cell>
          <cell r="N1561" t="str">
            <v>有</v>
          </cell>
          <cell r="O1561">
            <v>27</v>
          </cell>
          <cell r="P1561">
            <v>270</v>
          </cell>
          <cell r="Q1561">
            <v>8010001078721</v>
          </cell>
          <cell r="R1561">
            <v>90000</v>
          </cell>
          <cell r="S1561">
            <v>793359</v>
          </cell>
          <cell r="T1561">
            <v>3089951</v>
          </cell>
          <cell r="V1561" t="str">
            <v>dd181173</v>
          </cell>
          <cell r="W1561" t="str">
            <v>vv934692</v>
          </cell>
          <cell r="Y1561" t="str">
            <v>建築,意匠,構造,冷暖,衛生,電気,建積,機積,電積,調査,土質,鋼構,河川,道路,施行,地質,造園,上水,下水,都市,スポ,水質,大気,騒音,交通,商業,</v>
          </cell>
          <cell r="Z1561" t="str">
            <v/>
          </cell>
          <cell r="AA1561">
            <v>3024566</v>
          </cell>
          <cell r="AB1561">
            <v>4968</v>
          </cell>
          <cell r="AC1561" t="str">
            <v/>
          </cell>
          <cell r="AD1561">
            <v>60417</v>
          </cell>
          <cell r="AE1561" t="str">
            <v/>
          </cell>
          <cell r="AF1561" t="str">
            <v/>
          </cell>
          <cell r="AI1561">
            <v>2</v>
          </cell>
          <cell r="AJ1561" t="str">
            <v>建築</v>
          </cell>
        </row>
        <row r="1562">
          <cell r="B1562">
            <v>5711</v>
          </cell>
          <cell r="C1562" t="str">
            <v>(株)綜合技術コンサルタント</v>
          </cell>
          <cell r="D1562" t="str">
            <v>078-360-1420</v>
          </cell>
          <cell r="E1562" t="str">
            <v>650-0011</v>
          </cell>
          <cell r="F1562" t="str">
            <v>兵庫県神戸市中央区下山手通5-1-1</v>
          </cell>
          <cell r="H1562" t="str">
            <v>神戸事務所</v>
          </cell>
          <cell r="I1562" t="str">
            <v>所長 松下　英夫</v>
          </cell>
          <cell r="J1562" t="str">
            <v>東京都</v>
          </cell>
          <cell r="K1562" t="str">
            <v>078-360-2512</v>
          </cell>
          <cell r="L1562" t="str">
            <v>h-matsushita@sogo-eng.co.jp</v>
          </cell>
          <cell r="M1562" t="str">
            <v>ｿｳｺﾞｳｷﾞｼﾞｭﾂｺﾝｻﾙﾀﾝﾄ</v>
          </cell>
          <cell r="N1562" t="str">
            <v>有</v>
          </cell>
          <cell r="O1562">
            <v>51</v>
          </cell>
          <cell r="P1562">
            <v>160</v>
          </cell>
          <cell r="Q1562">
            <v>7010001021120</v>
          </cell>
          <cell r="R1562">
            <v>100000</v>
          </cell>
          <cell r="S1562">
            <v>1200490</v>
          </cell>
          <cell r="T1562">
            <v>2188528</v>
          </cell>
          <cell r="V1562" t="str">
            <v>zc342003</v>
          </cell>
          <cell r="W1562" t="str">
            <v>dg693249</v>
          </cell>
          <cell r="Y1562" t="str">
            <v>測量,土質,鋼構,河川,道路,施行,環境,地質,水質,大気,騒音,交通,</v>
          </cell>
          <cell r="Z1562">
            <v>23048</v>
          </cell>
          <cell r="AA1562" t="str">
            <v/>
          </cell>
          <cell r="AB1562">
            <v>2282012</v>
          </cell>
          <cell r="AC1562" t="str">
            <v/>
          </cell>
          <cell r="AD1562">
            <v>53139</v>
          </cell>
          <cell r="AE1562" t="str">
            <v/>
          </cell>
          <cell r="AF1562" t="str">
            <v/>
          </cell>
          <cell r="AI1562">
            <v>3</v>
          </cell>
          <cell r="AJ1562" t="str">
            <v>土木</v>
          </cell>
        </row>
        <row r="1563">
          <cell r="B1563">
            <v>5712</v>
          </cell>
          <cell r="C1563" t="str">
            <v>(株)総合計画機構</v>
          </cell>
          <cell r="D1563" t="str">
            <v>06-6942-1877</v>
          </cell>
          <cell r="E1563" t="str">
            <v>540-0012</v>
          </cell>
          <cell r="F1563" t="str">
            <v>大阪府大阪市中央区谷町2-2-22</v>
          </cell>
          <cell r="G1563" t="str">
            <v>大阪市</v>
          </cell>
          <cell r="H1563" t="str">
            <v/>
          </cell>
          <cell r="I1563" t="str">
            <v>代表取締役 水上　貴之</v>
          </cell>
          <cell r="J1563" t="str">
            <v>本店</v>
          </cell>
          <cell r="K1563" t="str">
            <v>06-6942-2447</v>
          </cell>
          <cell r="L1563" t="str">
            <v>hostmaster@macrovision.co.jp</v>
          </cell>
          <cell r="M1563" t="str">
            <v>ｿｳｺﾞｳｹｲｶｸｷｺｳ</v>
          </cell>
          <cell r="N1563" t="str">
            <v>無</v>
          </cell>
          <cell r="O1563">
            <v>35</v>
          </cell>
          <cell r="P1563">
            <v>10</v>
          </cell>
          <cell r="Q1563">
            <v>7120001082886</v>
          </cell>
          <cell r="R1563">
            <v>30000</v>
          </cell>
          <cell r="S1563">
            <v>64536</v>
          </cell>
          <cell r="T1563">
            <v>97424</v>
          </cell>
          <cell r="V1563" t="str">
            <v>xa371333</v>
          </cell>
          <cell r="W1563" t="str">
            <v>zk740346</v>
          </cell>
          <cell r="Y1563" t="str">
            <v>測量,測量,建築,意匠,造園,都市,交通,商業,</v>
          </cell>
          <cell r="Z1563">
            <v>705</v>
          </cell>
          <cell r="AA1563">
            <v>1704</v>
          </cell>
          <cell r="AB1563">
            <v>76368</v>
          </cell>
          <cell r="AC1563" t="str">
            <v/>
          </cell>
          <cell r="AD1563" t="str">
            <v/>
          </cell>
          <cell r="AE1563" t="str">
            <v>役務</v>
          </cell>
          <cell r="AF1563">
            <v>16131</v>
          </cell>
          <cell r="AI1563">
            <v>3</v>
          </cell>
          <cell r="AJ1563" t="str">
            <v>土木</v>
          </cell>
        </row>
        <row r="1564">
          <cell r="B1564">
            <v>5715</v>
          </cell>
          <cell r="C1564" t="str">
            <v>(株)相互設計事務所</v>
          </cell>
          <cell r="D1564" t="str">
            <v>078-797-0286</v>
          </cell>
          <cell r="E1564" t="str">
            <v>655-0852</v>
          </cell>
          <cell r="F1564" t="str">
            <v>兵庫県神戸市神戸市垂水区名谷町1949‐1‐1117</v>
          </cell>
          <cell r="G1564" t="str">
            <v>三木市</v>
          </cell>
          <cell r="H1564" t="str">
            <v>神戸営業所</v>
          </cell>
          <cell r="I1564" t="str">
            <v>所長 戸田　弘人</v>
          </cell>
          <cell r="J1564" t="str">
            <v>兵庫県三木市</v>
          </cell>
          <cell r="K1564" t="str">
            <v>078-797-0287</v>
          </cell>
          <cell r="L1564" t="str">
            <v>sougo@pearl.ocn.ne.jp</v>
          </cell>
          <cell r="M1564" t="str">
            <v>ｿｳｺﾞｾｯｹｲｼﾞﾑｼｮ</v>
          </cell>
          <cell r="N1564" t="str">
            <v>有</v>
          </cell>
          <cell r="O1564">
            <v>55</v>
          </cell>
          <cell r="P1564">
            <v>20</v>
          </cell>
          <cell r="Q1564">
            <v>3140001036398</v>
          </cell>
          <cell r="R1564">
            <v>20150</v>
          </cell>
          <cell r="S1564">
            <v>846386</v>
          </cell>
          <cell r="T1564">
            <v>259748</v>
          </cell>
          <cell r="V1564" t="str">
            <v>yb940911</v>
          </cell>
          <cell r="W1564" t="str">
            <v>sa858689</v>
          </cell>
          <cell r="Y1564" t="str">
            <v>測量,測量,建築,意匠,構造,冷暖,衛生,電気,建積,機積,電積,調査,土質,河川,道路,地質,上水,下水,土他,地質,交通,</v>
          </cell>
          <cell r="Z1564">
            <v>12775</v>
          </cell>
          <cell r="AA1564">
            <v>3662</v>
          </cell>
          <cell r="AB1564">
            <v>237956</v>
          </cell>
          <cell r="AC1564" t="str">
            <v/>
          </cell>
          <cell r="AD1564">
            <v>5355</v>
          </cell>
          <cell r="AE1564" t="str">
            <v/>
          </cell>
          <cell r="AF1564" t="str">
            <v/>
          </cell>
          <cell r="AI1564">
            <v>3</v>
          </cell>
          <cell r="AJ1564" t="str">
            <v>土木</v>
          </cell>
        </row>
        <row r="1565">
          <cell r="B1565">
            <v>5717</v>
          </cell>
          <cell r="C1565" t="str">
            <v>(株)双星設計</v>
          </cell>
          <cell r="D1565" t="str">
            <v>06-6373-2281</v>
          </cell>
          <cell r="E1565" t="str">
            <v>531-0072</v>
          </cell>
          <cell r="F1565" t="str">
            <v>大阪府大阪市北区豊崎2-7-5</v>
          </cell>
          <cell r="G1565" t="str">
            <v>大阪市</v>
          </cell>
          <cell r="H1565" t="str">
            <v/>
          </cell>
          <cell r="I1565" t="str">
            <v>代表取締役 中村　武嗣</v>
          </cell>
          <cell r="J1565" t="str">
            <v>本店</v>
          </cell>
          <cell r="K1565" t="str">
            <v>06-6371-4261</v>
          </cell>
          <cell r="L1565" t="str">
            <v>kikaku@sousei-sekkei.co.jp</v>
          </cell>
          <cell r="M1565" t="str">
            <v>ｿｳｾｲｾｯｹｲ</v>
          </cell>
          <cell r="N1565" t="str">
            <v>無</v>
          </cell>
          <cell r="O1565">
            <v>78</v>
          </cell>
          <cell r="P1565">
            <v>45</v>
          </cell>
          <cell r="Q1565">
            <v>1120001066119</v>
          </cell>
          <cell r="R1565">
            <v>20000</v>
          </cell>
          <cell r="S1565">
            <v>285890</v>
          </cell>
          <cell r="T1565">
            <v>466651</v>
          </cell>
          <cell r="V1565" t="str">
            <v>kf857805</v>
          </cell>
          <cell r="W1565" t="str">
            <v>en884333</v>
          </cell>
          <cell r="Y1565" t="str">
            <v>建築,意匠,構造,冷暖,衛生,電気,建積,機積,電積,</v>
          </cell>
          <cell r="Z1565" t="str">
            <v/>
          </cell>
          <cell r="AA1565">
            <v>486425</v>
          </cell>
          <cell r="AB1565" t="str">
            <v/>
          </cell>
          <cell r="AC1565" t="str">
            <v/>
          </cell>
          <cell r="AD1565" t="str">
            <v/>
          </cell>
          <cell r="AE1565" t="str">
            <v/>
          </cell>
          <cell r="AF1565" t="str">
            <v/>
          </cell>
          <cell r="AI1565">
            <v>2</v>
          </cell>
          <cell r="AJ1565" t="str">
            <v>建築</v>
          </cell>
        </row>
        <row r="1566">
          <cell r="B1566">
            <v>5720</v>
          </cell>
          <cell r="C1566" t="str">
            <v>(株)相和技術研究所</v>
          </cell>
          <cell r="D1566" t="str">
            <v>06-6532-2058</v>
          </cell>
          <cell r="E1566" t="str">
            <v>550-0015</v>
          </cell>
          <cell r="F1566" t="str">
            <v>大阪府大阪市西区南堀江4-3-27-108</v>
          </cell>
          <cell r="H1566" t="str">
            <v>大阪事務所</v>
          </cell>
          <cell r="I1566" t="str">
            <v>所長 池本　正明</v>
          </cell>
          <cell r="J1566" t="str">
            <v>東京都</v>
          </cell>
          <cell r="K1566" t="str">
            <v>06-6532-1048</v>
          </cell>
          <cell r="L1566" t="str">
            <v>osaka@sowa-giken.co.jp</v>
          </cell>
          <cell r="M1566" t="str">
            <v>ｿｳﾜｷﾞｼﾞｭﾂｹﾝｷｭｳｼｮ</v>
          </cell>
          <cell r="N1566" t="str">
            <v>有</v>
          </cell>
          <cell r="O1566">
            <v>59</v>
          </cell>
          <cell r="P1566">
            <v>98</v>
          </cell>
          <cell r="Q1566">
            <v>2010701022827</v>
          </cell>
          <cell r="R1566">
            <v>60000</v>
          </cell>
          <cell r="S1566">
            <v>1312940</v>
          </cell>
          <cell r="T1566">
            <v>1572637</v>
          </cell>
          <cell r="V1566" t="str">
            <v>mh591447</v>
          </cell>
          <cell r="W1566" t="str">
            <v>ey752847</v>
          </cell>
          <cell r="Y1566" t="str">
            <v>建築,意匠,構造,冷暖,衛生,電気,建積,機積,電積,調査,</v>
          </cell>
          <cell r="Z1566" t="str">
            <v/>
          </cell>
          <cell r="AA1566">
            <v>1441113</v>
          </cell>
          <cell r="AB1566" t="str">
            <v/>
          </cell>
          <cell r="AC1566" t="str">
            <v/>
          </cell>
          <cell r="AD1566" t="str">
            <v/>
          </cell>
          <cell r="AE1566" t="str">
            <v/>
          </cell>
          <cell r="AF1566" t="str">
            <v/>
          </cell>
          <cell r="AI1566">
            <v>2</v>
          </cell>
          <cell r="AJ1566" t="str">
            <v>建築</v>
          </cell>
        </row>
        <row r="1567">
          <cell r="B1567">
            <v>5721</v>
          </cell>
          <cell r="C1567" t="str">
            <v>(株)エンタコンサルタント</v>
          </cell>
          <cell r="D1567" t="str">
            <v>078-855-2229</v>
          </cell>
          <cell r="E1567" t="str">
            <v>651-0088</v>
          </cell>
          <cell r="F1567" t="str">
            <v>兵庫県神戸市中央区小野江通5-11-27第百生命神戸三宮ﾋﾞﾙ</v>
          </cell>
          <cell r="G1567" t="str">
            <v>西脇市</v>
          </cell>
          <cell r="H1567" t="str">
            <v>神戸支店</v>
          </cell>
          <cell r="I1567" t="str">
            <v>支店長 岸本　盛男</v>
          </cell>
          <cell r="J1567" t="str">
            <v>兵庫県西脇市</v>
          </cell>
          <cell r="K1567" t="str">
            <v>078-855-2228</v>
          </cell>
          <cell r="L1567" t="str">
            <v>nishiwaki-info@entaconsul.co.jp</v>
          </cell>
          <cell r="M1567" t="str">
            <v>ｴﾝﾀｺﾝｻﾙﾀﾝﾄ</v>
          </cell>
          <cell r="N1567" t="str">
            <v>有</v>
          </cell>
          <cell r="O1567">
            <v>57</v>
          </cell>
          <cell r="P1567">
            <v>46</v>
          </cell>
          <cell r="Q1567">
            <v>1140001075464</v>
          </cell>
          <cell r="R1567">
            <v>10000</v>
          </cell>
          <cell r="S1567">
            <v>173430</v>
          </cell>
          <cell r="T1567">
            <v>528848</v>
          </cell>
          <cell r="V1567" t="str">
            <v>us514279</v>
          </cell>
          <cell r="W1567" t="str">
            <v>kd998046</v>
          </cell>
          <cell r="Y1567" t="str">
            <v>測量,測量,航空,土質,鋼構,河川,道路,施行,地質,造園,上水,下水,都市,スポ,土他,土調,土評,物件,機工,営業,損失,補償,登記,地質,水質,交通,調他</v>
          </cell>
          <cell r="Z1567">
            <v>5318</v>
          </cell>
          <cell r="AA1567" t="str">
            <v/>
          </cell>
          <cell r="AB1567">
            <v>464496</v>
          </cell>
          <cell r="AC1567">
            <v>53294</v>
          </cell>
          <cell r="AD1567">
            <v>5740</v>
          </cell>
          <cell r="AE1567" t="str">
            <v/>
          </cell>
          <cell r="AF1567" t="str">
            <v/>
          </cell>
          <cell r="AI1567">
            <v>3</v>
          </cell>
          <cell r="AJ1567" t="str">
            <v>土木</v>
          </cell>
        </row>
        <row r="1568">
          <cell r="B1568">
            <v>5722</v>
          </cell>
          <cell r="C1568" t="str">
            <v>総合調査設計(株)</v>
          </cell>
          <cell r="D1568" t="str">
            <v>072-793-6625</v>
          </cell>
          <cell r="E1568" t="str">
            <v>666-0129</v>
          </cell>
          <cell r="F1568" t="str">
            <v>兵庫県川西市緑台3-3-45</v>
          </cell>
          <cell r="G1568" t="str">
            <v>大阪市</v>
          </cell>
          <cell r="H1568" t="str">
            <v>川西営業所</v>
          </cell>
          <cell r="I1568" t="str">
            <v>所長 塩見　明子</v>
          </cell>
          <cell r="J1568" t="str">
            <v>大阪府大阪市</v>
          </cell>
          <cell r="K1568" t="str">
            <v>06-6372-0715</v>
          </cell>
          <cell r="L1568" t="str">
            <v>main@sogo-chosa.com</v>
          </cell>
          <cell r="M1568" t="str">
            <v>ｿｳｺﾞｳﾁｮｳｻｾｯｹｲ</v>
          </cell>
          <cell r="N1568" t="str">
            <v>有</v>
          </cell>
          <cell r="O1568">
            <v>35</v>
          </cell>
          <cell r="P1568">
            <v>13</v>
          </cell>
          <cell r="Q1568">
            <v>1120001066168</v>
          </cell>
          <cell r="R1568">
            <v>10000</v>
          </cell>
          <cell r="S1568">
            <v>111334</v>
          </cell>
          <cell r="T1568">
            <v>143066</v>
          </cell>
          <cell r="V1568" t="str">
            <v>vd343201</v>
          </cell>
          <cell r="W1568" t="str">
            <v>ke855633</v>
          </cell>
          <cell r="Y1568" t="str">
            <v>測量,意匠,土質,道路,造園,都市,交通,商業,調他</v>
          </cell>
          <cell r="Z1568">
            <v>4946</v>
          </cell>
          <cell r="AA1568">
            <v>4752</v>
          </cell>
          <cell r="AB1568">
            <v>128153</v>
          </cell>
          <cell r="AC1568" t="str">
            <v/>
          </cell>
          <cell r="AD1568">
            <v>5215</v>
          </cell>
          <cell r="AE1568" t="str">
            <v/>
          </cell>
          <cell r="AF1568" t="str">
            <v/>
          </cell>
          <cell r="AI1568">
            <v>3</v>
          </cell>
          <cell r="AJ1568" t="str">
            <v>土木</v>
          </cell>
        </row>
        <row r="1569">
          <cell r="B1569">
            <v>5723</v>
          </cell>
          <cell r="C1569" t="str">
            <v>(株)ソクチ</v>
          </cell>
          <cell r="D1569" t="str">
            <v>0796-36-3688</v>
          </cell>
          <cell r="E1569" t="str">
            <v>669-6544</v>
          </cell>
          <cell r="F1569" t="str">
            <v>兵庫県美方郡香美町香住区香住1418-1</v>
          </cell>
          <cell r="G1569" t="str">
            <v>美方郡香美町</v>
          </cell>
          <cell r="H1569" t="str">
            <v/>
          </cell>
          <cell r="I1569" t="str">
            <v>代表取締役 井上　廣美</v>
          </cell>
          <cell r="J1569" t="str">
            <v>本店</v>
          </cell>
          <cell r="K1569" t="str">
            <v>0796-36-3171</v>
          </cell>
          <cell r="L1569" t="str">
            <v>raccoon-dog@sokuchi.jp</v>
          </cell>
          <cell r="M1569" t="str">
            <v>ｿｸﾁ</v>
          </cell>
          <cell r="N1569" t="str">
            <v>無</v>
          </cell>
          <cell r="O1569">
            <v>33</v>
          </cell>
          <cell r="P1569">
            <v>11</v>
          </cell>
          <cell r="Q1569">
            <v>8140001056350</v>
          </cell>
          <cell r="R1569">
            <v>10000</v>
          </cell>
          <cell r="S1569">
            <v>29175</v>
          </cell>
          <cell r="T1569">
            <v>100624</v>
          </cell>
          <cell r="V1569" t="str">
            <v>bg378735</v>
          </cell>
          <cell r="W1569" t="str">
            <v>by188451</v>
          </cell>
          <cell r="Y1569" t="str">
            <v>測量,測量,航空,土質,鋼構,河川,道路,施行,建機,地質,造園,上水,下水,都市,土他,土調,土評,物件,機工,営業,損失,補償,地質,水質,交通,</v>
          </cell>
          <cell r="Z1569">
            <v>39445</v>
          </cell>
          <cell r="AA1569" t="str">
            <v/>
          </cell>
          <cell r="AB1569">
            <v>44703</v>
          </cell>
          <cell r="AC1569">
            <v>8828</v>
          </cell>
          <cell r="AD1569">
            <v>437</v>
          </cell>
          <cell r="AE1569" t="str">
            <v/>
          </cell>
          <cell r="AF1569" t="str">
            <v/>
          </cell>
          <cell r="AI1569">
            <v>3</v>
          </cell>
          <cell r="AJ1569" t="str">
            <v>土木</v>
          </cell>
        </row>
        <row r="1570">
          <cell r="B1570">
            <v>5724</v>
          </cell>
          <cell r="C1570" t="str">
            <v>(株)創建社ディーアンドアール設計</v>
          </cell>
          <cell r="D1570" t="str">
            <v>078-332-4410</v>
          </cell>
          <cell r="E1570" t="str">
            <v>650-0033</v>
          </cell>
          <cell r="F1570" t="str">
            <v>兵庫県神戸市中央区江戸町98-1</v>
          </cell>
          <cell r="G1570" t="str">
            <v>大阪市</v>
          </cell>
          <cell r="H1570" t="str">
            <v>神戸支社</v>
          </cell>
          <cell r="I1570" t="str">
            <v>常務取締役神戸支社長 喜来　義典</v>
          </cell>
          <cell r="J1570" t="str">
            <v>大阪府大阪市</v>
          </cell>
          <cell r="K1570" t="str">
            <v>078-332-4210</v>
          </cell>
          <cell r="L1570" t="str">
            <v>yamamoto@draw.jp</v>
          </cell>
          <cell r="M1570" t="str">
            <v>ｿｳｹﾝｼｬﾃﾞｨｰｱﾝﾄﾞｱｰﾙｾｯｹｲ</v>
          </cell>
          <cell r="N1570" t="str">
            <v>有</v>
          </cell>
          <cell r="O1570">
            <v>32</v>
          </cell>
          <cell r="P1570">
            <v>20</v>
          </cell>
          <cell r="Q1570">
            <v>2120001082866</v>
          </cell>
          <cell r="R1570">
            <v>10000</v>
          </cell>
          <cell r="S1570">
            <v>16620</v>
          </cell>
          <cell r="T1570">
            <v>169080</v>
          </cell>
          <cell r="V1570" t="str">
            <v>jr546561</v>
          </cell>
          <cell r="W1570" t="str">
            <v>jm379077</v>
          </cell>
          <cell r="Y1570" t="str">
            <v>建築,意匠,構造,電気,建積,機積,電積,調査,</v>
          </cell>
          <cell r="Z1570" t="str">
            <v/>
          </cell>
          <cell r="AA1570">
            <v>169080</v>
          </cell>
          <cell r="AB1570" t="str">
            <v/>
          </cell>
          <cell r="AC1570" t="str">
            <v/>
          </cell>
          <cell r="AD1570" t="str">
            <v/>
          </cell>
          <cell r="AE1570" t="str">
            <v/>
          </cell>
          <cell r="AF1570" t="str">
            <v/>
          </cell>
          <cell r="AI1570">
            <v>2</v>
          </cell>
          <cell r="AJ1570" t="str">
            <v>建築</v>
          </cell>
        </row>
        <row r="1571">
          <cell r="B1571">
            <v>5725</v>
          </cell>
          <cell r="C1571" t="str">
            <v>(株)ソニックス</v>
          </cell>
          <cell r="D1571" t="str">
            <v>06-7220-3889</v>
          </cell>
          <cell r="E1571" t="str">
            <v>552-0022</v>
          </cell>
          <cell r="F1571" t="str">
            <v>大阪府大阪市港区海岸通1丁目5番29号</v>
          </cell>
          <cell r="G1571" t="str">
            <v>大阪市</v>
          </cell>
          <cell r="H1571" t="str">
            <v/>
          </cell>
          <cell r="I1571" t="str">
            <v>代表取締役 川田　宏行</v>
          </cell>
          <cell r="J1571" t="str">
            <v>本店</v>
          </cell>
          <cell r="K1571" t="str">
            <v>06-6572-7212</v>
          </cell>
          <cell r="L1571" t="str">
            <v>info@sonix-tran.com</v>
          </cell>
          <cell r="M1571" t="str">
            <v>ｿﾆｯｸｽ</v>
          </cell>
          <cell r="N1571" t="str">
            <v>無</v>
          </cell>
          <cell r="O1571">
            <v>42</v>
          </cell>
          <cell r="P1571">
            <v>13</v>
          </cell>
          <cell r="Q1571">
            <v>8120001066203</v>
          </cell>
          <cell r="R1571">
            <v>30000</v>
          </cell>
          <cell r="S1571">
            <v>31859</v>
          </cell>
          <cell r="T1571">
            <v>37815</v>
          </cell>
          <cell r="V1571" t="str">
            <v>kf331749</v>
          </cell>
          <cell r="W1571" t="str">
            <v>fq404098</v>
          </cell>
          <cell r="Y1571" t="str">
            <v>交通,商業,調他</v>
          </cell>
          <cell r="Z1571" t="str">
            <v/>
          </cell>
          <cell r="AA1571" t="str">
            <v/>
          </cell>
          <cell r="AB1571" t="str">
            <v/>
          </cell>
          <cell r="AC1571" t="str">
            <v/>
          </cell>
          <cell r="AD1571" t="str">
            <v/>
          </cell>
          <cell r="AE1571" t="str">
            <v/>
          </cell>
          <cell r="AF1571" t="str">
            <v/>
          </cell>
          <cell r="AI1571">
            <v>1</v>
          </cell>
          <cell r="AJ1571" t="str">
            <v>測量</v>
          </cell>
        </row>
        <row r="1572">
          <cell r="B1572">
            <v>5726</v>
          </cell>
          <cell r="C1572" t="str">
            <v>(株)ソレイユ(取下げ)</v>
          </cell>
          <cell r="D1572" t="str">
            <v>072-764-5916</v>
          </cell>
          <cell r="E1572" t="str">
            <v>664-0897</v>
          </cell>
          <cell r="F1572" t="str">
            <v>兵庫県伊丹市桜ｹ丘2-1-10</v>
          </cell>
          <cell r="H1572" t="str">
            <v>兵庫営業所</v>
          </cell>
          <cell r="I1572" t="str">
            <v>所長 中山　尚紀</v>
          </cell>
          <cell r="J1572" t="str">
            <v>東京都</v>
          </cell>
          <cell r="K1572" t="str">
            <v>072-764-5917</v>
          </cell>
          <cell r="L1572" t="str">
            <v>west.consul@soleil-alive.co.jp</v>
          </cell>
          <cell r="M1572" t="str">
            <v>ｿﾚｲﾕ</v>
          </cell>
          <cell r="N1572" t="str">
            <v>有</v>
          </cell>
          <cell r="O1572">
            <v>27</v>
          </cell>
          <cell r="P1572">
            <v>85</v>
          </cell>
          <cell r="Q1572">
            <v>5030001014958</v>
          </cell>
          <cell r="R1572">
            <v>10000</v>
          </cell>
          <cell r="S1572">
            <v>42059</v>
          </cell>
          <cell r="T1572">
            <v>602852</v>
          </cell>
          <cell r="V1572" t="str">
            <v>fg189394</v>
          </cell>
          <cell r="W1572" t="str">
            <v>dg154736</v>
          </cell>
          <cell r="Y1572" t="str">
            <v>物件,営業,損失,補償,</v>
          </cell>
          <cell r="Z1572" t="str">
            <v/>
          </cell>
          <cell r="AA1572" t="str">
            <v/>
          </cell>
          <cell r="AB1572" t="str">
            <v/>
          </cell>
          <cell r="AC1572">
            <v>486286</v>
          </cell>
          <cell r="AD1572" t="str">
            <v/>
          </cell>
          <cell r="AE1572" t="str">
            <v>その他</v>
          </cell>
          <cell r="AF1572">
            <v>73207</v>
          </cell>
          <cell r="AI1572">
            <v>4</v>
          </cell>
          <cell r="AJ1572" t="str">
            <v>補償</v>
          </cell>
        </row>
        <row r="1573">
          <cell r="B1573">
            <v>5730</v>
          </cell>
          <cell r="C1573" t="str">
            <v>(有)創進設備設計</v>
          </cell>
          <cell r="D1573" t="str">
            <v>078-927-2404</v>
          </cell>
          <cell r="E1573" t="str">
            <v>673-0016</v>
          </cell>
          <cell r="F1573" t="str">
            <v>兵庫県明石市松の内2-3-12</v>
          </cell>
          <cell r="G1573" t="str">
            <v>明石市</v>
          </cell>
          <cell r="H1573" t="str">
            <v/>
          </cell>
          <cell r="I1573" t="str">
            <v>取締役 新井　健一</v>
          </cell>
          <cell r="J1573" t="str">
            <v>本店</v>
          </cell>
          <cell r="K1573" t="str">
            <v>078-928-3983</v>
          </cell>
          <cell r="L1573" t="str">
            <v>qjnqw144@yahoo.co.jp</v>
          </cell>
          <cell r="M1573" t="str">
            <v>ｿｳｼﾝｾﾂﾋﾞｾｯｹｲ</v>
          </cell>
          <cell r="N1573" t="str">
            <v>無</v>
          </cell>
          <cell r="O1573">
            <v>36</v>
          </cell>
          <cell r="P1573">
            <v>1</v>
          </cell>
          <cell r="Q1573">
            <v>3140002029104</v>
          </cell>
          <cell r="R1573">
            <v>3000</v>
          </cell>
          <cell r="S1573">
            <v>-9370</v>
          </cell>
          <cell r="T1573">
            <v>13100</v>
          </cell>
          <cell r="V1573" t="str">
            <v>yh935629</v>
          </cell>
          <cell r="W1573" t="str">
            <v>ks439594</v>
          </cell>
          <cell r="Y1573" t="str">
            <v/>
          </cell>
          <cell r="Z1573" t="str">
            <v/>
          </cell>
          <cell r="AA1573">
            <v>13100</v>
          </cell>
          <cell r="AB1573" t="str">
            <v/>
          </cell>
          <cell r="AC1573" t="str">
            <v/>
          </cell>
          <cell r="AD1573" t="str">
            <v/>
          </cell>
          <cell r="AE1573" t="str">
            <v/>
          </cell>
          <cell r="AF1573">
            <v>13100</v>
          </cell>
          <cell r="AI1573" t="str">
            <v>土木</v>
          </cell>
          <cell r="AJ1573" t="str">
            <v>兵庫県</v>
          </cell>
        </row>
        <row r="1574">
          <cell r="B1574">
            <v>5731</v>
          </cell>
          <cell r="C1574" t="str">
            <v>ソシオエンジニアリング(株)</v>
          </cell>
          <cell r="D1574" t="str">
            <v>06-6626-3070</v>
          </cell>
          <cell r="E1574" t="str">
            <v>545-0003</v>
          </cell>
          <cell r="F1574" t="str">
            <v>大阪府大阪市阿倍野区美章園1-8-20</v>
          </cell>
          <cell r="G1574" t="str">
            <v>大阪市</v>
          </cell>
          <cell r="H1574" t="str">
            <v/>
          </cell>
          <cell r="I1574" t="str">
            <v>代表取締役 平田　裕</v>
          </cell>
          <cell r="J1574" t="str">
            <v>本店</v>
          </cell>
          <cell r="K1574" t="str">
            <v>06-6626-3080</v>
          </cell>
          <cell r="L1574" t="str">
            <v>yuhirata@feel.ocn.ne.jp</v>
          </cell>
          <cell r="M1574" t="str">
            <v>ｿｼｵｴﾝｼﾞﾆｱﾘﾝｸﾞ</v>
          </cell>
          <cell r="N1574" t="str">
            <v>無</v>
          </cell>
          <cell r="O1574">
            <v>14</v>
          </cell>
          <cell r="P1574">
            <v>7</v>
          </cell>
          <cell r="Q1574">
            <v>2120001111154</v>
          </cell>
          <cell r="R1574">
            <v>9500</v>
          </cell>
          <cell r="S1574">
            <v>11009</v>
          </cell>
          <cell r="T1574">
            <v>78348</v>
          </cell>
          <cell r="V1574" t="str">
            <v>kz611787</v>
          </cell>
          <cell r="W1574" t="str">
            <v>bh649973</v>
          </cell>
          <cell r="Y1574" t="str">
            <v>環境,交通,商業,調他</v>
          </cell>
          <cell r="Z1574" t="str">
            <v/>
          </cell>
          <cell r="AA1574" t="str">
            <v/>
          </cell>
          <cell r="AB1574">
            <v>5050</v>
          </cell>
          <cell r="AC1574" t="str">
            <v/>
          </cell>
          <cell r="AD1574">
            <v>1914</v>
          </cell>
          <cell r="AE1574" t="str">
            <v/>
          </cell>
          <cell r="AF1574" t="str">
            <v/>
          </cell>
          <cell r="AI1574">
            <v>3</v>
          </cell>
          <cell r="AJ1574" t="str">
            <v>土木</v>
          </cell>
        </row>
        <row r="1575">
          <cell r="B1575">
            <v>5741</v>
          </cell>
          <cell r="C1575" t="str">
            <v>(株)第一技術コンサルタント</v>
          </cell>
          <cell r="D1575" t="str">
            <v>072-755-3124</v>
          </cell>
          <cell r="E1575" t="str">
            <v>665-0803</v>
          </cell>
          <cell r="F1575" t="str">
            <v>兵庫県宝塚市花屋敷つつじｶﾞ丘6-11-101</v>
          </cell>
          <cell r="G1575" t="str">
            <v>大阪市</v>
          </cell>
          <cell r="H1575" t="str">
            <v>兵庫営業所</v>
          </cell>
          <cell r="I1575" t="str">
            <v>所長 南部　桂二</v>
          </cell>
          <cell r="J1575" t="str">
            <v>大阪府大阪市</v>
          </cell>
          <cell r="K1575" t="str">
            <v>072-755-9281</v>
          </cell>
          <cell r="L1575" t="str">
            <v>daiitigc@aioros.ocn.ne.jp</v>
          </cell>
          <cell r="M1575" t="str">
            <v>ﾀﾞｲｲﾁｷﾞｼﾞｭﾂｺﾝｻﾙﾀﾝﾄ</v>
          </cell>
          <cell r="N1575" t="str">
            <v>有</v>
          </cell>
          <cell r="O1575">
            <v>53</v>
          </cell>
          <cell r="P1575">
            <v>12</v>
          </cell>
          <cell r="Q1575">
            <v>9120001012940</v>
          </cell>
          <cell r="R1575">
            <v>15000</v>
          </cell>
          <cell r="S1575">
            <v>66542</v>
          </cell>
          <cell r="T1575">
            <v>100488</v>
          </cell>
          <cell r="V1575" t="str">
            <v>vb825383</v>
          </cell>
          <cell r="W1575" t="str">
            <v>nw499600</v>
          </cell>
          <cell r="Y1575" t="str">
            <v>測量,上水,下水,</v>
          </cell>
          <cell r="Z1575">
            <v>9547</v>
          </cell>
          <cell r="AA1575" t="str">
            <v/>
          </cell>
          <cell r="AB1575">
            <v>129526</v>
          </cell>
          <cell r="AC1575" t="str">
            <v/>
          </cell>
          <cell r="AD1575" t="str">
            <v/>
          </cell>
          <cell r="AE1575" t="str">
            <v/>
          </cell>
          <cell r="AF1575" t="str">
            <v/>
          </cell>
          <cell r="AI1575">
            <v>3</v>
          </cell>
          <cell r="AJ1575" t="str">
            <v>土木</v>
          </cell>
        </row>
        <row r="1576">
          <cell r="B1576">
            <v>5742</v>
          </cell>
          <cell r="C1576" t="str">
            <v>第一建設設計(株)</v>
          </cell>
          <cell r="D1576" t="str">
            <v>078-595-7352</v>
          </cell>
          <cell r="E1576" t="str">
            <v>651-1111</v>
          </cell>
          <cell r="F1576" t="str">
            <v>兵庫県神戸市北区鈴蘭台北町7-11-11</v>
          </cell>
          <cell r="G1576" t="str">
            <v>大阪市</v>
          </cell>
          <cell r="H1576" t="str">
            <v>神戸事務所</v>
          </cell>
          <cell r="I1576" t="str">
            <v>所長 小林　大二</v>
          </cell>
          <cell r="J1576" t="str">
            <v>大阪府大阪市</v>
          </cell>
          <cell r="K1576" t="str">
            <v>078-595-7362</v>
          </cell>
          <cell r="L1576" t="str">
            <v>inf@daiichi-ks.co.jp</v>
          </cell>
          <cell r="M1576" t="str">
            <v>ﾀﾞｲｲﾁｹﾝｾﾂｾｯｹｲ</v>
          </cell>
          <cell r="N1576" t="str">
            <v>有</v>
          </cell>
          <cell r="O1576">
            <v>57</v>
          </cell>
          <cell r="P1576">
            <v>28</v>
          </cell>
          <cell r="Q1576">
            <v>8120001066260</v>
          </cell>
          <cell r="R1576">
            <v>46000</v>
          </cell>
          <cell r="S1576">
            <v>219704</v>
          </cell>
          <cell r="T1576">
            <v>225964</v>
          </cell>
          <cell r="V1576" t="str">
            <v>kf263736</v>
          </cell>
          <cell r="W1576" t="str">
            <v>tx792450</v>
          </cell>
          <cell r="Y1576" t="str">
            <v>測量,測量,土質,鋼構,河川,道路,施行,造園,下水,地質,交通,</v>
          </cell>
          <cell r="Z1576">
            <v>7691</v>
          </cell>
          <cell r="AA1576" t="str">
            <v/>
          </cell>
          <cell r="AB1576">
            <v>164952</v>
          </cell>
          <cell r="AC1576" t="str">
            <v/>
          </cell>
          <cell r="AD1576">
            <v>2940</v>
          </cell>
          <cell r="AE1576" t="str">
            <v/>
          </cell>
          <cell r="AF1576" t="str">
            <v/>
          </cell>
          <cell r="AI1576">
            <v>3</v>
          </cell>
          <cell r="AJ1576" t="str">
            <v>土木</v>
          </cell>
        </row>
        <row r="1577">
          <cell r="B1577">
            <v>5744</v>
          </cell>
          <cell r="C1577" t="str">
            <v>(株)第一測量</v>
          </cell>
          <cell r="D1577" t="str">
            <v>0791-62-3940</v>
          </cell>
          <cell r="E1577" t="str">
            <v>679-4161</v>
          </cell>
          <cell r="F1577" t="str">
            <v>兵庫県たつの市龍野町日山247-3</v>
          </cell>
          <cell r="G1577" t="str">
            <v>たつの市</v>
          </cell>
          <cell r="H1577" t="str">
            <v/>
          </cell>
          <cell r="I1577" t="str">
            <v>代表取締役 石井　茂則</v>
          </cell>
          <cell r="J1577" t="str">
            <v>本店</v>
          </cell>
          <cell r="K1577" t="str">
            <v>0791-62-3976</v>
          </cell>
          <cell r="L1577" t="str">
            <v>daiichi@tatsuno.or.jp</v>
          </cell>
          <cell r="M1577" t="str">
            <v>ﾀﾞｲｲﾁｿｸﾘｮｳ</v>
          </cell>
          <cell r="N1577" t="str">
            <v>無</v>
          </cell>
          <cell r="O1577">
            <v>32</v>
          </cell>
          <cell r="P1577">
            <v>5</v>
          </cell>
          <cell r="Q1577">
            <v>9140001038389</v>
          </cell>
          <cell r="R1577">
            <v>10000</v>
          </cell>
          <cell r="S1577">
            <v>-8045</v>
          </cell>
          <cell r="T1577">
            <v>21905</v>
          </cell>
          <cell r="V1577" t="str">
            <v>td609472</v>
          </cell>
          <cell r="W1577" t="str">
            <v>uw614831</v>
          </cell>
          <cell r="Y1577" t="str">
            <v>測量,測量,航空,土調,物件,機工,営業,損失,補償,交通,</v>
          </cell>
          <cell r="Z1577">
            <v>8983</v>
          </cell>
          <cell r="AA1577" t="str">
            <v/>
          </cell>
          <cell r="AB1577" t="str">
            <v/>
          </cell>
          <cell r="AC1577">
            <v>9746</v>
          </cell>
          <cell r="AD1577" t="str">
            <v/>
          </cell>
          <cell r="AE1577" t="str">
            <v/>
          </cell>
          <cell r="AF1577" t="str">
            <v/>
          </cell>
          <cell r="AI1577">
            <v>4</v>
          </cell>
          <cell r="AJ1577" t="str">
            <v>補償</v>
          </cell>
        </row>
        <row r="1578">
          <cell r="B1578">
            <v>5745</v>
          </cell>
          <cell r="C1578" t="str">
            <v>第一復建(株)</v>
          </cell>
          <cell r="D1578" t="str">
            <v>078-845-3781</v>
          </cell>
          <cell r="E1578" t="str">
            <v>658-0047</v>
          </cell>
          <cell r="F1578" t="str">
            <v>兵庫県神戸市東灘区御影3-2-11-67</v>
          </cell>
          <cell r="G1578" t="str">
            <v>福岡市</v>
          </cell>
          <cell r="H1578" t="str">
            <v>兵庫事務所</v>
          </cell>
          <cell r="I1578" t="str">
            <v>所長 小林　正典</v>
          </cell>
          <cell r="J1578" t="str">
            <v>福岡県福岡市</v>
          </cell>
          <cell r="K1578" t="str">
            <v>078-845-3782</v>
          </cell>
          <cell r="L1578" t="str">
            <v>o_gyoumu@dfk.co.jp</v>
          </cell>
          <cell r="M1578" t="str">
            <v>ﾀﾞｲｲﾁﾌｯｹﾝ</v>
          </cell>
          <cell r="N1578" t="str">
            <v>有</v>
          </cell>
          <cell r="O1578">
            <v>72</v>
          </cell>
          <cell r="P1578">
            <v>169</v>
          </cell>
          <cell r="Q1578">
            <v>7290001014419</v>
          </cell>
          <cell r="R1578">
            <v>100000</v>
          </cell>
          <cell r="S1578">
            <v>665558</v>
          </cell>
          <cell r="T1578">
            <v>2044033</v>
          </cell>
          <cell r="V1578" t="str">
            <v>zm243765</v>
          </cell>
          <cell r="W1578" t="str">
            <v>hb273547</v>
          </cell>
          <cell r="Y1578" t="str">
            <v>測量,測量,航空,土質,鋼構,河川,道路,施行,建機,地質,造園,下水,都市,土調,物件,損失,</v>
          </cell>
          <cell r="Z1578">
            <v>143743</v>
          </cell>
          <cell r="AA1578" t="str">
            <v/>
          </cell>
          <cell r="AB1578">
            <v>1837130</v>
          </cell>
          <cell r="AC1578">
            <v>42086</v>
          </cell>
          <cell r="AD1578">
            <v>26646</v>
          </cell>
          <cell r="AE1578" t="str">
            <v/>
          </cell>
          <cell r="AF1578" t="str">
            <v/>
          </cell>
          <cell r="AI1578">
            <v>3</v>
          </cell>
          <cell r="AJ1578" t="str">
            <v>土木</v>
          </cell>
        </row>
        <row r="1579">
          <cell r="B1579">
            <v>5746</v>
          </cell>
          <cell r="C1579" t="str">
            <v>(株)大建技術コンサルタンツ</v>
          </cell>
          <cell r="D1579" t="str">
            <v>078-367-1240</v>
          </cell>
          <cell r="E1579" t="str">
            <v>650-0012</v>
          </cell>
          <cell r="F1579" t="str">
            <v>兵庫県神戸市中央区北長狭通5-2-19</v>
          </cell>
          <cell r="G1579" t="str">
            <v>大阪市</v>
          </cell>
          <cell r="H1579" t="str">
            <v>神戸営業所</v>
          </cell>
          <cell r="I1579" t="str">
            <v>所長 登玉　晃次</v>
          </cell>
          <cell r="J1579" t="str">
            <v>大阪府大阪市</v>
          </cell>
          <cell r="K1579" t="str">
            <v>078-367-1241</v>
          </cell>
          <cell r="L1579" t="str">
            <v>eigyo@daiken-tec.co.jp</v>
          </cell>
          <cell r="M1579" t="str">
            <v>ﾀﾞｲｹﾝｷﾞｼﾞｭﾂｺﾝｻﾙﾀﾝﾂ</v>
          </cell>
          <cell r="N1579" t="str">
            <v>有</v>
          </cell>
          <cell r="O1579">
            <v>49</v>
          </cell>
          <cell r="P1579">
            <v>30</v>
          </cell>
          <cell r="Q1579">
            <v>1120001056524</v>
          </cell>
          <cell r="R1579">
            <v>30000</v>
          </cell>
          <cell r="S1579">
            <v>50665</v>
          </cell>
          <cell r="T1579">
            <v>261744</v>
          </cell>
          <cell r="V1579" t="str">
            <v>zm977883</v>
          </cell>
          <cell r="W1579" t="str">
            <v>ck170387</v>
          </cell>
          <cell r="Y1579" t="str">
            <v>測量,土質,鋼構,河川,道路,施行,上水,下水,</v>
          </cell>
          <cell r="Z1579">
            <v>25880</v>
          </cell>
          <cell r="AA1579" t="str">
            <v/>
          </cell>
          <cell r="AB1579">
            <v>231886</v>
          </cell>
          <cell r="AC1579" t="str">
            <v/>
          </cell>
          <cell r="AD1579" t="str">
            <v/>
          </cell>
          <cell r="AE1579" t="str">
            <v/>
          </cell>
          <cell r="AF1579" t="str">
            <v/>
          </cell>
          <cell r="AI1579">
            <v>3</v>
          </cell>
          <cell r="AJ1579" t="str">
            <v>土木</v>
          </cell>
        </row>
        <row r="1580">
          <cell r="B1580">
            <v>5747</v>
          </cell>
          <cell r="C1580" t="str">
            <v>(株)大建設計</v>
          </cell>
          <cell r="D1580" t="str">
            <v>06-6449-6802</v>
          </cell>
          <cell r="E1580" t="str">
            <v>550-0003</v>
          </cell>
          <cell r="F1580" t="str">
            <v>大阪府大阪市西区京町堀1-13-20</v>
          </cell>
          <cell r="G1580" t="str">
            <v>大阪市</v>
          </cell>
          <cell r="H1580" t="str">
            <v>大阪事務所</v>
          </cell>
          <cell r="I1580" t="str">
            <v>取締役執行役員大阪事務所長　 前田　幸宏</v>
          </cell>
          <cell r="J1580" t="str">
            <v>大阪府大阪市</v>
          </cell>
          <cell r="K1580" t="str">
            <v>06-6449-6829</v>
          </cell>
          <cell r="L1580" t="str">
            <v/>
          </cell>
          <cell r="M1580" t="str">
            <v>ﾀﾞｲｹﾝｾﾂｹｲ</v>
          </cell>
          <cell r="N1580" t="str">
            <v>有</v>
          </cell>
          <cell r="O1580">
            <v>70</v>
          </cell>
          <cell r="P1580">
            <v>355</v>
          </cell>
          <cell r="Q1580">
            <v>7120001044853</v>
          </cell>
          <cell r="R1580">
            <v>99000</v>
          </cell>
          <cell r="S1580">
            <v>5299065</v>
          </cell>
          <cell r="T1580">
            <v>6279954</v>
          </cell>
          <cell r="V1580" t="str">
            <v>rp353996</v>
          </cell>
          <cell r="W1580" t="str">
            <v>sz838944</v>
          </cell>
          <cell r="Y1580" t="str">
            <v>建築,意匠,構造,冷暖,衛生,電気,建積,機積,電積,調査,鋼構,都市,土他,</v>
          </cell>
          <cell r="Z1580" t="str">
            <v/>
          </cell>
          <cell r="AA1580">
            <v>5964371</v>
          </cell>
          <cell r="AB1580">
            <v>526864</v>
          </cell>
          <cell r="AC1580" t="str">
            <v/>
          </cell>
          <cell r="AD1580" t="str">
            <v/>
          </cell>
          <cell r="AE1580" t="str">
            <v>その他（家賃収入等）</v>
          </cell>
          <cell r="AF1580">
            <v>11076</v>
          </cell>
          <cell r="AI1580">
            <v>2</v>
          </cell>
          <cell r="AJ1580" t="str">
            <v>建築</v>
          </cell>
        </row>
        <row r="1581">
          <cell r="B1581">
            <v>5749</v>
          </cell>
          <cell r="C1581" t="str">
            <v>(有)ダイコー</v>
          </cell>
          <cell r="D1581" t="str">
            <v>0797-71-7015</v>
          </cell>
          <cell r="E1581" t="str">
            <v>664-0016</v>
          </cell>
          <cell r="F1581" t="str">
            <v>兵庫県宝塚市末成町39-23-3-1</v>
          </cell>
          <cell r="G1581" t="str">
            <v>宝塚市</v>
          </cell>
          <cell r="H1581" t="str">
            <v/>
          </cell>
          <cell r="I1581" t="str">
            <v>取締役　 益田　五男</v>
          </cell>
          <cell r="J1581" t="str">
            <v>本店</v>
          </cell>
          <cell r="K1581" t="str">
            <v>0797-71-7015</v>
          </cell>
          <cell r="L1581" t="str">
            <v>daiko-@tree.odn.ne.jp</v>
          </cell>
          <cell r="M1581" t="str">
            <v>ﾀﾞｲｺ-</v>
          </cell>
          <cell r="N1581" t="str">
            <v>無</v>
          </cell>
          <cell r="O1581">
            <v>15</v>
          </cell>
          <cell r="P1581">
            <v>5</v>
          </cell>
          <cell r="Q1581">
            <v>3140002068184</v>
          </cell>
          <cell r="R1581">
            <v>3000</v>
          </cell>
          <cell r="S1581">
            <v>-5245</v>
          </cell>
          <cell r="T1581">
            <v>17769</v>
          </cell>
          <cell r="V1581" t="str">
            <v>hj772696</v>
          </cell>
          <cell r="W1581" t="str">
            <v>nx692000</v>
          </cell>
          <cell r="Y1581" t="str">
            <v>測量,測量,調他</v>
          </cell>
          <cell r="Z1581">
            <v>10687</v>
          </cell>
          <cell r="AA1581" t="str">
            <v/>
          </cell>
          <cell r="AB1581" t="str">
            <v/>
          </cell>
          <cell r="AC1581" t="str">
            <v/>
          </cell>
          <cell r="AD1581" t="str">
            <v/>
          </cell>
          <cell r="AE1581" t="str">
            <v/>
          </cell>
          <cell r="AF1581" t="str">
            <v/>
          </cell>
          <cell r="AI1581">
            <v>1</v>
          </cell>
          <cell r="AJ1581" t="str">
            <v>測量</v>
          </cell>
        </row>
        <row r="1582">
          <cell r="B1582">
            <v>5750</v>
          </cell>
          <cell r="C1582" t="str">
            <v>(株)アサノ大成基礎エンジニアリング</v>
          </cell>
          <cell r="D1582" t="str">
            <v>078-222-2776</v>
          </cell>
          <cell r="E1582" t="str">
            <v>651-0084</v>
          </cell>
          <cell r="F1582" t="str">
            <v>兵庫県神戸市中央区磯辺通2-2-3</v>
          </cell>
          <cell r="H1582" t="str">
            <v>神戸営業所</v>
          </cell>
          <cell r="I1582" t="str">
            <v>所長 桃井　信也</v>
          </cell>
          <cell r="J1582" t="str">
            <v>東京都</v>
          </cell>
          <cell r="K1582" t="str">
            <v>078-222-2776</v>
          </cell>
          <cell r="L1582" t="str">
            <v>kinki_bid@atk-eng.jp</v>
          </cell>
          <cell r="M1582" t="str">
            <v>ｱｻﾉﾀｲｾｲｷｿｴﾝｼﾞﾆｱﾘﾝｸﾞ</v>
          </cell>
          <cell r="N1582" t="str">
            <v>有</v>
          </cell>
          <cell r="O1582">
            <v>56</v>
          </cell>
          <cell r="P1582">
            <v>254</v>
          </cell>
          <cell r="Q1582">
            <v>5010001078914</v>
          </cell>
          <cell r="R1582">
            <v>450000</v>
          </cell>
          <cell r="S1582">
            <v>1868497</v>
          </cell>
          <cell r="T1582">
            <v>7305317</v>
          </cell>
          <cell r="V1582" t="str">
            <v>yz558025</v>
          </cell>
          <cell r="W1582" t="str">
            <v>cs964674</v>
          </cell>
          <cell r="Y1582" t="str">
            <v>測量,建築,構造,調査,土質,鋼構,河川,道路,施行,地質,下水,土他,地質,水質,</v>
          </cell>
          <cell r="Z1582">
            <v>34383</v>
          </cell>
          <cell r="AA1582">
            <v>753251</v>
          </cell>
          <cell r="AB1582">
            <v>925303</v>
          </cell>
          <cell r="AC1582" t="str">
            <v/>
          </cell>
          <cell r="AD1582">
            <v>2141341</v>
          </cell>
          <cell r="AE1582" t="str">
            <v>環境</v>
          </cell>
          <cell r="AF1582">
            <v>64761</v>
          </cell>
          <cell r="AI1582">
            <v>5</v>
          </cell>
          <cell r="AJ1582" t="str">
            <v>調査</v>
          </cell>
        </row>
        <row r="1583">
          <cell r="B1583">
            <v>5754</v>
          </cell>
          <cell r="C1583" t="str">
            <v>大日コンサルタント(株)</v>
          </cell>
          <cell r="D1583" t="str">
            <v>078-384-4977</v>
          </cell>
          <cell r="E1583" t="str">
            <v>651-0083</v>
          </cell>
          <cell r="F1583" t="str">
            <v>兵庫県神戸市中央区浜辺通4-1-23</v>
          </cell>
          <cell r="G1583" t="str">
            <v>岐阜市</v>
          </cell>
          <cell r="H1583" t="str">
            <v>神戸事務所</v>
          </cell>
          <cell r="I1583" t="str">
            <v>所長 志波　和明</v>
          </cell>
          <cell r="J1583" t="str">
            <v>岐阜県岐阜市</v>
          </cell>
          <cell r="K1583" t="str">
            <v>050-3730-8144</v>
          </cell>
          <cell r="L1583" t="str">
            <v>eosk@dainichi-consul.co.jp</v>
          </cell>
          <cell r="M1583" t="str">
            <v>ﾀﾞｲﾆﾁｺﾝｻﾙﾀﾝﾄ</v>
          </cell>
          <cell r="N1583" t="str">
            <v>有</v>
          </cell>
          <cell r="O1583">
            <v>66</v>
          </cell>
          <cell r="P1583">
            <v>346</v>
          </cell>
          <cell r="Q1583">
            <v>9200001003031</v>
          </cell>
          <cell r="R1583">
            <v>96000</v>
          </cell>
          <cell r="S1583">
            <v>4122969</v>
          </cell>
          <cell r="T1583">
            <v>6625259</v>
          </cell>
          <cell r="V1583" t="str">
            <v>xa435650</v>
          </cell>
          <cell r="W1583" t="str">
            <v>aq851359</v>
          </cell>
          <cell r="Y1583" t="str">
            <v>測量,土質,鋼構,河川,道路,施行,地質,造園,下水,都市,土調,物件,機工,営業,損失,補償,地質,大気,騒音,交通,</v>
          </cell>
          <cell r="Z1583">
            <v>275486</v>
          </cell>
          <cell r="AA1583">
            <v>7890</v>
          </cell>
          <cell r="AB1583">
            <v>5936966</v>
          </cell>
          <cell r="AC1583">
            <v>119569</v>
          </cell>
          <cell r="AD1583">
            <v>81623</v>
          </cell>
          <cell r="AE1583" t="str">
            <v/>
          </cell>
          <cell r="AF1583" t="str">
            <v/>
          </cell>
          <cell r="AI1583">
            <v>3</v>
          </cell>
          <cell r="AJ1583" t="str">
            <v>土木</v>
          </cell>
        </row>
        <row r="1584">
          <cell r="B1584">
            <v>5755</v>
          </cell>
          <cell r="C1584" t="str">
            <v>大日本コンサルタント(株)</v>
          </cell>
          <cell r="D1584" t="str">
            <v>078-327-6167</v>
          </cell>
          <cell r="E1584" t="str">
            <v>650-0031</v>
          </cell>
          <cell r="F1584" t="str">
            <v>兵庫県神戸市中央区東町123-1</v>
          </cell>
          <cell r="H1584" t="str">
            <v>神戸営業所</v>
          </cell>
          <cell r="I1584" t="str">
            <v>所長 小川　直樹</v>
          </cell>
          <cell r="J1584" t="str">
            <v>東京都</v>
          </cell>
          <cell r="K1584" t="str">
            <v>078-327-6168</v>
          </cell>
          <cell r="L1584" t="str">
            <v>e-osaka@ne-con.co.jp</v>
          </cell>
          <cell r="M1584" t="str">
            <v>ﾀﾞｲﾆｯﾎﾟﾝｺﾝｻﾙﾀﾝﾄ</v>
          </cell>
          <cell r="N1584" t="str">
            <v>有</v>
          </cell>
          <cell r="O1584">
            <v>55</v>
          </cell>
          <cell r="P1584">
            <v>638</v>
          </cell>
          <cell r="Q1584">
            <v>8013301006938</v>
          </cell>
          <cell r="R1584">
            <v>1399000</v>
          </cell>
          <cell r="S1584">
            <v>5303746</v>
          </cell>
          <cell r="T1584">
            <v>14142575</v>
          </cell>
          <cell r="V1584" t="str">
            <v>hj401601</v>
          </cell>
          <cell r="W1584" t="str">
            <v>wn517392</v>
          </cell>
          <cell r="Y1584" t="str">
            <v>測量,測量,航空,建築,意匠,構造,冷暖,衛生,電気,建積,機積,電積,調査,土質,鋼構,河川,道路,施行,地質,造園,下水,都市,スポ,環境,土他,地質,水質,大気,騒音,交通,商業,調他</v>
          </cell>
          <cell r="Z1584">
            <v>135316</v>
          </cell>
          <cell r="AA1584">
            <v>24345</v>
          </cell>
          <cell r="AB1584">
            <v>13866552</v>
          </cell>
          <cell r="AC1584" t="str">
            <v/>
          </cell>
          <cell r="AD1584">
            <v>115150</v>
          </cell>
          <cell r="AE1584" t="str">
            <v/>
          </cell>
          <cell r="AF1584" t="str">
            <v/>
          </cell>
          <cell r="AI1584">
            <v>3</v>
          </cell>
          <cell r="AJ1584" t="str">
            <v>土木</v>
          </cell>
        </row>
        <row r="1585">
          <cell r="B1585">
            <v>5757</v>
          </cell>
          <cell r="C1585" t="str">
            <v>(株)ダイヤコンサルタント</v>
          </cell>
          <cell r="D1585" t="str">
            <v>078-251-5741</v>
          </cell>
          <cell r="E1585" t="str">
            <v>651-0085</v>
          </cell>
          <cell r="F1585" t="str">
            <v>兵庫県神戸市中央区八幡通3‐2‐5</v>
          </cell>
          <cell r="H1585" t="str">
            <v>神戸支店</v>
          </cell>
          <cell r="I1585" t="str">
            <v>支店長 井芹　智徳</v>
          </cell>
          <cell r="J1585" t="str">
            <v>東京都</v>
          </cell>
          <cell r="K1585" t="str">
            <v>078-251-5742</v>
          </cell>
          <cell r="L1585" t="str">
            <v>kob-ec@diaconsult.co.jp</v>
          </cell>
          <cell r="M1585" t="str">
            <v>ﾀﾞｲﾔｺﾝｻﾙﾀﾝﾄ</v>
          </cell>
          <cell r="N1585" t="str">
            <v>有</v>
          </cell>
          <cell r="O1585">
            <v>55</v>
          </cell>
          <cell r="P1585">
            <v>412</v>
          </cell>
          <cell r="Q1585">
            <v>8010001076774</v>
          </cell>
          <cell r="R1585">
            <v>455000</v>
          </cell>
          <cell r="S1585">
            <v>3505770</v>
          </cell>
          <cell r="T1585">
            <v>12152943</v>
          </cell>
          <cell r="V1585" t="str">
            <v>rw202524</v>
          </cell>
          <cell r="W1585" t="str">
            <v>bs137547</v>
          </cell>
          <cell r="Y1585" t="str">
            <v>測量,土質,鋼構,河川,道路,地質,上水,下水,都市,地質,水質,交通,</v>
          </cell>
          <cell r="Z1585">
            <v>22466</v>
          </cell>
          <cell r="AA1585" t="str">
            <v/>
          </cell>
          <cell r="AB1585">
            <v>6449252</v>
          </cell>
          <cell r="AC1585" t="str">
            <v/>
          </cell>
          <cell r="AD1585">
            <v>5073356</v>
          </cell>
          <cell r="AE1585" t="str">
            <v/>
          </cell>
          <cell r="AF1585" t="str">
            <v/>
          </cell>
          <cell r="AI1585">
            <v>3</v>
          </cell>
          <cell r="AJ1585" t="str">
            <v>土木</v>
          </cell>
        </row>
        <row r="1586">
          <cell r="B1586">
            <v>5758</v>
          </cell>
          <cell r="C1586" t="str">
            <v>太洋エンジニアリング(株)</v>
          </cell>
          <cell r="D1586" t="str">
            <v>078-251-5741</v>
          </cell>
          <cell r="E1586" t="str">
            <v>651-1205</v>
          </cell>
          <cell r="F1586" t="str">
            <v>兵庫県神戸市中央区御幸通4-2-20</v>
          </cell>
          <cell r="G1586" t="str">
            <v>奈良市</v>
          </cell>
          <cell r="H1586" t="str">
            <v>神戸営業所</v>
          </cell>
          <cell r="I1586" t="str">
            <v>所長 島田　直哉</v>
          </cell>
          <cell r="J1586" t="str">
            <v>奈良県奈良市</v>
          </cell>
          <cell r="K1586" t="str">
            <v>078-252-1073</v>
          </cell>
          <cell r="L1586" t="str">
            <v>eigyoubu@taiyoengineering.co.jp</v>
          </cell>
          <cell r="M1586" t="str">
            <v>ﾀｲﾖｳｴﾝｼﾞﾆｱﾘﾝｸﾞ</v>
          </cell>
          <cell r="N1586" t="str">
            <v>有</v>
          </cell>
          <cell r="O1586">
            <v>35</v>
          </cell>
          <cell r="P1586">
            <v>95</v>
          </cell>
          <cell r="Q1586">
            <v>8150001001280</v>
          </cell>
          <cell r="R1586">
            <v>24000</v>
          </cell>
          <cell r="S1586">
            <v>624235</v>
          </cell>
          <cell r="T1586">
            <v>2019165</v>
          </cell>
          <cell r="V1586" t="str">
            <v>uq532374</v>
          </cell>
          <cell r="W1586" t="str">
            <v>vp152430</v>
          </cell>
          <cell r="Y1586" t="str">
            <v>測量,測量,航空,土質,鋼構,河川,道路,下水,土調,土評,物件,機工,営業,損失,地質,交通,商業,調他</v>
          </cell>
          <cell r="Z1586">
            <v>444418</v>
          </cell>
          <cell r="AA1586" t="str">
            <v/>
          </cell>
          <cell r="AB1586">
            <v>598359</v>
          </cell>
          <cell r="AC1586">
            <v>195278</v>
          </cell>
          <cell r="AD1586">
            <v>402072</v>
          </cell>
          <cell r="AE1586" t="str">
            <v/>
          </cell>
          <cell r="AF1586" t="str">
            <v/>
          </cell>
          <cell r="AI1586">
            <v>3</v>
          </cell>
          <cell r="AJ1586" t="str">
            <v>土木</v>
          </cell>
        </row>
        <row r="1587">
          <cell r="B1587">
            <v>5764</v>
          </cell>
          <cell r="C1587" t="str">
            <v>大和不動産鑑定(株)</v>
          </cell>
          <cell r="D1587" t="str">
            <v>06-6536-0600</v>
          </cell>
          <cell r="E1587" t="str">
            <v>550-0005</v>
          </cell>
          <cell r="F1587" t="str">
            <v>大阪府西区西本町1-4-1</v>
          </cell>
          <cell r="H1587" t="str">
            <v>大阪本社</v>
          </cell>
          <cell r="I1587" t="str">
            <v>取締役大阪本社代表者 山内　正己</v>
          </cell>
          <cell r="J1587" t="str">
            <v>大阪府</v>
          </cell>
          <cell r="K1587" t="str">
            <v>06-6536-7744</v>
          </cell>
          <cell r="L1587" t="str">
            <v>osaka@daiwakantei.co.jp</v>
          </cell>
          <cell r="M1587" t="str">
            <v>ﾀﾞｲﾜﾌﾄﾞｳｻﾝｶﾝﾃｲ</v>
          </cell>
          <cell r="N1587" t="str">
            <v>有</v>
          </cell>
          <cell r="O1587">
            <v>52</v>
          </cell>
          <cell r="P1587">
            <v>277</v>
          </cell>
          <cell r="Q1587">
            <v>3120001083789</v>
          </cell>
          <cell r="R1587">
            <v>47000</v>
          </cell>
          <cell r="S1587">
            <v>1896527</v>
          </cell>
          <cell r="T1587">
            <v>3231715</v>
          </cell>
          <cell r="V1587" t="str">
            <v>pj736433</v>
          </cell>
          <cell r="W1587" t="str">
            <v>kh710601</v>
          </cell>
          <cell r="Y1587" t="str">
            <v>建築,調査,環境,土他,土評,鑑定,</v>
          </cell>
          <cell r="Z1587" t="str">
            <v/>
          </cell>
          <cell r="AA1587">
            <v>154891</v>
          </cell>
          <cell r="AB1587">
            <v>78864</v>
          </cell>
          <cell r="AC1587">
            <v>2852984</v>
          </cell>
          <cell r="AD1587" t="str">
            <v/>
          </cell>
          <cell r="AE1587" t="str">
            <v/>
          </cell>
          <cell r="AF1587" t="str">
            <v/>
          </cell>
          <cell r="AI1587">
            <v>4</v>
          </cell>
          <cell r="AJ1587" t="str">
            <v>補償</v>
          </cell>
        </row>
        <row r="1588">
          <cell r="B1588">
            <v>5765</v>
          </cell>
          <cell r="C1588" t="str">
            <v>(株)ファノバ</v>
          </cell>
          <cell r="D1588" t="str">
            <v>078-335-2424</v>
          </cell>
          <cell r="E1588" t="str">
            <v>650-0022</v>
          </cell>
          <cell r="F1588" t="str">
            <v>兵庫県神戸市中央区元町通3-17-8</v>
          </cell>
          <cell r="G1588" t="str">
            <v>大阪市</v>
          </cell>
          <cell r="H1588" t="str">
            <v>神戸営業所</v>
          </cell>
          <cell r="I1588" t="str">
            <v>所長 森川　悟</v>
          </cell>
          <cell r="J1588" t="str">
            <v>大阪府大阪市</v>
          </cell>
          <cell r="K1588" t="str">
            <v>078-335-2424</v>
          </cell>
          <cell r="L1588" t="str">
            <v>osk.con@fanova.co.jp</v>
          </cell>
          <cell r="M1588" t="str">
            <v>ﾀｶﾀﾞ</v>
          </cell>
          <cell r="N1588" t="str">
            <v>有</v>
          </cell>
          <cell r="O1588">
            <v>49</v>
          </cell>
          <cell r="P1588">
            <v>520</v>
          </cell>
          <cell r="Q1588">
            <v>7120901001235</v>
          </cell>
          <cell r="R1588">
            <v>30000</v>
          </cell>
          <cell r="S1588">
            <v>738995</v>
          </cell>
          <cell r="T1588">
            <v>4141669</v>
          </cell>
          <cell r="V1588" t="str">
            <v>pe945937</v>
          </cell>
          <cell r="W1588" t="str">
            <v>ga170858</v>
          </cell>
          <cell r="Y1588" t="str">
            <v>測量,測量,建築,建積,機積,電積,調査,土調,土評,物件,機工,営業,損失,補償,水質,騒音,</v>
          </cell>
          <cell r="Z1588">
            <v>13019</v>
          </cell>
          <cell r="AA1588" t="str">
            <v/>
          </cell>
          <cell r="AB1588" t="str">
            <v/>
          </cell>
          <cell r="AC1588">
            <v>560961</v>
          </cell>
          <cell r="AD1588" t="str">
            <v/>
          </cell>
          <cell r="AE1588" t="str">
            <v/>
          </cell>
          <cell r="AF1588" t="str">
            <v/>
          </cell>
          <cell r="AI1588">
            <v>4</v>
          </cell>
          <cell r="AJ1588" t="str">
            <v>補償</v>
          </cell>
        </row>
        <row r="1589">
          <cell r="B1589">
            <v>5770</v>
          </cell>
          <cell r="C1589" t="str">
            <v>(株)武仲</v>
          </cell>
          <cell r="D1589" t="str">
            <v>078-231-2791</v>
          </cell>
          <cell r="E1589" t="str">
            <v>651-0085</v>
          </cell>
          <cell r="F1589" t="str">
            <v>兵庫県神戸市中央区八幡通4-1-11</v>
          </cell>
          <cell r="G1589" t="str">
            <v>神戸市</v>
          </cell>
          <cell r="H1589" t="str">
            <v/>
          </cell>
          <cell r="I1589" t="str">
            <v>代表取締役 武仲　裕司</v>
          </cell>
          <cell r="J1589" t="str">
            <v>本店</v>
          </cell>
          <cell r="K1589" t="str">
            <v>078-231-0377</v>
          </cell>
          <cell r="L1589" t="str">
            <v>info@ec-takenaka.com</v>
          </cell>
          <cell r="M1589" t="str">
            <v>ﾀｹﾅｶ</v>
          </cell>
          <cell r="N1589" t="str">
            <v>無</v>
          </cell>
          <cell r="O1589">
            <v>54</v>
          </cell>
          <cell r="P1589">
            <v>20</v>
          </cell>
          <cell r="Q1589">
            <v>4140001009188</v>
          </cell>
          <cell r="R1589">
            <v>22000</v>
          </cell>
          <cell r="S1589">
            <v>38874</v>
          </cell>
          <cell r="T1589">
            <v>143733</v>
          </cell>
          <cell r="V1589" t="str">
            <v>ea399203</v>
          </cell>
          <cell r="W1589" t="str">
            <v>nd891942</v>
          </cell>
          <cell r="Y1589" t="str">
            <v>測量,土質,鋼構,河川,道路,施行,地質,上水,下水,土調,</v>
          </cell>
          <cell r="Z1589">
            <v>55978</v>
          </cell>
          <cell r="AA1589" t="str">
            <v/>
          </cell>
          <cell r="AB1589">
            <v>77439</v>
          </cell>
          <cell r="AC1589">
            <v>17541</v>
          </cell>
          <cell r="AD1589" t="str">
            <v/>
          </cell>
          <cell r="AE1589" t="str">
            <v/>
          </cell>
          <cell r="AF1589" t="str">
            <v/>
          </cell>
          <cell r="AI1589">
            <v>3</v>
          </cell>
          <cell r="AJ1589" t="str">
            <v>土木</v>
          </cell>
        </row>
        <row r="1590">
          <cell r="B1590">
            <v>5772</v>
          </cell>
          <cell r="C1590" t="str">
            <v>(株)タツタ環境分析センター</v>
          </cell>
          <cell r="D1590" t="str">
            <v>06-6426-3222</v>
          </cell>
          <cell r="E1590" t="str">
            <v>661-0003</v>
          </cell>
          <cell r="F1590" t="str">
            <v>兵庫県尼崎市富松町1-37-22</v>
          </cell>
          <cell r="G1590" t="str">
            <v>東大阪市</v>
          </cell>
          <cell r="H1590" t="str">
            <v>兵庫営業所</v>
          </cell>
          <cell r="I1590" t="str">
            <v>所長 浦田　淳也</v>
          </cell>
          <cell r="J1590" t="str">
            <v>大阪府東大阪市</v>
          </cell>
          <cell r="K1590" t="str">
            <v>06-6721-0773</v>
          </cell>
          <cell r="L1590" t="str">
            <v>bunseki@tatsuta.co.jp</v>
          </cell>
          <cell r="M1590" t="str">
            <v>ﾀﾂﾀｶﾝｷｮｳﾌﾞﾝｾｷｾﾝﾀｰ</v>
          </cell>
          <cell r="N1590" t="str">
            <v>有</v>
          </cell>
          <cell r="O1590">
            <v>38</v>
          </cell>
          <cell r="P1590">
            <v>94</v>
          </cell>
          <cell r="Q1590">
            <v>6122001004763</v>
          </cell>
          <cell r="R1590">
            <v>10000</v>
          </cell>
          <cell r="S1590">
            <v>295879</v>
          </cell>
          <cell r="T1590">
            <v>1027602</v>
          </cell>
          <cell r="V1590" t="str">
            <v>kb972302</v>
          </cell>
          <cell r="W1590" t="str">
            <v>zq170304</v>
          </cell>
          <cell r="Y1590" t="str">
            <v>地質,水質,大気,騒音,</v>
          </cell>
          <cell r="Z1590" t="str">
            <v/>
          </cell>
          <cell r="AA1590" t="str">
            <v/>
          </cell>
          <cell r="AB1590" t="str">
            <v/>
          </cell>
          <cell r="AC1590" t="str">
            <v/>
          </cell>
          <cell r="AD1590">
            <v>1001865</v>
          </cell>
          <cell r="AE1590" t="str">
            <v/>
          </cell>
          <cell r="AF1590" t="str">
            <v/>
          </cell>
          <cell r="AI1590">
            <v>5</v>
          </cell>
          <cell r="AJ1590" t="str">
            <v>調査</v>
          </cell>
        </row>
        <row r="1591">
          <cell r="B1591">
            <v>5776</v>
          </cell>
          <cell r="C1591" t="str">
            <v>(株)谷澤総合鑑定所</v>
          </cell>
          <cell r="D1591" t="str">
            <v>078-231-0701</v>
          </cell>
          <cell r="E1591" t="str">
            <v>651-0086</v>
          </cell>
          <cell r="F1591" t="str">
            <v>兵庫県神戸市中央区磯上通7-1-8</v>
          </cell>
          <cell r="G1591" t="str">
            <v>大阪市</v>
          </cell>
          <cell r="H1591" t="str">
            <v>神戸支社</v>
          </cell>
          <cell r="I1591" t="str">
            <v>支社長 上原　卓志</v>
          </cell>
          <cell r="J1591" t="str">
            <v>大阪府大阪市</v>
          </cell>
          <cell r="K1591" t="str">
            <v>078-231-0729</v>
          </cell>
          <cell r="L1591" t="str">
            <v>ninsyou-kobe@tanikan.co.jp</v>
          </cell>
          <cell r="M1591" t="str">
            <v>ﾀﾆｻﾞﾜｿｳｺﾞｳｶﾝﾃｲｼｮ</v>
          </cell>
          <cell r="N1591" t="str">
            <v>有</v>
          </cell>
          <cell r="O1591">
            <v>51</v>
          </cell>
          <cell r="P1591">
            <v>148</v>
          </cell>
          <cell r="Q1591">
            <v>5120001045309</v>
          </cell>
          <cell r="R1591">
            <v>25000</v>
          </cell>
          <cell r="S1591">
            <v>1416726</v>
          </cell>
          <cell r="T1591">
            <v>2194324</v>
          </cell>
          <cell r="V1591" t="str">
            <v>jx132086</v>
          </cell>
          <cell r="W1591" t="str">
            <v>nw795562</v>
          </cell>
          <cell r="Y1591" t="str">
            <v>建築,意匠,調査,土評,物件,営業,鑑定,</v>
          </cell>
          <cell r="Z1591" t="str">
            <v/>
          </cell>
          <cell r="AA1591" t="str">
            <v/>
          </cell>
          <cell r="AB1591" t="str">
            <v/>
          </cell>
          <cell r="AC1591">
            <v>216857</v>
          </cell>
          <cell r="AD1591" t="str">
            <v/>
          </cell>
          <cell r="AE1591" t="str">
            <v>不動産鑑定業務</v>
          </cell>
          <cell r="AF1591">
            <v>1632109</v>
          </cell>
          <cell r="AI1591">
            <v>4</v>
          </cell>
          <cell r="AJ1591" t="str">
            <v>補償</v>
          </cell>
        </row>
        <row r="1592">
          <cell r="B1592">
            <v>5778</v>
          </cell>
          <cell r="C1592" t="str">
            <v>玉野総合コンサルタント(株)</v>
          </cell>
          <cell r="D1592" t="str">
            <v>078-392-5526</v>
          </cell>
          <cell r="E1592" t="str">
            <v>650-0032</v>
          </cell>
          <cell r="F1592" t="str">
            <v>兵庫県神戸市中央区伊藤町121</v>
          </cell>
          <cell r="G1592" t="str">
            <v>名古屋市</v>
          </cell>
          <cell r="H1592" t="str">
            <v>神戸事務所</v>
          </cell>
          <cell r="I1592" t="str">
            <v>所長 佐野　靖宏</v>
          </cell>
          <cell r="J1592" t="str">
            <v>愛知県名古屋市</v>
          </cell>
          <cell r="K1592" t="str">
            <v>078-392-6126</v>
          </cell>
          <cell r="L1592" t="str">
            <v>ts-calshyo@tamano.co.jp</v>
          </cell>
          <cell r="M1592" t="str">
            <v>ﾀﾏﾉｿｳｺﾞｳｺﾝｻﾙﾀﾝﾄ</v>
          </cell>
          <cell r="N1592" t="str">
            <v>有</v>
          </cell>
          <cell r="O1592">
            <v>67</v>
          </cell>
          <cell r="P1592">
            <v>727</v>
          </cell>
          <cell r="Q1592">
            <v>4180001031246</v>
          </cell>
          <cell r="R1592">
            <v>1682000</v>
          </cell>
          <cell r="S1592">
            <v>5045170</v>
          </cell>
          <cell r="T1592">
            <v>12580323</v>
          </cell>
          <cell r="V1592" t="str">
            <v>sg660837</v>
          </cell>
          <cell r="W1592" t="str">
            <v>pq148319</v>
          </cell>
          <cell r="Y1592" t="str">
            <v>測量,測量,航空,建築,意匠,構造,冷暖,衛生,電気,建積,機積,電積,調査,土質,鋼構,河川,道路,施行,地質,造園,下水,都市,スポ,環境,土他,土調,土評,物件,機工,営業,損失,補償,鑑定,登記,地質,水質,大気,騒音,交通,商業,調他</v>
          </cell>
          <cell r="Z1592">
            <v>1062244</v>
          </cell>
          <cell r="AA1592">
            <v>143166</v>
          </cell>
          <cell r="AB1592">
            <v>10842100</v>
          </cell>
          <cell r="AC1592">
            <v>532494</v>
          </cell>
          <cell r="AD1592">
            <v>532494</v>
          </cell>
          <cell r="AE1592" t="str">
            <v/>
          </cell>
          <cell r="AF1592" t="str">
            <v/>
          </cell>
          <cell r="AI1592">
            <v>3</v>
          </cell>
          <cell r="AJ1592" t="str">
            <v>土木</v>
          </cell>
        </row>
        <row r="1593">
          <cell r="B1593">
            <v>5779</v>
          </cell>
          <cell r="C1593" t="str">
            <v>(株)丹青社</v>
          </cell>
          <cell r="D1593" t="str">
            <v>06-6377-5982</v>
          </cell>
          <cell r="E1593" t="str">
            <v>654-0081</v>
          </cell>
          <cell r="F1593" t="str">
            <v>大阪府大阪市北区大深町3-1</v>
          </cell>
          <cell r="G1593" t="str">
            <v/>
          </cell>
          <cell r="H1593" t="str">
            <v>関西支店</v>
          </cell>
          <cell r="I1593" t="str">
            <v>関西支店長　 大岩　典文</v>
          </cell>
          <cell r="J1593" t="str">
            <v>東京都</v>
          </cell>
          <cell r="K1593" t="str">
            <v>06-6377-5992</v>
          </cell>
          <cell r="L1593" t="str">
            <v>dnsnst0604@tanseisha.co.jp</v>
          </cell>
          <cell r="M1593" t="str">
            <v>ﾀﾝｾｲｼﾔ</v>
          </cell>
          <cell r="N1593" t="str">
            <v>有</v>
          </cell>
          <cell r="O1593">
            <v>72</v>
          </cell>
          <cell r="P1593">
            <v>920</v>
          </cell>
          <cell r="Q1593">
            <v>3010000000000</v>
          </cell>
          <cell r="R1593">
            <v>4026750</v>
          </cell>
          <cell r="S1593">
            <v>23921832</v>
          </cell>
          <cell r="T1593">
            <v>71394389</v>
          </cell>
          <cell r="V1593" t="str">
            <v>sw972303</v>
          </cell>
          <cell r="W1593" t="str">
            <v>zf349941</v>
          </cell>
          <cell r="Y1593" t="str">
            <v>建築,意匠,</v>
          </cell>
          <cell r="Z1593" t="str">
            <v/>
          </cell>
          <cell r="AA1593">
            <v>3122314</v>
          </cell>
          <cell r="AB1593" t="str">
            <v/>
          </cell>
          <cell r="AC1593" t="str">
            <v/>
          </cell>
          <cell r="AD1593" t="str">
            <v/>
          </cell>
          <cell r="AE1593" t="str">
            <v/>
          </cell>
          <cell r="AF1593" t="str">
            <v/>
          </cell>
          <cell r="AI1593">
            <v>2</v>
          </cell>
          <cell r="AJ1593" t="str">
            <v>建築</v>
          </cell>
        </row>
        <row r="1594">
          <cell r="B1594">
            <v>5780</v>
          </cell>
          <cell r="C1594" t="str">
            <v>大伸開発(株)</v>
          </cell>
          <cell r="D1594" t="str">
            <v>0798-38-2077</v>
          </cell>
          <cell r="E1594" t="str">
            <v>662-0914</v>
          </cell>
          <cell r="F1594" t="str">
            <v>兵庫県西宮市本町11-28</v>
          </cell>
          <cell r="G1594" t="str">
            <v>姫路市</v>
          </cell>
          <cell r="H1594" t="str">
            <v>西宮支店</v>
          </cell>
          <cell r="I1594" t="str">
            <v>支店長 坪内　成司</v>
          </cell>
          <cell r="J1594" t="str">
            <v>兵庫県姫路市</v>
          </cell>
          <cell r="K1594" t="str">
            <v>0798-38-2080</v>
          </cell>
          <cell r="L1594" t="str">
            <v>eigyoubu@daishinkaihatu.co.jp</v>
          </cell>
          <cell r="M1594" t="str">
            <v>ﾀﾞｲｼﾝｶｲﾊﾂ</v>
          </cell>
          <cell r="N1594" t="str">
            <v>有</v>
          </cell>
          <cell r="O1594">
            <v>27</v>
          </cell>
          <cell r="P1594">
            <v>14</v>
          </cell>
          <cell r="Q1594">
            <v>7140001059783</v>
          </cell>
          <cell r="R1594">
            <v>10000</v>
          </cell>
          <cell r="S1594">
            <v>152374</v>
          </cell>
          <cell r="T1594">
            <v>190420</v>
          </cell>
          <cell r="V1594" t="str">
            <v>bv694868</v>
          </cell>
          <cell r="W1594" t="str">
            <v>cz976623</v>
          </cell>
          <cell r="Y1594" t="str">
            <v>土質,鋼構,河川,道路,地質,土他,地質,</v>
          </cell>
          <cell r="Z1594">
            <v>26020</v>
          </cell>
          <cell r="AA1594" t="str">
            <v/>
          </cell>
          <cell r="AB1594">
            <v>141673</v>
          </cell>
          <cell r="AC1594" t="str">
            <v/>
          </cell>
          <cell r="AD1594" t="str">
            <v/>
          </cell>
          <cell r="AE1594" t="str">
            <v/>
          </cell>
          <cell r="AF1594" t="str">
            <v/>
          </cell>
          <cell r="AI1594">
            <v>3</v>
          </cell>
          <cell r="AJ1594" t="str">
            <v>土木</v>
          </cell>
        </row>
        <row r="1595">
          <cell r="B1595">
            <v>5783</v>
          </cell>
          <cell r="C1595" t="str">
            <v>(株)壇建築計画事務所</v>
          </cell>
          <cell r="D1595" t="str">
            <v>072-444-1605</v>
          </cell>
          <cell r="E1595" t="str">
            <v>596-0044</v>
          </cell>
          <cell r="F1595" t="str">
            <v>大阪府岸和田市西之内町27-5</v>
          </cell>
          <cell r="G1595" t="str">
            <v>岸和田市</v>
          </cell>
          <cell r="H1595" t="str">
            <v/>
          </cell>
          <cell r="I1595" t="str">
            <v>代表取締役 北野　健太郎</v>
          </cell>
          <cell r="J1595" t="str">
            <v>本店</v>
          </cell>
          <cell r="K1595" t="str">
            <v>072-443-1138</v>
          </cell>
          <cell r="L1595" t="str">
            <v>plan@dan-kenchiku.co.jp</v>
          </cell>
          <cell r="M1595" t="str">
            <v>ﾀﾞﾝｹﾝﾁｸｹｲｶｸｼﾞﾑｼｮ</v>
          </cell>
          <cell r="N1595" t="str">
            <v>無</v>
          </cell>
          <cell r="O1595">
            <v>44</v>
          </cell>
          <cell r="P1595">
            <v>45</v>
          </cell>
          <cell r="Q1595">
            <v>1120101037119</v>
          </cell>
          <cell r="R1595">
            <v>30000</v>
          </cell>
          <cell r="S1595">
            <v>73182</v>
          </cell>
          <cell r="T1595">
            <v>819597</v>
          </cell>
          <cell r="V1595" t="str">
            <v>rh538376</v>
          </cell>
          <cell r="W1595" t="str">
            <v>wg978798</v>
          </cell>
          <cell r="Y1595" t="str">
            <v>建築,意匠,構造,冷暖,衛生,電気,建積,機積,電積,調査,都市,</v>
          </cell>
          <cell r="Z1595" t="str">
            <v/>
          </cell>
          <cell r="AA1595">
            <v>818758</v>
          </cell>
          <cell r="AB1595">
            <v>3652</v>
          </cell>
          <cell r="AC1595" t="str">
            <v/>
          </cell>
          <cell r="AD1595" t="str">
            <v/>
          </cell>
          <cell r="AE1595" t="str">
            <v/>
          </cell>
          <cell r="AF1595" t="str">
            <v/>
          </cell>
          <cell r="AI1595">
            <v>2</v>
          </cell>
          <cell r="AJ1595" t="str">
            <v>建築</v>
          </cell>
        </row>
        <row r="1596">
          <cell r="B1596">
            <v>5785</v>
          </cell>
          <cell r="C1596" t="str">
            <v>ダイシン設計(株)</v>
          </cell>
          <cell r="D1596" t="str">
            <v>06-6681-8841</v>
          </cell>
          <cell r="E1596" t="str">
            <v>559-0017</v>
          </cell>
          <cell r="F1596" t="str">
            <v>大阪府大阪市住之江区中加賀屋3-10-13</v>
          </cell>
          <cell r="G1596" t="str">
            <v>大阪市</v>
          </cell>
          <cell r="H1596" t="str">
            <v/>
          </cell>
          <cell r="I1596" t="str">
            <v>代表取締役 芳本　浩</v>
          </cell>
          <cell r="J1596" t="str">
            <v>本店</v>
          </cell>
          <cell r="K1596" t="str">
            <v>06-6681-7288</v>
          </cell>
          <cell r="L1596" t="str">
            <v>info@daishin-bridge.co.jp</v>
          </cell>
          <cell r="M1596" t="str">
            <v>ﾀﾞｲｼﾝｾｯｹｲ</v>
          </cell>
          <cell r="N1596" t="str">
            <v>無</v>
          </cell>
          <cell r="O1596">
            <v>58</v>
          </cell>
          <cell r="P1596">
            <v>24</v>
          </cell>
          <cell r="Q1596">
            <v>2120001031039</v>
          </cell>
          <cell r="R1596">
            <v>73000</v>
          </cell>
          <cell r="S1596">
            <v>61842</v>
          </cell>
          <cell r="T1596">
            <v>163417</v>
          </cell>
          <cell r="V1596" t="str">
            <v>vk994151</v>
          </cell>
          <cell r="W1596" t="str">
            <v>ce328289</v>
          </cell>
          <cell r="Y1596" t="str">
            <v>測量,鋼構,上水,</v>
          </cell>
          <cell r="Z1596" t="str">
            <v/>
          </cell>
          <cell r="AA1596" t="str">
            <v/>
          </cell>
          <cell r="AB1596">
            <v>163417</v>
          </cell>
          <cell r="AC1596" t="str">
            <v/>
          </cell>
          <cell r="AD1596" t="str">
            <v/>
          </cell>
          <cell r="AE1596" t="str">
            <v/>
          </cell>
          <cell r="AF1596" t="str">
            <v/>
          </cell>
          <cell r="AI1596">
            <v>3</v>
          </cell>
          <cell r="AJ1596" t="str">
            <v>土木</v>
          </cell>
        </row>
        <row r="1597">
          <cell r="B1597">
            <v>5788</v>
          </cell>
          <cell r="C1597" t="str">
            <v>(株)大興エンジニアリング</v>
          </cell>
          <cell r="D1597" t="str">
            <v>078-940-9401</v>
          </cell>
          <cell r="E1597" t="str">
            <v>651-2411</v>
          </cell>
          <cell r="F1597" t="str">
            <v>兵庫県神戸市西区上新地1-7-5</v>
          </cell>
          <cell r="G1597" t="str">
            <v>養父市</v>
          </cell>
          <cell r="H1597" t="str">
            <v>神戸支店</v>
          </cell>
          <cell r="I1597" t="str">
            <v>支店長 岸　正俊</v>
          </cell>
          <cell r="J1597" t="str">
            <v>兵庫県養父市</v>
          </cell>
          <cell r="K1597" t="str">
            <v>078-940-9409</v>
          </cell>
          <cell r="L1597" t="str">
            <v>daikoukobe@mwc.biglobe.ne.jp</v>
          </cell>
          <cell r="M1597" t="str">
            <v>ﾀﾞｲｺｳｴﾝｼﾞﾆｱﾘﾝｸﾞ</v>
          </cell>
          <cell r="N1597" t="str">
            <v>有</v>
          </cell>
          <cell r="O1597">
            <v>25</v>
          </cell>
          <cell r="P1597">
            <v>13</v>
          </cell>
          <cell r="Q1597">
            <v>4140001046669</v>
          </cell>
          <cell r="R1597">
            <v>10000</v>
          </cell>
          <cell r="S1597">
            <v>20525</v>
          </cell>
          <cell r="T1597">
            <v>102060</v>
          </cell>
          <cell r="V1597" t="str">
            <v>fe816713</v>
          </cell>
          <cell r="W1597" t="str">
            <v>sg660837</v>
          </cell>
          <cell r="Y1597" t="str">
            <v>測量,測量,航空,土質,鋼構,河川,道路,施行,地質,造園,上水,下水,都市,土他,土調,土評,物件,補償,登記,地質,交通,調他</v>
          </cell>
          <cell r="Z1597">
            <v>61983</v>
          </cell>
          <cell r="AA1597" t="str">
            <v/>
          </cell>
          <cell r="AB1597">
            <v>21638</v>
          </cell>
          <cell r="AC1597">
            <v>750</v>
          </cell>
          <cell r="AD1597">
            <v>1262</v>
          </cell>
          <cell r="AE1597" t="str">
            <v/>
          </cell>
          <cell r="AF1597" t="str">
            <v/>
          </cell>
          <cell r="AI1597">
            <v>1</v>
          </cell>
          <cell r="AJ1597" t="str">
            <v>測量</v>
          </cell>
        </row>
        <row r="1598">
          <cell r="B1598">
            <v>5789</v>
          </cell>
          <cell r="C1598" t="str">
            <v>(株)匠設計</v>
          </cell>
          <cell r="D1598" t="str">
            <v>06-6393-7277</v>
          </cell>
          <cell r="E1598" t="str">
            <v>532-0003</v>
          </cell>
          <cell r="F1598" t="str">
            <v>大阪府大阪市淀川区宮原5-1-28</v>
          </cell>
          <cell r="G1598" t="str">
            <v>大阪市</v>
          </cell>
          <cell r="H1598" t="str">
            <v/>
          </cell>
          <cell r="I1598" t="str">
            <v>代表取締役 金本　一守</v>
          </cell>
          <cell r="J1598" t="str">
            <v>本店</v>
          </cell>
          <cell r="K1598" t="str">
            <v>06-6393-7276</v>
          </cell>
          <cell r="L1598" t="str">
            <v xml:space="preserve">JDP03601@nifty.com </v>
          </cell>
          <cell r="M1598" t="str">
            <v>ﾀｸﾐｾｯｹｲ</v>
          </cell>
          <cell r="N1598" t="str">
            <v>有</v>
          </cell>
          <cell r="O1598">
            <v>53</v>
          </cell>
          <cell r="P1598">
            <v>9</v>
          </cell>
          <cell r="Q1598">
            <v>1120001056730</v>
          </cell>
          <cell r="R1598">
            <v>10000</v>
          </cell>
          <cell r="S1598">
            <v>32346</v>
          </cell>
          <cell r="T1598">
            <v>51488</v>
          </cell>
          <cell r="V1598" t="str">
            <v>dg693249</v>
          </cell>
          <cell r="W1598" t="str">
            <v>sw972303</v>
          </cell>
          <cell r="Y1598" t="str">
            <v>建築,意匠,建積,調査,</v>
          </cell>
          <cell r="Z1598" t="str">
            <v/>
          </cell>
          <cell r="AA1598">
            <v>51488</v>
          </cell>
          <cell r="AB1598" t="str">
            <v/>
          </cell>
          <cell r="AC1598" t="str">
            <v/>
          </cell>
          <cell r="AD1598" t="str">
            <v/>
          </cell>
          <cell r="AE1598" t="str">
            <v/>
          </cell>
          <cell r="AF1598" t="str">
            <v/>
          </cell>
          <cell r="AI1598">
            <v>2</v>
          </cell>
          <cell r="AJ1598" t="str">
            <v>建築</v>
          </cell>
        </row>
        <row r="1599">
          <cell r="B1599">
            <v>5790</v>
          </cell>
          <cell r="C1599" t="str">
            <v>大和リース(株)</v>
          </cell>
          <cell r="D1599" t="str">
            <v>078-291-0815</v>
          </cell>
          <cell r="E1599" t="str">
            <v>651-0086</v>
          </cell>
          <cell r="F1599" t="str">
            <v>兵庫県神戸市中央区磯上通4-1-6</v>
          </cell>
          <cell r="G1599" t="str">
            <v>大阪市</v>
          </cell>
          <cell r="H1599" t="str">
            <v>神戸支店</v>
          </cell>
          <cell r="I1599" t="str">
            <v>支店長 角一　吉昭</v>
          </cell>
          <cell r="J1599" t="str">
            <v>大阪府大阪市</v>
          </cell>
          <cell r="K1599" t="str">
            <v>078-291-0814</v>
          </cell>
          <cell r="L1599" t="str">
            <v>m-iida@daiwalease.jp</v>
          </cell>
          <cell r="M1599" t="str">
            <v>ﾀﾞｲﾜﾘｰｽ</v>
          </cell>
          <cell r="N1599" t="str">
            <v>有</v>
          </cell>
          <cell r="O1599">
            <v>59</v>
          </cell>
          <cell r="P1599">
            <v>2262</v>
          </cell>
          <cell r="Q1599">
            <v>4120001077476</v>
          </cell>
          <cell r="R1599">
            <v>21768383</v>
          </cell>
          <cell r="S1599">
            <v>146528607</v>
          </cell>
          <cell r="T1599">
            <v>207317326</v>
          </cell>
          <cell r="V1599" t="str">
            <v>zk740346</v>
          </cell>
          <cell r="W1599" t="str">
            <v>bv694868</v>
          </cell>
          <cell r="Y1599" t="str">
            <v>建築,意匠,構造,冷暖,衛生,電気,建積,機積,電積,</v>
          </cell>
          <cell r="Z1599" t="str">
            <v/>
          </cell>
          <cell r="AA1599">
            <v>590793</v>
          </cell>
          <cell r="AB1599" t="str">
            <v/>
          </cell>
          <cell r="AC1599" t="str">
            <v/>
          </cell>
          <cell r="AD1599" t="str">
            <v/>
          </cell>
          <cell r="AE1599" t="str">
            <v/>
          </cell>
          <cell r="AF1599" t="str">
            <v/>
          </cell>
          <cell r="AI1599">
            <v>2</v>
          </cell>
          <cell r="AJ1599" t="str">
            <v>建築</v>
          </cell>
        </row>
        <row r="1600">
          <cell r="B1600">
            <v>5791</v>
          </cell>
          <cell r="C1600" t="str">
            <v>(株)ダイヤテック</v>
          </cell>
          <cell r="D1600" t="str">
            <v>078-940-6999</v>
          </cell>
          <cell r="E1600" t="str">
            <v>651-2411</v>
          </cell>
          <cell r="F1600" t="str">
            <v>兵庫県神戸市西区上新地1-7-5</v>
          </cell>
          <cell r="G1600" t="str">
            <v>神戸市</v>
          </cell>
          <cell r="H1600" t="str">
            <v/>
          </cell>
          <cell r="I1600" t="str">
            <v>代表取締役 前川　雅洋</v>
          </cell>
          <cell r="J1600" t="str">
            <v>本店</v>
          </cell>
          <cell r="K1600" t="str">
            <v>078-940-9409</v>
          </cell>
          <cell r="L1600" t="str">
            <v>dia-tech.y@xug.biglobe.ne.jp</v>
          </cell>
          <cell r="M1600" t="str">
            <v>ﾀﾞｲﾔﾃｯｸ</v>
          </cell>
          <cell r="N1600" t="str">
            <v>無</v>
          </cell>
          <cell r="O1600">
            <v>8</v>
          </cell>
          <cell r="P1600">
            <v>5</v>
          </cell>
          <cell r="Q1600">
            <v>8140001032467</v>
          </cell>
          <cell r="R1600">
            <v>10000</v>
          </cell>
          <cell r="S1600">
            <v>10035</v>
          </cell>
          <cell r="T1600">
            <v>40646</v>
          </cell>
          <cell r="V1600" t="str">
            <v>th663446</v>
          </cell>
          <cell r="W1600" t="str">
            <v>cw436596</v>
          </cell>
          <cell r="Y1600" t="str">
            <v>測量,測量,航空,土質,鋼構,河川,道路,施行,地質,造園,上水,下水,都市,土他,土調,土評,物件,補償,登記,地質,交通,調他</v>
          </cell>
          <cell r="Z1600">
            <v>13014</v>
          </cell>
          <cell r="AA1600" t="str">
            <v/>
          </cell>
          <cell r="AB1600">
            <v>9970</v>
          </cell>
          <cell r="AC1600" t="str">
            <v/>
          </cell>
          <cell r="AD1600">
            <v>17662</v>
          </cell>
          <cell r="AE1600" t="str">
            <v/>
          </cell>
          <cell r="AF1600" t="str">
            <v/>
          </cell>
          <cell r="AI1600">
            <v>5</v>
          </cell>
          <cell r="AJ1600" t="str">
            <v>調査</v>
          </cell>
        </row>
        <row r="1601">
          <cell r="B1601">
            <v>5793</v>
          </cell>
          <cell r="C1601" t="str">
            <v>第一設計監理(株)</v>
          </cell>
          <cell r="D1601" t="str">
            <v>078-855-6384</v>
          </cell>
          <cell r="E1601" t="str">
            <v>658-0048</v>
          </cell>
          <cell r="F1601" t="str">
            <v>兵庫県神戸市東灘区御影郡家1-25-14-402</v>
          </cell>
          <cell r="G1601" t="str">
            <v>湖南市</v>
          </cell>
          <cell r="H1601" t="str">
            <v>兵庫営業所</v>
          </cell>
          <cell r="I1601" t="str">
            <v>営業所長 福永　茂門</v>
          </cell>
          <cell r="J1601" t="str">
            <v>滋賀県湖南市</v>
          </cell>
          <cell r="K1601" t="str">
            <v>078-855-6385</v>
          </cell>
          <cell r="L1601" t="str">
            <v>saito@daiichi-skc.co.jp</v>
          </cell>
          <cell r="M1601" t="str">
            <v>ﾀﾞｲｲﾁｾｯｹｲｶﾝﾘ</v>
          </cell>
          <cell r="N1601" t="str">
            <v>有</v>
          </cell>
          <cell r="O1601" t="str">
            <v>え</v>
          </cell>
          <cell r="P1601">
            <v>79</v>
          </cell>
          <cell r="Q1601">
            <v>1160001004933</v>
          </cell>
          <cell r="R1601">
            <v>30000</v>
          </cell>
          <cell r="S1601">
            <v>282056</v>
          </cell>
          <cell r="T1601">
            <v>660363</v>
          </cell>
          <cell r="V1601" t="str">
            <v>sp163675</v>
          </cell>
          <cell r="W1601" t="str">
            <v>qi131361</v>
          </cell>
          <cell r="Y1601" t="str">
            <v>測量,測量,航空,鋼構,河川,道路,施行,下水,都市,土他,土調,地質,交通,</v>
          </cell>
          <cell r="Z1601">
            <v>107081</v>
          </cell>
          <cell r="AA1601" t="str">
            <v/>
          </cell>
          <cell r="AB1601">
            <v>460145</v>
          </cell>
          <cell r="AC1601">
            <v>32999</v>
          </cell>
          <cell r="AD1601">
            <v>19552</v>
          </cell>
          <cell r="AE1601" t="str">
            <v/>
          </cell>
          <cell r="AF1601" t="str">
            <v/>
          </cell>
          <cell r="AI1601">
            <v>3</v>
          </cell>
          <cell r="AJ1601" t="str">
            <v>土木</v>
          </cell>
        </row>
        <row r="1602">
          <cell r="B1602">
            <v>5794</v>
          </cell>
          <cell r="C1602" t="str">
            <v>(株)竹中工務店</v>
          </cell>
          <cell r="D1602" t="str">
            <v>06-6252-1201</v>
          </cell>
          <cell r="E1602" t="str">
            <v>541-0053</v>
          </cell>
          <cell r="F1602" t="str">
            <v>大阪府大阪市中央区本町4-1-13</v>
          </cell>
          <cell r="G1602" t="str">
            <v>大阪市</v>
          </cell>
          <cell r="H1602" t="str">
            <v>大阪本店</v>
          </cell>
          <cell r="I1602" t="str">
            <v>執行役員本店長 丁野　成人</v>
          </cell>
          <cell r="J1602" t="str">
            <v>大阪府大阪市</v>
          </cell>
          <cell r="K1602" t="str">
            <v>06-6263-5781</v>
          </cell>
          <cell r="L1602" t="str">
            <v>nyusatsu1@ml.imc.tanekana.co.jp</v>
          </cell>
          <cell r="M1602" t="str">
            <v>ﾀｹﾅｶｺｳﾑﾃﾝ</v>
          </cell>
          <cell r="N1602" t="str">
            <v>有</v>
          </cell>
          <cell r="O1602">
            <v>68</v>
          </cell>
          <cell r="P1602">
            <v>7425</v>
          </cell>
          <cell r="Q1602">
            <v>3120001077469</v>
          </cell>
          <cell r="R1602">
            <v>50000000</v>
          </cell>
          <cell r="S1602">
            <v>542347824</v>
          </cell>
          <cell r="T1602">
            <v>1295951000</v>
          </cell>
          <cell r="V1602" t="str">
            <v>vk131411</v>
          </cell>
          <cell r="W1602" t="str">
            <v>lo166412</v>
          </cell>
          <cell r="Y1602" t="str">
            <v>建築,意匠,構造,冷暖,衛生,電気,建積,機積,電積,調査,土質,鋼構,施行,都市,</v>
          </cell>
          <cell r="Z1602" t="str">
            <v/>
          </cell>
          <cell r="AA1602">
            <v>2362000</v>
          </cell>
          <cell r="AB1602">
            <v>5460000</v>
          </cell>
          <cell r="AC1602" t="str">
            <v/>
          </cell>
          <cell r="AD1602" t="str">
            <v/>
          </cell>
          <cell r="AE1602" t="str">
            <v/>
          </cell>
          <cell r="AF1602" t="str">
            <v/>
          </cell>
          <cell r="AI1602">
            <v>3</v>
          </cell>
          <cell r="AJ1602" t="str">
            <v>土木</v>
          </cell>
        </row>
        <row r="1603">
          <cell r="B1603">
            <v>5795</v>
          </cell>
          <cell r="C1603" t="str">
            <v>(株)ダイセキ環境ソリューション</v>
          </cell>
          <cell r="D1603" t="str">
            <v>06-6252-1201</v>
          </cell>
          <cell r="E1603" t="str">
            <v>467-0852</v>
          </cell>
          <cell r="F1603" t="str">
            <v>愛知県名古屋市瑞穂区明前町8番18号</v>
          </cell>
          <cell r="G1603" t="str">
            <v>名古屋市</v>
          </cell>
          <cell r="H1603" t="str">
            <v/>
          </cell>
          <cell r="I1603" t="str">
            <v>代表取締役 二宮　利彦</v>
          </cell>
          <cell r="J1603" t="str">
            <v>本店</v>
          </cell>
          <cell r="K1603" t="str">
            <v>052-819-5311</v>
          </cell>
          <cell r="L1603" t="str">
            <v>a_kawakami@daiseki-eco.co.jp</v>
          </cell>
          <cell r="M1603" t="str">
            <v>ﾀﾞｲｾｷｶﾝｷｮｳｿﾘｭｰｼｮﾝ</v>
          </cell>
          <cell r="N1603" t="str">
            <v>無</v>
          </cell>
          <cell r="O1603">
            <v>23</v>
          </cell>
          <cell r="P1603">
            <v>170</v>
          </cell>
          <cell r="Q1603">
            <v>5180001044387</v>
          </cell>
          <cell r="R1603">
            <v>2287468</v>
          </cell>
          <cell r="S1603">
            <v>11074963</v>
          </cell>
          <cell r="T1603">
            <v>13464517</v>
          </cell>
          <cell r="V1603" t="str">
            <v>lo116615</v>
          </cell>
          <cell r="W1603" t="str">
            <v>ew139610</v>
          </cell>
          <cell r="Y1603" t="str">
            <v>地質,水質,大気,調他</v>
          </cell>
          <cell r="Z1603" t="str">
            <v/>
          </cell>
          <cell r="AA1603" t="str">
            <v/>
          </cell>
          <cell r="AB1603" t="str">
            <v/>
          </cell>
          <cell r="AC1603" t="str">
            <v/>
          </cell>
          <cell r="AD1603">
            <v>472575</v>
          </cell>
          <cell r="AE1603" t="str">
            <v/>
          </cell>
          <cell r="AF1603" t="str">
            <v/>
          </cell>
          <cell r="AI1603">
            <v>5</v>
          </cell>
          <cell r="AJ1603" t="str">
            <v>調査</v>
          </cell>
        </row>
        <row r="1604">
          <cell r="B1604">
            <v>5810</v>
          </cell>
          <cell r="C1604" t="str">
            <v>(株)地域分析研究所</v>
          </cell>
          <cell r="D1604" t="str">
            <v>072-781-2808</v>
          </cell>
          <cell r="E1604" t="str">
            <v>664-0851</v>
          </cell>
          <cell r="F1604" t="str">
            <v>兵庫県伊丹市中央4-4-8-302</v>
          </cell>
          <cell r="G1604" t="str">
            <v>伊丹市</v>
          </cell>
          <cell r="H1604" t="str">
            <v/>
          </cell>
          <cell r="I1604" t="str">
            <v>代表取締役 井上　基</v>
          </cell>
          <cell r="J1604" t="str">
            <v>本店</v>
          </cell>
          <cell r="K1604" t="str">
            <v>072-781-2809</v>
          </cell>
          <cell r="L1604" t="str">
            <v>chiiki-labo@sky.plala.or.jp</v>
          </cell>
          <cell r="M1604" t="str">
            <v>ﾁｲｷﾌﾞﾝｾｷｹﾝｷｭｳｼｮ</v>
          </cell>
          <cell r="N1604" t="str">
            <v>無</v>
          </cell>
          <cell r="O1604">
            <v>2</v>
          </cell>
          <cell r="P1604">
            <v>2</v>
          </cell>
          <cell r="Q1604">
            <v>3140001109385</v>
          </cell>
          <cell r="R1604">
            <v>5000</v>
          </cell>
          <cell r="S1604">
            <v>-1000</v>
          </cell>
          <cell r="T1604">
            <v>9973</v>
          </cell>
          <cell r="V1604" t="str">
            <v>yv233916</v>
          </cell>
          <cell r="W1604" t="str">
            <v>vh944562</v>
          </cell>
          <cell r="Y1604" t="str">
            <v/>
          </cell>
          <cell r="Z1604" t="str">
            <v/>
          </cell>
          <cell r="AA1604" t="str">
            <v/>
          </cell>
          <cell r="AB1604" t="str">
            <v/>
          </cell>
          <cell r="AC1604">
            <v>5533</v>
          </cell>
          <cell r="AD1604" t="str">
            <v/>
          </cell>
          <cell r="AE1604" t="str">
            <v/>
          </cell>
          <cell r="AF1604">
            <v>5533</v>
          </cell>
          <cell r="AI1604" t="str">
            <v>調査</v>
          </cell>
          <cell r="AJ1604" t="str">
            <v>兵庫県</v>
          </cell>
        </row>
        <row r="1605">
          <cell r="B1605">
            <v>5811</v>
          </cell>
          <cell r="C1605" t="str">
            <v>(株)地域環境計画</v>
          </cell>
          <cell r="D1605" t="str">
            <v>072-684-3182</v>
          </cell>
          <cell r="E1605" t="str">
            <v>569-1123</v>
          </cell>
          <cell r="F1605" t="str">
            <v>大阪府高槻市芥川町1-15-18</v>
          </cell>
          <cell r="H1605" t="str">
            <v>大阪支社</v>
          </cell>
          <cell r="I1605" t="str">
            <v>大阪支社長 上崎　聰敏</v>
          </cell>
          <cell r="J1605" t="str">
            <v>東京都</v>
          </cell>
          <cell r="K1605" t="str">
            <v>072-684-3184</v>
          </cell>
          <cell r="L1605" t="str">
            <v>osk-office@chiikan.co.jp</v>
          </cell>
          <cell r="M1605" t="str">
            <v>ﾁｲｷｶﾝｷｮｳｹｲｶｸ</v>
          </cell>
          <cell r="N1605" t="str">
            <v>有</v>
          </cell>
          <cell r="O1605">
            <v>37</v>
          </cell>
          <cell r="P1605">
            <v>114</v>
          </cell>
          <cell r="Q1605">
            <v>6010901007401</v>
          </cell>
          <cell r="R1605">
            <v>10000</v>
          </cell>
          <cell r="S1605">
            <v>267846</v>
          </cell>
          <cell r="T1605">
            <v>1550595</v>
          </cell>
          <cell r="V1605" t="str">
            <v>na238132</v>
          </cell>
          <cell r="W1605" t="str">
            <v>mt748503</v>
          </cell>
          <cell r="Y1605" t="str">
            <v>造園,環境,</v>
          </cell>
          <cell r="Z1605" t="str">
            <v>そ</v>
          </cell>
          <cell r="AA1605" t="str">
            <v/>
          </cell>
          <cell r="AB1605">
            <v>1299768</v>
          </cell>
          <cell r="AC1605" t="str">
            <v/>
          </cell>
          <cell r="AD1605" t="str">
            <v>ー</v>
          </cell>
          <cell r="AE1605" t="str">
            <v/>
          </cell>
          <cell r="AF1605" t="str">
            <v/>
          </cell>
          <cell r="AI1605">
            <v>3</v>
          </cell>
          <cell r="AJ1605" t="str">
            <v>に</v>
          </cell>
        </row>
        <row r="1606">
          <cell r="B1606">
            <v>5813</v>
          </cell>
          <cell r="C1606" t="str">
            <v>(株)地域計画建築研究所</v>
          </cell>
          <cell r="D1606" t="str">
            <v>06-6205-3600</v>
          </cell>
          <cell r="E1606" t="str">
            <v>541-0042</v>
          </cell>
          <cell r="F1606" t="str">
            <v>大阪府大阪市中央区今橋3-1-7</v>
          </cell>
          <cell r="G1606" t="str">
            <v>京都市</v>
          </cell>
          <cell r="H1606" t="str">
            <v>大阪事務所</v>
          </cell>
          <cell r="I1606" t="str">
            <v>大阪事務所長 岡本　壮平</v>
          </cell>
          <cell r="J1606" t="str">
            <v>京都府京都市</v>
          </cell>
          <cell r="K1606" t="str">
            <v>06-6205-3601</v>
          </cell>
          <cell r="L1606" t="str">
            <v>osaka-eigyou@arpak.co.jp</v>
          </cell>
          <cell r="M1606" t="str">
            <v>ﾁｲｷｹｲｶｸｹﾝﾁｸｹﾝｷｭｳｼｮ</v>
          </cell>
          <cell r="N1606" t="str">
            <v>有</v>
          </cell>
          <cell r="O1606">
            <v>51</v>
          </cell>
          <cell r="P1606">
            <v>85</v>
          </cell>
          <cell r="Q1606">
            <v>2130001018043</v>
          </cell>
          <cell r="R1606">
            <v>50000</v>
          </cell>
          <cell r="S1606">
            <v>0</v>
          </cell>
          <cell r="T1606">
            <v>581891</v>
          </cell>
          <cell r="V1606" t="str">
            <v>wu390316</v>
          </cell>
          <cell r="W1606" t="str">
            <v>yt333412</v>
          </cell>
          <cell r="Y1606" t="str">
            <v>建築,意匠,構造,冷暖,衛生,電気,建積,機積,電積,調査,造園,都市,スポ,交通,商業,</v>
          </cell>
          <cell r="Z1606" t="str">
            <v/>
          </cell>
          <cell r="AA1606">
            <v>249170</v>
          </cell>
          <cell r="AB1606">
            <v>466232</v>
          </cell>
          <cell r="AC1606" t="str">
            <v/>
          </cell>
          <cell r="AD1606">
            <v>344745</v>
          </cell>
          <cell r="AE1606" t="str">
            <v/>
          </cell>
          <cell r="AF1606" t="str">
            <v/>
          </cell>
          <cell r="AI1606">
            <v>3</v>
          </cell>
          <cell r="AJ1606" t="str">
            <v>土木</v>
          </cell>
        </row>
        <row r="1607">
          <cell r="B1607">
            <v>5814</v>
          </cell>
          <cell r="C1607" t="str">
            <v>(株)地域経済研究所</v>
          </cell>
          <cell r="D1607" t="str">
            <v>06-6314-6300</v>
          </cell>
          <cell r="E1607" t="str">
            <v>540-0033</v>
          </cell>
          <cell r="F1607" t="str">
            <v>大阪府大阪市中央区石町1-1-1</v>
          </cell>
          <cell r="G1607" t="str">
            <v>大阪市</v>
          </cell>
          <cell r="H1607" t="str">
            <v/>
          </cell>
          <cell r="I1607" t="str">
            <v>代表取締役 井上　浩一</v>
          </cell>
          <cell r="J1607" t="str">
            <v>本店</v>
          </cell>
          <cell r="K1607" t="str">
            <v>06-6314-6301</v>
          </cell>
          <cell r="L1607" t="str">
            <v>ckkckk@ckk-osaka.co.jp</v>
          </cell>
          <cell r="M1607" t="str">
            <v>ﾁｲｷｹｲｻﾞｲｹﾝｷｭｳｼｮ</v>
          </cell>
          <cell r="N1607" t="str">
            <v>無</v>
          </cell>
          <cell r="O1607">
            <v>40</v>
          </cell>
          <cell r="P1607">
            <v>10</v>
          </cell>
          <cell r="Q1607">
            <v>2120001084284</v>
          </cell>
          <cell r="R1607">
            <v>10000</v>
          </cell>
          <cell r="S1607">
            <v>132235</v>
          </cell>
          <cell r="T1607">
            <v>199921</v>
          </cell>
          <cell r="V1607" t="str">
            <v>ea642383</v>
          </cell>
          <cell r="W1607" t="str">
            <v>mm760636</v>
          </cell>
          <cell r="Y1607" t="str">
            <v>建築,調査,物件,鑑定,調他</v>
          </cell>
          <cell r="Z1607" t="str">
            <v/>
          </cell>
          <cell r="AA1607" t="str">
            <v/>
          </cell>
          <cell r="AB1607" t="str">
            <v/>
          </cell>
          <cell r="AC1607">
            <v>23701</v>
          </cell>
          <cell r="AD1607">
            <v>147568</v>
          </cell>
          <cell r="AE1607" t="str">
            <v/>
          </cell>
          <cell r="AF1607" t="str">
            <v/>
          </cell>
          <cell r="AI1607">
            <v>5</v>
          </cell>
          <cell r="AJ1607" t="str">
            <v>調査</v>
          </cell>
        </row>
        <row r="1608">
          <cell r="B1608">
            <v>5815</v>
          </cell>
          <cell r="C1608" t="str">
            <v>(株)地球号</v>
          </cell>
          <cell r="D1608" t="str">
            <v>078-367-5726</v>
          </cell>
          <cell r="E1608" t="str">
            <v>650-0004</v>
          </cell>
          <cell r="F1608" t="str">
            <v>兵庫県神戸市中央区中山手通7丁目37番10号</v>
          </cell>
          <cell r="G1608" t="str">
            <v>大阪市</v>
          </cell>
          <cell r="H1608" t="str">
            <v>神戸事務所</v>
          </cell>
          <cell r="I1608" t="str">
            <v>神戸事務所長 岸田　敏</v>
          </cell>
          <cell r="J1608" t="str">
            <v>大阪府大阪市</v>
          </cell>
          <cell r="K1608" t="str">
            <v>078-367-5727</v>
          </cell>
          <cell r="L1608" t="str">
            <v>info@chikyugo.jp</v>
          </cell>
          <cell r="M1608" t="str">
            <v>ﾁｷｭｳｺﾞｳ</v>
          </cell>
          <cell r="N1608" t="str">
            <v>有</v>
          </cell>
          <cell r="O1608">
            <v>38</v>
          </cell>
          <cell r="P1608">
            <v>9</v>
          </cell>
          <cell r="Q1608">
            <v>8120001084270</v>
          </cell>
          <cell r="R1608">
            <v>20000</v>
          </cell>
          <cell r="S1608">
            <v>42294</v>
          </cell>
          <cell r="T1608">
            <v>96675</v>
          </cell>
          <cell r="V1608" t="str">
            <v>ta558388</v>
          </cell>
          <cell r="W1608" t="str">
            <v>tp741300</v>
          </cell>
          <cell r="Y1608" t="str">
            <v>造園,都市,</v>
          </cell>
          <cell r="Z1608" t="str">
            <v/>
          </cell>
          <cell r="AA1608" t="str">
            <v/>
          </cell>
          <cell r="AB1608">
            <v>88538</v>
          </cell>
          <cell r="AC1608" t="str">
            <v/>
          </cell>
          <cell r="AD1608" t="str">
            <v/>
          </cell>
          <cell r="AE1608" t="str">
            <v/>
          </cell>
          <cell r="AF1608" t="str">
            <v/>
          </cell>
          <cell r="AI1608">
            <v>3</v>
          </cell>
          <cell r="AJ1608" t="str">
            <v>土木</v>
          </cell>
        </row>
        <row r="1609">
          <cell r="B1609">
            <v>5817</v>
          </cell>
          <cell r="C1609" t="str">
            <v>地中エンジニアリング(株)</v>
          </cell>
          <cell r="D1609" t="str">
            <v>06-6131-3551</v>
          </cell>
          <cell r="E1609" t="str">
            <v>530-0047</v>
          </cell>
          <cell r="F1609" t="str">
            <v>大阪府大阪市北区西天満3-13-18</v>
          </cell>
          <cell r="G1609" t="str">
            <v>さいたま市</v>
          </cell>
          <cell r="H1609" t="str">
            <v>大阪営業所</v>
          </cell>
          <cell r="I1609" t="str">
            <v>所長 飯田　俊也</v>
          </cell>
          <cell r="J1609" t="str">
            <v>埼玉県さいたま市</v>
          </cell>
          <cell r="K1609" t="str">
            <v>06-6131-3552</v>
          </cell>
          <cell r="L1609" t="str">
            <v>honsha@chichu-eng.co.jp</v>
          </cell>
          <cell r="M1609" t="str">
            <v>ﾁﾁｭｳｴﾝｼﾞﾆｱﾘﾝｸﾞ</v>
          </cell>
          <cell r="N1609" t="str">
            <v>有</v>
          </cell>
          <cell r="O1609">
            <v>39</v>
          </cell>
          <cell r="P1609">
            <v>31</v>
          </cell>
          <cell r="Q1609">
            <v>8030001005376</v>
          </cell>
          <cell r="R1609">
            <v>10000</v>
          </cell>
          <cell r="S1609">
            <v>93099</v>
          </cell>
          <cell r="T1609">
            <v>282917</v>
          </cell>
          <cell r="V1609" t="str">
            <v>ws423074</v>
          </cell>
          <cell r="W1609" t="str">
            <v>ya466723</v>
          </cell>
          <cell r="Y1609" t="str">
            <v>調他</v>
          </cell>
          <cell r="Z1609" t="str">
            <v/>
          </cell>
          <cell r="AA1609" t="str">
            <v/>
          </cell>
          <cell r="AB1609" t="str">
            <v/>
          </cell>
          <cell r="AC1609" t="str">
            <v/>
          </cell>
          <cell r="AD1609">
            <v>90840</v>
          </cell>
          <cell r="AE1609" t="str">
            <v/>
          </cell>
          <cell r="AF1609" t="str">
            <v/>
          </cell>
          <cell r="AI1609">
            <v>5</v>
          </cell>
          <cell r="AJ1609" t="str">
            <v>調査</v>
          </cell>
        </row>
        <row r="1610">
          <cell r="B1610">
            <v>5818</v>
          </cell>
          <cell r="C1610" t="str">
            <v>(株)地盤調査事務所</v>
          </cell>
          <cell r="D1610" t="str">
            <v>06-6373-6550</v>
          </cell>
          <cell r="E1610" t="str">
            <v>531-0071</v>
          </cell>
          <cell r="F1610" t="str">
            <v>大阪府大阪市北区中津3-7-41</v>
          </cell>
          <cell r="G1610" t="str">
            <v>日野市</v>
          </cell>
          <cell r="H1610" t="str">
            <v>大阪事務所</v>
          </cell>
          <cell r="I1610" t="str">
            <v>所長 糀谷　浩司</v>
          </cell>
          <cell r="J1610" t="str">
            <v>東京都日野市</v>
          </cell>
          <cell r="K1610" t="str">
            <v>06-6373-6560</v>
          </cell>
          <cell r="L1610" t="str">
            <v>osaka@jiban-chosa.co.jp</v>
          </cell>
          <cell r="M1610" t="str">
            <v>ﾁﾞﾊﾞﾝﾁｮｳｻｼﾞﾑｼｮ</v>
          </cell>
          <cell r="N1610" t="str">
            <v>有</v>
          </cell>
          <cell r="O1610">
            <v>56</v>
          </cell>
          <cell r="P1610">
            <v>57</v>
          </cell>
          <cell r="Q1610">
            <v>2011101012889</v>
          </cell>
          <cell r="R1610">
            <v>20000</v>
          </cell>
          <cell r="S1610">
            <v>1330764</v>
          </cell>
          <cell r="T1610">
            <v>1378686</v>
          </cell>
          <cell r="V1610" t="str">
            <v>ct533114</v>
          </cell>
          <cell r="W1610" t="str">
            <v>yc839073</v>
          </cell>
          <cell r="Y1610" t="str">
            <v>測量,土質,地質,</v>
          </cell>
          <cell r="Z1610">
            <v>16257</v>
          </cell>
          <cell r="AA1610" t="str">
            <v/>
          </cell>
          <cell r="AB1610">
            <v>39200</v>
          </cell>
          <cell r="AC1610">
            <v>1219492</v>
          </cell>
          <cell r="AD1610" t="str">
            <v/>
          </cell>
          <cell r="AE1610" t="str">
            <v/>
          </cell>
          <cell r="AF1610" t="str">
            <v/>
          </cell>
          <cell r="AI1610">
            <v>4</v>
          </cell>
          <cell r="AJ1610" t="str">
            <v>補償</v>
          </cell>
        </row>
        <row r="1611">
          <cell r="B1611">
            <v>5819</v>
          </cell>
          <cell r="C1611" t="str">
            <v>中央開発(株)</v>
          </cell>
          <cell r="D1611" t="str">
            <v>078-333-6446</v>
          </cell>
          <cell r="E1611" t="str">
            <v>650-0033</v>
          </cell>
          <cell r="F1611" t="str">
            <v>兵庫県神戸市中央区江戸町98播地の1</v>
          </cell>
          <cell r="H1611" t="str">
            <v>神戸支店</v>
          </cell>
          <cell r="I1611" t="str">
            <v>支店長 束原　純</v>
          </cell>
          <cell r="J1611" t="str">
            <v>東京都</v>
          </cell>
          <cell r="K1611" t="str">
            <v>078-393-3441</v>
          </cell>
          <cell r="L1611" t="str">
            <v>eigyo_osaka@ckcnet.co.jp</v>
          </cell>
          <cell r="M1611" t="str">
            <v>ﾁｭｵｳｶｲﾊﾂ</v>
          </cell>
          <cell r="N1611" t="str">
            <v>有</v>
          </cell>
          <cell r="O1611">
            <v>72</v>
          </cell>
          <cell r="P1611">
            <v>324</v>
          </cell>
          <cell r="Q1611">
            <v>5011101012993</v>
          </cell>
          <cell r="R1611">
            <v>100000</v>
          </cell>
          <cell r="S1611">
            <v>3114353</v>
          </cell>
          <cell r="T1611">
            <v>8901802</v>
          </cell>
          <cell r="V1611" t="str">
            <v>tc428513</v>
          </cell>
          <cell r="W1611" t="str">
            <v>mu408402</v>
          </cell>
          <cell r="Y1611" t="str">
            <v>測量,土質,鋼構,河川,道路,地質,下水,都市,環境,地質,騒音,商業,</v>
          </cell>
          <cell r="Z1611">
            <v>9110</v>
          </cell>
          <cell r="AA1611" t="str">
            <v/>
          </cell>
          <cell r="AB1611">
            <v>4040518</v>
          </cell>
          <cell r="AC1611" t="str">
            <v/>
          </cell>
          <cell r="AD1611">
            <v>4221703</v>
          </cell>
          <cell r="AE1611" t="str">
            <v/>
          </cell>
          <cell r="AF1611" t="str">
            <v/>
          </cell>
          <cell r="AI1611">
            <v>5</v>
          </cell>
          <cell r="AJ1611" t="str">
            <v>調査</v>
          </cell>
        </row>
        <row r="1612">
          <cell r="B1612">
            <v>5821</v>
          </cell>
          <cell r="C1612" t="str">
            <v>(株)中央クリエイト</v>
          </cell>
          <cell r="D1612" t="str">
            <v>078-969-3330</v>
          </cell>
          <cell r="E1612" t="str">
            <v>651-2412</v>
          </cell>
          <cell r="F1612" t="str">
            <v>兵庫県神戸市西区竜が岡2-8-8</v>
          </cell>
          <cell r="H1612" t="str">
            <v>兵庫営業所</v>
          </cell>
          <cell r="I1612" t="str">
            <v>所長 飛田　和伯</v>
          </cell>
          <cell r="J1612" t="str">
            <v>東京都</v>
          </cell>
          <cell r="K1612" t="str">
            <v>078-969-3332</v>
          </cell>
          <cell r="L1612" t="str">
            <v>youchi@ccrt.co.jp</v>
          </cell>
          <cell r="M1612" t="str">
            <v>ﾁｭｳｵｳｸﾘｴｲﾄ</v>
          </cell>
          <cell r="N1612" t="str">
            <v>有</v>
          </cell>
          <cell r="O1612">
            <v>17</v>
          </cell>
          <cell r="P1612">
            <v>109</v>
          </cell>
          <cell r="Q1612">
            <v>7011101038228</v>
          </cell>
          <cell r="R1612">
            <v>50000</v>
          </cell>
          <cell r="S1612">
            <v>500797</v>
          </cell>
          <cell r="T1612">
            <v>1424798</v>
          </cell>
          <cell r="V1612" t="str">
            <v>px795469</v>
          </cell>
          <cell r="W1612" t="str">
            <v>xt566407</v>
          </cell>
          <cell r="Y1612" t="str">
            <v>測量,都市,環境,土調,土評,物件,機工,営業,損失,補償,水質,大気,騒音,交通,</v>
          </cell>
          <cell r="Z1612">
            <v>14095</v>
          </cell>
          <cell r="AA1612" t="str">
            <v/>
          </cell>
          <cell r="AB1612">
            <v>15565</v>
          </cell>
          <cell r="AC1612">
            <v>1166762</v>
          </cell>
          <cell r="AD1612">
            <v>162460</v>
          </cell>
          <cell r="AE1612" t="str">
            <v/>
          </cell>
          <cell r="AF1612" t="str">
            <v/>
          </cell>
          <cell r="AI1612">
            <v>4</v>
          </cell>
          <cell r="AJ1612" t="str">
            <v>補償</v>
          </cell>
        </row>
        <row r="1613">
          <cell r="B1613">
            <v>5823</v>
          </cell>
          <cell r="C1613" t="str">
            <v>中央コンサルタンツ(株)</v>
          </cell>
          <cell r="D1613" t="str">
            <v>078-322-2541</v>
          </cell>
          <cell r="E1613" t="str">
            <v>650-0035</v>
          </cell>
          <cell r="F1613" t="str">
            <v>兵庫県神戸市中央区浪花町59</v>
          </cell>
          <cell r="G1613" t="str">
            <v>名古屋市</v>
          </cell>
          <cell r="H1613" t="str">
            <v>神戸事務所</v>
          </cell>
          <cell r="I1613" t="str">
            <v>所長 吉川　健治</v>
          </cell>
          <cell r="J1613" t="str">
            <v>愛知県名古屋市</v>
          </cell>
          <cell r="K1613" t="str">
            <v>078-322-2540</v>
          </cell>
          <cell r="L1613" t="str">
            <v>osaka@chuoh-c.co.jp</v>
          </cell>
          <cell r="M1613" t="str">
            <v>ﾁｭｳｵｳｺﾝｻﾙﾀﾝﾂ</v>
          </cell>
          <cell r="N1613" t="str">
            <v>有</v>
          </cell>
          <cell r="O1613">
            <v>58</v>
          </cell>
          <cell r="P1613">
            <v>548</v>
          </cell>
          <cell r="Q1613">
            <v>9180001026134</v>
          </cell>
          <cell r="R1613">
            <v>360000</v>
          </cell>
          <cell r="S1613">
            <v>1254588</v>
          </cell>
          <cell r="T1613">
            <v>10040112</v>
          </cell>
          <cell r="V1613" t="str">
            <v>cf323286</v>
          </cell>
          <cell r="W1613" t="str">
            <v>jh520446</v>
          </cell>
          <cell r="Y1613" t="str">
            <v>測量,航空,建築,調査,土質,鋼構,河川,道路,施行,建機,地質,造園,上水,下水,都市,スポ,環境,土他,土調,物件,地質,水質,大気,騒音,交通,調他</v>
          </cell>
          <cell r="Z1613">
            <v>28311</v>
          </cell>
          <cell r="AA1613">
            <v>10690</v>
          </cell>
          <cell r="AB1613">
            <v>9684851</v>
          </cell>
          <cell r="AC1613">
            <v>64762</v>
          </cell>
          <cell r="AD1613">
            <v>9461</v>
          </cell>
          <cell r="AE1613" t="str">
            <v>委託役務</v>
          </cell>
          <cell r="AF1613">
            <v>15071</v>
          </cell>
          <cell r="AI1613">
            <v>3</v>
          </cell>
          <cell r="AJ1613" t="str">
            <v>土木</v>
          </cell>
        </row>
        <row r="1614">
          <cell r="B1614">
            <v>5824</v>
          </cell>
          <cell r="C1614" t="str">
            <v>中央復建コンサルタンツ(株)</v>
          </cell>
          <cell r="D1614" t="str">
            <v>078-230-8200</v>
          </cell>
          <cell r="E1614" t="str">
            <v>651-0087</v>
          </cell>
          <cell r="F1614" t="str">
            <v>兵庫県神戸市中央区御幸通6-1-10</v>
          </cell>
          <cell r="G1614" t="str">
            <v>大阪市</v>
          </cell>
          <cell r="H1614" t="str">
            <v>神戸支社</v>
          </cell>
          <cell r="I1614" t="str">
            <v>支社長 石橋　裕之</v>
          </cell>
          <cell r="J1614" t="str">
            <v>大阪府大阪市</v>
          </cell>
          <cell r="K1614" t="str">
            <v>078-230-8202</v>
          </cell>
          <cell r="L1614" t="str">
            <v>kobe_eigyo@cfk.co.jp</v>
          </cell>
          <cell r="M1614" t="str">
            <v>ﾁｭｳｵｳﾌｯｹﾝｺﾝｻﾙﾀﾝﾂ</v>
          </cell>
          <cell r="N1614" t="str">
            <v>有</v>
          </cell>
          <cell r="O1614">
            <v>72</v>
          </cell>
          <cell r="P1614">
            <v>465</v>
          </cell>
          <cell r="Q1614">
            <v>3120001056860</v>
          </cell>
          <cell r="R1614">
            <v>306000</v>
          </cell>
          <cell r="S1614">
            <v>5550342</v>
          </cell>
          <cell r="T1614">
            <v>8041753</v>
          </cell>
          <cell r="V1614" t="str">
            <v>ju920957</v>
          </cell>
          <cell r="W1614" t="str">
            <v>yk379504</v>
          </cell>
          <cell r="Y1614" t="str">
            <v>測量,測量,航空,建築,意匠,構造,冷暖,衛生,電気,建積,機積,電積,調査,土質,鋼構,河川,道路,施行,建機,地質,造園,上水,下水,都市,スポ,環境,土他,土調,物件,機工,損失,補償,地質,水質,大気,騒音,交通,調他</v>
          </cell>
          <cell r="Z1614">
            <v>162142</v>
          </cell>
          <cell r="AA1614">
            <v>122415</v>
          </cell>
          <cell r="AB1614">
            <v>7335706</v>
          </cell>
          <cell r="AC1614">
            <v>102413</v>
          </cell>
          <cell r="AD1614" t="str">
            <v/>
          </cell>
          <cell r="AE1614" t="str">
            <v>地質・その他</v>
          </cell>
          <cell r="AF1614">
            <v>319077</v>
          </cell>
          <cell r="AI1614">
            <v>3</v>
          </cell>
          <cell r="AJ1614" t="str">
            <v>土木</v>
          </cell>
        </row>
        <row r="1615">
          <cell r="B1615">
            <v>5825</v>
          </cell>
          <cell r="C1615" t="str">
            <v>(株)中外設計コンサルタント</v>
          </cell>
          <cell r="D1615" t="str">
            <v>06-6772-5958</v>
          </cell>
          <cell r="E1615" t="str">
            <v>543-0071</v>
          </cell>
          <cell r="F1615" t="str">
            <v>大阪府大阪市天王寺区生玉町2-3</v>
          </cell>
          <cell r="G1615" t="str">
            <v>大阪市</v>
          </cell>
          <cell r="H1615" t="str">
            <v/>
          </cell>
          <cell r="I1615" t="str">
            <v>代表取締役 友永　恒夫</v>
          </cell>
          <cell r="J1615" t="str">
            <v>本店</v>
          </cell>
          <cell r="K1615" t="str">
            <v>06-6779-5307</v>
          </cell>
          <cell r="L1615" t="str">
            <v>sekkei10@chugai-sekkei.co.jp</v>
          </cell>
          <cell r="M1615" t="str">
            <v>ﾁｭｳｶﾞｲｾｯｹｲ</v>
          </cell>
          <cell r="N1615" t="str">
            <v>無</v>
          </cell>
          <cell r="O1615">
            <v>53</v>
          </cell>
          <cell r="P1615">
            <v>12</v>
          </cell>
          <cell r="Q1615">
            <v>3120001024347</v>
          </cell>
          <cell r="R1615">
            <v>20000</v>
          </cell>
          <cell r="S1615">
            <v>11137</v>
          </cell>
          <cell r="T1615">
            <v>47707</v>
          </cell>
          <cell r="V1615" t="str">
            <v>st245481</v>
          </cell>
          <cell r="W1615" t="str">
            <v>ap892441</v>
          </cell>
          <cell r="Y1615" t="str">
            <v>測量,建築,上水,</v>
          </cell>
          <cell r="Z1615">
            <v>14312</v>
          </cell>
          <cell r="AA1615" t="str">
            <v/>
          </cell>
          <cell r="AB1615">
            <v>33395</v>
          </cell>
          <cell r="AC1615" t="str">
            <v/>
          </cell>
          <cell r="AD1615" t="str">
            <v/>
          </cell>
          <cell r="AE1615" t="str">
            <v/>
          </cell>
          <cell r="AF1615" t="str">
            <v/>
          </cell>
          <cell r="AI1615">
            <v>3</v>
          </cell>
          <cell r="AJ1615" t="str">
            <v>土木</v>
          </cell>
        </row>
        <row r="1616">
          <cell r="B1616">
            <v>5826</v>
          </cell>
          <cell r="C1616" t="str">
            <v>中外テクノス(株)</v>
          </cell>
          <cell r="D1616" t="str">
            <v>078-997-8000</v>
          </cell>
          <cell r="E1616" t="str">
            <v>651-2242</v>
          </cell>
          <cell r="F1616" t="str">
            <v>兵庫県神戸市西区井吹台東町7-3-7</v>
          </cell>
          <cell r="G1616" t="str">
            <v>広島市</v>
          </cell>
          <cell r="H1616" t="str">
            <v>関西技術センター</v>
          </cell>
          <cell r="I1616" t="str">
            <v>所長 中尾　茂樹</v>
          </cell>
          <cell r="J1616" t="str">
            <v>広島県広島市</v>
          </cell>
          <cell r="K1616" t="str">
            <v>078-997-8010</v>
          </cell>
          <cell r="L1616" t="str">
            <v>j.murakami@chugai-tec.co.jp</v>
          </cell>
          <cell r="M1616" t="str">
            <v>ﾁｭｳｶﾞｲﾃｸﾉｽ</v>
          </cell>
          <cell r="N1616" t="str">
            <v>有</v>
          </cell>
          <cell r="O1616">
            <v>65</v>
          </cell>
          <cell r="P1616">
            <v>956</v>
          </cell>
          <cell r="Q1616">
            <v>5240001006942</v>
          </cell>
          <cell r="R1616">
            <v>47000</v>
          </cell>
          <cell r="S1616">
            <v>15303378</v>
          </cell>
          <cell r="T1616">
            <v>14757881</v>
          </cell>
          <cell r="V1616" t="str">
            <v>ne583945</v>
          </cell>
          <cell r="W1616" t="str">
            <v>fb250275</v>
          </cell>
          <cell r="Y1616" t="str">
            <v>測量,測量,航空,建築,意匠,構造,冷暖,衛生,電気,建積,機積,電積,調査,土質,鋼構,河川,道路,施行,建機,地質,造園,上水,下水,都市,スポ,環境,土他,地質,水質,大気,騒音,交通,商業,調他</v>
          </cell>
          <cell r="Z1616">
            <v>68017</v>
          </cell>
          <cell r="AA1616">
            <v>50609</v>
          </cell>
          <cell r="AB1616">
            <v>3146280</v>
          </cell>
          <cell r="AC1616" t="str">
            <v/>
          </cell>
          <cell r="AD1616">
            <v>4492983</v>
          </cell>
          <cell r="AE1616" t="str">
            <v>その他</v>
          </cell>
          <cell r="AF1616">
            <v>7240605</v>
          </cell>
          <cell r="AI1616">
            <v>5</v>
          </cell>
          <cell r="AJ1616" t="str">
            <v>調査</v>
          </cell>
        </row>
        <row r="1617">
          <cell r="B1617">
            <v>5827</v>
          </cell>
          <cell r="C1617" t="str">
            <v>(株)長大</v>
          </cell>
          <cell r="D1617" t="str">
            <v>078-251-1366</v>
          </cell>
          <cell r="E1617" t="str">
            <v>651-0088</v>
          </cell>
          <cell r="F1617" t="str">
            <v>兵庫県神戸市中央区小野柄通5-1-27</v>
          </cell>
          <cell r="H1617" t="str">
            <v>神戸支店</v>
          </cell>
          <cell r="I1617" t="str">
            <v>支店長 藤原　靖男</v>
          </cell>
          <cell r="J1617" t="str">
            <v>東京都</v>
          </cell>
          <cell r="K1617" t="str">
            <v>078-251-1367</v>
          </cell>
          <cell r="L1617" t="str">
            <v>nyuusatsu-os@chodai.co.jp</v>
          </cell>
          <cell r="M1617" t="str">
            <v>ﾁｮｳﾀﾞｲ</v>
          </cell>
          <cell r="N1617" t="str">
            <v>有</v>
          </cell>
          <cell r="O1617">
            <v>50</v>
          </cell>
          <cell r="P1617">
            <v>745</v>
          </cell>
          <cell r="Q1617">
            <v>5010001050435</v>
          </cell>
          <cell r="R1617">
            <v>3107500</v>
          </cell>
          <cell r="S1617">
            <v>9384262</v>
          </cell>
          <cell r="T1617">
            <v>13811336</v>
          </cell>
          <cell r="V1617" t="str">
            <v>ur241091</v>
          </cell>
          <cell r="W1617" t="str">
            <v>na106257</v>
          </cell>
          <cell r="Y1617" t="str">
            <v>測量,建築,意匠,構造,建積,調査,土質,鋼構,河川,道路,施行,地質,下水,都市,スポ,環境,土他,地質,水質,大気,騒音,交通,商業,調他</v>
          </cell>
          <cell r="Z1617">
            <v>3341</v>
          </cell>
          <cell r="AA1617">
            <v>231682</v>
          </cell>
          <cell r="AB1617">
            <v>12580862</v>
          </cell>
          <cell r="AC1617" t="str">
            <v/>
          </cell>
          <cell r="AD1617">
            <v>520576</v>
          </cell>
          <cell r="AE1617" t="str">
            <v/>
          </cell>
          <cell r="AF1617" t="str">
            <v/>
          </cell>
          <cell r="AI1617">
            <v>3</v>
          </cell>
          <cell r="AJ1617" t="str">
            <v>土木</v>
          </cell>
        </row>
        <row r="1618">
          <cell r="B1618">
            <v>5828</v>
          </cell>
          <cell r="C1618" t="str">
            <v>(株)千代田コンサルタント</v>
          </cell>
          <cell r="D1618" t="str">
            <v>078-846-5032</v>
          </cell>
          <cell r="E1618" t="str">
            <v>658-0047</v>
          </cell>
          <cell r="F1618" t="str">
            <v>兵庫県神戸市東灘区御影3-2-11-47</v>
          </cell>
          <cell r="H1618" t="str">
            <v>神戸営業所</v>
          </cell>
          <cell r="I1618" t="str">
            <v>所長 海津　徹</v>
          </cell>
          <cell r="J1618" t="str">
            <v>東京都</v>
          </cell>
          <cell r="K1618" t="str">
            <v>078-846-5034</v>
          </cell>
          <cell r="L1618" t="str">
            <v>ec-osa@chiyoda-ec.co.jp</v>
          </cell>
          <cell r="M1618" t="str">
            <v>ﾁﾖﾀﾞｺﾝｻﾙﾀﾝﾄ</v>
          </cell>
          <cell r="N1618" t="str">
            <v>有</v>
          </cell>
          <cell r="O1618">
            <v>56</v>
          </cell>
          <cell r="P1618">
            <v>288</v>
          </cell>
          <cell r="Q1618">
            <v>5011501013443</v>
          </cell>
          <cell r="R1618">
            <v>270000</v>
          </cell>
          <cell r="S1618">
            <v>1764953</v>
          </cell>
          <cell r="T1618">
            <v>5001147</v>
          </cell>
          <cell r="V1618" t="str">
            <v>my739722</v>
          </cell>
          <cell r="W1618" t="str">
            <v>xc380257</v>
          </cell>
          <cell r="Y1618" t="str">
            <v>測量,建築,土質,鋼構,河川,道路,施行,地質,造園,下水,都市,環境,土他,土調,地質,水質,大気,騒音,交通,調他</v>
          </cell>
          <cell r="Z1618">
            <v>11098</v>
          </cell>
          <cell r="AA1618" t="str">
            <v/>
          </cell>
          <cell r="AB1618">
            <v>4844136</v>
          </cell>
          <cell r="AC1618">
            <v>28944</v>
          </cell>
          <cell r="AD1618">
            <v>53129</v>
          </cell>
          <cell r="AE1618" t="str">
            <v/>
          </cell>
          <cell r="AF1618" t="str">
            <v/>
          </cell>
          <cell r="AI1618">
            <v>3</v>
          </cell>
          <cell r="AJ1618" t="str">
            <v>土木</v>
          </cell>
        </row>
        <row r="1619">
          <cell r="B1619">
            <v>5831</v>
          </cell>
          <cell r="C1619" t="str">
            <v>(株)中央設計技術研究所</v>
          </cell>
          <cell r="D1619" t="str">
            <v>078-271-1370</v>
          </cell>
          <cell r="E1619" t="str">
            <v>651-0084</v>
          </cell>
          <cell r="F1619" t="str">
            <v>兵庫県神戸市中央区磯辺通2-2-3</v>
          </cell>
          <cell r="G1619" t="str">
            <v>金沢市</v>
          </cell>
          <cell r="H1619" t="str">
            <v>神戸事務所</v>
          </cell>
          <cell r="I1619" t="str">
            <v>所長 橋本　一樹</v>
          </cell>
          <cell r="J1619" t="str">
            <v>石川県金沢市</v>
          </cell>
          <cell r="K1619" t="str">
            <v>078-271-1371</v>
          </cell>
          <cell r="L1619" t="str">
            <v>cs-hvogo@cser.co.jp</v>
          </cell>
          <cell r="M1619" t="str">
            <v>ﾁｭｳｵｳｾｯｹｲｷﾞｼﾞｭﾂｹﾝｷｭｳｼｮ</v>
          </cell>
          <cell r="N1619" t="str">
            <v>有</v>
          </cell>
          <cell r="O1619">
            <v>71</v>
          </cell>
          <cell r="P1619">
            <v>166</v>
          </cell>
          <cell r="Q1619">
            <v>9220001004250</v>
          </cell>
          <cell r="R1619">
            <v>30000</v>
          </cell>
          <cell r="S1619">
            <v>1290727</v>
          </cell>
          <cell r="T1619">
            <v>2631054</v>
          </cell>
          <cell r="V1619" t="str">
            <v>ng145293</v>
          </cell>
          <cell r="W1619" t="str">
            <v>hr247533</v>
          </cell>
          <cell r="Y1619" t="str">
            <v>測量,建築,意匠,構造,冷暖,衛生,電気,建積,機積,電積,調査,鋼構,道路,上水,下水,土他,地質,</v>
          </cell>
          <cell r="Z1619">
            <v>2200</v>
          </cell>
          <cell r="AA1619">
            <v>37853</v>
          </cell>
          <cell r="AB1619">
            <v>2585239</v>
          </cell>
          <cell r="AC1619" t="str">
            <v/>
          </cell>
          <cell r="AD1619">
            <v>5762</v>
          </cell>
          <cell r="AE1619" t="str">
            <v/>
          </cell>
          <cell r="AF1619" t="str">
            <v/>
          </cell>
          <cell r="AI1619">
            <v>3</v>
          </cell>
          <cell r="AJ1619" t="str">
            <v>土木</v>
          </cell>
        </row>
        <row r="1620">
          <cell r="B1620">
            <v>5832</v>
          </cell>
          <cell r="C1620" t="str">
            <v>(株)株式会社地域環境システム研究所</v>
          </cell>
          <cell r="D1620" t="str">
            <v>06-6110-5445</v>
          </cell>
          <cell r="E1620" t="str">
            <v>531-0072</v>
          </cell>
          <cell r="F1620" t="str">
            <v>大阪府大阪市北区豊崎3-10-2</v>
          </cell>
          <cell r="G1620" t="str">
            <v>大阪市</v>
          </cell>
          <cell r="H1620" t="str">
            <v/>
          </cell>
          <cell r="I1620" t="str">
            <v>代表取締役 畑間　慎哉</v>
          </cell>
          <cell r="J1620" t="str">
            <v>本店</v>
          </cell>
          <cell r="K1620" t="str">
            <v>06-6110-5446</v>
          </cell>
          <cell r="L1620" t="str">
            <v>osaka@lesr.co.jp</v>
          </cell>
          <cell r="M1620" t="str">
            <v>ﾁｲｷｶﾝｷｮｳｼｽﾃﾑｹﾝｷｭｳｼｮ</v>
          </cell>
          <cell r="N1620" t="str">
            <v>無</v>
          </cell>
          <cell r="O1620">
            <v>11</v>
          </cell>
          <cell r="P1620">
            <v>3</v>
          </cell>
          <cell r="Q1620">
            <v>1120001131582</v>
          </cell>
          <cell r="R1620">
            <v>10000</v>
          </cell>
          <cell r="S1620">
            <v>39287</v>
          </cell>
          <cell r="T1620">
            <v>48567</v>
          </cell>
          <cell r="V1620" t="str">
            <v>va639953</v>
          </cell>
          <cell r="W1620" t="str">
            <v>xn467313</v>
          </cell>
          <cell r="Y1620" t="str">
            <v/>
          </cell>
          <cell r="Z1620" t="str">
            <v/>
          </cell>
          <cell r="AA1620" t="str">
            <v/>
          </cell>
          <cell r="AB1620">
            <v>31992</v>
          </cell>
          <cell r="AC1620" t="str">
            <v/>
          </cell>
          <cell r="AD1620" t="str">
            <v/>
          </cell>
          <cell r="AE1620" t="str">
            <v/>
          </cell>
          <cell r="AF1620">
            <v>31992</v>
          </cell>
          <cell r="AI1620" t="str">
            <v>補償</v>
          </cell>
          <cell r="AJ1620" t="str">
            <v>大阪府</v>
          </cell>
        </row>
        <row r="1621">
          <cell r="B1621">
            <v>5834</v>
          </cell>
          <cell r="C1621" t="str">
            <v>知究設計(株)</v>
          </cell>
          <cell r="D1621" t="str">
            <v>06-6718-5859</v>
          </cell>
          <cell r="E1621" t="str">
            <v>536-0014</v>
          </cell>
          <cell r="F1621" t="str">
            <v>大阪府大阪市都島区片町2-2-40</v>
          </cell>
          <cell r="G1621" t="str">
            <v>大阪市</v>
          </cell>
          <cell r="H1621" t="str">
            <v/>
          </cell>
          <cell r="I1621" t="str">
            <v>代表取締役 阪口　順哉</v>
          </cell>
          <cell r="J1621" t="str">
            <v>本店</v>
          </cell>
          <cell r="K1621" t="str">
            <v>06-4394-8527</v>
          </cell>
          <cell r="L1621" t="str">
            <v>itoi@chikyusekkei.com</v>
          </cell>
          <cell r="M1621" t="str">
            <v>ﾁｷｭｳｾｯｹｲ</v>
          </cell>
          <cell r="N1621" t="str">
            <v>無</v>
          </cell>
          <cell r="O1621">
            <v>12</v>
          </cell>
          <cell r="P1621">
            <v>6</v>
          </cell>
          <cell r="Q1621">
            <v>7120001144587</v>
          </cell>
          <cell r="R1621">
            <v>1000</v>
          </cell>
          <cell r="S1621">
            <v>7998</v>
          </cell>
          <cell r="T1621">
            <v>97542</v>
          </cell>
          <cell r="V1621" t="str">
            <v>de227014</v>
          </cell>
          <cell r="W1621" t="str">
            <v>nj367854</v>
          </cell>
          <cell r="Y1621" t="str">
            <v>冷暖,衛生,電気,機積,電積,</v>
          </cell>
          <cell r="Z1621" t="str">
            <v/>
          </cell>
          <cell r="AA1621">
            <v>97542</v>
          </cell>
          <cell r="AB1621" t="str">
            <v/>
          </cell>
          <cell r="AC1621" t="str">
            <v/>
          </cell>
          <cell r="AD1621" t="str">
            <v/>
          </cell>
          <cell r="AE1621" t="str">
            <v/>
          </cell>
          <cell r="AF1621" t="str">
            <v/>
          </cell>
          <cell r="AI1621">
            <v>2</v>
          </cell>
          <cell r="AJ1621" t="str">
            <v>建築</v>
          </cell>
        </row>
        <row r="1622">
          <cell r="B1622">
            <v>5835</v>
          </cell>
          <cell r="C1622" t="str">
            <v>(株)長大テック</v>
          </cell>
          <cell r="D1622" t="str">
            <v>06-6541-5501</v>
          </cell>
          <cell r="E1622" t="str">
            <v>651-0088</v>
          </cell>
          <cell r="F1622" t="str">
            <v>兵庫県神戸市中央区小野柄通5-1-27</v>
          </cell>
          <cell r="G1622" t="str">
            <v>神戸市</v>
          </cell>
          <cell r="H1622" t="str">
            <v>神戸事務所</v>
          </cell>
          <cell r="I1622" t="str">
            <v>所長 伊川　哲也</v>
          </cell>
          <cell r="J1622" t="str">
            <v>東京都</v>
          </cell>
          <cell r="K1622" t="str">
            <v>078-230-1751</v>
          </cell>
          <cell r="L1622" t="str">
            <v>osaka-sd@chodai-tec.co.jp</v>
          </cell>
          <cell r="M1622" t="str">
            <v>ﾁｮｳﾀﾞｲﾃｯｸ</v>
          </cell>
          <cell r="N1622" t="str">
            <v>有</v>
          </cell>
          <cell r="O1622">
            <v>16</v>
          </cell>
          <cell r="P1622">
            <v>106</v>
          </cell>
          <cell r="Q1622">
            <v>2010001080831</v>
          </cell>
          <cell r="R1622">
            <v>10000</v>
          </cell>
          <cell r="S1622">
            <v>385772</v>
          </cell>
          <cell r="T1622">
            <v>1074590</v>
          </cell>
          <cell r="V1622" t="str">
            <v>vx343449</v>
          </cell>
          <cell r="W1622" t="str">
            <v>qu188447</v>
          </cell>
          <cell r="Y1622" t="str">
            <v>測量,土質,鋼構,道路,下水,</v>
          </cell>
          <cell r="Z1622">
            <v>4740</v>
          </cell>
          <cell r="AA1622" t="str">
            <v/>
          </cell>
          <cell r="AB1622">
            <v>967668</v>
          </cell>
          <cell r="AC1622" t="str">
            <v/>
          </cell>
          <cell r="AD1622" t="str">
            <v/>
          </cell>
          <cell r="AE1622" t="str">
            <v>その他</v>
          </cell>
          <cell r="AF1622">
            <v>102182</v>
          </cell>
          <cell r="AI1622">
            <v>3</v>
          </cell>
          <cell r="AJ1622" t="str">
            <v>土木</v>
          </cell>
        </row>
        <row r="1623">
          <cell r="B1623">
            <v>5837</v>
          </cell>
          <cell r="C1623" t="str">
            <v>(株)地域未来研究所</v>
          </cell>
          <cell r="D1623" t="str">
            <v>06-4796-8502</v>
          </cell>
          <cell r="E1623" t="str">
            <v>530-0003</v>
          </cell>
          <cell r="F1623" t="str">
            <v>大阪府大阪市北区堂島1-5-17</v>
          </cell>
          <cell r="G1623" t="str">
            <v>大阪市</v>
          </cell>
          <cell r="H1623" t="str">
            <v/>
          </cell>
          <cell r="I1623" t="str">
            <v>代表取締役 赤田　浩志</v>
          </cell>
          <cell r="J1623" t="str">
            <v>本店</v>
          </cell>
          <cell r="K1623" t="str">
            <v>06-4796-8509</v>
          </cell>
          <cell r="L1623" t="str">
            <v>somu@refrec.jp</v>
          </cell>
          <cell r="M1623" t="str">
            <v>ﾁｲｷﾐﾗｲｹﾝｷｭｳｼｮ</v>
          </cell>
          <cell r="N1623" t="str">
            <v>無</v>
          </cell>
          <cell r="O1623">
            <v>24</v>
          </cell>
          <cell r="P1623">
            <v>38</v>
          </cell>
          <cell r="Q1623">
            <v>7120001145148</v>
          </cell>
          <cell r="R1623">
            <v>30000</v>
          </cell>
          <cell r="S1623">
            <v>65008</v>
          </cell>
          <cell r="T1623">
            <v>491881</v>
          </cell>
          <cell r="V1623" t="str">
            <v>qd653384</v>
          </cell>
          <cell r="W1623" t="str">
            <v>ju920957</v>
          </cell>
          <cell r="Y1623" t="str">
            <v>道路,都市,土他,交通,調他</v>
          </cell>
          <cell r="Z1623" t="str">
            <v/>
          </cell>
          <cell r="AA1623" t="str">
            <v/>
          </cell>
          <cell r="AB1623">
            <v>419903</v>
          </cell>
          <cell r="AC1623" t="str">
            <v/>
          </cell>
          <cell r="AD1623">
            <v>71978</v>
          </cell>
          <cell r="AE1623" t="str">
            <v/>
          </cell>
          <cell r="AF1623" t="str">
            <v/>
          </cell>
          <cell r="AI1623">
            <v>3</v>
          </cell>
          <cell r="AJ1623" t="str">
            <v>土木</v>
          </cell>
        </row>
        <row r="1624">
          <cell r="B1624">
            <v>5855</v>
          </cell>
          <cell r="C1624" t="str">
            <v>(株)辻井建築設計事務所</v>
          </cell>
          <cell r="D1624" t="str">
            <v>06-6391-5071</v>
          </cell>
          <cell r="E1624" t="str">
            <v>532-0003</v>
          </cell>
          <cell r="F1624" t="str">
            <v>大阪府大阪市淀川区宮原4-4-2-517</v>
          </cell>
          <cell r="G1624" t="str">
            <v>大阪市</v>
          </cell>
          <cell r="H1624" t="str">
            <v/>
          </cell>
          <cell r="I1624" t="str">
            <v>代表取締役　 辻井　将吾</v>
          </cell>
          <cell r="J1624" t="str">
            <v>本店</v>
          </cell>
          <cell r="K1624" t="str">
            <v>06-6391-7444</v>
          </cell>
          <cell r="L1624" t="str">
            <v>ao.tsujii@bridge.ocn.ne.jp</v>
          </cell>
          <cell r="M1624" t="str">
            <v>ﾂｼﾞｲｹﾝﾁｸｾﾂｹｲｼﾞﾑｼﾖ</v>
          </cell>
          <cell r="N1624" t="str">
            <v>無</v>
          </cell>
          <cell r="O1624">
            <v>38</v>
          </cell>
          <cell r="P1624">
            <v>10</v>
          </cell>
          <cell r="Q1624">
            <v>6120001056890</v>
          </cell>
          <cell r="R1624">
            <v>20000</v>
          </cell>
          <cell r="S1624">
            <v>31624</v>
          </cell>
          <cell r="T1624">
            <v>39522</v>
          </cell>
          <cell r="V1624" t="str">
            <v>wf434913</v>
          </cell>
          <cell r="W1624" t="str">
            <v>js340216</v>
          </cell>
          <cell r="Y1624" t="str">
            <v>測量,建築,意匠,調査,調他</v>
          </cell>
          <cell r="Z1624">
            <v>948</v>
          </cell>
          <cell r="AA1624">
            <v>38283</v>
          </cell>
          <cell r="AB1624" t="str">
            <v/>
          </cell>
          <cell r="AC1624" t="str">
            <v/>
          </cell>
          <cell r="AD1624" t="str">
            <v/>
          </cell>
          <cell r="AE1624" t="str">
            <v/>
          </cell>
          <cell r="AF1624" t="str">
            <v/>
          </cell>
          <cell r="AI1624">
            <v>2</v>
          </cell>
          <cell r="AJ1624" t="str">
            <v>建築</v>
          </cell>
        </row>
        <row r="1625">
          <cell r="B1625">
            <v>5857</v>
          </cell>
          <cell r="C1625" t="str">
            <v>(株)土屋総合設計</v>
          </cell>
          <cell r="D1625" t="str">
            <v>072-463-2500</v>
          </cell>
          <cell r="E1625" t="str">
            <v>598-0063</v>
          </cell>
          <cell r="F1625" t="str">
            <v>大阪府泉佐野市湊4-5-22</v>
          </cell>
          <cell r="G1625" t="str">
            <v>泉佐野市</v>
          </cell>
          <cell r="H1625" t="str">
            <v/>
          </cell>
          <cell r="I1625" t="str">
            <v>代表取締役 土屋　英仁</v>
          </cell>
          <cell r="J1625" t="str">
            <v>本店</v>
          </cell>
          <cell r="K1625" t="str">
            <v>072-463-2529</v>
          </cell>
          <cell r="L1625" t="str">
            <v>info@tsuchiya-arc.jp</v>
          </cell>
          <cell r="M1625" t="str">
            <v>ﾂﾁﾔｿｳｺﾞｳｾｯｹｲ</v>
          </cell>
          <cell r="N1625" t="str">
            <v>無</v>
          </cell>
          <cell r="O1625">
            <v>60</v>
          </cell>
          <cell r="P1625">
            <v>28</v>
          </cell>
          <cell r="Q1625">
            <v>8120101039934</v>
          </cell>
          <cell r="R1625">
            <v>20000</v>
          </cell>
          <cell r="S1625">
            <v>3921</v>
          </cell>
          <cell r="T1625">
            <v>207713</v>
          </cell>
          <cell r="V1625" t="str">
            <v>ng198044</v>
          </cell>
          <cell r="W1625" t="str">
            <v>mp303198</v>
          </cell>
          <cell r="Y1625" t="str">
            <v>建築,意匠,構造,冷暖,衛生,電気,建積,機積,電積,調査,</v>
          </cell>
          <cell r="Z1625" t="str">
            <v/>
          </cell>
          <cell r="AA1625">
            <v>187252</v>
          </cell>
          <cell r="AB1625" t="str">
            <v/>
          </cell>
          <cell r="AC1625" t="str">
            <v/>
          </cell>
          <cell r="AD1625" t="str">
            <v/>
          </cell>
          <cell r="AE1625" t="str">
            <v/>
          </cell>
          <cell r="AF1625" t="str">
            <v/>
          </cell>
          <cell r="AI1625">
            <v>2</v>
          </cell>
          <cell r="AJ1625" t="str">
            <v>建築</v>
          </cell>
        </row>
        <row r="1626">
          <cell r="B1626">
            <v>5860</v>
          </cell>
          <cell r="C1626" t="str">
            <v>シルバーテック測量</v>
          </cell>
          <cell r="D1626" t="str">
            <v>06-6644-1731</v>
          </cell>
          <cell r="E1626" t="str">
            <v>556-0016</v>
          </cell>
          <cell r="F1626" t="str">
            <v>大阪府大阪市浪速区元町1-11-8三協ﾋﾞﾙ2階</v>
          </cell>
          <cell r="G1626" t="str">
            <v>や</v>
          </cell>
          <cell r="H1626" t="str">
            <v>テイケイエンジニアリング関西支店</v>
          </cell>
          <cell r="I1626" t="str">
            <v>関西支店長 田中　義弘</v>
          </cell>
          <cell r="J1626" t="str">
            <v>山口県下関市</v>
          </cell>
          <cell r="K1626" t="str">
            <v>06-6644-1733</v>
          </cell>
          <cell r="L1626" t="str">
            <v>n.kanri@teikeiengineering.com</v>
          </cell>
          <cell r="M1626" t="str">
            <v>ﾃｲｹｲｴﾝｼﾞﾆｱﾘﾝｸﾞ</v>
          </cell>
          <cell r="N1626" t="str">
            <v>有</v>
          </cell>
          <cell r="O1626">
            <v>18</v>
          </cell>
          <cell r="P1626">
            <v>24</v>
          </cell>
          <cell r="Q1626">
            <v>5250001007782</v>
          </cell>
          <cell r="R1626">
            <v>925</v>
          </cell>
          <cell r="S1626">
            <v>56772</v>
          </cell>
          <cell r="T1626">
            <v>178666</v>
          </cell>
          <cell r="V1626" t="str">
            <v>ud445463</v>
          </cell>
          <cell r="W1626" t="str">
            <v>jz738668</v>
          </cell>
          <cell r="Y1626" t="str">
            <v>測量,河川,道路,下水,地質,</v>
          </cell>
          <cell r="Z1626" t="str">
            <v/>
          </cell>
          <cell r="AA1626" t="str">
            <v/>
          </cell>
          <cell r="AB1626" t="str">
            <v/>
          </cell>
          <cell r="AC1626" t="str">
            <v/>
          </cell>
          <cell r="AD1626" t="str">
            <v/>
          </cell>
          <cell r="AE1626" t="str">
            <v/>
          </cell>
          <cell r="AF1626" t="str">
            <v/>
          </cell>
          <cell r="AI1626">
            <v>1</v>
          </cell>
          <cell r="AJ1626" t="str">
            <v>測量</v>
          </cell>
        </row>
        <row r="1627">
          <cell r="B1627">
            <v>5861</v>
          </cell>
          <cell r="C1627" t="str">
            <v>(株)ティーネットジャパン</v>
          </cell>
          <cell r="D1627" t="str">
            <v>078-362-1160</v>
          </cell>
          <cell r="E1627" t="str">
            <v>650-0012</v>
          </cell>
          <cell r="F1627" t="str">
            <v>兵庫県神戸市中央区北長狭通5-1-2</v>
          </cell>
          <cell r="G1627" t="str">
            <v>高松市</v>
          </cell>
          <cell r="H1627" t="str">
            <v>神戸営業所</v>
          </cell>
          <cell r="I1627" t="str">
            <v>所長 西田　俊晴</v>
          </cell>
          <cell r="J1627" t="str">
            <v>香川県高松市</v>
          </cell>
          <cell r="K1627" t="str">
            <v>078-362-1162</v>
          </cell>
          <cell r="L1627" t="str">
            <v>KobeOffice@tn-japan.co.jp</v>
          </cell>
          <cell r="M1627" t="str">
            <v>ﾃｨｰﾈｯﾄｼﾞｬﾊﾟﾝ</v>
          </cell>
          <cell r="N1627" t="str">
            <v>有</v>
          </cell>
          <cell r="O1627">
            <v>42</v>
          </cell>
          <cell r="P1627">
            <v>1901</v>
          </cell>
          <cell r="Q1627">
            <v>6470001002109</v>
          </cell>
          <cell r="R1627">
            <v>263600</v>
          </cell>
          <cell r="S1627">
            <v>1250785</v>
          </cell>
          <cell r="T1627">
            <v>20618005</v>
          </cell>
          <cell r="V1627" t="str">
            <v>rm516450</v>
          </cell>
          <cell r="W1627" t="str">
            <v>bg707852</v>
          </cell>
          <cell r="Y1627" t="str">
            <v>測量,河川,道路,施行,土他,</v>
          </cell>
          <cell r="Z1627">
            <v>400</v>
          </cell>
          <cell r="AA1627" t="str">
            <v/>
          </cell>
          <cell r="AB1627">
            <v>9312869</v>
          </cell>
          <cell r="AC1627" t="str">
            <v/>
          </cell>
          <cell r="AD1627" t="str">
            <v/>
          </cell>
          <cell r="AE1627" t="str">
            <v>その他</v>
          </cell>
          <cell r="AF1627">
            <v>10631644</v>
          </cell>
          <cell r="AI1627">
            <v>3</v>
          </cell>
          <cell r="AJ1627" t="str">
            <v>土木</v>
          </cell>
        </row>
        <row r="1628">
          <cell r="B1628">
            <v>5863</v>
          </cell>
          <cell r="C1628" t="str">
            <v>帝人エコ・サイエンス(株)</v>
          </cell>
          <cell r="D1628" t="str">
            <v>072-646-5106</v>
          </cell>
          <cell r="E1628" t="str">
            <v>567-0837</v>
          </cell>
          <cell r="F1628" t="str">
            <v>大阪府茨木市南目垣1-4-1</v>
          </cell>
          <cell r="H1628" t="str">
            <v>関西事業所</v>
          </cell>
          <cell r="I1628" t="str">
            <v>所長 濵元　弘実</v>
          </cell>
          <cell r="J1628" t="str">
            <v>東京都</v>
          </cell>
          <cell r="K1628" t="str">
            <v>072-636-6274</v>
          </cell>
          <cell r="L1628" t="str">
            <v>tesosaka@teijin.co.jp</v>
          </cell>
          <cell r="M1628" t="str">
            <v>ﾃｲｼﾞﾝｴｺｻｲｴﾝｽ</v>
          </cell>
          <cell r="N1628" t="str">
            <v>有</v>
          </cell>
          <cell r="O1628">
            <v>41</v>
          </cell>
          <cell r="P1628">
            <v>156</v>
          </cell>
          <cell r="Q1628">
            <v>1010401044536</v>
          </cell>
          <cell r="R1628">
            <v>300000</v>
          </cell>
          <cell r="S1628">
            <v>620832</v>
          </cell>
          <cell r="T1628">
            <v>2201848</v>
          </cell>
          <cell r="V1628" t="str">
            <v>sm231026</v>
          </cell>
          <cell r="W1628" t="str">
            <v>bw239392</v>
          </cell>
          <cell r="Y1628" t="str">
            <v>環境,土他,水質,大気,騒音,交通,調他</v>
          </cell>
          <cell r="Z1628" t="str">
            <v/>
          </cell>
          <cell r="AA1628" t="str">
            <v/>
          </cell>
          <cell r="AB1628">
            <v>411139</v>
          </cell>
          <cell r="AC1628" t="str">
            <v/>
          </cell>
          <cell r="AD1628">
            <v>1718508</v>
          </cell>
          <cell r="AE1628" t="str">
            <v/>
          </cell>
          <cell r="AF1628" t="str">
            <v/>
          </cell>
          <cell r="AI1628">
            <v>5</v>
          </cell>
          <cell r="AJ1628" t="str">
            <v>調査</v>
          </cell>
        </row>
        <row r="1629">
          <cell r="B1629">
            <v>5871</v>
          </cell>
          <cell r="C1629" t="str">
            <v>(株)手島建築設計事務所</v>
          </cell>
          <cell r="D1629" t="str">
            <v>06-6399-2312</v>
          </cell>
          <cell r="E1629" t="str">
            <v>532-0003</v>
          </cell>
          <cell r="F1629" t="str">
            <v>大阪府大阪市淀川区宮原5-1-18</v>
          </cell>
          <cell r="H1629" t="str">
            <v>株式会社手島建築設計事務所　大阪支社</v>
          </cell>
          <cell r="I1629" t="str">
            <v>大阪支社長 龍　喜</v>
          </cell>
          <cell r="J1629" t="str">
            <v>東京都</v>
          </cell>
          <cell r="K1629" t="str">
            <v>06-6399-2326</v>
          </cell>
          <cell r="L1629" t="str">
            <v>soumu-osaka@teshima-at.co.jp</v>
          </cell>
          <cell r="M1629" t="str">
            <v>ﾃｼﾏｹﾝﾁｸｾｯｹｲｼﾞﾑｼｮ</v>
          </cell>
          <cell r="N1629" t="str">
            <v>有</v>
          </cell>
          <cell r="O1629">
            <v>47</v>
          </cell>
          <cell r="P1629">
            <v>44</v>
          </cell>
          <cell r="Q1629">
            <v>1010401018762</v>
          </cell>
          <cell r="R1629">
            <v>10000</v>
          </cell>
          <cell r="S1629">
            <v>297983</v>
          </cell>
          <cell r="T1629">
            <v>552333</v>
          </cell>
          <cell r="V1629" t="str">
            <v>yy149242</v>
          </cell>
          <cell r="W1629" t="str">
            <v>xg935605</v>
          </cell>
          <cell r="Y1629" t="str">
            <v>建築,意匠,構造,冷暖,建積,調査,</v>
          </cell>
          <cell r="Z1629" t="str">
            <v/>
          </cell>
          <cell r="AA1629">
            <v>552333</v>
          </cell>
          <cell r="AB1629" t="str">
            <v/>
          </cell>
          <cell r="AC1629" t="str">
            <v/>
          </cell>
          <cell r="AD1629" t="str">
            <v/>
          </cell>
          <cell r="AE1629" t="str">
            <v/>
          </cell>
          <cell r="AF1629" t="str">
            <v/>
          </cell>
          <cell r="AI1629">
            <v>2</v>
          </cell>
          <cell r="AJ1629" t="str">
            <v>建築</v>
          </cell>
        </row>
        <row r="1630">
          <cell r="B1630">
            <v>5873</v>
          </cell>
          <cell r="C1630" t="str">
            <v>(株)データ技研</v>
          </cell>
          <cell r="D1630" t="str">
            <v>073-474-0917</v>
          </cell>
          <cell r="E1630" t="str">
            <v>640-8315</v>
          </cell>
          <cell r="F1630" t="str">
            <v>和歌山県和歌山市有家71-6</v>
          </cell>
          <cell r="G1630" t="str">
            <v>和歌山市</v>
          </cell>
          <cell r="H1630" t="str">
            <v/>
          </cell>
          <cell r="I1630" t="str">
            <v>代表取締役　 武野　英紀</v>
          </cell>
          <cell r="J1630" t="str">
            <v>本店</v>
          </cell>
          <cell r="K1630" t="str">
            <v>073-474-4117</v>
          </cell>
          <cell r="L1630" t="str">
            <v>ohkawa@datagiken.co.jp</v>
          </cell>
          <cell r="M1630" t="str">
            <v>ﾃﾞ-ﾀｷﾞｹﾝ</v>
          </cell>
          <cell r="N1630" t="str">
            <v>無</v>
          </cell>
          <cell r="O1630">
            <v>28</v>
          </cell>
          <cell r="P1630">
            <v>31</v>
          </cell>
          <cell r="Q1630">
            <v>9170001005386</v>
          </cell>
          <cell r="R1630">
            <v>10000</v>
          </cell>
          <cell r="S1630">
            <v>133475</v>
          </cell>
          <cell r="T1630">
            <v>512545</v>
          </cell>
          <cell r="V1630" t="str">
            <v>wz500326</v>
          </cell>
          <cell r="W1630" t="str">
            <v>wv950728</v>
          </cell>
          <cell r="Y1630" t="str">
            <v>測量,測量,土質,鋼構,河川,道路,施行,地質,造園,上水,下水,都市,スポ,環境,土他,地質,水質,大気,騒音,交通,商業,調他</v>
          </cell>
          <cell r="Z1630">
            <v>80218</v>
          </cell>
          <cell r="AA1630" t="str">
            <v/>
          </cell>
          <cell r="AB1630">
            <v>360260</v>
          </cell>
          <cell r="AC1630" t="str">
            <v/>
          </cell>
          <cell r="AD1630">
            <v>72067</v>
          </cell>
          <cell r="AE1630" t="str">
            <v/>
          </cell>
          <cell r="AF1630" t="str">
            <v/>
          </cell>
          <cell r="AI1630">
            <v>3</v>
          </cell>
          <cell r="AJ1630" t="str">
            <v>土木</v>
          </cell>
        </row>
        <row r="1631">
          <cell r="B1631">
            <v>5874</v>
          </cell>
          <cell r="C1631" t="str">
            <v>(株)テスク</v>
          </cell>
          <cell r="D1631" t="str">
            <v>078-232-1125</v>
          </cell>
          <cell r="E1631" t="str">
            <v>651-0083</v>
          </cell>
          <cell r="F1631" t="str">
            <v>兵庫県神戸市中央区浜辺通4-1-23</v>
          </cell>
          <cell r="G1631" t="str">
            <v>が</v>
          </cell>
          <cell r="H1631" t="str">
            <v>神戸営業所</v>
          </cell>
          <cell r="I1631" t="str">
            <v>営業所長 有山　広幸</v>
          </cell>
          <cell r="J1631" t="str">
            <v>大阪府東大阪市</v>
          </cell>
          <cell r="K1631" t="str">
            <v>078-232-1135</v>
          </cell>
          <cell r="L1631" t="str">
            <v>tesuku@tesuku.co.jp</v>
          </cell>
          <cell r="M1631" t="str">
            <v>ﾃｽｸ</v>
          </cell>
          <cell r="N1631" t="str">
            <v>有</v>
          </cell>
          <cell r="O1631">
            <v>54</v>
          </cell>
          <cell r="P1631">
            <v>50</v>
          </cell>
          <cell r="Q1631">
            <v>7122001004894</v>
          </cell>
          <cell r="R1631">
            <v>10000</v>
          </cell>
          <cell r="S1631">
            <v>151649</v>
          </cell>
          <cell r="T1631">
            <v>337634</v>
          </cell>
          <cell r="V1631" t="str">
            <v>ya116067</v>
          </cell>
          <cell r="W1631" t="str">
            <v>it154123</v>
          </cell>
          <cell r="Y1631" t="str">
            <v>測量,下水,都市,</v>
          </cell>
          <cell r="Z1631">
            <v>333505</v>
          </cell>
          <cell r="AA1631" t="str">
            <v/>
          </cell>
          <cell r="AB1631">
            <v>4129</v>
          </cell>
          <cell r="AC1631" t="str">
            <v/>
          </cell>
          <cell r="AD1631" t="str">
            <v/>
          </cell>
          <cell r="AE1631" t="str">
            <v/>
          </cell>
          <cell r="AF1631" t="str">
            <v/>
          </cell>
          <cell r="AI1631">
            <v>1</v>
          </cell>
          <cell r="AJ1631" t="str">
            <v>測量</v>
          </cell>
        </row>
        <row r="1632">
          <cell r="B1632">
            <v>5876</v>
          </cell>
          <cell r="C1632" t="str">
            <v>(株)テラノエンジニアリング</v>
          </cell>
          <cell r="D1632" t="str">
            <v>06-6271-1326</v>
          </cell>
          <cell r="E1632" t="str">
            <v>541-0052</v>
          </cell>
          <cell r="F1632" t="str">
            <v>大阪府大阪市中央区安土町3丁目2番2号</v>
          </cell>
          <cell r="G1632" t="str">
            <v>大阪市</v>
          </cell>
          <cell r="H1632" t="str">
            <v>本店</v>
          </cell>
          <cell r="I1632" t="str">
            <v>取締役 井川　勝史</v>
          </cell>
          <cell r="J1632" t="str">
            <v>大阪府大阪市</v>
          </cell>
          <cell r="K1632" t="str">
            <v>06-6271-0676</v>
          </cell>
          <cell r="L1632" t="str">
            <v>terrano@estate.ocn.ne.jp</v>
          </cell>
          <cell r="M1632" t="str">
            <v>ﾃﾗﾉｴﾝｼﾞﾆｱﾘﾝｸﾞ</v>
          </cell>
          <cell r="N1632" t="str">
            <v>有</v>
          </cell>
          <cell r="O1632">
            <v>17</v>
          </cell>
          <cell r="P1632">
            <v>29</v>
          </cell>
          <cell r="Q1632">
            <v>3120001104033</v>
          </cell>
          <cell r="R1632">
            <v>10000</v>
          </cell>
          <cell r="S1632">
            <v>159242</v>
          </cell>
          <cell r="T1632">
            <v>533147</v>
          </cell>
          <cell r="V1632" t="str">
            <v>bm188129</v>
          </cell>
          <cell r="W1632" t="str">
            <v>kb186620</v>
          </cell>
          <cell r="Y1632" t="str">
            <v>鋼構,</v>
          </cell>
          <cell r="Z1632" t="str">
            <v/>
          </cell>
          <cell r="AA1632" t="str">
            <v/>
          </cell>
          <cell r="AB1632">
            <v>533147</v>
          </cell>
          <cell r="AC1632" t="str">
            <v/>
          </cell>
          <cell r="AD1632" t="str">
            <v/>
          </cell>
          <cell r="AE1632" t="str">
            <v/>
          </cell>
          <cell r="AF1632" t="str">
            <v/>
          </cell>
          <cell r="AI1632">
            <v>3</v>
          </cell>
          <cell r="AJ1632" t="str">
            <v>土木</v>
          </cell>
        </row>
        <row r="1633">
          <cell r="B1633">
            <v>5877</v>
          </cell>
          <cell r="C1633" t="str">
            <v>(株)テクノス電子企画</v>
          </cell>
          <cell r="D1633" t="str">
            <v>052-461-4002</v>
          </cell>
          <cell r="E1633" t="str">
            <v>526-0031</v>
          </cell>
          <cell r="F1633" t="str">
            <v>滋賀県長浜市八幡東町266-1</v>
          </cell>
          <cell r="G1633" t="str">
            <v>名古屋市</v>
          </cell>
          <cell r="H1633" t="str">
            <v>滋賀営業所</v>
          </cell>
          <cell r="I1633" t="str">
            <v>所長 栗本　敬以</v>
          </cell>
          <cell r="J1633" t="str">
            <v>愛知県名古屋市</v>
          </cell>
          <cell r="K1633" t="str">
            <v>052-461-4517</v>
          </cell>
          <cell r="L1633" t="str">
            <v>tecnos@tecno-x.co.jp</v>
          </cell>
          <cell r="M1633" t="str">
            <v>ﾃｸﾉｽﾃﾞﾝｼｷｶｸ</v>
          </cell>
          <cell r="N1633" t="str">
            <v>有</v>
          </cell>
          <cell r="O1633">
            <v>30</v>
          </cell>
          <cell r="P1633">
            <v>8</v>
          </cell>
          <cell r="Q1633">
            <v>8180001031465</v>
          </cell>
          <cell r="R1633">
            <v>10000</v>
          </cell>
          <cell r="S1633">
            <v>47757</v>
          </cell>
          <cell r="T1633">
            <v>40153</v>
          </cell>
          <cell r="V1633" t="str">
            <v>bw100730</v>
          </cell>
          <cell r="W1633" t="str">
            <v>hg137807</v>
          </cell>
          <cell r="Y1633" t="str">
            <v>土他,</v>
          </cell>
          <cell r="Z1633" t="str">
            <v/>
          </cell>
          <cell r="AA1633" t="str">
            <v/>
          </cell>
          <cell r="AB1633">
            <v>29411</v>
          </cell>
          <cell r="AC1633" t="str">
            <v/>
          </cell>
          <cell r="AD1633" t="str">
            <v/>
          </cell>
          <cell r="AE1633" t="str">
            <v/>
          </cell>
          <cell r="AF1633" t="str">
            <v/>
          </cell>
          <cell r="AI1633">
            <v>3</v>
          </cell>
          <cell r="AJ1633" t="str">
            <v>土木</v>
          </cell>
        </row>
        <row r="1634">
          <cell r="B1634">
            <v>5878</v>
          </cell>
          <cell r="C1634" t="str">
            <v>(株)ティーハウス建築設計事務所</v>
          </cell>
          <cell r="D1634" t="str">
            <v>078-335-5512</v>
          </cell>
          <cell r="E1634" t="str">
            <v>651-0082</v>
          </cell>
          <cell r="F1634" t="str">
            <v>兵庫県神戸市中央区小野浜町1-4</v>
          </cell>
          <cell r="G1634" t="str">
            <v>神戸市</v>
          </cell>
          <cell r="H1634" t="str">
            <v/>
          </cell>
          <cell r="I1634" t="str">
            <v>代表取締役 槻橋　久仁子</v>
          </cell>
          <cell r="J1634" t="str">
            <v>本店</v>
          </cell>
          <cell r="K1634" t="str">
            <v>078-335-5513</v>
          </cell>
          <cell r="L1634" t="str">
            <v/>
          </cell>
          <cell r="M1634" t="str">
            <v/>
          </cell>
          <cell r="N1634" t="str">
            <v>無</v>
          </cell>
          <cell r="O1634">
            <v>11</v>
          </cell>
          <cell r="P1634">
            <v>5</v>
          </cell>
          <cell r="Q1634">
            <v>6140001032221</v>
          </cell>
          <cell r="R1634">
            <v>1000</v>
          </cell>
          <cell r="S1634">
            <v>-25654</v>
          </cell>
          <cell r="T1634">
            <v>85524</v>
          </cell>
          <cell r="V1634" t="str">
            <v>aq110567</v>
          </cell>
          <cell r="W1634" t="str">
            <v>dm110809</v>
          </cell>
          <cell r="Y1634" t="str">
            <v>意匠,調査,</v>
          </cell>
          <cell r="Z1634" t="str">
            <v/>
          </cell>
          <cell r="AA1634" t="str">
            <v/>
          </cell>
          <cell r="AB1634" t="str">
            <v/>
          </cell>
          <cell r="AC1634" t="str">
            <v/>
          </cell>
          <cell r="AD1634" t="str">
            <v/>
          </cell>
          <cell r="AE1634" t="str">
            <v/>
          </cell>
          <cell r="AF1634" t="str">
            <v/>
          </cell>
          <cell r="AI1634">
            <v>1</v>
          </cell>
          <cell r="AJ1634" t="str">
            <v>測量</v>
          </cell>
        </row>
        <row r="1635">
          <cell r="B1635">
            <v>5879</v>
          </cell>
          <cell r="C1635" t="str">
            <v>(株)都市設計コンサルタンツ</v>
          </cell>
          <cell r="D1635" t="str">
            <v>079-424-3149</v>
          </cell>
          <cell r="E1635" t="str">
            <v>675-0031</v>
          </cell>
          <cell r="F1635" t="str">
            <v>兵庫県加古川市加古川町北在家454-1</v>
          </cell>
          <cell r="G1635" t="str">
            <v>加古川市加古川町</v>
          </cell>
          <cell r="H1635" t="str">
            <v/>
          </cell>
          <cell r="I1635" t="str">
            <v>代表取締役 宮脇　州平</v>
          </cell>
          <cell r="J1635" t="str">
            <v>本店</v>
          </cell>
          <cell r="K1635" t="str">
            <v>079-426-6997</v>
          </cell>
          <cell r="L1635" t="str">
            <v>cpc@crocus.ocn.ne.jp</v>
          </cell>
          <cell r="M1635" t="str">
            <v>ﾄｼｾｯｹｲｺﾝｻﾙﾀﾝﾂ</v>
          </cell>
          <cell r="N1635" t="str">
            <v>無</v>
          </cell>
          <cell r="O1635">
            <v>44</v>
          </cell>
          <cell r="P1635">
            <v>2</v>
          </cell>
          <cell r="Q1635">
            <v>3140001043320</v>
          </cell>
          <cell r="R1635">
            <v>10000</v>
          </cell>
          <cell r="S1635">
            <v>50434</v>
          </cell>
          <cell r="T1635">
            <v>6776</v>
          </cell>
          <cell r="V1635" t="str">
            <v>ou142358</v>
          </cell>
          <cell r="W1635" t="str">
            <v>yb177732</v>
          </cell>
          <cell r="Y1635" t="str">
            <v/>
          </cell>
          <cell r="Z1635">
            <v>6776</v>
          </cell>
          <cell r="AA1635" t="str">
            <v/>
          </cell>
          <cell r="AB1635" t="str">
            <v/>
          </cell>
          <cell r="AC1635" t="str">
            <v/>
          </cell>
          <cell r="AD1635" t="str">
            <v/>
          </cell>
          <cell r="AE1635" t="str">
            <v/>
          </cell>
          <cell r="AF1635">
            <v>6776</v>
          </cell>
          <cell r="AI1635" t="str">
            <v>建築</v>
          </cell>
          <cell r="AJ1635" t="str">
            <v>兵庫県</v>
          </cell>
        </row>
        <row r="1636">
          <cell r="B1636">
            <v>5881</v>
          </cell>
          <cell r="C1636" t="str">
            <v>東亜建測(株)</v>
          </cell>
          <cell r="D1636" t="str">
            <v>078-811-3666</v>
          </cell>
          <cell r="E1636" t="str">
            <v>658-0054</v>
          </cell>
          <cell r="F1636" t="str">
            <v>兵庫県神戸市東灘区御影中町6-4-22</v>
          </cell>
          <cell r="G1636" t="str">
            <v>神戸市</v>
          </cell>
          <cell r="H1636" t="str">
            <v/>
          </cell>
          <cell r="I1636" t="str">
            <v>代表取締役 田中　孝将</v>
          </cell>
          <cell r="J1636" t="str">
            <v>本店</v>
          </cell>
          <cell r="K1636" t="str">
            <v>078-821-4076</v>
          </cell>
          <cell r="L1636" t="str">
            <v>gyoumu@toakensoku.co.jp</v>
          </cell>
          <cell r="M1636" t="str">
            <v>ﾄｳｱｹﾝｿｸ</v>
          </cell>
          <cell r="N1636" t="str">
            <v>無</v>
          </cell>
          <cell r="O1636">
            <v>56</v>
          </cell>
          <cell r="P1636">
            <v>33</v>
          </cell>
          <cell r="Q1636">
            <v>8140001013657</v>
          </cell>
          <cell r="R1636">
            <v>100000</v>
          </cell>
          <cell r="S1636">
            <v>293653</v>
          </cell>
          <cell r="T1636">
            <v>299490</v>
          </cell>
          <cell r="V1636" t="str">
            <v>aq286113</v>
          </cell>
          <cell r="W1636" t="str">
            <v>rg369691</v>
          </cell>
          <cell r="Y1636" t="str">
            <v>測量,測量,航空,地質,水質,交通,調他</v>
          </cell>
          <cell r="Z1636">
            <v>147719</v>
          </cell>
          <cell r="AA1636" t="str">
            <v/>
          </cell>
          <cell r="AB1636" t="str">
            <v/>
          </cell>
          <cell r="AC1636" t="str">
            <v/>
          </cell>
          <cell r="AD1636">
            <v>160030</v>
          </cell>
          <cell r="AE1636" t="str">
            <v/>
          </cell>
          <cell r="AF1636" t="str">
            <v/>
          </cell>
          <cell r="AI1636">
            <v>5</v>
          </cell>
          <cell r="AJ1636" t="str">
            <v>調査</v>
          </cell>
        </row>
        <row r="1637">
          <cell r="B1637">
            <v>5883</v>
          </cell>
          <cell r="C1637" t="str">
            <v>(株)東京建設コンサルタント</v>
          </cell>
          <cell r="D1637" t="str">
            <v>078-367-5760</v>
          </cell>
          <cell r="E1637" t="str">
            <v>650-0012</v>
          </cell>
          <cell r="F1637" t="str">
            <v>兵庫県神戸市中央区北長狭通5-1-21</v>
          </cell>
          <cell r="G1637" t="str">
            <v>って</v>
          </cell>
          <cell r="H1637" t="str">
            <v>兵庫事務所</v>
          </cell>
          <cell r="I1637" t="str">
            <v>所長 佐藤　英章</v>
          </cell>
          <cell r="J1637" t="str">
            <v>東京都</v>
          </cell>
          <cell r="K1637" t="str">
            <v>078-367-5761</v>
          </cell>
          <cell r="L1637" t="str">
            <v>ka_bus@tokencon.co.jp</v>
          </cell>
          <cell r="M1637" t="str">
            <v>ﾄｳｷｮｳｹﾝｾﾂｺﾝｻﾙﾀﾝﾄ</v>
          </cell>
          <cell r="N1637" t="str">
            <v>有</v>
          </cell>
          <cell r="O1637">
            <v>58</v>
          </cell>
          <cell r="P1637">
            <v>534</v>
          </cell>
          <cell r="Q1637">
            <v>6013301007970</v>
          </cell>
          <cell r="R1637">
            <v>335000</v>
          </cell>
          <cell r="S1637">
            <v>11812419</v>
          </cell>
          <cell r="T1637">
            <v>9373576</v>
          </cell>
          <cell r="V1637" t="str">
            <v>qc524973</v>
          </cell>
          <cell r="W1637" t="str">
            <v>mq109793</v>
          </cell>
          <cell r="Y1637" t="str">
            <v>測量,建築,土質,鋼構,河川,道路,施行,建機,地質,造園,下水,都市,環境,土他,地質,水質,大気,騒音,交通,</v>
          </cell>
          <cell r="Z1637">
            <v>133795</v>
          </cell>
          <cell r="AA1637">
            <v>39962</v>
          </cell>
          <cell r="AB1637">
            <v>9146965</v>
          </cell>
          <cell r="AC1637" t="str">
            <v/>
          </cell>
          <cell r="AD1637" t="str">
            <v/>
          </cell>
          <cell r="AE1637" t="str">
            <v>地質調査業務</v>
          </cell>
          <cell r="AF1637">
            <v>52854</v>
          </cell>
          <cell r="AI1637">
            <v>3</v>
          </cell>
          <cell r="AJ1637" t="str">
            <v>土木</v>
          </cell>
        </row>
        <row r="1638">
          <cell r="B1638">
            <v>5884</v>
          </cell>
          <cell r="C1638" t="str">
            <v>(株)東京設計事務所</v>
          </cell>
          <cell r="D1638" t="str">
            <v>078-291-7805</v>
          </cell>
          <cell r="E1638" t="str">
            <v>550-0021</v>
          </cell>
          <cell r="F1638" t="str">
            <v>兵庫県神戸市中央区磯上通8-1-8 ｱｼﾞｱﾋﾞﾙﾃﾞｨﾝｸﾞ</v>
          </cell>
          <cell r="G1638" t="str">
            <v/>
          </cell>
          <cell r="H1638" t="str">
            <v>神戸事務所</v>
          </cell>
          <cell r="I1638" t="str">
            <v>所長　 中野　泰暢</v>
          </cell>
          <cell r="J1638" t="str">
            <v>東京都</v>
          </cell>
          <cell r="K1638" t="str">
            <v>078-291-7806</v>
          </cell>
          <cell r="L1638" t="str">
            <v>ec_kan@tokyoengicon.co.jp</v>
          </cell>
          <cell r="M1638" t="str">
            <v>ﾄｳｷﾖｳｾﾂｹｲｼﾞﾑｼﾖ</v>
          </cell>
          <cell r="N1638" t="str">
            <v>有</v>
          </cell>
          <cell r="O1638">
            <v>59</v>
          </cell>
          <cell r="P1638">
            <v>280</v>
          </cell>
          <cell r="Q1638">
            <v>6010001034247</v>
          </cell>
          <cell r="R1638">
            <v>80000</v>
          </cell>
          <cell r="S1638">
            <v>1436368</v>
          </cell>
          <cell r="T1638">
            <v>6264103</v>
          </cell>
          <cell r="V1638" t="str">
            <v>xt988154</v>
          </cell>
          <cell r="W1638" t="str">
            <v>zm544374</v>
          </cell>
          <cell r="Y1638" t="str">
            <v>測量,建築,鋼構,上水,下水,土他,地質,</v>
          </cell>
          <cell r="Z1638">
            <v>34875</v>
          </cell>
          <cell r="AA1638">
            <v>216711</v>
          </cell>
          <cell r="AB1638">
            <v>6005020</v>
          </cell>
          <cell r="AC1638">
            <v>23475</v>
          </cell>
          <cell r="AD1638" t="str">
            <v/>
          </cell>
          <cell r="AE1638" t="str">
            <v/>
          </cell>
          <cell r="AF1638" t="str">
            <v/>
          </cell>
          <cell r="AI1638">
            <v>3</v>
          </cell>
          <cell r="AJ1638" t="str">
            <v>土木</v>
          </cell>
        </row>
        <row r="1639">
          <cell r="B1639">
            <v>5885</v>
          </cell>
          <cell r="C1639" t="str">
            <v>(株)東京ソイルリサーチ</v>
          </cell>
          <cell r="D1639" t="str">
            <v>078-362-2371</v>
          </cell>
          <cell r="E1639" t="str">
            <v>650-0012</v>
          </cell>
          <cell r="F1639" t="str">
            <v>兵庫県神戸市中央区北長狭通5-2-19</v>
          </cell>
          <cell r="H1639" t="str">
            <v>神戸営業所</v>
          </cell>
          <cell r="I1639" t="str">
            <v>所長 寺見　博敏</v>
          </cell>
          <cell r="J1639" t="str">
            <v>東京都</v>
          </cell>
          <cell r="K1639" t="str">
            <v>078-362-2372</v>
          </cell>
          <cell r="L1639" t="str">
            <v>info@tokyosoil.co.jp</v>
          </cell>
          <cell r="M1639" t="str">
            <v>ﾄｳｷｮｳｿｲﾙﾘｻｰﾁ</v>
          </cell>
          <cell r="N1639" t="str">
            <v>有</v>
          </cell>
          <cell r="O1639">
            <v>52</v>
          </cell>
          <cell r="P1639">
            <v>222</v>
          </cell>
          <cell r="Q1639">
            <v>3013201006646</v>
          </cell>
          <cell r="R1639">
            <v>165000</v>
          </cell>
          <cell r="S1639">
            <v>5689162</v>
          </cell>
          <cell r="T1639">
            <v>5207249</v>
          </cell>
          <cell r="V1639" t="str">
            <v>dt319881</v>
          </cell>
          <cell r="W1639" t="str">
            <v>tx374508</v>
          </cell>
          <cell r="Y1639" t="str">
            <v>測量,構造,調査,土質,鋼構,河川,道路,地質,地質,</v>
          </cell>
          <cell r="Z1639">
            <v>133732</v>
          </cell>
          <cell r="AA1639">
            <v>595151</v>
          </cell>
          <cell r="AB1639">
            <v>657175</v>
          </cell>
          <cell r="AC1639" t="str">
            <v/>
          </cell>
          <cell r="AD1639">
            <v>3937836</v>
          </cell>
          <cell r="AE1639" t="str">
            <v>工事さく井</v>
          </cell>
          <cell r="AF1639">
            <v>7096</v>
          </cell>
          <cell r="AI1639">
            <v>5</v>
          </cell>
          <cell r="AJ1639" t="str">
            <v>調査</v>
          </cell>
        </row>
        <row r="1640">
          <cell r="B1640">
            <v>5886</v>
          </cell>
          <cell r="C1640" t="str">
            <v>東京テクニカル・サービス(株)</v>
          </cell>
          <cell r="D1640" t="str">
            <v>078-252-8074</v>
          </cell>
          <cell r="E1640" t="str">
            <v>651-0063</v>
          </cell>
          <cell r="F1640" t="str">
            <v>兵庫県神戸市中央区宮本通2-3-18</v>
          </cell>
          <cell r="G1640" t="str">
            <v>浦安市</v>
          </cell>
          <cell r="H1640" t="str">
            <v>西日本支店</v>
          </cell>
          <cell r="I1640" t="str">
            <v>支店長 田場　裕一</v>
          </cell>
          <cell r="J1640" t="str">
            <v>千葉県浦安市</v>
          </cell>
          <cell r="K1640" t="str">
            <v>078-252-8073</v>
          </cell>
          <cell r="L1640" t="str">
            <v>ebit@tts-4u.co.jp</v>
          </cell>
          <cell r="M1640" t="str">
            <v>ﾄｳｷｮｳﾃｸﾆｶﾙ･ｻｰﾋﾞｽ</v>
          </cell>
          <cell r="N1640" t="str">
            <v>有</v>
          </cell>
          <cell r="O1640">
            <v>47</v>
          </cell>
          <cell r="P1640">
            <v>53</v>
          </cell>
          <cell r="Q1640">
            <v>1040001029802</v>
          </cell>
          <cell r="R1640">
            <v>20000</v>
          </cell>
          <cell r="S1640">
            <v>662611</v>
          </cell>
          <cell r="T1640">
            <v>767270</v>
          </cell>
          <cell r="V1640" t="str">
            <v>wb438845</v>
          </cell>
          <cell r="W1640" t="str">
            <v>sh291463</v>
          </cell>
          <cell r="Y1640" t="str">
            <v>水質,大気,騒音,交通,調他</v>
          </cell>
          <cell r="Z1640" t="str">
            <v/>
          </cell>
          <cell r="AA1640" t="str">
            <v/>
          </cell>
          <cell r="AB1640" t="str">
            <v/>
          </cell>
          <cell r="AC1640" t="str">
            <v/>
          </cell>
          <cell r="AD1640">
            <v>767270</v>
          </cell>
          <cell r="AE1640" t="str">
            <v/>
          </cell>
          <cell r="AF1640" t="str">
            <v/>
          </cell>
          <cell r="AI1640">
            <v>5</v>
          </cell>
          <cell r="AJ1640" t="str">
            <v>調査</v>
          </cell>
        </row>
        <row r="1641">
          <cell r="B1641">
            <v>5887</v>
          </cell>
          <cell r="C1641" t="str">
            <v>(株)東建ジオテック　</v>
          </cell>
          <cell r="D1641" t="str">
            <v>072-265-2651</v>
          </cell>
          <cell r="E1641" t="str">
            <v>593-8321</v>
          </cell>
          <cell r="F1641" t="str">
            <v>大阪府堺市西区宮下町12-19</v>
          </cell>
          <cell r="G1641" t="str">
            <v>さいたま市</v>
          </cell>
          <cell r="H1641" t="str">
            <v>大阪支店</v>
          </cell>
          <cell r="I1641" t="str">
            <v>支店長 藤井　圭介</v>
          </cell>
          <cell r="J1641" t="str">
            <v>埼玉県さいたま市</v>
          </cell>
          <cell r="K1641" t="str">
            <v>072-263-7434</v>
          </cell>
          <cell r="L1641" t="str">
            <v/>
          </cell>
          <cell r="M1641" t="str">
            <v>ﾄｳｹﾝｼﾞｵﾃｯｸ</v>
          </cell>
          <cell r="N1641" t="str">
            <v>有</v>
          </cell>
          <cell r="O1641">
            <v>61</v>
          </cell>
          <cell r="P1641">
            <v>115</v>
          </cell>
          <cell r="Q1641">
            <v>6030001005972</v>
          </cell>
          <cell r="R1641">
            <v>60000</v>
          </cell>
          <cell r="S1641">
            <v>692281</v>
          </cell>
          <cell r="T1641">
            <v>1939849</v>
          </cell>
          <cell r="V1641" t="str">
            <v>zn226771</v>
          </cell>
          <cell r="W1641" t="str">
            <v>hq396457</v>
          </cell>
          <cell r="Y1641" t="str">
            <v>測量,土質,河川,地質,地質,</v>
          </cell>
          <cell r="Z1641">
            <v>3234</v>
          </cell>
          <cell r="AA1641" t="str">
            <v/>
          </cell>
          <cell r="AB1641">
            <v>274060</v>
          </cell>
          <cell r="AC1641" t="str">
            <v/>
          </cell>
          <cell r="AD1641">
            <v>1662555</v>
          </cell>
          <cell r="AE1641" t="str">
            <v/>
          </cell>
          <cell r="AF1641" t="str">
            <v/>
          </cell>
          <cell r="AI1641">
            <v>5</v>
          </cell>
          <cell r="AJ1641" t="str">
            <v>調査</v>
          </cell>
        </row>
        <row r="1642">
          <cell r="B1642">
            <v>5888</v>
          </cell>
          <cell r="C1642" t="str">
            <v>(株)東光コンサルタンツ</v>
          </cell>
          <cell r="D1642" t="str">
            <v>078-531-1210</v>
          </cell>
          <cell r="E1642" t="str">
            <v>652-0802</v>
          </cell>
          <cell r="F1642" t="str">
            <v>兵庫県神戸市兵庫区水木通4-1-11</v>
          </cell>
          <cell r="H1642" t="str">
            <v>神戸営業所</v>
          </cell>
          <cell r="I1642" t="str">
            <v>所長 後藤　明</v>
          </cell>
          <cell r="J1642" t="str">
            <v>東京都</v>
          </cell>
          <cell r="K1642" t="str">
            <v>078-531-1220</v>
          </cell>
          <cell r="L1642" t="str">
            <v>o-eigyo@tokoc.co.jp</v>
          </cell>
          <cell r="M1642" t="str">
            <v>ﾄｳｺｳｺﾝｻﾙﾀﾝﾂ</v>
          </cell>
          <cell r="N1642" t="str">
            <v>有</v>
          </cell>
          <cell r="O1642">
            <v>58</v>
          </cell>
          <cell r="P1642">
            <v>166</v>
          </cell>
          <cell r="Q1642">
            <v>1010501029809</v>
          </cell>
          <cell r="R1642">
            <v>100000</v>
          </cell>
          <cell r="S1642">
            <v>814926</v>
          </cell>
          <cell r="T1642">
            <v>2664019.4920000001</v>
          </cell>
          <cell r="V1642" t="str">
            <v>fb254946</v>
          </cell>
          <cell r="W1642" t="str">
            <v>tt753038</v>
          </cell>
          <cell r="Y1642" t="str">
            <v>測量,測量,航空,土質,鋼構,河川,道路,下水,都市,土他,地質,交通,</v>
          </cell>
          <cell r="Z1642">
            <v>123166.6715</v>
          </cell>
          <cell r="AA1642" t="str">
            <v/>
          </cell>
          <cell r="AB1642">
            <v>2514959.4874999998</v>
          </cell>
          <cell r="AC1642" t="str">
            <v/>
          </cell>
          <cell r="AD1642">
            <v>28788.91</v>
          </cell>
          <cell r="AE1642" t="str">
            <v/>
          </cell>
          <cell r="AF1642" t="str">
            <v/>
          </cell>
          <cell r="AI1642">
            <v>3</v>
          </cell>
          <cell r="AJ1642" t="str">
            <v>土木</v>
          </cell>
        </row>
        <row r="1643">
          <cell r="B1643">
            <v>5889</v>
          </cell>
          <cell r="C1643" t="str">
            <v>(株)東畑建築事務所</v>
          </cell>
          <cell r="D1643" t="str">
            <v>06-6202-0391</v>
          </cell>
          <cell r="E1643" t="str">
            <v>541-0043</v>
          </cell>
          <cell r="F1643" t="str">
            <v>大阪府大阪市中央区高麗橋2-6-10</v>
          </cell>
          <cell r="G1643" t="str">
            <v>大阪市</v>
          </cell>
          <cell r="H1643" t="str">
            <v>本社オフィス大阪</v>
          </cell>
          <cell r="I1643" t="str">
            <v>取締役代表 永田　久子</v>
          </cell>
          <cell r="J1643" t="str">
            <v>大阪府大阪市</v>
          </cell>
          <cell r="K1643" t="str">
            <v>06-6223-1474</v>
          </cell>
          <cell r="L1643" t="str">
            <v>gyomu@tohata.co.jp</v>
          </cell>
          <cell r="M1643" t="str">
            <v>ﾄｳﾊﾀｹﾝﾁｸｼﾞﾑｼｮ</v>
          </cell>
          <cell r="N1643" t="str">
            <v>有</v>
          </cell>
          <cell r="O1643">
            <v>86</v>
          </cell>
          <cell r="P1643">
            <v>290</v>
          </cell>
          <cell r="Q1643">
            <v>1120001087701</v>
          </cell>
          <cell r="R1643">
            <v>100000</v>
          </cell>
          <cell r="S1643">
            <v>2686678</v>
          </cell>
          <cell r="T1643">
            <v>4911546</v>
          </cell>
          <cell r="V1643" t="str">
            <v>uv909344</v>
          </cell>
          <cell r="W1643" t="str">
            <v>vx849488</v>
          </cell>
          <cell r="Y1643" t="str">
            <v>建築,都市,</v>
          </cell>
          <cell r="Z1643" t="str">
            <v/>
          </cell>
          <cell r="AA1643">
            <v>4724089</v>
          </cell>
          <cell r="AB1643">
            <v>145827</v>
          </cell>
          <cell r="AC1643" t="str">
            <v/>
          </cell>
          <cell r="AD1643" t="str">
            <v/>
          </cell>
          <cell r="AE1643" t="str">
            <v/>
          </cell>
          <cell r="AF1643" t="str">
            <v/>
          </cell>
          <cell r="AI1643">
            <v>2</v>
          </cell>
          <cell r="AJ1643" t="str">
            <v>建築</v>
          </cell>
        </row>
        <row r="1644">
          <cell r="B1644">
            <v>5893</v>
          </cell>
          <cell r="C1644" t="str">
            <v>東洋技研コンサルタント(株)</v>
          </cell>
          <cell r="D1644" t="str">
            <v>078-929-8085</v>
          </cell>
          <cell r="E1644" t="str">
            <v>651-2135</v>
          </cell>
          <cell r="F1644" t="str">
            <v>兵庫県神戸市西区王塚台3-67-3</v>
          </cell>
          <cell r="G1644" t="str">
            <v>大阪市</v>
          </cell>
          <cell r="H1644" t="str">
            <v>神戸営業所</v>
          </cell>
          <cell r="I1644" t="str">
            <v>所長 山本　晃廣</v>
          </cell>
          <cell r="J1644" t="str">
            <v>大阪府大阪市</v>
          </cell>
          <cell r="K1644" t="str">
            <v>078-929-8095</v>
          </cell>
          <cell r="L1644" t="str">
            <v>eigyodep@toyogiken-ccei.co.jp</v>
          </cell>
          <cell r="M1644" t="str">
            <v>ﾄｳﾖｳｷﾞｹﾝｺﾝｻﾙﾀﾝﾄ</v>
          </cell>
          <cell r="N1644" t="str">
            <v>有</v>
          </cell>
          <cell r="O1644">
            <v>62</v>
          </cell>
          <cell r="P1644">
            <v>126</v>
          </cell>
          <cell r="Q1644">
            <v>6120001057162</v>
          </cell>
          <cell r="R1644">
            <v>50000</v>
          </cell>
          <cell r="S1644">
            <v>545708</v>
          </cell>
          <cell r="T1644">
            <v>2010932</v>
          </cell>
          <cell r="V1644" t="str">
            <v>vd961160</v>
          </cell>
          <cell r="W1644" t="str">
            <v>qq656612</v>
          </cell>
          <cell r="Y1644" t="str">
            <v>測量,土質,鋼構,河川,道路,施行,地質,都市,スポ,環境,地質,水質,大気,騒音,交通,</v>
          </cell>
          <cell r="Z1644">
            <v>49907</v>
          </cell>
          <cell r="AA1644" t="str">
            <v/>
          </cell>
          <cell r="AB1644">
            <v>1836454</v>
          </cell>
          <cell r="AC1644" t="str">
            <v/>
          </cell>
          <cell r="AD1644">
            <v>27704</v>
          </cell>
          <cell r="AE1644" t="str">
            <v/>
          </cell>
          <cell r="AF1644" t="str">
            <v/>
          </cell>
          <cell r="AI1644">
            <v>3</v>
          </cell>
          <cell r="AJ1644" t="str">
            <v>土木</v>
          </cell>
        </row>
        <row r="1645">
          <cell r="B1645">
            <v>5896</v>
          </cell>
          <cell r="C1645" t="str">
            <v>東洋コンサルタント(株)</v>
          </cell>
          <cell r="D1645" t="str">
            <v>06-6383-8861</v>
          </cell>
          <cell r="E1645" t="str">
            <v>564-0011</v>
          </cell>
          <cell r="F1645" t="str">
            <v>大阪府吹田市岸部南2-43-29</v>
          </cell>
          <cell r="G1645" t="str">
            <v>朝倉郡筑前町</v>
          </cell>
          <cell r="H1645" t="str">
            <v>大阪支店</v>
          </cell>
          <cell r="I1645" t="str">
            <v>支店長 丸山　建治</v>
          </cell>
          <cell r="J1645" t="str">
            <v>福岡県朝倉郡筑前町</v>
          </cell>
          <cell r="K1645" t="str">
            <v>06-6383-8862</v>
          </cell>
          <cell r="L1645" t="str">
            <v>osk@toyo-ct.co.jp</v>
          </cell>
          <cell r="M1645" t="str">
            <v>ﾄｳﾖｳｺﾝｻﾙﾀﾝﾄ</v>
          </cell>
          <cell r="N1645" t="str">
            <v>有</v>
          </cell>
          <cell r="O1645">
            <v>33</v>
          </cell>
          <cell r="P1645">
            <v>63</v>
          </cell>
          <cell r="Q1645">
            <v>8290001044241</v>
          </cell>
          <cell r="R1645">
            <v>100000</v>
          </cell>
          <cell r="S1645">
            <v>154459</v>
          </cell>
          <cell r="T1645">
            <v>377750</v>
          </cell>
          <cell r="V1645" t="str">
            <v>qq196643</v>
          </cell>
          <cell r="W1645" t="str">
            <v>xq702333</v>
          </cell>
          <cell r="Y1645" t="str">
            <v>損失,</v>
          </cell>
          <cell r="Z1645">
            <v>300</v>
          </cell>
          <cell r="AA1645" t="str">
            <v/>
          </cell>
          <cell r="AB1645" t="str">
            <v/>
          </cell>
          <cell r="AC1645">
            <v>377450</v>
          </cell>
          <cell r="AD1645" t="str">
            <v/>
          </cell>
          <cell r="AE1645" t="str">
            <v/>
          </cell>
          <cell r="AF1645" t="str">
            <v/>
          </cell>
          <cell r="AI1645">
            <v>4</v>
          </cell>
          <cell r="AJ1645" t="str">
            <v>補償</v>
          </cell>
        </row>
        <row r="1646">
          <cell r="B1646">
            <v>5898</v>
          </cell>
          <cell r="C1646" t="str">
            <v>(株)東和テクノロジー</v>
          </cell>
          <cell r="D1646" t="str">
            <v>06-6309-3300</v>
          </cell>
          <cell r="E1646" t="str">
            <v>550-0015</v>
          </cell>
          <cell r="F1646" t="str">
            <v>大阪府大阪市淀川区木川東2-4-10</v>
          </cell>
          <cell r="G1646" t="str">
            <v>広島市</v>
          </cell>
          <cell r="H1646" t="str">
            <v>関西支店</v>
          </cell>
          <cell r="I1646" t="str">
            <v>支店長　 福永　和弘</v>
          </cell>
          <cell r="J1646" t="str">
            <v>広島県広島市</v>
          </cell>
          <cell r="K1646" t="str">
            <v>06-6309-3399</v>
          </cell>
          <cell r="L1646" t="str">
            <v>sales@technology.co.jp</v>
          </cell>
          <cell r="M1646" t="str">
            <v>ﾄｳﾜﾃｸﾉﾛｼﾞ-</v>
          </cell>
          <cell r="N1646" t="str">
            <v>有</v>
          </cell>
          <cell r="O1646">
            <v>11</v>
          </cell>
          <cell r="P1646">
            <v>52</v>
          </cell>
          <cell r="Q1646">
            <v>7240001018449</v>
          </cell>
          <cell r="R1646">
            <v>20000</v>
          </cell>
          <cell r="S1646">
            <v>111860</v>
          </cell>
          <cell r="T1646">
            <v>743541</v>
          </cell>
          <cell r="V1646" t="str">
            <v>ak969715</v>
          </cell>
          <cell r="W1646" t="str">
            <v>fo154347</v>
          </cell>
          <cell r="Y1646" t="str">
            <v>測量,測量,建築,意匠,構造,冷暖,衛生,電気,建積,機積,電積,調査,土質,地質,都市,環境,土他,地質,調他</v>
          </cell>
          <cell r="Z1646">
            <v>7610</v>
          </cell>
          <cell r="AA1646">
            <v>154156</v>
          </cell>
          <cell r="AB1646">
            <v>581775</v>
          </cell>
          <cell r="AC1646" t="str">
            <v/>
          </cell>
          <cell r="AD1646" t="str">
            <v/>
          </cell>
          <cell r="AE1646" t="str">
            <v/>
          </cell>
          <cell r="AF1646" t="str">
            <v/>
          </cell>
          <cell r="AI1646">
            <v>3</v>
          </cell>
          <cell r="AJ1646" t="str">
            <v>土木</v>
          </cell>
        </row>
        <row r="1647">
          <cell r="B1647">
            <v>5900</v>
          </cell>
          <cell r="C1647" t="str">
            <v>(株)藤和設計</v>
          </cell>
          <cell r="D1647" t="str">
            <v>06-6266-3424</v>
          </cell>
          <cell r="E1647" t="str">
            <v>541-0051</v>
          </cell>
          <cell r="F1647" t="str">
            <v>大阪府大阪市中央区備後町1-4-8</v>
          </cell>
          <cell r="G1647" t="str">
            <v>大阪市</v>
          </cell>
          <cell r="H1647" t="str">
            <v/>
          </cell>
          <cell r="I1647" t="str">
            <v>代表取締役 松本　瀧光</v>
          </cell>
          <cell r="J1647" t="str">
            <v>本店</v>
          </cell>
          <cell r="K1647" t="str">
            <v>06-6266-3423</v>
          </cell>
          <cell r="L1647" t="str">
            <v>towa.ao@abeam.ocn.ne.jp</v>
          </cell>
          <cell r="M1647" t="str">
            <v>ﾄｳﾜｾｯｹｲ</v>
          </cell>
          <cell r="N1647" t="str">
            <v>無</v>
          </cell>
          <cell r="O1647">
            <v>51</v>
          </cell>
          <cell r="P1647">
            <v>14</v>
          </cell>
          <cell r="Q1647">
            <v>5120001085180</v>
          </cell>
          <cell r="R1647">
            <v>10000</v>
          </cell>
          <cell r="S1647">
            <v>37734</v>
          </cell>
          <cell r="T1647">
            <v>150671</v>
          </cell>
          <cell r="V1647" t="str">
            <v>fd702158</v>
          </cell>
          <cell r="W1647" t="str">
            <v>rk841734</v>
          </cell>
          <cell r="Y1647" t="str">
            <v>建築,意匠,建積,調査,</v>
          </cell>
          <cell r="Z1647" t="str">
            <v/>
          </cell>
          <cell r="AA1647">
            <v>151692</v>
          </cell>
          <cell r="AB1647" t="str">
            <v/>
          </cell>
          <cell r="AC1647" t="str">
            <v/>
          </cell>
          <cell r="AD1647" t="str">
            <v/>
          </cell>
          <cell r="AE1647" t="str">
            <v/>
          </cell>
          <cell r="AF1647" t="str">
            <v/>
          </cell>
          <cell r="AI1647">
            <v>2</v>
          </cell>
          <cell r="AJ1647" t="str">
            <v>建築</v>
          </cell>
        </row>
        <row r="1648">
          <cell r="B1648">
            <v>5901</v>
          </cell>
          <cell r="C1648" t="str">
            <v>(株)トーニチコンサルタント</v>
          </cell>
          <cell r="D1648" t="str">
            <v>078-387-6630</v>
          </cell>
          <cell r="E1648" t="str">
            <v>674-0057</v>
          </cell>
          <cell r="F1648" t="str">
            <v>兵庫県明石市大久保町高丘1-5-7</v>
          </cell>
          <cell r="H1648" t="str">
            <v>兵庫事務所</v>
          </cell>
          <cell r="I1648" t="str">
            <v>所長 折井　浩彦</v>
          </cell>
          <cell r="J1648" t="str">
            <v>東京都</v>
          </cell>
          <cell r="K1648" t="str">
            <v>078-387-6631</v>
          </cell>
          <cell r="L1648" t="str">
            <v>W_Eigyo@tonichi-c.co.jp</v>
          </cell>
          <cell r="M1648" t="str">
            <v>ﾄｰﾆﾁｺﾝｻﾙﾀﾝﾄ</v>
          </cell>
          <cell r="N1648" t="str">
            <v>有</v>
          </cell>
          <cell r="O1648">
            <v>60</v>
          </cell>
          <cell r="P1648">
            <v>264</v>
          </cell>
          <cell r="Q1648">
            <v>4011001015552</v>
          </cell>
          <cell r="R1648">
            <v>100000</v>
          </cell>
          <cell r="S1648">
            <v>1386514</v>
          </cell>
          <cell r="T1648">
            <v>5892822</v>
          </cell>
          <cell r="V1648" t="str">
            <v>xg173696</v>
          </cell>
          <cell r="W1648" t="str">
            <v>yz603866</v>
          </cell>
          <cell r="Y1648" t="str">
            <v>測量,測量,建築,意匠,構造,土質,鋼構,河川,道路,施行,下水,都市,環境,地質,水質,大気,騒音,交通,商業,調他</v>
          </cell>
          <cell r="Z1648">
            <v>78044</v>
          </cell>
          <cell r="AA1648">
            <v>79970</v>
          </cell>
          <cell r="AB1648">
            <v>5589168</v>
          </cell>
          <cell r="AC1648" t="str">
            <v/>
          </cell>
          <cell r="AD1648">
            <v>145640</v>
          </cell>
          <cell r="AE1648" t="str">
            <v/>
          </cell>
          <cell r="AF1648" t="str">
            <v/>
          </cell>
          <cell r="AI1648">
            <v>3</v>
          </cell>
          <cell r="AJ1648" t="str">
            <v>土木</v>
          </cell>
        </row>
        <row r="1649">
          <cell r="B1649">
            <v>5904</v>
          </cell>
          <cell r="C1649" t="str">
            <v>(株)徳岡設計</v>
          </cell>
          <cell r="D1649" t="str">
            <v>06-6910-7178</v>
          </cell>
          <cell r="E1649" t="str">
            <v>540-0029</v>
          </cell>
          <cell r="F1649" t="str">
            <v>大阪府大阪市中央区本町橋5-14</v>
          </cell>
          <cell r="G1649" t="str">
            <v>大阪市</v>
          </cell>
          <cell r="H1649" t="str">
            <v/>
          </cell>
          <cell r="I1649" t="str">
            <v>代表取締役 徳岡　浩二</v>
          </cell>
          <cell r="J1649" t="str">
            <v>本店</v>
          </cell>
          <cell r="K1649" t="str">
            <v>06-6910-7179</v>
          </cell>
          <cell r="L1649" t="str">
            <v>somu@tokuoka-ac.co.jp</v>
          </cell>
          <cell r="M1649" t="str">
            <v>ﾄｸｵｶｾｯｹｲ</v>
          </cell>
          <cell r="N1649" t="str">
            <v>無</v>
          </cell>
          <cell r="O1649">
            <v>35</v>
          </cell>
          <cell r="P1649">
            <v>40</v>
          </cell>
          <cell r="Q1649">
            <v>6120001067896</v>
          </cell>
          <cell r="R1649">
            <v>30000</v>
          </cell>
          <cell r="S1649">
            <v>184391</v>
          </cell>
          <cell r="T1649">
            <v>395258</v>
          </cell>
          <cell r="V1649" t="str">
            <v>cu953173</v>
          </cell>
          <cell r="W1649" t="str">
            <v>tf464179</v>
          </cell>
          <cell r="Y1649" t="str">
            <v>建築,意匠,構造,冷暖,衛生,電気,建積,機積,電積,調査,都市,</v>
          </cell>
          <cell r="Z1649" t="str">
            <v/>
          </cell>
          <cell r="AA1649">
            <v>395258</v>
          </cell>
          <cell r="AB1649" t="str">
            <v/>
          </cell>
          <cell r="AC1649" t="str">
            <v/>
          </cell>
          <cell r="AD1649" t="str">
            <v/>
          </cell>
          <cell r="AE1649" t="str">
            <v/>
          </cell>
          <cell r="AF1649" t="str">
            <v/>
          </cell>
          <cell r="AI1649">
            <v>2</v>
          </cell>
          <cell r="AJ1649" t="str">
            <v>建築</v>
          </cell>
        </row>
        <row r="1650">
          <cell r="B1650">
            <v>5906</v>
          </cell>
          <cell r="C1650" t="str">
            <v>(株)都市・計画・設計研究所</v>
          </cell>
          <cell r="D1650" t="str">
            <v>078-252-8074</v>
          </cell>
          <cell r="E1650" t="str">
            <v>650-0034</v>
          </cell>
          <cell r="F1650" t="str">
            <v>兵庫県神戸市中央区京町67</v>
          </cell>
          <cell r="G1650" t="str">
            <v>神戸市</v>
          </cell>
          <cell r="H1650" t="str">
            <v>神戸事務所</v>
          </cell>
          <cell r="I1650" t="str">
            <v>代表取締役神戸事務所長 平井　仁</v>
          </cell>
          <cell r="J1650" t="str">
            <v>兵庫県神戸市</v>
          </cell>
          <cell r="K1650" t="str">
            <v>078-599-9714</v>
          </cell>
          <cell r="L1650" t="str">
            <v>h-hirai@ur-ipd.co.jp</v>
          </cell>
          <cell r="M1650" t="str">
            <v>ﾄｼ･ｹｲｶｸ･ｾｯｹｲｹﾝｷｭｳｼｮ</v>
          </cell>
          <cell r="N1650" t="str">
            <v>有</v>
          </cell>
          <cell r="O1650">
            <v>54</v>
          </cell>
          <cell r="P1650">
            <v>18</v>
          </cell>
          <cell r="Q1650">
            <v>5140001003743</v>
          </cell>
          <cell r="R1650">
            <v>33000</v>
          </cell>
          <cell r="S1650">
            <v>210735</v>
          </cell>
          <cell r="T1650">
            <v>191803</v>
          </cell>
          <cell r="V1650" t="str">
            <v>fa603238</v>
          </cell>
          <cell r="W1650" t="str">
            <v>bh105853</v>
          </cell>
          <cell r="Y1650" t="str">
            <v>測量,測量,建築,意匠,構造,冷暖,衛生,電気,建積,機積,電積,調査,道路,造園,都市,交通,</v>
          </cell>
          <cell r="Z1650">
            <v>2010</v>
          </cell>
          <cell r="AA1650">
            <v>43274</v>
          </cell>
          <cell r="AB1650">
            <v>153220</v>
          </cell>
          <cell r="AC1650" t="str">
            <v/>
          </cell>
          <cell r="AD1650" t="str">
            <v/>
          </cell>
          <cell r="AE1650" t="str">
            <v>その他</v>
          </cell>
          <cell r="AF1650">
            <v>631</v>
          </cell>
          <cell r="AI1650">
            <v>3</v>
          </cell>
          <cell r="AJ1650" t="str">
            <v>土木</v>
          </cell>
        </row>
        <row r="1651">
          <cell r="B1651">
            <v>5910</v>
          </cell>
          <cell r="C1651" t="str">
            <v>(株)都市環境設計</v>
          </cell>
          <cell r="D1651" t="str">
            <v>072-265-2651</v>
          </cell>
          <cell r="E1651" t="str">
            <v>556-0003</v>
          </cell>
          <cell r="F1651" t="str">
            <v>大阪府大阪市浪速区恵美須西2-14-30</v>
          </cell>
          <cell r="G1651" t="str">
            <v>大阪市</v>
          </cell>
          <cell r="H1651" t="str">
            <v/>
          </cell>
          <cell r="I1651" t="str">
            <v>代表取締役社長 中原　聡</v>
          </cell>
          <cell r="J1651" t="str">
            <v>本店</v>
          </cell>
          <cell r="K1651" t="str">
            <v>06-6636-6555</v>
          </cell>
          <cell r="L1651" t="str">
            <v>service@toshikan.com</v>
          </cell>
          <cell r="M1651" t="str">
            <v>ﾄｼｶﾝｷｮｳｾｯｹｲ</v>
          </cell>
          <cell r="N1651" t="str">
            <v>無</v>
          </cell>
          <cell r="O1651">
            <v>46</v>
          </cell>
          <cell r="P1651">
            <v>48</v>
          </cell>
          <cell r="Q1651">
            <v>8120001039142</v>
          </cell>
          <cell r="R1651">
            <v>50000</v>
          </cell>
          <cell r="S1651">
            <v>145630</v>
          </cell>
          <cell r="T1651">
            <v>675441</v>
          </cell>
          <cell r="V1651" t="str">
            <v>xt728301</v>
          </cell>
          <cell r="W1651" t="str">
            <v>dc639885</v>
          </cell>
          <cell r="Y1651" t="str">
            <v>測量,建築,意匠,構造,冷暖,衛生,電気,建積,機積,電積,調査,</v>
          </cell>
          <cell r="Z1651" t="str">
            <v/>
          </cell>
          <cell r="AA1651">
            <v>605127</v>
          </cell>
          <cell r="AB1651" t="str">
            <v/>
          </cell>
          <cell r="AC1651" t="str">
            <v/>
          </cell>
          <cell r="AD1651" t="str">
            <v/>
          </cell>
          <cell r="AE1651" t="str">
            <v/>
          </cell>
          <cell r="AF1651" t="str">
            <v/>
          </cell>
          <cell r="AI1651">
            <v>2</v>
          </cell>
          <cell r="AJ1651" t="str">
            <v>建築</v>
          </cell>
        </row>
        <row r="1652">
          <cell r="B1652">
            <v>5911</v>
          </cell>
          <cell r="C1652" t="str">
            <v>(株)都市空間研究所</v>
          </cell>
          <cell r="D1652" t="str">
            <v>078-531-1210</v>
          </cell>
          <cell r="E1652" t="str">
            <v>550-0005</v>
          </cell>
          <cell r="F1652" t="str">
            <v>大阪府大阪市西区西本町1-9-18</v>
          </cell>
          <cell r="G1652" t="str">
            <v>大阪市</v>
          </cell>
          <cell r="H1652" t="str">
            <v>大阪本社</v>
          </cell>
          <cell r="I1652" t="str">
            <v>代表取締役 松山　茂</v>
          </cell>
          <cell r="J1652" t="str">
            <v>大阪府大阪市</v>
          </cell>
          <cell r="K1652" t="str">
            <v>06-6541-0923</v>
          </cell>
          <cell r="L1652" t="str">
            <v>t-kukan@lares.dti.ne.jp</v>
          </cell>
          <cell r="M1652" t="str">
            <v>ﾄｼｸｳｶﾝｹﾝｷｭｳｼｮ</v>
          </cell>
          <cell r="N1652" t="str">
            <v>有</v>
          </cell>
          <cell r="O1652">
            <v>46</v>
          </cell>
          <cell r="P1652">
            <v>7</v>
          </cell>
          <cell r="Q1652">
            <v>2170001005186</v>
          </cell>
          <cell r="R1652">
            <v>26000</v>
          </cell>
          <cell r="S1652">
            <v>2172</v>
          </cell>
          <cell r="T1652">
            <v>79851</v>
          </cell>
          <cell r="V1652" t="str">
            <v>qj693607</v>
          </cell>
          <cell r="W1652" t="str">
            <v>vk783153</v>
          </cell>
          <cell r="Y1652" t="str">
            <v>造園,都市,調他</v>
          </cell>
          <cell r="Z1652" t="str">
            <v/>
          </cell>
          <cell r="AA1652" t="str">
            <v/>
          </cell>
          <cell r="AB1652">
            <v>76638</v>
          </cell>
          <cell r="AC1652" t="str">
            <v/>
          </cell>
          <cell r="AD1652">
            <v>3213</v>
          </cell>
          <cell r="AE1652" t="str">
            <v/>
          </cell>
          <cell r="AF1652" t="str">
            <v/>
          </cell>
          <cell r="AI1652">
            <v>3</v>
          </cell>
          <cell r="AJ1652" t="str">
            <v>土木</v>
          </cell>
        </row>
        <row r="1653">
          <cell r="B1653">
            <v>5914</v>
          </cell>
          <cell r="C1653" t="str">
            <v>(株)都市設計総合研究所</v>
          </cell>
          <cell r="D1653" t="str">
            <v>06-6202-0391</v>
          </cell>
          <cell r="E1653" t="str">
            <v>530-0047</v>
          </cell>
          <cell r="F1653" t="str">
            <v>大阪府大阪市北区西天満5-9-11</v>
          </cell>
          <cell r="G1653" t="str">
            <v>大阪市</v>
          </cell>
          <cell r="H1653" t="str">
            <v/>
          </cell>
          <cell r="I1653" t="str">
            <v>代表取締役 田中　正</v>
          </cell>
          <cell r="J1653" t="str">
            <v>本店</v>
          </cell>
          <cell r="K1653" t="str">
            <v>06-6363-1393</v>
          </cell>
          <cell r="L1653" t="str">
            <v>info@toshisekkei-so.co.jp</v>
          </cell>
          <cell r="M1653" t="str">
            <v>ﾄｼｾｯｹｲｿｳｺﾞｳｹﾝｷｭｳｼｮ</v>
          </cell>
          <cell r="N1653" t="str">
            <v>無</v>
          </cell>
          <cell r="O1653">
            <v>38</v>
          </cell>
          <cell r="P1653">
            <v>2</v>
          </cell>
          <cell r="Q1653">
            <v>7120001067920</v>
          </cell>
          <cell r="R1653">
            <v>28000</v>
          </cell>
          <cell r="S1653">
            <v>7490</v>
          </cell>
          <cell r="T1653">
            <v>8284</v>
          </cell>
          <cell r="V1653" t="str">
            <v>vs630838</v>
          </cell>
          <cell r="W1653" t="str">
            <v>pc375374</v>
          </cell>
          <cell r="Y1653" t="str">
            <v>都市,</v>
          </cell>
          <cell r="Z1653" t="str">
            <v/>
          </cell>
          <cell r="AA1653" t="str">
            <v/>
          </cell>
          <cell r="AB1653">
            <v>3588</v>
          </cell>
          <cell r="AC1653" t="str">
            <v/>
          </cell>
          <cell r="AD1653" t="str">
            <v/>
          </cell>
          <cell r="AE1653" t="str">
            <v/>
          </cell>
          <cell r="AF1653" t="str">
            <v/>
          </cell>
          <cell r="AI1653">
            <v>3</v>
          </cell>
          <cell r="AJ1653" t="str">
            <v>土木</v>
          </cell>
        </row>
        <row r="1654">
          <cell r="B1654">
            <v>5915</v>
          </cell>
          <cell r="C1654" t="str">
            <v>(株)都市設計連合</v>
          </cell>
          <cell r="D1654" t="str">
            <v>078-929-8085</v>
          </cell>
          <cell r="E1654" t="str">
            <v>651-0092</v>
          </cell>
          <cell r="F1654" t="str">
            <v>兵庫県神戸市中央区生田町1-4-20 新神戸ﾋﾞﾙﾃﾞｨﾝｸﾞ9階</v>
          </cell>
          <cell r="G1654" t="str">
            <v>神戸市</v>
          </cell>
          <cell r="H1654" t="str">
            <v/>
          </cell>
          <cell r="I1654" t="str">
            <v>代表取締役　 波多野　聡</v>
          </cell>
          <cell r="J1654" t="str">
            <v>本店</v>
          </cell>
          <cell r="K1654" t="str">
            <v>078-262-8910</v>
          </cell>
          <cell r="L1654" t="str">
            <v>rengo@udu.co.jp</v>
          </cell>
          <cell r="M1654" t="str">
            <v>ﾄｼｾﾂｹｲﾚﾝｺﾞｳ</v>
          </cell>
          <cell r="N1654" t="str">
            <v>無</v>
          </cell>
          <cell r="O1654">
            <v>52</v>
          </cell>
          <cell r="P1654">
            <v>48</v>
          </cell>
          <cell r="Q1654">
            <v>2140005003024</v>
          </cell>
          <cell r="R1654">
            <v>54000</v>
          </cell>
          <cell r="S1654">
            <v>285051</v>
          </cell>
          <cell r="T1654">
            <v>867262</v>
          </cell>
          <cell r="V1654" t="str">
            <v>ys718580</v>
          </cell>
          <cell r="W1654" t="str">
            <v>em148250</v>
          </cell>
          <cell r="Y1654" t="str">
            <v>建築,意匠,調査,都市,</v>
          </cell>
          <cell r="Z1654" t="str">
            <v/>
          </cell>
          <cell r="AA1654">
            <v>121942</v>
          </cell>
          <cell r="AB1654">
            <v>369480</v>
          </cell>
          <cell r="AC1654" t="str">
            <v/>
          </cell>
          <cell r="AD1654" t="str">
            <v/>
          </cell>
          <cell r="AE1654" t="str">
            <v/>
          </cell>
          <cell r="AF1654" t="str">
            <v/>
          </cell>
          <cell r="AI1654">
            <v>3</v>
          </cell>
          <cell r="AJ1654" t="str">
            <v>土木</v>
          </cell>
        </row>
        <row r="1655">
          <cell r="B1655">
            <v>5918</v>
          </cell>
          <cell r="C1655" t="str">
            <v>(株)都市調査計画事務所</v>
          </cell>
          <cell r="D1655" t="str">
            <v>06-6383-8861</v>
          </cell>
          <cell r="E1655" t="str">
            <v>658-0003</v>
          </cell>
          <cell r="F1655" t="str">
            <v>兵庫県神戸市東灘区本山北町3-3-14</v>
          </cell>
          <cell r="G1655" t="str">
            <v>神戸市</v>
          </cell>
          <cell r="H1655" t="str">
            <v/>
          </cell>
          <cell r="I1655" t="str">
            <v>代表取締役 長嶋　弘之</v>
          </cell>
          <cell r="J1655" t="str">
            <v>本店</v>
          </cell>
          <cell r="K1655" t="str">
            <v>078-413-1140</v>
          </cell>
          <cell r="L1655" t="str">
            <v>hiroyuki@toshichosa.com</v>
          </cell>
          <cell r="M1655" t="str">
            <v>ﾄｼﾁｮｳｻｹｲｶｸｼﾞﾑｼｮ</v>
          </cell>
          <cell r="N1655" t="str">
            <v>無</v>
          </cell>
          <cell r="O1655">
            <v>40</v>
          </cell>
          <cell r="P1655">
            <v>6</v>
          </cell>
          <cell r="Q1655">
            <v>5140001002101</v>
          </cell>
          <cell r="R1655">
            <v>20000</v>
          </cell>
          <cell r="S1655">
            <v>61848</v>
          </cell>
          <cell r="T1655">
            <v>37414</v>
          </cell>
          <cell r="V1655" t="str">
            <v>xx846454</v>
          </cell>
          <cell r="W1655" t="str">
            <v>ys974395</v>
          </cell>
          <cell r="Y1655" t="str">
            <v>都市,交通,</v>
          </cell>
          <cell r="Z1655" t="str">
            <v/>
          </cell>
          <cell r="AA1655" t="str">
            <v/>
          </cell>
          <cell r="AB1655">
            <v>36803</v>
          </cell>
          <cell r="AC1655" t="str">
            <v/>
          </cell>
          <cell r="AD1655" t="str">
            <v/>
          </cell>
          <cell r="AE1655" t="str">
            <v/>
          </cell>
          <cell r="AF1655" t="str">
            <v/>
          </cell>
          <cell r="AI1655">
            <v>3</v>
          </cell>
          <cell r="AJ1655" t="str">
            <v>土木</v>
          </cell>
        </row>
        <row r="1656">
          <cell r="B1656">
            <v>5919</v>
          </cell>
          <cell r="C1656" t="str">
            <v>(株)都市調査設計</v>
          </cell>
          <cell r="D1656" t="str">
            <v>06-6309-3300</v>
          </cell>
          <cell r="E1656" t="str">
            <v>553-0006</v>
          </cell>
          <cell r="F1656" t="str">
            <v>大阪府大阪市福島区吉野4-10-22</v>
          </cell>
          <cell r="G1656" t="str">
            <v>大阪市</v>
          </cell>
          <cell r="H1656" t="str">
            <v/>
          </cell>
          <cell r="I1656" t="str">
            <v>代表取締役 ツネキ　ヨシハル</v>
          </cell>
          <cell r="J1656" t="str">
            <v>本店</v>
          </cell>
          <cell r="K1656" t="str">
            <v>06-6464-0154</v>
          </cell>
          <cell r="L1656" t="str">
            <v>watanabe@toshicho.co.jp</v>
          </cell>
          <cell r="M1656" t="str">
            <v>ﾄｼﾁｮｳｻｾｯｹｲ</v>
          </cell>
          <cell r="N1656" t="str">
            <v>無</v>
          </cell>
          <cell r="O1656">
            <v>38</v>
          </cell>
          <cell r="P1656">
            <v>8</v>
          </cell>
          <cell r="Q1656">
            <v>6120901018767</v>
          </cell>
          <cell r="R1656">
            <v>10000</v>
          </cell>
          <cell r="S1656">
            <v>29789</v>
          </cell>
          <cell r="T1656">
            <v>89530</v>
          </cell>
          <cell r="V1656" t="str">
            <v>eb714982</v>
          </cell>
          <cell r="W1656" t="str">
            <v>ha756014</v>
          </cell>
          <cell r="Y1656" t="str">
            <v>建築,損失,</v>
          </cell>
          <cell r="Z1656" t="str">
            <v/>
          </cell>
          <cell r="AA1656">
            <v>1824</v>
          </cell>
          <cell r="AB1656" t="str">
            <v/>
          </cell>
          <cell r="AC1656">
            <v>109400</v>
          </cell>
          <cell r="AD1656" t="str">
            <v/>
          </cell>
          <cell r="AE1656" t="str">
            <v/>
          </cell>
          <cell r="AF1656" t="str">
            <v/>
          </cell>
          <cell r="AI1656">
            <v>4</v>
          </cell>
          <cell r="AJ1656" t="str">
            <v>補償</v>
          </cell>
        </row>
        <row r="1657">
          <cell r="B1657">
            <v>5921</v>
          </cell>
          <cell r="C1657" t="str">
            <v>土質コンサル(株)</v>
          </cell>
          <cell r="D1657" t="str">
            <v>06-6266-3424</v>
          </cell>
          <cell r="E1657" t="str">
            <v>567-0895</v>
          </cell>
          <cell r="F1657" t="str">
            <v>大阪府茨木市玉櫛2-18-3</v>
          </cell>
          <cell r="G1657" t="str">
            <v>大津市</v>
          </cell>
          <cell r="H1657" t="str">
            <v>大阪事務所</v>
          </cell>
          <cell r="I1657" t="str">
            <v>所長 佐藤　美明</v>
          </cell>
          <cell r="J1657" t="str">
            <v>滋賀県大津市</v>
          </cell>
          <cell r="K1657" t="str">
            <v>072-634-6374</v>
          </cell>
          <cell r="L1657" t="str">
            <v>doshitu@cf.mbn.or.jp</v>
          </cell>
          <cell r="M1657" t="str">
            <v>ﾄﾞｼﾂｺﾝｻﾙ</v>
          </cell>
          <cell r="N1657" t="str">
            <v>有</v>
          </cell>
          <cell r="O1657">
            <v>28</v>
          </cell>
          <cell r="P1657">
            <v>6</v>
          </cell>
          <cell r="Q1657">
            <v>5160001001398</v>
          </cell>
          <cell r="R1657">
            <v>10000</v>
          </cell>
          <cell r="S1657">
            <v>13030</v>
          </cell>
          <cell r="T1657">
            <v>58406</v>
          </cell>
          <cell r="V1657" t="str">
            <v>hd961817</v>
          </cell>
          <cell r="W1657" t="str">
            <v>px731350</v>
          </cell>
          <cell r="Y1657" t="str">
            <v>地質,</v>
          </cell>
          <cell r="Z1657" t="str">
            <v/>
          </cell>
          <cell r="AA1657" t="str">
            <v/>
          </cell>
          <cell r="AB1657" t="str">
            <v/>
          </cell>
          <cell r="AC1657" t="str">
            <v/>
          </cell>
          <cell r="AD1657">
            <v>58406</v>
          </cell>
          <cell r="AE1657" t="str">
            <v/>
          </cell>
          <cell r="AF1657" t="str">
            <v/>
          </cell>
          <cell r="AI1657">
            <v>5</v>
          </cell>
          <cell r="AJ1657" t="str">
            <v>調査</v>
          </cell>
        </row>
        <row r="1658">
          <cell r="B1658">
            <v>5924</v>
          </cell>
          <cell r="C1658" t="str">
            <v>(株)トリ設備計画</v>
          </cell>
          <cell r="D1658" t="str">
            <v>06-6262-0278</v>
          </cell>
          <cell r="E1658" t="str">
            <v>542-0081</v>
          </cell>
          <cell r="F1658" t="str">
            <v>大阪府大阪市中央区南船場2-7-14</v>
          </cell>
          <cell r="G1658" t="str">
            <v>大阪市</v>
          </cell>
          <cell r="H1658" t="str">
            <v/>
          </cell>
          <cell r="I1658" t="str">
            <v>代表取締役 西村　昭雄</v>
          </cell>
          <cell r="J1658" t="str">
            <v>本店</v>
          </cell>
          <cell r="K1658" t="str">
            <v>06-6262-5580</v>
          </cell>
          <cell r="L1658" t="str">
            <v>katsuta@tori-setubi.co.jp</v>
          </cell>
          <cell r="M1658" t="str">
            <v>ﾄﾘｾﾂﾋﾞｹｲｶｸ</v>
          </cell>
          <cell r="N1658" t="str">
            <v>無</v>
          </cell>
          <cell r="O1658">
            <v>37</v>
          </cell>
          <cell r="P1658">
            <v>19</v>
          </cell>
          <cell r="Q1658">
            <v>6120001085857</v>
          </cell>
          <cell r="R1658">
            <v>21000</v>
          </cell>
          <cell r="S1658">
            <v>57333</v>
          </cell>
          <cell r="T1658">
            <v>169448</v>
          </cell>
          <cell r="V1658" t="str">
            <v>cc151782</v>
          </cell>
          <cell r="W1658" t="str">
            <v>gb441634</v>
          </cell>
          <cell r="Y1658" t="str">
            <v>建築,冷暖,衛生,電気,機積,電積,</v>
          </cell>
          <cell r="Z1658" t="str">
            <v/>
          </cell>
          <cell r="AA1658">
            <v>169448</v>
          </cell>
          <cell r="AB1658" t="str">
            <v/>
          </cell>
          <cell r="AC1658" t="str">
            <v/>
          </cell>
          <cell r="AD1658" t="str">
            <v/>
          </cell>
          <cell r="AE1658" t="str">
            <v/>
          </cell>
          <cell r="AF1658" t="str">
            <v/>
          </cell>
          <cell r="AI1658">
            <v>2</v>
          </cell>
          <cell r="AJ1658" t="str">
            <v>建築</v>
          </cell>
        </row>
        <row r="1659">
          <cell r="B1659">
            <v>5929</v>
          </cell>
          <cell r="C1659" t="str">
            <v>徳永測量設計(株)</v>
          </cell>
          <cell r="D1659" t="str">
            <v>078-651-3136</v>
          </cell>
          <cell r="E1659" t="str">
            <v>651-3136</v>
          </cell>
          <cell r="F1659" t="str">
            <v>兵庫県神戸市兵庫区七宮町2-2-23</v>
          </cell>
          <cell r="G1659" t="str">
            <v>神戸市</v>
          </cell>
          <cell r="H1659" t="str">
            <v/>
          </cell>
          <cell r="J1659" t="str">
            <v>本店</v>
          </cell>
          <cell r="K1659" t="str">
            <v>078-651-3353</v>
          </cell>
          <cell r="L1659" t="str">
            <v>tokunaga@t-sp.co.jp</v>
          </cell>
          <cell r="M1659" t="str">
            <v>ﾄｸﾅｶﾞｿｸﾘｮｳｾｯｹｲ</v>
          </cell>
          <cell r="N1659" t="str">
            <v>無</v>
          </cell>
          <cell r="O1659">
            <v>35</v>
          </cell>
          <cell r="P1659">
            <v>45</v>
          </cell>
          <cell r="Q1659">
            <v>7140001013708</v>
          </cell>
          <cell r="R1659">
            <v>15000</v>
          </cell>
          <cell r="S1659">
            <v>15460</v>
          </cell>
          <cell r="T1659">
            <v>573869</v>
          </cell>
          <cell r="V1659" t="str">
            <v>hw382529</v>
          </cell>
          <cell r="W1659" t="str">
            <v>fo139149</v>
          </cell>
          <cell r="Y1659" t="str">
            <v>測量,土質,鋼構,道路,施行,上水,下水,土調,交通,</v>
          </cell>
          <cell r="Z1659">
            <v>148467</v>
          </cell>
          <cell r="AA1659" t="str">
            <v/>
          </cell>
          <cell r="AB1659">
            <v>393970</v>
          </cell>
          <cell r="AC1659">
            <v>12210</v>
          </cell>
          <cell r="AD1659">
            <v>19216</v>
          </cell>
          <cell r="AE1659" t="str">
            <v/>
          </cell>
          <cell r="AF1659" t="str">
            <v/>
          </cell>
          <cell r="AI1659">
            <v>3</v>
          </cell>
          <cell r="AJ1659" t="str">
            <v>土木</v>
          </cell>
        </row>
        <row r="1660">
          <cell r="B1660">
            <v>5938</v>
          </cell>
          <cell r="C1660" t="str">
            <v>東亜道路工業(株)</v>
          </cell>
          <cell r="D1660" t="str">
            <v>079-423-1789</v>
          </cell>
          <cell r="E1660" t="str">
            <v>675-0101</v>
          </cell>
          <cell r="F1660" t="str">
            <v>兵庫県加古川市平岡町新在家字蛭池77</v>
          </cell>
          <cell r="H1660" t="str">
            <v>兵庫営業所</v>
          </cell>
          <cell r="I1660" t="str">
            <v>所長 井上　滋夫</v>
          </cell>
          <cell r="J1660" t="str">
            <v>東京都</v>
          </cell>
          <cell r="K1660" t="str">
            <v>079-425-5557</v>
          </cell>
          <cell r="L1660" t="str">
            <v>hyougo_eig@toadoro.co.jp</v>
          </cell>
          <cell r="M1660" t="str">
            <v>ﾄｳｱﾄﾞｳﾛｺｳｷﾞｮｳ</v>
          </cell>
          <cell r="N1660" t="str">
            <v>有</v>
          </cell>
          <cell r="O1660">
            <v>70</v>
          </cell>
          <cell r="P1660">
            <v>1212</v>
          </cell>
          <cell r="Q1660">
            <v>7010401020201</v>
          </cell>
          <cell r="R1660">
            <v>7584188</v>
          </cell>
          <cell r="S1660">
            <v>31414297</v>
          </cell>
          <cell r="T1660">
            <v>98218000</v>
          </cell>
          <cell r="V1660" t="str">
            <v>ey662083</v>
          </cell>
          <cell r="W1660" t="str">
            <v>mb103070</v>
          </cell>
          <cell r="Y1660" t="str">
            <v>測量,道路,</v>
          </cell>
          <cell r="Z1660" t="str">
            <v/>
          </cell>
          <cell r="AA1660" t="str">
            <v/>
          </cell>
          <cell r="AB1660">
            <v>212404</v>
          </cell>
          <cell r="AC1660" t="str">
            <v/>
          </cell>
          <cell r="AD1660" t="str">
            <v/>
          </cell>
          <cell r="AE1660" t="str">
            <v/>
          </cell>
          <cell r="AF1660" t="str">
            <v/>
          </cell>
          <cell r="AI1660">
            <v>3</v>
          </cell>
          <cell r="AJ1660" t="str">
            <v>土木</v>
          </cell>
        </row>
        <row r="1661">
          <cell r="B1661">
            <v>5940</v>
          </cell>
          <cell r="C1661" t="str">
            <v>(株)東急設計コンサルタント</v>
          </cell>
          <cell r="D1661" t="str">
            <v>06-6292-1600</v>
          </cell>
          <cell r="E1661" t="str">
            <v>530-0012</v>
          </cell>
          <cell r="F1661" t="str">
            <v>大阪府大阪市北区芝田1-14-8</v>
          </cell>
          <cell r="H1661" t="str">
            <v>関西支店</v>
          </cell>
          <cell r="I1661" t="str">
            <v>執行役員支店長 片山　圭二</v>
          </cell>
          <cell r="J1661" t="str">
            <v>東京都</v>
          </cell>
          <cell r="K1661" t="str">
            <v>06-6292-1610</v>
          </cell>
          <cell r="L1661" t="str">
            <v>eigyo@tokyu-sekkei.co.jp</v>
          </cell>
          <cell r="M1661" t="str">
            <v>ﾄｳｷｭｳｾｯｹｲｺﾝｻﾙﾀﾝﾄ</v>
          </cell>
          <cell r="N1661" t="str">
            <v>有</v>
          </cell>
          <cell r="O1661">
            <v>45</v>
          </cell>
          <cell r="P1661">
            <v>251</v>
          </cell>
          <cell r="Q1661">
            <v>9013201004025</v>
          </cell>
          <cell r="R1661">
            <v>100000</v>
          </cell>
          <cell r="S1661">
            <v>1554276</v>
          </cell>
          <cell r="T1661">
            <v>4317267</v>
          </cell>
          <cell r="V1661" t="str">
            <v>hh511161</v>
          </cell>
          <cell r="W1661" t="str">
            <v>zs409760</v>
          </cell>
          <cell r="Y1661" t="str">
            <v>建築,意匠,構造,冷暖,衛生,電気,建積,機積,電積,調査,</v>
          </cell>
          <cell r="Z1661" t="str">
            <v/>
          </cell>
          <cell r="AA1661">
            <v>3217071</v>
          </cell>
          <cell r="AB1661">
            <v>1100197</v>
          </cell>
          <cell r="AC1661" t="str">
            <v/>
          </cell>
          <cell r="AD1661" t="str">
            <v/>
          </cell>
          <cell r="AE1661" t="str">
            <v/>
          </cell>
          <cell r="AF1661" t="str">
            <v/>
          </cell>
          <cell r="AI1661">
            <v>2</v>
          </cell>
          <cell r="AJ1661" t="str">
            <v>建築</v>
          </cell>
        </row>
        <row r="1662">
          <cell r="B1662">
            <v>5942</v>
          </cell>
          <cell r="C1662" t="str">
            <v>東日設計コンサルタント(株)</v>
          </cell>
          <cell r="D1662" t="str">
            <v>078-755-5727</v>
          </cell>
          <cell r="E1662" t="str">
            <v>655-0885</v>
          </cell>
          <cell r="F1662" t="str">
            <v>兵庫県神戸市垂水区泉が丘1-7-10</v>
          </cell>
          <cell r="G1662" t="str">
            <v>盛岡市</v>
          </cell>
          <cell r="H1662" t="str">
            <v>神戸営業所</v>
          </cell>
          <cell r="I1662" t="str">
            <v>所長 禹　相哲</v>
          </cell>
          <cell r="J1662" t="str">
            <v>岩手県盛岡市</v>
          </cell>
          <cell r="K1662" t="str">
            <v>078-755-5727</v>
          </cell>
          <cell r="L1662" t="str">
            <v xml:space="preserve">izumida@tndc.jp </v>
          </cell>
          <cell r="M1662" t="str">
            <v>ﾄｳﾆﾁｾｯｹｲｺﾝｻﾙﾀﾝﾄ</v>
          </cell>
          <cell r="N1662" t="str">
            <v>有</v>
          </cell>
          <cell r="O1662">
            <v>44</v>
          </cell>
          <cell r="P1662">
            <v>42</v>
          </cell>
          <cell r="Q1662">
            <v>8400001001131</v>
          </cell>
          <cell r="R1662">
            <v>30000</v>
          </cell>
          <cell r="S1662">
            <v>13144</v>
          </cell>
          <cell r="T1662">
            <v>434958</v>
          </cell>
          <cell r="V1662" t="str">
            <v>uw427543</v>
          </cell>
          <cell r="W1662" t="str">
            <v>oa164812</v>
          </cell>
          <cell r="Y1662" t="str">
            <v>測量,鋼構,河川,道路,</v>
          </cell>
          <cell r="Z1662">
            <v>21569</v>
          </cell>
          <cell r="AA1662" t="str">
            <v/>
          </cell>
          <cell r="AB1662">
            <v>325210</v>
          </cell>
          <cell r="AC1662" t="str">
            <v/>
          </cell>
          <cell r="AD1662" t="str">
            <v/>
          </cell>
          <cell r="AE1662" t="str">
            <v/>
          </cell>
          <cell r="AF1662" t="str">
            <v/>
          </cell>
          <cell r="AI1662">
            <v>3</v>
          </cell>
          <cell r="AJ1662" t="str">
            <v>土木</v>
          </cell>
        </row>
        <row r="1663">
          <cell r="B1663">
            <v>5946</v>
          </cell>
          <cell r="C1663" t="str">
            <v>(一財)都市みらい推進機構</v>
          </cell>
          <cell r="D1663" t="str">
            <v>03-5261-5625</v>
          </cell>
          <cell r="E1663" t="str">
            <v>112-0014</v>
          </cell>
          <cell r="F1663" t="str">
            <v>東京都文京区関口1-23-6</v>
          </cell>
          <cell r="H1663" t="str">
            <v/>
          </cell>
          <cell r="I1663" t="str">
            <v>理事長 矢野　進一</v>
          </cell>
          <cell r="J1663" t="str">
            <v>本店</v>
          </cell>
          <cell r="K1663" t="str">
            <v>03-5261-5629</v>
          </cell>
          <cell r="L1663" t="str">
            <v>soumu@toshimirai.jp</v>
          </cell>
          <cell r="M1663" t="str">
            <v>ﾄｼﾐﾗｲｽｲｼﾝｷｺｳ</v>
          </cell>
          <cell r="N1663" t="str">
            <v>無</v>
          </cell>
          <cell r="O1663">
            <v>33</v>
          </cell>
          <cell r="P1663">
            <v>14</v>
          </cell>
          <cell r="Q1663">
            <v>6010005018907</v>
          </cell>
          <cell r="R1663">
            <v>790018</v>
          </cell>
          <cell r="S1663">
            <v>1269728</v>
          </cell>
          <cell r="T1663">
            <v>56527</v>
          </cell>
          <cell r="V1663" t="str">
            <v>ba157617</v>
          </cell>
          <cell r="W1663" t="str">
            <v>gx143567</v>
          </cell>
          <cell r="Y1663" t="str">
            <v>都市,</v>
          </cell>
          <cell r="Z1663" t="str">
            <v/>
          </cell>
          <cell r="AA1663" t="str">
            <v/>
          </cell>
          <cell r="AB1663">
            <v>62705</v>
          </cell>
          <cell r="AC1663" t="str">
            <v/>
          </cell>
          <cell r="AD1663" t="str">
            <v/>
          </cell>
          <cell r="AE1663" t="str">
            <v/>
          </cell>
          <cell r="AF1663" t="str">
            <v/>
          </cell>
          <cell r="AI1663">
            <v>3</v>
          </cell>
          <cell r="AJ1663" t="str">
            <v>土木</v>
          </cell>
        </row>
        <row r="1664">
          <cell r="B1664">
            <v>5947</v>
          </cell>
          <cell r="C1664" t="str">
            <v>(株)トータルメディア開発研究所</v>
          </cell>
          <cell r="D1664" t="str">
            <v>03-3221-5558</v>
          </cell>
          <cell r="E1664" t="str">
            <v>102-0094</v>
          </cell>
          <cell r="F1664" t="str">
            <v>東京都千代田区紀尾井町3ｰ23</v>
          </cell>
          <cell r="H1664" t="str">
            <v/>
          </cell>
          <cell r="I1664" t="str">
            <v>代表取締役 山村　健一郎</v>
          </cell>
          <cell r="J1664" t="str">
            <v>本店</v>
          </cell>
          <cell r="K1664" t="str">
            <v>03-3221-5521</v>
          </cell>
          <cell r="L1664" t="str">
            <v>eigyo2008@totalmedia.co.jp</v>
          </cell>
          <cell r="M1664" t="str">
            <v>ﾄｰﾀﾙﾒﾃﾞｨｱｶｲﾊﾂｹﾝｷｭｳｼｮ</v>
          </cell>
          <cell r="N1664" t="str">
            <v>無</v>
          </cell>
          <cell r="O1664">
            <v>48</v>
          </cell>
          <cell r="P1664">
            <v>207</v>
          </cell>
          <cell r="Q1664">
            <v>6010501009533</v>
          </cell>
          <cell r="R1664">
            <v>500000</v>
          </cell>
          <cell r="S1664">
            <v>2212148</v>
          </cell>
          <cell r="T1664">
            <v>7970368</v>
          </cell>
          <cell r="V1664" t="str">
            <v>ig185033</v>
          </cell>
          <cell r="W1664" t="str">
            <v>ss121174</v>
          </cell>
          <cell r="Y1664" t="str">
            <v>建築,意匠,調査,</v>
          </cell>
          <cell r="Z1664" t="str">
            <v/>
          </cell>
          <cell r="AA1664">
            <v>241243</v>
          </cell>
          <cell r="AB1664" t="str">
            <v/>
          </cell>
          <cell r="AC1664" t="str">
            <v/>
          </cell>
          <cell r="AD1664" t="str">
            <v/>
          </cell>
          <cell r="AE1664" t="str">
            <v/>
          </cell>
          <cell r="AF1664" t="str">
            <v/>
          </cell>
          <cell r="AI1664">
            <v>2</v>
          </cell>
          <cell r="AJ1664" t="str">
            <v>建築</v>
          </cell>
        </row>
        <row r="1665">
          <cell r="B1665">
            <v>5948</v>
          </cell>
          <cell r="C1665" t="str">
            <v>(株)トクオ</v>
          </cell>
          <cell r="D1665" t="str">
            <v>06-6307-1090</v>
          </cell>
          <cell r="E1665" t="str">
            <v>532-0011</v>
          </cell>
          <cell r="F1665" t="str">
            <v>大阪府大阪市淀川区西中島5-9-1</v>
          </cell>
          <cell r="G1665" t="str">
            <v>名古屋市</v>
          </cell>
          <cell r="H1665" t="str">
            <v>大阪事務所</v>
          </cell>
          <cell r="I1665" t="str">
            <v>取締役所長　高場　英寿</v>
          </cell>
          <cell r="J1665" t="str">
            <v>愛知県名古屋市</v>
          </cell>
          <cell r="K1665" t="str">
            <v>06-6307-1091</v>
          </cell>
          <cell r="L1665" t="str">
            <v>nyusatsu@toqo.co.jp</v>
          </cell>
          <cell r="M1665" t="str">
            <v>ｶﾌﾟｼｷｶﾞｲｼｬ ﾄｸｵ</v>
          </cell>
          <cell r="N1665" t="str">
            <v>有</v>
          </cell>
          <cell r="O1665">
            <v>26</v>
          </cell>
          <cell r="P1665">
            <v>43</v>
          </cell>
          <cell r="Q1665">
            <v>6180001038512</v>
          </cell>
          <cell r="R1665">
            <v>10000</v>
          </cell>
          <cell r="S1665">
            <v>604931</v>
          </cell>
          <cell r="T1665">
            <v>727528</v>
          </cell>
          <cell r="V1665" t="str">
            <v>iw106015</v>
          </cell>
          <cell r="W1665" t="str">
            <v>br108500</v>
          </cell>
          <cell r="Y1665" t="str">
            <v>建築,意匠,構造,建積,調査,</v>
          </cell>
          <cell r="Z1665" t="str">
            <v/>
          </cell>
          <cell r="AA1665">
            <v>727528</v>
          </cell>
          <cell r="AB1665" t="str">
            <v/>
          </cell>
          <cell r="AC1665" t="str">
            <v/>
          </cell>
          <cell r="AD1665" t="str">
            <v/>
          </cell>
          <cell r="AE1665" t="str">
            <v/>
          </cell>
          <cell r="AF1665" t="str">
            <v/>
          </cell>
          <cell r="AI1665">
            <v>2</v>
          </cell>
          <cell r="AJ1665" t="str">
            <v>建築</v>
          </cell>
        </row>
        <row r="1666">
          <cell r="B1666">
            <v>5949</v>
          </cell>
          <cell r="C1666" t="str">
            <v>(株)時設計</v>
          </cell>
          <cell r="D1666" t="str">
            <v>03-3661-3673</v>
          </cell>
          <cell r="E1666" t="str">
            <v>103-0004</v>
          </cell>
          <cell r="F1666" t="str">
            <v>東京都中央区東日本橋3-12-11</v>
          </cell>
          <cell r="H1666" t="str">
            <v/>
          </cell>
          <cell r="I1666" t="str">
            <v>代表取締役 菊地　圭介</v>
          </cell>
          <cell r="J1666" t="str">
            <v>本店</v>
          </cell>
          <cell r="K1666" t="str">
            <v>03-3661-8376</v>
          </cell>
          <cell r="L1666" t="str">
            <v>s-miyake@tokisekkei.co.jp</v>
          </cell>
          <cell r="M1666" t="str">
            <v>i</v>
          </cell>
          <cell r="N1666" t="str">
            <v>無</v>
          </cell>
          <cell r="O1666">
            <v>34</v>
          </cell>
          <cell r="P1666">
            <v>46</v>
          </cell>
          <cell r="Q1666">
            <v>9010001052675</v>
          </cell>
          <cell r="R1666">
            <v>10000</v>
          </cell>
          <cell r="S1666">
            <v>152385</v>
          </cell>
          <cell r="T1666">
            <v>919721</v>
          </cell>
          <cell r="V1666" t="str">
            <v>xk124180</v>
          </cell>
          <cell r="W1666" t="str">
            <v>ej189394</v>
          </cell>
          <cell r="Y1666" t="str">
            <v>建築,意匠,</v>
          </cell>
          <cell r="Z1666" t="str">
            <v/>
          </cell>
          <cell r="AA1666">
            <v>919721</v>
          </cell>
          <cell r="AB1666" t="str">
            <v/>
          </cell>
          <cell r="AC1666" t="str">
            <v/>
          </cell>
          <cell r="AD1666" t="str">
            <v/>
          </cell>
          <cell r="AE1666" t="str">
            <v/>
          </cell>
          <cell r="AF1666" t="str">
            <v/>
          </cell>
          <cell r="AI1666">
            <v>2</v>
          </cell>
          <cell r="AJ1666" t="str">
            <v>建築</v>
          </cell>
        </row>
        <row r="1667">
          <cell r="B1667">
            <v>5950</v>
          </cell>
          <cell r="C1667" t="str">
            <v>(株)東峯技術コンサルタント</v>
          </cell>
          <cell r="D1667" t="str">
            <v>078-515-6373</v>
          </cell>
          <cell r="E1667" t="str">
            <v>650-0011</v>
          </cell>
          <cell r="F1667" t="str">
            <v>兵庫県神戸市中央区下山手通2-13-3</v>
          </cell>
          <cell r="G1667" t="str">
            <v>神戸市</v>
          </cell>
          <cell r="H1667" t="str">
            <v>神戸営業所</v>
          </cell>
          <cell r="I1667" t="str">
            <v>神戸営業所長 稲上　貴裕</v>
          </cell>
          <cell r="J1667" t="str">
            <v>本店</v>
          </cell>
          <cell r="K1667" t="str">
            <v>078-515-6374</v>
          </cell>
          <cell r="L1667" t="str">
            <v>info@toho-c.co.jp</v>
          </cell>
          <cell r="M1667" t="str">
            <v>ﾄｳﾎｳｷﾞｼﾞｭﾂｺﾝｻﾙﾀﾝﾄ</v>
          </cell>
          <cell r="N1667" t="str">
            <v>無</v>
          </cell>
          <cell r="O1667">
            <v>40</v>
          </cell>
          <cell r="P1667">
            <v>41</v>
          </cell>
          <cell r="Q1667">
            <v>5120001085387</v>
          </cell>
          <cell r="R1667">
            <v>20000</v>
          </cell>
          <cell r="S1667">
            <v>373826</v>
          </cell>
          <cell r="T1667">
            <v>490752</v>
          </cell>
          <cell r="V1667" t="str">
            <v>jp169456</v>
          </cell>
          <cell r="W1667" t="str">
            <v>om142857</v>
          </cell>
          <cell r="Y1667" t="str">
            <v>河川,建機,下水,土他,</v>
          </cell>
          <cell r="Z1667" t="str">
            <v/>
          </cell>
          <cell r="AA1667" t="str">
            <v/>
          </cell>
          <cell r="AB1667">
            <v>482571</v>
          </cell>
          <cell r="AC1667" t="str">
            <v/>
          </cell>
          <cell r="AD1667" t="str">
            <v/>
          </cell>
          <cell r="AE1667" t="str">
            <v/>
          </cell>
          <cell r="AF1667" t="str">
            <v/>
          </cell>
          <cell r="AI1667">
            <v>3</v>
          </cell>
          <cell r="AJ1667" t="str">
            <v>土木</v>
          </cell>
        </row>
        <row r="1668">
          <cell r="B1668">
            <v>5961</v>
          </cell>
          <cell r="C1668" t="str">
            <v>内外エンジニアリング(株)</v>
          </cell>
          <cell r="D1668" t="str">
            <v>078-341-3511</v>
          </cell>
          <cell r="E1668" t="str">
            <v>650-0022</v>
          </cell>
          <cell r="F1668" t="str">
            <v>兵庫県神戸市中央区元町通6-1-8</v>
          </cell>
          <cell r="G1668" t="str">
            <v>京都市</v>
          </cell>
          <cell r="H1668" t="str">
            <v>神戸営業所</v>
          </cell>
          <cell r="I1668" t="str">
            <v>所長 今井　琢磨</v>
          </cell>
          <cell r="J1668" t="str">
            <v>京都府京都市</v>
          </cell>
          <cell r="K1668" t="str">
            <v>078-361-4477</v>
          </cell>
          <cell r="L1668" t="str">
            <v>biz.kobe@naigai-eng.co.jp</v>
          </cell>
          <cell r="M1668" t="str">
            <v>ﾅｲｶﾞｲｴﾝｼﾞﾆｱﾘﾝｸﾞ</v>
          </cell>
          <cell r="N1668" t="str">
            <v>有</v>
          </cell>
          <cell r="O1668">
            <v>63</v>
          </cell>
          <cell r="P1668">
            <v>239</v>
          </cell>
          <cell r="Q1668">
            <v>1130001011313</v>
          </cell>
          <cell r="R1668">
            <v>120000</v>
          </cell>
          <cell r="S1668">
            <v>2837441</v>
          </cell>
          <cell r="T1668">
            <v>5016573</v>
          </cell>
          <cell r="V1668" t="str">
            <v>cg303352</v>
          </cell>
          <cell r="W1668" t="str">
            <v>xb488105</v>
          </cell>
          <cell r="Y1668" t="str">
            <v>測量,測量,航空,建築,土質,鋼構,河川,道路,上水,下水,都市,土調,物件,営業,損失,地質,交通,</v>
          </cell>
          <cell r="Z1668">
            <v>331011</v>
          </cell>
          <cell r="AA1668">
            <v>32351</v>
          </cell>
          <cell r="AB1668">
            <v>4398998</v>
          </cell>
          <cell r="AC1668">
            <v>196063</v>
          </cell>
          <cell r="AD1668" t="str">
            <v/>
          </cell>
          <cell r="AE1668" t="str">
            <v>地質調査</v>
          </cell>
          <cell r="AF1668">
            <v>58150</v>
          </cell>
          <cell r="AI1668">
            <v>3</v>
          </cell>
          <cell r="AJ1668" t="str">
            <v>土木</v>
          </cell>
        </row>
        <row r="1669">
          <cell r="B1669">
            <v>5962</v>
          </cell>
          <cell r="C1669" t="str">
            <v>(株)内藤建築事務所</v>
          </cell>
          <cell r="D1669" t="str">
            <v>06-6203-7110</v>
          </cell>
          <cell r="E1669" t="str">
            <v>541-0045</v>
          </cell>
          <cell r="F1669" t="str">
            <v>大阪府大阪市中央区道修町1丁目4番6号</v>
          </cell>
          <cell r="G1669" t="str">
            <v>京都市</v>
          </cell>
          <cell r="H1669" t="str">
            <v>大阪事務所</v>
          </cell>
          <cell r="I1669" t="str">
            <v>所長 松井　芳一</v>
          </cell>
          <cell r="J1669" t="str">
            <v>京都府京都市</v>
          </cell>
          <cell r="K1669" t="str">
            <v>06-6203-7122</v>
          </cell>
          <cell r="L1669" t="str">
            <v>osaka@naito-archi.co.jp</v>
          </cell>
          <cell r="M1669" t="str">
            <v>ﾅｲﾄｳｹﾝﾁｸｼﾞﾑｼｮ</v>
          </cell>
          <cell r="N1669" t="str">
            <v>有</v>
          </cell>
          <cell r="O1669">
            <v>73</v>
          </cell>
          <cell r="P1669">
            <v>207</v>
          </cell>
          <cell r="Q1669">
            <v>4130001025120</v>
          </cell>
          <cell r="R1669">
            <v>50000</v>
          </cell>
          <cell r="S1669">
            <v>2986467</v>
          </cell>
          <cell r="T1669">
            <v>3222090</v>
          </cell>
          <cell r="V1669" t="str">
            <v>yh314968</v>
          </cell>
          <cell r="W1669" t="str">
            <v>kx752491</v>
          </cell>
          <cell r="Y1669" t="str">
            <v>建築,意匠,構造,冷暖,衛生,電気,建積,機積,電積,調査,</v>
          </cell>
          <cell r="Z1669" t="str">
            <v/>
          </cell>
          <cell r="AA1669">
            <v>3222090</v>
          </cell>
          <cell r="AB1669" t="str">
            <v/>
          </cell>
          <cell r="AC1669" t="str">
            <v/>
          </cell>
          <cell r="AD1669" t="str">
            <v/>
          </cell>
          <cell r="AE1669" t="str">
            <v/>
          </cell>
          <cell r="AF1669" t="str">
            <v/>
          </cell>
          <cell r="AI1669">
            <v>2</v>
          </cell>
          <cell r="AJ1669" t="str">
            <v>建築</v>
          </cell>
        </row>
        <row r="1670">
          <cell r="B1670">
            <v>5963</v>
          </cell>
          <cell r="C1670" t="str">
            <v>(株)内藤設計</v>
          </cell>
          <cell r="D1670" t="str">
            <v>0794-62-4757</v>
          </cell>
          <cell r="E1670" t="str">
            <v>675-1379</v>
          </cell>
          <cell r="F1670" t="str">
            <v>兵庫県小野市上本町240-4</v>
          </cell>
          <cell r="G1670" t="str">
            <v>大阪市</v>
          </cell>
          <cell r="H1670" t="str">
            <v>兵庫支店</v>
          </cell>
          <cell r="I1670" t="str">
            <v>支店長 森本 恭行</v>
          </cell>
          <cell r="J1670" t="str">
            <v>大阪府大阪市</v>
          </cell>
          <cell r="K1670" t="str">
            <v>0794-62-4759</v>
          </cell>
          <cell r="L1670" t="str">
            <v>shinkai@naito-sekkei.co.jp</v>
          </cell>
          <cell r="M1670" t="str">
            <v>ﾅｲﾄｳｾｯｹｲ</v>
          </cell>
          <cell r="N1670" t="str">
            <v>有</v>
          </cell>
          <cell r="O1670">
            <v>104</v>
          </cell>
          <cell r="P1670">
            <v>21</v>
          </cell>
          <cell r="Q1670">
            <v>1120001135170</v>
          </cell>
          <cell r="R1670">
            <v>10000</v>
          </cell>
          <cell r="S1670">
            <v>62469</v>
          </cell>
          <cell r="T1670">
            <v>246593</v>
          </cell>
          <cell r="V1670" t="str">
            <v>ja774736</v>
          </cell>
          <cell r="W1670" t="str">
            <v>cw357162</v>
          </cell>
          <cell r="Y1670" t="str">
            <v>建築,意匠,構造,冷暖,衛生,電気,建積,機積,電積,調査,</v>
          </cell>
          <cell r="Z1670" t="str">
            <v/>
          </cell>
          <cell r="AA1670">
            <v>246593</v>
          </cell>
          <cell r="AB1670" t="str">
            <v/>
          </cell>
          <cell r="AC1670" t="str">
            <v/>
          </cell>
          <cell r="AD1670" t="str">
            <v/>
          </cell>
          <cell r="AE1670" t="str">
            <v/>
          </cell>
          <cell r="AF1670" t="str">
            <v/>
          </cell>
          <cell r="AI1670">
            <v>2</v>
          </cell>
          <cell r="AJ1670" t="str">
            <v>建築</v>
          </cell>
        </row>
        <row r="1671">
          <cell r="B1671">
            <v>5965</v>
          </cell>
          <cell r="C1671" t="str">
            <v>(有)中井総合事務所</v>
          </cell>
          <cell r="D1671" t="str">
            <v>072-785-5801</v>
          </cell>
          <cell r="E1671" t="str">
            <v>664-0861</v>
          </cell>
          <cell r="F1671" t="str">
            <v>兵庫県伊丹市稲野町4-41-103</v>
          </cell>
          <cell r="G1671" t="str">
            <v>伊丹市</v>
          </cell>
          <cell r="H1671" t="str">
            <v/>
          </cell>
          <cell r="I1671" t="str">
            <v>取締役 有川　貴宏</v>
          </cell>
          <cell r="J1671" t="str">
            <v>本店</v>
          </cell>
          <cell r="K1671" t="str">
            <v>072-785-6100</v>
          </cell>
          <cell r="L1671" t="str">
            <v>ZAN00045@nifty.ne.jp</v>
          </cell>
          <cell r="M1671" t="str">
            <v>ﾅｶｲｿｳｺﾞｳｼﾞﾑｼｮ</v>
          </cell>
          <cell r="N1671" t="str">
            <v>無</v>
          </cell>
          <cell r="O1671">
            <v>20</v>
          </cell>
          <cell r="P1671">
            <v>3</v>
          </cell>
          <cell r="Q1671">
            <v>8140002063800</v>
          </cell>
          <cell r="R1671">
            <v>5000</v>
          </cell>
          <cell r="S1671">
            <v>2321</v>
          </cell>
          <cell r="T1671">
            <v>48415</v>
          </cell>
          <cell r="V1671" t="str">
            <v>wf123373</v>
          </cell>
          <cell r="W1671" t="str">
            <v>bv485975</v>
          </cell>
          <cell r="Y1671" t="str">
            <v>測量,</v>
          </cell>
          <cell r="Z1671">
            <v>48415</v>
          </cell>
          <cell r="AA1671" t="str">
            <v/>
          </cell>
          <cell r="AB1671" t="str">
            <v/>
          </cell>
          <cell r="AC1671" t="str">
            <v/>
          </cell>
          <cell r="AD1671" t="str">
            <v/>
          </cell>
          <cell r="AE1671" t="str">
            <v/>
          </cell>
          <cell r="AF1671" t="str">
            <v/>
          </cell>
          <cell r="AI1671">
            <v>1</v>
          </cell>
          <cell r="AJ1671" t="str">
            <v>測量</v>
          </cell>
        </row>
        <row r="1672">
          <cell r="B1672">
            <v>5967</v>
          </cell>
          <cell r="C1672" t="str">
            <v>中日本建設コンサルタント(株)</v>
          </cell>
          <cell r="D1672" t="str">
            <v>078-595-8875</v>
          </cell>
          <cell r="E1672" t="str">
            <v>651-1147</v>
          </cell>
          <cell r="F1672" t="str">
            <v>兵庫県神戸市北区松宮台1-3-9</v>
          </cell>
          <cell r="G1672" t="str">
            <v>名古屋市</v>
          </cell>
          <cell r="H1672" t="str">
            <v>中日本建設コンサルタント株式会社　神戸事務所</v>
          </cell>
          <cell r="I1672" t="str">
            <v>所長 川野　浩平</v>
          </cell>
          <cell r="J1672" t="str">
            <v>愛知県名古屋市</v>
          </cell>
          <cell r="K1672" t="str">
            <v>078-595-8876</v>
          </cell>
          <cell r="L1672" t="str">
            <v>e_osaka@nakanihon.co.jp</v>
          </cell>
          <cell r="M1672" t="str">
            <v>ﾅｶﾆﾎﾝｹﾝｾﾂｺﾝｻﾙﾀﾝﾄ</v>
          </cell>
          <cell r="N1672" t="str">
            <v>有</v>
          </cell>
          <cell r="O1672">
            <v>54</v>
          </cell>
          <cell r="P1672">
            <v>408</v>
          </cell>
          <cell r="Q1672">
            <v>7180001039179</v>
          </cell>
          <cell r="R1672">
            <v>80000</v>
          </cell>
          <cell r="S1672">
            <v>2593286</v>
          </cell>
          <cell r="T1672">
            <v>7109521</v>
          </cell>
          <cell r="V1672" t="str">
            <v>xt589676</v>
          </cell>
          <cell r="W1672" t="str">
            <v>mf679927</v>
          </cell>
          <cell r="Y1672" t="str">
            <v>測量,測量,航空,建築,意匠,構造,冷暖,衛生,電気,建積,機積,電積,調査,土質,鋼構,河川,道路,施行,建機,地質,造園,上水,下水,都市,スポ,環境,土他,土調,物件,地質,水質,大気,騒音,交通,商業,調他</v>
          </cell>
          <cell r="Z1672">
            <v>3368</v>
          </cell>
          <cell r="AA1672">
            <v>15200</v>
          </cell>
          <cell r="AB1672">
            <v>6455665</v>
          </cell>
          <cell r="AC1672">
            <v>2458</v>
          </cell>
          <cell r="AD1672">
            <v>3266</v>
          </cell>
          <cell r="AE1672" t="str">
            <v>その他</v>
          </cell>
          <cell r="AF1672">
            <v>11247</v>
          </cell>
          <cell r="AI1672">
            <v>3</v>
          </cell>
          <cell r="AJ1672" t="str">
            <v>土木</v>
          </cell>
        </row>
        <row r="1673">
          <cell r="B1673">
            <v>5968</v>
          </cell>
          <cell r="C1673" t="str">
            <v>中日本航空(株)</v>
          </cell>
          <cell r="D1673" t="str">
            <v>072-993-7200</v>
          </cell>
          <cell r="E1673" t="str">
            <v>581-0043</v>
          </cell>
          <cell r="F1673" t="str">
            <v>大阪府八尾市空港2-12</v>
          </cell>
          <cell r="G1673" t="str">
            <v>西春日井郡</v>
          </cell>
          <cell r="H1673" t="str">
            <v>大阪支店</v>
          </cell>
          <cell r="I1673" t="str">
            <v>支店長 小野　修一</v>
          </cell>
          <cell r="J1673" t="str">
            <v>愛知県西春日井郡</v>
          </cell>
          <cell r="K1673" t="str">
            <v>072-928-6350</v>
          </cell>
          <cell r="L1673" t="str">
            <v>osakashiten@nnk.co.jp</v>
          </cell>
          <cell r="M1673" t="str">
            <v>ﾅｶﾆﾎﾝｺｳｸｳ</v>
          </cell>
          <cell r="N1673" t="str">
            <v>有</v>
          </cell>
          <cell r="O1673">
            <v>65</v>
          </cell>
          <cell r="P1673">
            <v>790</v>
          </cell>
          <cell r="Q1673">
            <v>3180001031924</v>
          </cell>
          <cell r="R1673">
            <v>120000</v>
          </cell>
          <cell r="S1673">
            <v>8013813</v>
          </cell>
          <cell r="T1673">
            <v>17208541</v>
          </cell>
          <cell r="V1673" t="str">
            <v>wz791553</v>
          </cell>
          <cell r="W1673" t="str">
            <v>zm360163</v>
          </cell>
          <cell r="Y1673" t="str">
            <v>測量,測量,航空,河川,道路,土他,</v>
          </cell>
          <cell r="Z1673">
            <v>2376067</v>
          </cell>
          <cell r="AA1673" t="str">
            <v/>
          </cell>
          <cell r="AB1673">
            <v>454214</v>
          </cell>
          <cell r="AC1673" t="str">
            <v/>
          </cell>
          <cell r="AD1673" t="str">
            <v/>
          </cell>
          <cell r="AE1673" t="str">
            <v>兼業部門</v>
          </cell>
          <cell r="AF1673">
            <v>14330575</v>
          </cell>
          <cell r="AI1673">
            <v>1</v>
          </cell>
          <cell r="AJ1673" t="str">
            <v>測量</v>
          </cell>
        </row>
        <row r="1674">
          <cell r="B1674">
            <v>5972</v>
          </cell>
          <cell r="C1674" t="str">
            <v>(株)浪速技研コンサルタント</v>
          </cell>
          <cell r="D1674" t="str">
            <v>078-242-2333</v>
          </cell>
          <cell r="E1674" t="str">
            <v>651-0087</v>
          </cell>
          <cell r="F1674" t="str">
            <v>兵庫県神戸市中央区御幸通4-2-15</v>
          </cell>
          <cell r="G1674" t="str">
            <v>茨木市</v>
          </cell>
          <cell r="H1674" t="str">
            <v>神戸支店</v>
          </cell>
          <cell r="I1674" t="str">
            <v>支店長 齋藤　充嗣</v>
          </cell>
          <cell r="J1674" t="str">
            <v>大阪府茨木市</v>
          </cell>
          <cell r="K1674" t="str">
            <v>078-242-2325</v>
          </cell>
          <cell r="L1674" t="str">
            <v>kobe@naniwa-giken.co.jp</v>
          </cell>
          <cell r="M1674" t="str">
            <v>ﾅﾆﾜｷﾞｹﾝｺﾝｻﾙﾀﾝﾄ</v>
          </cell>
          <cell r="N1674" t="str">
            <v>有</v>
          </cell>
          <cell r="O1674">
            <v>56</v>
          </cell>
          <cell r="P1674">
            <v>76</v>
          </cell>
          <cell r="Q1674">
            <v>1120901001496</v>
          </cell>
          <cell r="R1674">
            <v>67500</v>
          </cell>
          <cell r="S1674">
            <v>518496</v>
          </cell>
          <cell r="T1674">
            <v>1231015</v>
          </cell>
          <cell r="V1674" t="str">
            <v>gb996132</v>
          </cell>
          <cell r="W1674" t="str">
            <v>qx778420</v>
          </cell>
          <cell r="Y1674" t="str">
            <v>測量,建築,意匠,調査,土質,鋼構,河川,道路,施行,地質,造園,上水,下水,都市,土他,地質,水質,大気,騒音,交通,調他</v>
          </cell>
          <cell r="Z1674">
            <v>68250</v>
          </cell>
          <cell r="AA1674" t="str">
            <v/>
          </cell>
          <cell r="AB1674">
            <v>1129812</v>
          </cell>
          <cell r="AC1674">
            <v>538</v>
          </cell>
          <cell r="AD1674">
            <v>32415</v>
          </cell>
          <cell r="AE1674" t="str">
            <v/>
          </cell>
          <cell r="AF1674" t="str">
            <v/>
          </cell>
          <cell r="AI1674">
            <v>3</v>
          </cell>
          <cell r="AJ1674" t="str">
            <v>土木</v>
          </cell>
        </row>
        <row r="1675">
          <cell r="B1675">
            <v>5974</v>
          </cell>
          <cell r="C1675" t="str">
            <v>南海カツマ(株)</v>
          </cell>
          <cell r="D1675" t="str">
            <v>06-6632-9750</v>
          </cell>
          <cell r="E1675" t="str">
            <v>556-0011</v>
          </cell>
          <cell r="F1675" t="str">
            <v>大阪府大阪市浪速区難波中3-9-1</v>
          </cell>
          <cell r="G1675" t="str">
            <v>津市</v>
          </cell>
          <cell r="H1675" t="str">
            <v>関西支社</v>
          </cell>
          <cell r="I1675" t="str">
            <v>取締役支社長 東　正嘉</v>
          </cell>
          <cell r="J1675" t="str">
            <v>三重県津市</v>
          </cell>
          <cell r="K1675" t="str">
            <v>06-6632-9751</v>
          </cell>
          <cell r="L1675" t="str">
            <v>eigyou-kansai@nankai-katsuma.co.jp</v>
          </cell>
          <cell r="M1675" t="str">
            <v>ﾅﾝｶｲｶﾂﾏ</v>
          </cell>
          <cell r="N1675" t="str">
            <v>有</v>
          </cell>
          <cell r="O1675">
            <v>58</v>
          </cell>
          <cell r="P1675">
            <v>63</v>
          </cell>
          <cell r="Q1675">
            <v>9190001001623</v>
          </cell>
          <cell r="R1675">
            <v>35000</v>
          </cell>
          <cell r="S1675">
            <v>1027963</v>
          </cell>
          <cell r="T1675">
            <v>565156</v>
          </cell>
          <cell r="V1675" t="str">
            <v>we827805</v>
          </cell>
          <cell r="W1675" t="str">
            <v>kj768897</v>
          </cell>
          <cell r="Y1675" t="str">
            <v>測量,測量,建築,土質,鋼構,河川,道路,造園,下水,都市,土調,物件,営業,損失,地質,</v>
          </cell>
          <cell r="Z1675">
            <v>118987</v>
          </cell>
          <cell r="AA1675" t="str">
            <v/>
          </cell>
          <cell r="AB1675">
            <v>374008</v>
          </cell>
          <cell r="AC1675">
            <v>38654</v>
          </cell>
          <cell r="AD1675">
            <v>27825</v>
          </cell>
          <cell r="AE1675" t="str">
            <v/>
          </cell>
          <cell r="AF1675" t="str">
            <v/>
          </cell>
          <cell r="AI1675">
            <v>3</v>
          </cell>
          <cell r="AJ1675" t="str">
            <v>土木</v>
          </cell>
        </row>
        <row r="1676">
          <cell r="B1676">
            <v>5975</v>
          </cell>
          <cell r="C1676" t="str">
            <v>南海測量設計(株)</v>
          </cell>
          <cell r="D1676" t="str">
            <v>078-958-7707</v>
          </cell>
          <cell r="E1676" t="str">
            <v>651-1311</v>
          </cell>
          <cell r="F1676" t="str">
            <v>兵庫県神戸市北区有野町二郎686-9</v>
          </cell>
          <cell r="G1676" t="str">
            <v>松山市</v>
          </cell>
          <cell r="H1676" t="str">
            <v>神戸営業所</v>
          </cell>
          <cell r="I1676" t="str">
            <v>所長 高橋　秀一</v>
          </cell>
          <cell r="J1676" t="str">
            <v>愛媛県松山市</v>
          </cell>
          <cell r="K1676" t="str">
            <v>078-958-7722</v>
          </cell>
          <cell r="L1676" t="str">
            <v>eigyo@nankai-sokuryo.co.jp</v>
          </cell>
          <cell r="M1676" t="str">
            <v>ﾅﾝｶｲｿｸﾘｮｳｾｯｹｲ</v>
          </cell>
          <cell r="N1676" t="str">
            <v>有</v>
          </cell>
          <cell r="O1676">
            <v>51</v>
          </cell>
          <cell r="P1676">
            <v>206</v>
          </cell>
          <cell r="Q1676">
            <v>5500001002956</v>
          </cell>
          <cell r="R1676">
            <v>60000</v>
          </cell>
          <cell r="S1676">
            <v>1252629</v>
          </cell>
          <cell r="T1676">
            <v>2192610</v>
          </cell>
          <cell r="V1676" t="str">
            <v>vx148671</v>
          </cell>
          <cell r="W1676" t="str">
            <v>jt767124</v>
          </cell>
          <cell r="Y1676" t="str">
            <v>測量,測量,土質,鋼構,河川,道路,施行,地質,造園,上水,下水,都市,土調,物件,機工,営業,損失,補償,地質,水質,交通,</v>
          </cell>
          <cell r="Z1676">
            <v>1300140</v>
          </cell>
          <cell r="AA1676" t="str">
            <v/>
          </cell>
          <cell r="AB1676">
            <v>470985</v>
          </cell>
          <cell r="AC1676">
            <v>77575</v>
          </cell>
          <cell r="AD1676">
            <v>42745</v>
          </cell>
          <cell r="AE1676" t="str">
            <v/>
          </cell>
          <cell r="AF1676">
            <v>179345</v>
          </cell>
          <cell r="AI1676">
            <v>1</v>
          </cell>
          <cell r="AJ1676" t="str">
            <v>測量</v>
          </cell>
        </row>
        <row r="1677">
          <cell r="B1677">
            <v>5976</v>
          </cell>
          <cell r="C1677" t="str">
            <v>(株)中山綜合コンサルタント</v>
          </cell>
          <cell r="D1677" t="str">
            <v>073-455-6335</v>
          </cell>
          <cell r="E1677" t="str">
            <v>640-8441</v>
          </cell>
          <cell r="F1677" t="str">
            <v>和歌山県和歌山市栄谷241</v>
          </cell>
          <cell r="G1677" t="str">
            <v>和歌山市</v>
          </cell>
          <cell r="H1677" t="str">
            <v/>
          </cell>
          <cell r="I1677" t="str">
            <v>代表取締役 中山　智支</v>
          </cell>
          <cell r="J1677" t="str">
            <v>本店</v>
          </cell>
          <cell r="K1677" t="str">
            <v>073-455-8004</v>
          </cell>
          <cell r="L1677" t="str">
            <v>head_office@neex-inc.jp</v>
          </cell>
          <cell r="M1677" t="str">
            <v>ﾅｶﾔﾏｿｳｺﾞｳｺﾝｻﾙﾀﾝﾄ</v>
          </cell>
          <cell r="N1677" t="str">
            <v>無</v>
          </cell>
          <cell r="O1677">
            <v>45</v>
          </cell>
          <cell r="P1677">
            <v>31</v>
          </cell>
          <cell r="Q1677">
            <v>7170001002410</v>
          </cell>
          <cell r="R1677">
            <v>45000</v>
          </cell>
          <cell r="S1677">
            <v>115119</v>
          </cell>
          <cell r="T1677">
            <v>485579</v>
          </cell>
          <cell r="V1677" t="str">
            <v>xw483738</v>
          </cell>
          <cell r="W1677" t="str">
            <v>qw428495</v>
          </cell>
          <cell r="Y1677" t="str">
            <v>測量,河川,道路,下水,土他,</v>
          </cell>
          <cell r="Z1677">
            <v>262284</v>
          </cell>
          <cell r="AA1677" t="str">
            <v/>
          </cell>
          <cell r="AB1677">
            <v>139709</v>
          </cell>
          <cell r="AC1677" t="str">
            <v/>
          </cell>
          <cell r="AD1677">
            <v>4548</v>
          </cell>
          <cell r="AE1677" t="str">
            <v/>
          </cell>
          <cell r="AF1677" t="str">
            <v/>
          </cell>
          <cell r="AI1677">
            <v>1</v>
          </cell>
          <cell r="AJ1677" t="str">
            <v>測量</v>
          </cell>
        </row>
        <row r="1678">
          <cell r="B1678">
            <v>5982</v>
          </cell>
          <cell r="C1678" t="str">
            <v>中井登記測量事務所</v>
          </cell>
          <cell r="D1678" t="str">
            <v>072-785-5801</v>
          </cell>
          <cell r="E1678" t="str">
            <v>664-0861</v>
          </cell>
          <cell r="F1678" t="str">
            <v>兵庫県伊丹市稲野町4-41-103</v>
          </cell>
          <cell r="G1678" t="str">
            <v>伊丹市</v>
          </cell>
          <cell r="H1678" t="str">
            <v/>
          </cell>
          <cell r="I1678" t="str">
            <v>代表 中井　富子</v>
          </cell>
          <cell r="J1678" t="str">
            <v>本店</v>
          </cell>
          <cell r="K1678" t="str">
            <v>072-785-6100</v>
          </cell>
          <cell r="L1678" t="str">
            <v>ZAN00045@nifty.ne.jp</v>
          </cell>
          <cell r="M1678" t="str">
            <v>ﾅｶｲﾄｳｷｿｸﾘｮｳｼﾞﾑｼｮ</v>
          </cell>
          <cell r="N1678" t="str">
            <v>無</v>
          </cell>
          <cell r="O1678">
            <v>21</v>
          </cell>
          <cell r="P1678">
            <v>3</v>
          </cell>
          <cell r="R1678">
            <v>0</v>
          </cell>
          <cell r="S1678">
            <v>1881</v>
          </cell>
          <cell r="T1678">
            <v>25774</v>
          </cell>
          <cell r="V1678" t="str">
            <v>jq615473</v>
          </cell>
          <cell r="W1678" t="str">
            <v>pj838367</v>
          </cell>
          <cell r="Y1678" t="str">
            <v>登記,</v>
          </cell>
          <cell r="Z1678" t="str">
            <v/>
          </cell>
          <cell r="AA1678" t="str">
            <v/>
          </cell>
          <cell r="AB1678" t="str">
            <v/>
          </cell>
          <cell r="AC1678">
            <v>25774</v>
          </cell>
          <cell r="AD1678" t="str">
            <v/>
          </cell>
          <cell r="AE1678" t="str">
            <v/>
          </cell>
          <cell r="AF1678" t="str">
            <v/>
          </cell>
          <cell r="AI1678">
            <v>4</v>
          </cell>
          <cell r="AJ1678" t="str">
            <v>補償</v>
          </cell>
        </row>
        <row r="1679">
          <cell r="B1679">
            <v>5984</v>
          </cell>
          <cell r="C1679" t="str">
            <v>中田不動産鑑定事務所</v>
          </cell>
          <cell r="D1679" t="str">
            <v>0798-31-0920</v>
          </cell>
          <cell r="E1679" t="str">
            <v>662-0015</v>
          </cell>
          <cell r="F1679" t="str">
            <v>兵庫県西宮市甲陽園本庄町6-50-673号</v>
          </cell>
          <cell r="G1679" t="str">
            <v>西宮市</v>
          </cell>
          <cell r="H1679" t="str">
            <v/>
          </cell>
          <cell r="I1679" t="str">
            <v>代表 中田　信</v>
          </cell>
          <cell r="J1679" t="str">
            <v>本店</v>
          </cell>
          <cell r="K1679" t="str">
            <v>0798-31-0921</v>
          </cell>
          <cell r="L1679" t="str">
            <v>shin.nakata@n-kantei.net</v>
          </cell>
          <cell r="M1679" t="str">
            <v>ﾅｶﾀﾌﾄﾞｳｻﾝｶﾝﾃｲｼﾞﾑｼｮ</v>
          </cell>
          <cell r="N1679" t="str">
            <v>無</v>
          </cell>
          <cell r="O1679">
            <v>3</v>
          </cell>
          <cell r="P1679">
            <v>2</v>
          </cell>
          <cell r="R1679">
            <v>2000</v>
          </cell>
          <cell r="S1679">
            <v>2000</v>
          </cell>
          <cell r="T1679">
            <v>15020</v>
          </cell>
          <cell r="V1679" t="str">
            <v>fw101364</v>
          </cell>
          <cell r="W1679" t="str">
            <v>hs115570</v>
          </cell>
          <cell r="Y1679" t="str">
            <v>土調,土評,鑑定,商業,</v>
          </cell>
          <cell r="Z1679" t="str">
            <v/>
          </cell>
          <cell r="AA1679" t="str">
            <v/>
          </cell>
          <cell r="AB1679" t="str">
            <v/>
          </cell>
          <cell r="AC1679" t="str">
            <v/>
          </cell>
          <cell r="AD1679">
            <v>15304</v>
          </cell>
          <cell r="AE1679" t="str">
            <v/>
          </cell>
          <cell r="AF1679" t="str">
            <v/>
          </cell>
          <cell r="AI1679">
            <v>5</v>
          </cell>
          <cell r="AJ1679" t="str">
            <v>調査</v>
          </cell>
        </row>
        <row r="1680">
          <cell r="B1680">
            <v>5985</v>
          </cell>
          <cell r="C1680" t="str">
            <v>(株)難波不動産鑑定</v>
          </cell>
          <cell r="D1680" t="str">
            <v>06-6584-7301</v>
          </cell>
          <cell r="E1680" t="str">
            <v>550-0027</v>
          </cell>
          <cell r="F1680" t="str">
            <v>大阪府大阪市西区九条1-6-23</v>
          </cell>
          <cell r="G1680" t="str">
            <v>大阪市</v>
          </cell>
          <cell r="H1680" t="str">
            <v/>
          </cell>
          <cell r="I1680" t="str">
            <v>代表取締役 難波　里美</v>
          </cell>
          <cell r="J1680" t="str">
            <v>本店</v>
          </cell>
          <cell r="K1680" t="str">
            <v>06-6584-8038</v>
          </cell>
          <cell r="L1680" t="str">
            <v>conamba@nambakantei.co.jp</v>
          </cell>
          <cell r="M1680" t="str">
            <v>ﾅﾝﾊﾞﾌﾄﾞｳｻﾝｶﾝﾃｲ</v>
          </cell>
          <cell r="N1680" t="str">
            <v>無</v>
          </cell>
          <cell r="O1680">
            <v>28</v>
          </cell>
          <cell r="P1680">
            <v>4</v>
          </cell>
          <cell r="Q1680">
            <v>8120001046130</v>
          </cell>
          <cell r="R1680">
            <v>10000</v>
          </cell>
          <cell r="S1680">
            <v>28968</v>
          </cell>
          <cell r="T1680">
            <v>35565</v>
          </cell>
          <cell r="V1680" t="str">
            <v>tg141549</v>
          </cell>
          <cell r="W1680" t="str">
            <v>nh163690</v>
          </cell>
          <cell r="Y1680" t="str">
            <v>土評,鑑定,</v>
          </cell>
          <cell r="Z1680" t="str">
            <v/>
          </cell>
          <cell r="AA1680" t="str">
            <v/>
          </cell>
          <cell r="AB1680" t="str">
            <v/>
          </cell>
          <cell r="AC1680">
            <v>30311</v>
          </cell>
          <cell r="AD1680" t="str">
            <v/>
          </cell>
          <cell r="AE1680" t="str">
            <v/>
          </cell>
          <cell r="AF1680" t="str">
            <v/>
          </cell>
          <cell r="AI1680">
            <v>4</v>
          </cell>
          <cell r="AJ1680" t="str">
            <v>補償</v>
          </cell>
        </row>
        <row r="1681">
          <cell r="B1681">
            <v>5986</v>
          </cell>
          <cell r="C1681" t="str">
            <v>(株)中央技術コンサルタンツ</v>
          </cell>
          <cell r="D1681" t="str">
            <v>078-262-1167</v>
          </cell>
          <cell r="E1681" t="str">
            <v>651-0054</v>
          </cell>
          <cell r="F1681" t="str">
            <v>兵庫県神戸市中央区野崎通7-3-14</v>
          </cell>
          <cell r="H1681" t="str">
            <v>兵庫営業所</v>
          </cell>
          <cell r="I1681" t="str">
            <v>兵庫営業所長 大矢　貢平</v>
          </cell>
          <cell r="J1681" t="str">
            <v>東京都</v>
          </cell>
          <cell r="K1681" t="str">
            <v>078-262-1168</v>
          </cell>
          <cell r="L1681" t="str">
            <v>eigyo001@cec-net.co.jp</v>
          </cell>
          <cell r="M1681" t="str">
            <v>ﾁｭｳｵｳｷﾞｼﾞｭﾂｺﾝｻﾙﾀﾝﾂ</v>
          </cell>
          <cell r="N1681" t="str">
            <v>有</v>
          </cell>
          <cell r="O1681">
            <v>53</v>
          </cell>
          <cell r="P1681">
            <v>113</v>
          </cell>
          <cell r="Q1681">
            <v>5011101013001</v>
          </cell>
          <cell r="R1681">
            <v>40000</v>
          </cell>
          <cell r="S1681">
            <v>377258</v>
          </cell>
          <cell r="T1681">
            <v>676480</v>
          </cell>
          <cell r="V1681" t="str">
            <v>ev186235</v>
          </cell>
          <cell r="W1681" t="str">
            <v>qf169331</v>
          </cell>
          <cell r="Y1681" t="str">
            <v>測量,土質,鋼構,河川,道路,下水,都市,土他,地質,</v>
          </cell>
          <cell r="Z1681">
            <v>84093</v>
          </cell>
          <cell r="AA1681">
            <v>1905</v>
          </cell>
          <cell r="AB1681">
            <v>843550</v>
          </cell>
          <cell r="AC1681" t="str">
            <v/>
          </cell>
          <cell r="AD1681">
            <v>43489</v>
          </cell>
          <cell r="AE1681" t="str">
            <v/>
          </cell>
          <cell r="AF1681" t="str">
            <v/>
          </cell>
          <cell r="AI1681">
            <v>3</v>
          </cell>
          <cell r="AJ1681" t="str">
            <v>土木</v>
          </cell>
        </row>
        <row r="1682">
          <cell r="B1682">
            <v>5987</v>
          </cell>
          <cell r="C1682" t="str">
            <v>長尾鑑定</v>
          </cell>
          <cell r="D1682" t="str">
            <v>06-6110-5349</v>
          </cell>
          <cell r="E1682" t="str">
            <v>530-0001</v>
          </cell>
          <cell r="F1682" t="str">
            <v>大阪府大阪市北区梅田1-11-4-1000</v>
          </cell>
          <cell r="G1682" t="str">
            <v>大阪市</v>
          </cell>
          <cell r="H1682" t="str">
            <v/>
          </cell>
          <cell r="I1682" t="str">
            <v xml:space="preserve"> 長尾　成信</v>
          </cell>
          <cell r="J1682" t="str">
            <v>本店</v>
          </cell>
          <cell r="K1682" t="str">
            <v>06-6131-6199</v>
          </cell>
          <cell r="L1682" t="str">
            <v>n-kantei@mbr.nifty.com</v>
          </cell>
          <cell r="M1682" t="str">
            <v>ﾅｶﾞｵｶﾝﾃｲ</v>
          </cell>
          <cell r="N1682" t="str">
            <v>無</v>
          </cell>
          <cell r="O1682">
            <v>1</v>
          </cell>
          <cell r="P1682">
            <v>2</v>
          </cell>
          <cell r="R1682">
            <v>1699</v>
          </cell>
          <cell r="S1682">
            <v>1699</v>
          </cell>
          <cell r="T1682">
            <v>1511</v>
          </cell>
          <cell r="V1682" t="str">
            <v>ua180362</v>
          </cell>
          <cell r="W1682" t="str">
            <v>ap102014</v>
          </cell>
          <cell r="Y1682" t="str">
            <v>鑑定,</v>
          </cell>
          <cell r="Z1682" t="str">
            <v/>
          </cell>
          <cell r="AA1682" t="str">
            <v/>
          </cell>
          <cell r="AB1682" t="str">
            <v/>
          </cell>
          <cell r="AC1682">
            <v>1511</v>
          </cell>
          <cell r="AD1682" t="str">
            <v/>
          </cell>
          <cell r="AE1682" t="str">
            <v/>
          </cell>
          <cell r="AF1682" t="str">
            <v/>
          </cell>
          <cell r="AI1682">
            <v>4</v>
          </cell>
          <cell r="AJ1682" t="str">
            <v>補償</v>
          </cell>
        </row>
        <row r="1683">
          <cell r="B1683">
            <v>5988</v>
          </cell>
          <cell r="C1683" t="str">
            <v>(株)中尾建築事務所</v>
          </cell>
          <cell r="D1683" t="str">
            <v>072-462-6401</v>
          </cell>
          <cell r="E1683" t="str">
            <v>598-0005</v>
          </cell>
          <cell r="F1683" t="str">
            <v>大阪府泉佐野市市場東2-298-2</v>
          </cell>
          <cell r="G1683" t="str">
            <v>泉佐野市</v>
          </cell>
          <cell r="H1683" t="str">
            <v/>
          </cell>
          <cell r="I1683" t="str">
            <v>代表取締役 中尾　嘉久</v>
          </cell>
          <cell r="J1683" t="str">
            <v>本店</v>
          </cell>
          <cell r="K1683" t="str">
            <v>072-462-6311</v>
          </cell>
          <cell r="L1683" t="str">
            <v>nakao.ao@ninus.ocn.ne.jp</v>
          </cell>
          <cell r="M1683" t="str">
            <v>ﾅｶｵｹﾝﾁｸｼﾞﾑｼｮ</v>
          </cell>
          <cell r="N1683" t="str">
            <v>無</v>
          </cell>
          <cell r="O1683">
            <v>37</v>
          </cell>
          <cell r="P1683">
            <v>42</v>
          </cell>
          <cell r="Q1683">
            <v>4120101039995</v>
          </cell>
          <cell r="R1683">
            <v>10000</v>
          </cell>
          <cell r="S1683">
            <v>24047</v>
          </cell>
          <cell r="T1683">
            <v>289580</v>
          </cell>
          <cell r="V1683" t="str">
            <v>xz101559</v>
          </cell>
          <cell r="W1683" t="str">
            <v>fi148120</v>
          </cell>
          <cell r="Y1683" t="str">
            <v>建築,意匠,構造,電気,建積,</v>
          </cell>
          <cell r="Z1683" t="str">
            <v/>
          </cell>
          <cell r="AA1683" t="str">
            <v/>
          </cell>
          <cell r="AB1683" t="str">
            <v/>
          </cell>
          <cell r="AC1683" t="str">
            <v/>
          </cell>
          <cell r="AD1683" t="str">
            <v/>
          </cell>
          <cell r="AE1683" t="str">
            <v/>
          </cell>
          <cell r="AF1683" t="str">
            <v/>
          </cell>
          <cell r="AI1683">
            <v>1</v>
          </cell>
          <cell r="AJ1683" t="str">
            <v>測量</v>
          </cell>
        </row>
        <row r="1684">
          <cell r="B1684">
            <v>5989</v>
          </cell>
          <cell r="C1684" t="str">
            <v>(株)内外測技</v>
          </cell>
          <cell r="D1684" t="str">
            <v>06-6105-8200</v>
          </cell>
          <cell r="E1684" t="str">
            <v>565-0811</v>
          </cell>
          <cell r="F1684" t="str">
            <v>大阪府吹田市千里丘上34-710</v>
          </cell>
          <cell r="G1684" t="str">
            <v>京都市</v>
          </cell>
          <cell r="H1684" t="str">
            <v>阪神営業所</v>
          </cell>
          <cell r="I1684" t="str">
            <v>所長 横山　信幸</v>
          </cell>
          <cell r="J1684" t="str">
            <v>京都府京都市</v>
          </cell>
          <cell r="K1684" t="str">
            <v>06-6105-8200</v>
          </cell>
          <cell r="L1684" t="str">
            <v/>
          </cell>
          <cell r="M1684" t="str">
            <v/>
          </cell>
          <cell r="N1684" t="str">
            <v>有</v>
          </cell>
          <cell r="O1684">
            <v>4</v>
          </cell>
          <cell r="P1684">
            <v>14</v>
          </cell>
          <cell r="Q1684">
            <v>1130001056119</v>
          </cell>
          <cell r="R1684">
            <v>10000</v>
          </cell>
          <cell r="S1684">
            <v>114337</v>
          </cell>
          <cell r="T1684">
            <v>218497</v>
          </cell>
          <cell r="V1684" t="str">
            <v>pf162281</v>
          </cell>
          <cell r="W1684" t="str">
            <v>di171479</v>
          </cell>
          <cell r="Y1684" t="str">
            <v>測量,測量,航空,土質,河川,土調,</v>
          </cell>
          <cell r="Z1684" t="str">
            <v/>
          </cell>
          <cell r="AA1684" t="str">
            <v/>
          </cell>
          <cell r="AB1684" t="str">
            <v/>
          </cell>
          <cell r="AC1684" t="str">
            <v/>
          </cell>
          <cell r="AD1684" t="str">
            <v/>
          </cell>
          <cell r="AE1684" t="str">
            <v/>
          </cell>
          <cell r="AF1684" t="str">
            <v/>
          </cell>
          <cell r="AI1684">
            <v>1</v>
          </cell>
          <cell r="AJ1684" t="str">
            <v>測量</v>
          </cell>
        </row>
        <row r="1685">
          <cell r="B1685">
            <v>5993</v>
          </cell>
          <cell r="C1685" t="str">
            <v>(株)西日本技術コンサルタント</v>
          </cell>
          <cell r="D1685" t="str">
            <v>078-252-2977</v>
          </cell>
          <cell r="E1685" t="str">
            <v>651-0092</v>
          </cell>
          <cell r="F1685" t="str">
            <v>兵庫県神戸市中央区生田町2-2-2</v>
          </cell>
          <cell r="G1685" t="str">
            <v>草津市</v>
          </cell>
          <cell r="H1685" t="str">
            <v>神戸営業所</v>
          </cell>
          <cell r="I1685" t="str">
            <v>所長 中尾　要司</v>
          </cell>
          <cell r="J1685" t="str">
            <v>滋賀県草津市</v>
          </cell>
          <cell r="K1685" t="str">
            <v>078-252-2978</v>
          </cell>
          <cell r="L1685" t="str">
            <v>eigyo@ngcon.co.jp</v>
          </cell>
          <cell r="M1685" t="str">
            <v>ﾆｼﾆﾎﾝｷﾞｼﾞｭﾂｺﾝｻﾙﾀﾝﾄ</v>
          </cell>
          <cell r="N1685" t="str">
            <v>有</v>
          </cell>
          <cell r="O1685">
            <v>51</v>
          </cell>
          <cell r="P1685">
            <v>82</v>
          </cell>
          <cell r="Q1685">
            <v>8160001013044</v>
          </cell>
          <cell r="R1685">
            <v>50000</v>
          </cell>
          <cell r="S1685">
            <v>708058</v>
          </cell>
          <cell r="T1685">
            <v>851371</v>
          </cell>
          <cell r="V1685" t="str">
            <v>sx958609</v>
          </cell>
          <cell r="W1685" t="str">
            <v>ea812475</v>
          </cell>
          <cell r="Y1685" t="str">
            <v>測量,建築,上水,下水,土他,地質,水質,大気,騒音,交通,調他</v>
          </cell>
          <cell r="Z1685">
            <v>41490</v>
          </cell>
          <cell r="AA1685" t="str">
            <v/>
          </cell>
          <cell r="AB1685">
            <v>491085</v>
          </cell>
          <cell r="AC1685" t="str">
            <v/>
          </cell>
          <cell r="AD1685">
            <v>250438</v>
          </cell>
          <cell r="AE1685" t="str">
            <v>地質調査</v>
          </cell>
          <cell r="AF1685">
            <v>52259</v>
          </cell>
          <cell r="AI1685">
            <v>3</v>
          </cell>
          <cell r="AJ1685" t="str">
            <v>土木</v>
          </cell>
        </row>
        <row r="1686">
          <cell r="B1686">
            <v>5996</v>
          </cell>
          <cell r="C1686" t="str">
            <v>(株)西日本設計</v>
          </cell>
          <cell r="D1686" t="str">
            <v>0798-63-6790</v>
          </cell>
          <cell r="E1686" t="str">
            <v>662-0836</v>
          </cell>
          <cell r="F1686" t="str">
            <v>兵庫県西宮市大畑町9-2-301</v>
          </cell>
          <cell r="G1686" t="str">
            <v>西宮市</v>
          </cell>
          <cell r="H1686" t="str">
            <v>兵庫事務所</v>
          </cell>
          <cell r="I1686" t="str">
            <v>所長 爲國　正悟</v>
          </cell>
          <cell r="J1686" t="str">
            <v>大阪府大阪市</v>
          </cell>
          <cell r="K1686" t="str">
            <v>0798-63-6797</v>
          </cell>
          <cell r="L1686" t="str">
            <v>nsekkei@pearl.ocn.ne.jp</v>
          </cell>
          <cell r="M1686" t="str">
            <v>ﾆｼﾆﾎﾝｾｯｹｲ</v>
          </cell>
          <cell r="N1686" t="str">
            <v>有</v>
          </cell>
          <cell r="O1686">
            <v>54</v>
          </cell>
          <cell r="P1686">
            <v>27</v>
          </cell>
          <cell r="Q1686">
            <v>7120001024814</v>
          </cell>
          <cell r="R1686">
            <v>2000</v>
          </cell>
          <cell r="S1686">
            <v>60259</v>
          </cell>
          <cell r="T1686">
            <v>330590</v>
          </cell>
          <cell r="V1686" t="str">
            <v>zy983293</v>
          </cell>
          <cell r="W1686" t="str">
            <v>jb504589</v>
          </cell>
          <cell r="Y1686" t="str">
            <v>測量,道路,上水,下水,</v>
          </cell>
          <cell r="Z1686">
            <v>5817</v>
          </cell>
          <cell r="AA1686" t="str">
            <v/>
          </cell>
          <cell r="AB1686">
            <v>294904</v>
          </cell>
          <cell r="AC1686" t="str">
            <v/>
          </cell>
          <cell r="AD1686" t="str">
            <v/>
          </cell>
          <cell r="AE1686" t="str">
            <v/>
          </cell>
          <cell r="AF1686" t="str">
            <v/>
          </cell>
          <cell r="AI1686">
            <v>3</v>
          </cell>
          <cell r="AJ1686" t="str">
            <v>土木</v>
          </cell>
        </row>
        <row r="1687">
          <cell r="B1687">
            <v>5999</v>
          </cell>
          <cell r="C1687" t="str">
            <v>ＮＴＣコンサルタンツ(株)</v>
          </cell>
          <cell r="D1687" t="str">
            <v>078-990-1295</v>
          </cell>
          <cell r="E1687" t="str">
            <v>651-2242</v>
          </cell>
          <cell r="F1687" t="str">
            <v>兵庫県神戸市西区井吹台東町5-26-4</v>
          </cell>
          <cell r="G1687" t="str">
            <v>名古屋市</v>
          </cell>
          <cell r="H1687" t="str">
            <v>兵庫営業所</v>
          </cell>
          <cell r="I1687" t="str">
            <v>所長 西川　武志</v>
          </cell>
          <cell r="J1687" t="str">
            <v>愛知県名古屋市</v>
          </cell>
          <cell r="K1687" t="str">
            <v>078-990-1296</v>
          </cell>
          <cell r="L1687" t="str">
            <v>eigyou.ky@ntc-c.co.jp</v>
          </cell>
          <cell r="M1687" t="str">
            <v>ｴﾇﾃｨｰｼｰｺﾝｻﾙﾀﾝﾂ</v>
          </cell>
          <cell r="N1687" t="str">
            <v>有</v>
          </cell>
          <cell r="O1687">
            <v>50</v>
          </cell>
          <cell r="P1687">
            <v>402</v>
          </cell>
          <cell r="Q1687">
            <v>2180001039299</v>
          </cell>
          <cell r="R1687">
            <v>97000</v>
          </cell>
          <cell r="S1687">
            <v>3011471</v>
          </cell>
          <cell r="T1687">
            <v>7080655</v>
          </cell>
          <cell r="V1687" t="str">
            <v>mx432628</v>
          </cell>
          <cell r="W1687" t="str">
            <v>my271123</v>
          </cell>
          <cell r="Y1687" t="str">
            <v>測量,測量,航空,建築,建積,調査,土質,鋼構,河川,道路,地質,造園,上水,下水,都市,土調,地質,</v>
          </cell>
          <cell r="Z1687">
            <v>104645</v>
          </cell>
          <cell r="AA1687">
            <v>30646</v>
          </cell>
          <cell r="AB1687">
            <v>6194686</v>
          </cell>
          <cell r="AC1687">
            <v>11987</v>
          </cell>
          <cell r="AD1687">
            <v>407357</v>
          </cell>
          <cell r="AE1687" t="str">
            <v/>
          </cell>
          <cell r="AF1687" t="str">
            <v/>
          </cell>
          <cell r="AI1687">
            <v>3</v>
          </cell>
          <cell r="AJ1687" t="str">
            <v>土木</v>
          </cell>
        </row>
        <row r="1688">
          <cell r="B1688">
            <v>6000</v>
          </cell>
          <cell r="C1688" t="str">
            <v>日化エンジニアリング(株)</v>
          </cell>
          <cell r="D1688" t="str">
            <v>06-6586-1123</v>
          </cell>
          <cell r="E1688" t="str">
            <v>552-0001</v>
          </cell>
          <cell r="F1688" t="str">
            <v>大阪府大阪市港区波除3-12-4</v>
          </cell>
          <cell r="G1688" t="str">
            <v>大阪市</v>
          </cell>
          <cell r="H1688" t="str">
            <v/>
          </cell>
          <cell r="I1688" t="str">
            <v>代表取締役社長 二越　文彦</v>
          </cell>
          <cell r="J1688" t="str">
            <v>本店</v>
          </cell>
          <cell r="K1688" t="str">
            <v>06-6586-1127</v>
          </cell>
          <cell r="L1688" t="str">
            <v>osaka@nikka-eng.co.jp</v>
          </cell>
          <cell r="M1688" t="str">
            <v>ﾆｯｶｴﾝｼﾞﾆｱﾘﾝｸﾞ</v>
          </cell>
          <cell r="N1688" t="str">
            <v>無</v>
          </cell>
          <cell r="O1688">
            <v>48</v>
          </cell>
          <cell r="P1688">
            <v>50</v>
          </cell>
          <cell r="Q1688">
            <v>4120001029551</v>
          </cell>
          <cell r="R1688">
            <v>30000</v>
          </cell>
          <cell r="S1688">
            <v>329263</v>
          </cell>
          <cell r="T1688">
            <v>617698</v>
          </cell>
          <cell r="V1688" t="str">
            <v>hr103038</v>
          </cell>
          <cell r="W1688" t="str">
            <v>ka212817</v>
          </cell>
          <cell r="Y1688" t="str">
            <v>測量,鋼構,地質,</v>
          </cell>
          <cell r="Z1688">
            <v>34167</v>
          </cell>
          <cell r="AA1688" t="str">
            <v/>
          </cell>
          <cell r="AB1688">
            <v>576724</v>
          </cell>
          <cell r="AC1688" t="str">
            <v/>
          </cell>
          <cell r="AD1688">
            <v>14750</v>
          </cell>
          <cell r="AE1688" t="str">
            <v/>
          </cell>
          <cell r="AF1688" t="str">
            <v/>
          </cell>
          <cell r="AI1688">
            <v>3</v>
          </cell>
          <cell r="AJ1688" t="str">
            <v>土木</v>
          </cell>
        </row>
        <row r="1689">
          <cell r="B1689">
            <v>6002</v>
          </cell>
          <cell r="C1689" t="str">
            <v>(株)日建技術コンサルタント</v>
          </cell>
          <cell r="D1689" t="str">
            <v>078-333-8122</v>
          </cell>
          <cell r="E1689" t="str">
            <v>650-0032</v>
          </cell>
          <cell r="F1689" t="str">
            <v>兵庫県神戸市中央区伊藤町119 大樹生命神戸三宮ﾋﾞﾙ</v>
          </cell>
          <cell r="G1689" t="str">
            <v>大阪市</v>
          </cell>
          <cell r="H1689" t="str">
            <v>神戸事務所</v>
          </cell>
          <cell r="I1689" t="str">
            <v>所長 三隅　文彦</v>
          </cell>
          <cell r="J1689" t="str">
            <v>大阪府大阪市</v>
          </cell>
          <cell r="K1689" t="str">
            <v>078-333-9359</v>
          </cell>
          <cell r="L1689" t="str">
            <v>kobe@nikken-gcon.co.jp</v>
          </cell>
          <cell r="M1689" t="str">
            <v>ﾆｯｹﾝｷﾞｼﾞｭﾂｺﾝｻﾙﾀﾝﾄ</v>
          </cell>
          <cell r="N1689" t="str">
            <v>有</v>
          </cell>
          <cell r="O1689">
            <v>60</v>
          </cell>
          <cell r="P1689">
            <v>301</v>
          </cell>
          <cell r="Q1689">
            <v>7120001086623</v>
          </cell>
          <cell r="R1689">
            <v>80000</v>
          </cell>
          <cell r="S1689">
            <v>2730639</v>
          </cell>
          <cell r="T1689">
            <v>4790413</v>
          </cell>
          <cell r="V1689" t="str">
            <v>er628430</v>
          </cell>
          <cell r="W1689" t="str">
            <v>zy109462</v>
          </cell>
          <cell r="Y1689" t="str">
            <v>測量,測量,航空,建築,意匠,構造,冷暖,衛生,電気,建積,機積,電積,調査,土質,鋼構,河川,道路,施行,建機,地質,上水,下水,都市,スポ,環境,土調,物件,機工,地質,水質,大気,騒音,交通,商業,調他</v>
          </cell>
          <cell r="Z1689">
            <v>220738</v>
          </cell>
          <cell r="AA1689">
            <v>169329</v>
          </cell>
          <cell r="AB1689">
            <v>4317492</v>
          </cell>
          <cell r="AC1689">
            <v>848</v>
          </cell>
          <cell r="AD1689">
            <v>82008</v>
          </cell>
          <cell r="AE1689" t="str">
            <v/>
          </cell>
          <cell r="AF1689" t="str">
            <v/>
          </cell>
          <cell r="AI1689">
            <v>3</v>
          </cell>
          <cell r="AJ1689" t="str">
            <v>土木</v>
          </cell>
        </row>
        <row r="1690">
          <cell r="B1690">
            <v>6003</v>
          </cell>
          <cell r="C1690" t="str">
            <v>(株)日建設計</v>
          </cell>
          <cell r="D1690" t="str">
            <v>06-6203-2364</v>
          </cell>
          <cell r="E1690" t="str">
            <v>541-8528</v>
          </cell>
          <cell r="F1690" t="str">
            <v>大阪府大阪市中央区高麗橋4-6-2</v>
          </cell>
          <cell r="H1690" t="str">
            <v>大阪オフィス</v>
          </cell>
          <cell r="I1690" t="str">
            <v>取締役常務執行役員　大阪代表 指田　孝太郎</v>
          </cell>
          <cell r="J1690" t="str">
            <v>東京都</v>
          </cell>
          <cell r="K1690" t="str">
            <v>06-6203-3997</v>
          </cell>
          <cell r="L1690" t="str">
            <v>oyoumu@nikken.jp</v>
          </cell>
          <cell r="M1690" t="str">
            <v>ﾆｯｹﾝｾｯｹｲ</v>
          </cell>
          <cell r="N1690" t="str">
            <v>有</v>
          </cell>
          <cell r="O1690">
            <v>68</v>
          </cell>
          <cell r="P1690">
            <v>1872</v>
          </cell>
          <cell r="Q1690">
            <v>9010001006111</v>
          </cell>
          <cell r="R1690">
            <v>460000</v>
          </cell>
          <cell r="S1690">
            <v>58259641</v>
          </cell>
          <cell r="T1690">
            <v>42786</v>
          </cell>
          <cell r="V1690" t="str">
            <v>gs761338</v>
          </cell>
          <cell r="W1690" t="str">
            <v>fs292633</v>
          </cell>
          <cell r="Y1690" t="str">
            <v>建築,意匠,構造,冷暖,衛生,電気,建積,機積,電積,調査,造園,都市,</v>
          </cell>
          <cell r="Z1690" t="str">
            <v/>
          </cell>
          <cell r="AA1690">
            <v>35307192</v>
          </cell>
          <cell r="AB1690">
            <v>6506786</v>
          </cell>
          <cell r="AC1690" t="str">
            <v/>
          </cell>
          <cell r="AD1690" t="str">
            <v/>
          </cell>
          <cell r="AE1690" t="str">
            <v>その他（不動産の賃貸）</v>
          </cell>
          <cell r="AF1690">
            <v>972030</v>
          </cell>
          <cell r="AI1690">
            <v>2</v>
          </cell>
          <cell r="AJ1690" t="str">
            <v>建築</v>
          </cell>
        </row>
        <row r="1691">
          <cell r="B1691">
            <v>6004</v>
          </cell>
          <cell r="C1691" t="str">
            <v>(株)日建設計シビル</v>
          </cell>
          <cell r="D1691" t="str">
            <v>06-6203-2364</v>
          </cell>
          <cell r="E1691" t="str">
            <v>650-0032</v>
          </cell>
          <cell r="F1691" t="str">
            <v>兵庫県神戸市中央区伊藤町110-3</v>
          </cell>
          <cell r="G1691" t="str">
            <v>大阪市</v>
          </cell>
          <cell r="H1691" t="str">
            <v>神戸営業所</v>
          </cell>
          <cell r="I1691" t="str">
            <v>神戸営業所長 杉原　弘一</v>
          </cell>
          <cell r="J1691" t="str">
            <v>大阪府大阪市</v>
          </cell>
          <cell r="K1691" t="str">
            <v>078-333-6804</v>
          </cell>
          <cell r="L1691" t="str">
            <v>odgyoumu@nikken.jp</v>
          </cell>
          <cell r="M1691" t="str">
            <v>ﾆｯｹﾝｾｯｹｲｼﾋﾞﾙ</v>
          </cell>
          <cell r="N1691" t="str">
            <v>有</v>
          </cell>
          <cell r="O1691">
            <v>68</v>
          </cell>
          <cell r="P1691">
            <v>197</v>
          </cell>
          <cell r="Q1691">
            <v>7120001098346</v>
          </cell>
          <cell r="R1691">
            <v>80000</v>
          </cell>
          <cell r="S1691">
            <v>3820121</v>
          </cell>
          <cell r="T1691">
            <v>4665028</v>
          </cell>
          <cell r="V1691" t="str">
            <v>ry626734</v>
          </cell>
          <cell r="W1691" t="str">
            <v>ry913902</v>
          </cell>
          <cell r="Y1691" t="str">
            <v>測量,測量,航空,建築,調査,土質,鋼構,河川,道路,施行,造園,下水,都市,土他,地質,水質,騒音,交通,</v>
          </cell>
          <cell r="Z1691">
            <v>216090</v>
          </cell>
          <cell r="AA1691">
            <v>183791</v>
          </cell>
          <cell r="AB1691">
            <v>3821230</v>
          </cell>
          <cell r="AC1691" t="str">
            <v/>
          </cell>
          <cell r="AD1691">
            <v>249587</v>
          </cell>
          <cell r="AE1691" t="str">
            <v>その他</v>
          </cell>
          <cell r="AF1691">
            <v>178145</v>
          </cell>
          <cell r="AI1691">
            <v>3</v>
          </cell>
          <cell r="AJ1691" t="str">
            <v>土木</v>
          </cell>
        </row>
        <row r="1692">
          <cell r="B1692">
            <v>6007</v>
          </cell>
          <cell r="C1692" t="str">
            <v>(株)日航コンサルタント</v>
          </cell>
          <cell r="D1692" t="str">
            <v>06-6766-6801</v>
          </cell>
          <cell r="E1692" t="str">
            <v>543-0001</v>
          </cell>
          <cell r="F1692" t="str">
            <v>大阪府大阪市天王寺区上本町3-2-15</v>
          </cell>
          <cell r="G1692" t="str">
            <v>東広島市</v>
          </cell>
          <cell r="H1692" t="str">
            <v>大阪支社</v>
          </cell>
          <cell r="I1692" t="str">
            <v>支社長 愛須　友行</v>
          </cell>
          <cell r="J1692" t="str">
            <v>広島県東広島市</v>
          </cell>
          <cell r="K1692" t="str">
            <v>06-6766-6802</v>
          </cell>
          <cell r="L1692" t="str">
            <v>y-ota@nikkoct.co.jp</v>
          </cell>
          <cell r="M1692" t="str">
            <v>ﾆｯｺｳｺﾝｻﾙﾀﾝﾄ</v>
          </cell>
          <cell r="N1692" t="str">
            <v>有</v>
          </cell>
          <cell r="O1692">
            <v>59</v>
          </cell>
          <cell r="P1692">
            <v>39</v>
          </cell>
          <cell r="Q1692">
            <v>9240001023769</v>
          </cell>
          <cell r="R1692">
            <v>30000</v>
          </cell>
          <cell r="S1692">
            <v>416981</v>
          </cell>
          <cell r="T1692">
            <v>505636</v>
          </cell>
          <cell r="V1692" t="str">
            <v>ka452843</v>
          </cell>
          <cell r="W1692" t="str">
            <v>su308903</v>
          </cell>
          <cell r="Y1692" t="str">
            <v>測量,測量,航空,鋼構,河川,道路,地質,下水,都市,土調,物件,機工,営業,地質,</v>
          </cell>
          <cell r="Z1692">
            <v>242228</v>
          </cell>
          <cell r="AA1692" t="str">
            <v/>
          </cell>
          <cell r="AB1692">
            <v>182386</v>
          </cell>
          <cell r="AC1692">
            <v>24624</v>
          </cell>
          <cell r="AD1692">
            <v>1814</v>
          </cell>
          <cell r="AE1692" t="str">
            <v/>
          </cell>
          <cell r="AF1692" t="str">
            <v/>
          </cell>
          <cell r="AI1692">
            <v>1</v>
          </cell>
          <cell r="AJ1692" t="str">
            <v>測量</v>
          </cell>
        </row>
        <row r="1693">
          <cell r="B1693">
            <v>6009</v>
          </cell>
          <cell r="C1693" t="str">
            <v>(株)日さく</v>
          </cell>
          <cell r="D1693" t="str">
            <v>06-6318-0360</v>
          </cell>
          <cell r="E1693" t="str">
            <v>564-0037</v>
          </cell>
          <cell r="F1693" t="str">
            <v>大阪府吹田市川岸町11-1</v>
          </cell>
          <cell r="G1693" t="str">
            <v>吹田市</v>
          </cell>
          <cell r="H1693" t="str">
            <v>大阪支店</v>
          </cell>
          <cell r="I1693" t="str">
            <v>執行役員　支店長 高橋　克也</v>
          </cell>
          <cell r="J1693" t="str">
            <v>埼玉県さいたま市</v>
          </cell>
          <cell r="K1693" t="str">
            <v>06-6318-0380</v>
          </cell>
          <cell r="L1693" t="str">
            <v>ec-osaka@nissaku.co.jp</v>
          </cell>
          <cell r="M1693" t="str">
            <v>ﾆｯｻｸ</v>
          </cell>
          <cell r="N1693" t="str">
            <v>有</v>
          </cell>
          <cell r="O1693">
            <v>107</v>
          </cell>
          <cell r="P1693">
            <v>223</v>
          </cell>
          <cell r="Q1693">
            <v>6030001009800</v>
          </cell>
          <cell r="R1693">
            <v>100000</v>
          </cell>
          <cell r="S1693">
            <v>872677</v>
          </cell>
          <cell r="T1693">
            <v>4905921</v>
          </cell>
          <cell r="V1693" t="str">
            <v>em628511</v>
          </cell>
          <cell r="W1693" t="str">
            <v>wv506709</v>
          </cell>
          <cell r="Y1693" t="str">
            <v>土質,河川,地質,土他,地質,</v>
          </cell>
          <cell r="Z1693" t="str">
            <v/>
          </cell>
          <cell r="AA1693">
            <v>585444</v>
          </cell>
          <cell r="AB1693" t="str">
            <v/>
          </cell>
          <cell r="AC1693" t="str">
            <v/>
          </cell>
          <cell r="AD1693">
            <v>531199</v>
          </cell>
          <cell r="AE1693" t="str">
            <v/>
          </cell>
          <cell r="AF1693" t="str">
            <v/>
          </cell>
          <cell r="AI1693">
            <v>2</v>
          </cell>
          <cell r="AJ1693" t="str">
            <v>建築</v>
          </cell>
        </row>
        <row r="1694">
          <cell r="B1694">
            <v>6010</v>
          </cell>
          <cell r="C1694" t="str">
            <v>(株)日産技術コンサルタント</v>
          </cell>
          <cell r="D1694" t="str">
            <v>078-241-1635</v>
          </cell>
          <cell r="E1694" t="str">
            <v>651-0094</v>
          </cell>
          <cell r="F1694" t="str">
            <v>兵庫県神戸市中央区琴ﾉ緒町5-4-19</v>
          </cell>
          <cell r="G1694" t="str">
            <v>大阪市</v>
          </cell>
          <cell r="H1694" t="str">
            <v>神戸事務所</v>
          </cell>
          <cell r="I1694" t="str">
            <v>所長 井上　恭自</v>
          </cell>
          <cell r="J1694" t="str">
            <v>大阪府大阪市</v>
          </cell>
          <cell r="K1694" t="str">
            <v>078-241-1636</v>
          </cell>
          <cell r="L1694" t="str">
            <v>hei-1@nissan-gijutsu.co.jp</v>
          </cell>
          <cell r="M1694" t="str">
            <v>ﾆｯｻﾝｷﾞｼﾞｭﾂｺﾝｻﾙﾀﾝﾄ</v>
          </cell>
          <cell r="N1694" t="str">
            <v>有</v>
          </cell>
          <cell r="O1694">
            <v>40</v>
          </cell>
          <cell r="P1694">
            <v>71</v>
          </cell>
          <cell r="Q1694">
            <v>9120001086670</v>
          </cell>
          <cell r="R1694">
            <v>70000</v>
          </cell>
          <cell r="S1694">
            <v>304857</v>
          </cell>
          <cell r="T1694">
            <v>1141936</v>
          </cell>
          <cell r="V1694" t="str">
            <v>tn489684</v>
          </cell>
          <cell r="W1694" t="str">
            <v>sv594683</v>
          </cell>
          <cell r="Y1694" t="str">
            <v>測量,測量,航空,建築,意匠,構造,冷暖,衛生,電気,土質,鋼構,河川,道路,施行,建機,地質,造園,上水,下水,都市,スポ,環境,土他,地質,水質,大気,騒音,交通,調他</v>
          </cell>
          <cell r="Z1694">
            <v>23192</v>
          </cell>
          <cell r="AA1694">
            <v>29630</v>
          </cell>
          <cell r="AB1694">
            <v>988318</v>
          </cell>
          <cell r="AC1694" t="str">
            <v/>
          </cell>
          <cell r="AD1694">
            <v>20100</v>
          </cell>
          <cell r="AE1694" t="str">
            <v/>
          </cell>
          <cell r="AF1694" t="str">
            <v/>
          </cell>
          <cell r="AI1694">
            <v>3</v>
          </cell>
          <cell r="AJ1694" t="str">
            <v>土木</v>
          </cell>
        </row>
        <row r="1695">
          <cell r="B1695">
            <v>6011</v>
          </cell>
          <cell r="C1695" t="str">
            <v>(株)日匠設計</v>
          </cell>
          <cell r="D1695" t="str">
            <v>0795-87-1202</v>
          </cell>
          <cell r="E1695" t="str">
            <v>669-3811</v>
          </cell>
          <cell r="F1695" t="str">
            <v>兵庫県丹波市青垣町佐治276-4</v>
          </cell>
          <cell r="G1695" t="str">
            <v>福知山市</v>
          </cell>
          <cell r="H1695" t="str">
            <v>丹波事務所</v>
          </cell>
          <cell r="I1695" t="str">
            <v>所長 高橋　忠男</v>
          </cell>
          <cell r="J1695" t="str">
            <v>京都府福知山市</v>
          </cell>
          <cell r="K1695" t="str">
            <v>0795-87-1088</v>
          </cell>
          <cell r="L1695" t="str">
            <v>nissho@kisnet.ne.jp</v>
          </cell>
          <cell r="M1695" t="str">
            <v>ﾆｯｼｮｳｾｯｹｲ</v>
          </cell>
          <cell r="N1695" t="str">
            <v>有</v>
          </cell>
          <cell r="O1695">
            <v>44</v>
          </cell>
          <cell r="P1695">
            <v>8</v>
          </cell>
          <cell r="Q1695">
            <v>9130001041212</v>
          </cell>
          <cell r="R1695">
            <v>10000</v>
          </cell>
          <cell r="S1695">
            <v>266328</v>
          </cell>
          <cell r="T1695">
            <v>160016</v>
          </cell>
          <cell r="V1695" t="str">
            <v>uq450900</v>
          </cell>
          <cell r="W1695" t="str">
            <v>jx723694</v>
          </cell>
          <cell r="Y1695" t="str">
            <v>建築,意匠,構造,冷暖,衛生,電気,建積,機積,電積,</v>
          </cell>
          <cell r="Z1695" t="str">
            <v/>
          </cell>
          <cell r="AA1695">
            <v>160016</v>
          </cell>
          <cell r="AB1695" t="str">
            <v/>
          </cell>
          <cell r="AC1695" t="str">
            <v/>
          </cell>
          <cell r="AD1695" t="str">
            <v/>
          </cell>
          <cell r="AE1695" t="str">
            <v/>
          </cell>
          <cell r="AF1695" t="str">
            <v/>
          </cell>
          <cell r="AI1695">
            <v>2</v>
          </cell>
          <cell r="AJ1695" t="str">
            <v>建築</v>
          </cell>
        </row>
        <row r="1696">
          <cell r="B1696">
            <v>6012</v>
          </cell>
          <cell r="C1696" t="str">
            <v>(株)日新技術コンサルタント</v>
          </cell>
          <cell r="D1696" t="str">
            <v>078-335-8598</v>
          </cell>
          <cell r="E1696" t="str">
            <v>650-0022</v>
          </cell>
          <cell r="F1696" t="str">
            <v>兵庫県神戸市中央区元町通3-17-8</v>
          </cell>
          <cell r="H1696" t="str">
            <v>神戸出張所</v>
          </cell>
          <cell r="I1696" t="str">
            <v>所長 川名　俊一</v>
          </cell>
          <cell r="J1696" t="str">
            <v>東京都</v>
          </cell>
          <cell r="K1696" t="str">
            <v>078-335-8599</v>
          </cell>
          <cell r="L1696" t="str">
            <v>osaka@nict.co.jp</v>
          </cell>
          <cell r="M1696" t="str">
            <v>ﾆｯｼﾝｷﾞｼﾞｭﾂｺﾝｻﾙﾀﾝﾄ</v>
          </cell>
          <cell r="N1696" t="str">
            <v>有</v>
          </cell>
          <cell r="O1696">
            <v>46</v>
          </cell>
          <cell r="P1696">
            <v>90</v>
          </cell>
          <cell r="Q1696">
            <v>5010001108877</v>
          </cell>
          <cell r="R1696">
            <v>30000</v>
          </cell>
          <cell r="S1696">
            <v>497706</v>
          </cell>
          <cell r="T1696">
            <v>1535604</v>
          </cell>
          <cell r="V1696" t="str">
            <v>pb895551</v>
          </cell>
          <cell r="W1696" t="str">
            <v>gf103231</v>
          </cell>
          <cell r="Y1696" t="str">
            <v>測量,建築,上水,下水,地質,</v>
          </cell>
          <cell r="Z1696">
            <v>49877</v>
          </cell>
          <cell r="AA1696">
            <v>89846</v>
          </cell>
          <cell r="AB1696">
            <v>1208990</v>
          </cell>
          <cell r="AC1696" t="str">
            <v/>
          </cell>
          <cell r="AD1696">
            <v>103044</v>
          </cell>
          <cell r="AE1696" t="str">
            <v/>
          </cell>
          <cell r="AF1696" t="str">
            <v/>
          </cell>
          <cell r="AI1696">
            <v>3</v>
          </cell>
          <cell r="AJ1696" t="str">
            <v>土木</v>
          </cell>
        </row>
        <row r="1697">
          <cell r="B1697">
            <v>6013</v>
          </cell>
          <cell r="C1697" t="str">
            <v>日進測量(株)</v>
          </cell>
          <cell r="D1697" t="str">
            <v>079-225-5625</v>
          </cell>
          <cell r="E1697" t="str">
            <v>670-0953</v>
          </cell>
          <cell r="F1697" t="str">
            <v>兵庫県姫路市三条町1-31</v>
          </cell>
          <cell r="G1697" t="str">
            <v>岡山市</v>
          </cell>
          <cell r="H1697" t="str">
            <v>姫路営業所</v>
          </cell>
          <cell r="I1697" t="str">
            <v>営業所長 田上　吉久</v>
          </cell>
          <cell r="J1697" t="str">
            <v>岡山県岡山市</v>
          </cell>
          <cell r="K1697" t="str">
            <v>079-225-5626</v>
          </cell>
          <cell r="L1697" t="str">
            <v>soumu@nissin-skr.co.jp</v>
          </cell>
          <cell r="M1697" t="str">
            <v>ﾆｯｼﾝｿｸﾘｮｳ</v>
          </cell>
          <cell r="N1697" t="str">
            <v>有</v>
          </cell>
          <cell r="O1697">
            <v>59</v>
          </cell>
          <cell r="P1697">
            <v>28</v>
          </cell>
          <cell r="Q1697">
            <v>9260001005220</v>
          </cell>
          <cell r="R1697">
            <v>30000</v>
          </cell>
          <cell r="S1697">
            <v>298587</v>
          </cell>
          <cell r="T1697">
            <v>233084</v>
          </cell>
          <cell r="V1697" t="str">
            <v>uh858917</v>
          </cell>
          <cell r="W1697" t="str">
            <v>xc155756</v>
          </cell>
          <cell r="Y1697" t="str">
            <v>測量,測量,</v>
          </cell>
          <cell r="Z1697">
            <v>236056</v>
          </cell>
          <cell r="AA1697" t="str">
            <v/>
          </cell>
          <cell r="AB1697" t="str">
            <v/>
          </cell>
          <cell r="AC1697" t="str">
            <v/>
          </cell>
          <cell r="AD1697" t="str">
            <v/>
          </cell>
          <cell r="AE1697" t="str">
            <v/>
          </cell>
          <cell r="AF1697">
            <v>17739</v>
          </cell>
          <cell r="AI1697">
            <v>1</v>
          </cell>
          <cell r="AJ1697" t="str">
            <v>測量</v>
          </cell>
        </row>
        <row r="1698">
          <cell r="B1698">
            <v>6014</v>
          </cell>
          <cell r="C1698" t="str">
            <v>(株)日水コン</v>
          </cell>
          <cell r="D1698" t="str">
            <v>078- 362- 1780</v>
          </cell>
          <cell r="E1698" t="str">
            <v>650-0022</v>
          </cell>
          <cell r="F1698" t="str">
            <v>兵庫県神戸市中央区元町通4-5-10</v>
          </cell>
          <cell r="H1698" t="str">
            <v>兵庫事務所</v>
          </cell>
          <cell r="I1698" t="str">
            <v>事務所長 井本 敏</v>
          </cell>
          <cell r="J1698" t="str">
            <v>東京都</v>
          </cell>
          <cell r="K1698" t="str">
            <v>078- 362- 1781</v>
          </cell>
          <cell r="L1698" t="str">
            <v>nsc_osaka@nissuicon.co.jp</v>
          </cell>
          <cell r="M1698" t="str">
            <v>ﾆｯｽｲｺﾝ</v>
          </cell>
          <cell r="N1698" t="str">
            <v>有</v>
          </cell>
          <cell r="O1698">
            <v>59</v>
          </cell>
          <cell r="P1698">
            <v>728</v>
          </cell>
          <cell r="Q1698">
            <v>3011101015783</v>
          </cell>
          <cell r="R1698">
            <v>100000</v>
          </cell>
          <cell r="S1698">
            <v>10921020</v>
          </cell>
          <cell r="T1698">
            <v>17511018</v>
          </cell>
          <cell r="V1698" t="str">
            <v>pd226111</v>
          </cell>
          <cell r="W1698" t="str">
            <v>mu195214</v>
          </cell>
          <cell r="Y1698" t="str">
            <v>測量,測量,建築,意匠,構造,冷暖,衛生,電気,建積,機積,電積,調査,土質,鋼構,河川,施行,建機,上水,下水,都市,環境,土他,地質,水質,交通,調他</v>
          </cell>
          <cell r="Z1698">
            <v>60295</v>
          </cell>
          <cell r="AA1698">
            <v>13575</v>
          </cell>
          <cell r="AB1698">
            <v>17234633</v>
          </cell>
          <cell r="AC1698" t="str">
            <v/>
          </cell>
          <cell r="AD1698">
            <v>95535</v>
          </cell>
          <cell r="AE1698" t="str">
            <v/>
          </cell>
          <cell r="AF1698" t="str">
            <v/>
          </cell>
          <cell r="AI1698">
            <v>3</v>
          </cell>
          <cell r="AJ1698" t="str">
            <v>土木</v>
          </cell>
        </row>
        <row r="1699">
          <cell r="B1699">
            <v>6016</v>
          </cell>
          <cell r="C1699" t="str">
            <v>(株)日総建</v>
          </cell>
          <cell r="D1699" t="str">
            <v>06-6264-5550</v>
          </cell>
          <cell r="E1699" t="str">
            <v>541-0059</v>
          </cell>
          <cell r="F1699" t="str">
            <v>大阪府大阪市中央区博労町2-1-13</v>
          </cell>
          <cell r="H1699" t="str">
            <v>大阪事務所</v>
          </cell>
          <cell r="I1699" t="str">
            <v>所長 松尾　大史</v>
          </cell>
          <cell r="J1699" t="str">
            <v>東京都</v>
          </cell>
          <cell r="K1699" t="str">
            <v>06-6264-5558</v>
          </cell>
          <cell r="L1699" t="str">
            <v>osk.keiyaku2@nissoken.co.jp</v>
          </cell>
          <cell r="M1699" t="str">
            <v>ﾆｯｿｳｹﾝ</v>
          </cell>
          <cell r="N1699" t="str">
            <v>有</v>
          </cell>
          <cell r="O1699">
            <v>3</v>
          </cell>
          <cell r="P1699">
            <v>96</v>
          </cell>
          <cell r="Q1699">
            <v>2011001108052</v>
          </cell>
          <cell r="R1699">
            <v>100000</v>
          </cell>
          <cell r="S1699">
            <v>100993</v>
          </cell>
          <cell r="T1699">
            <v>1237291</v>
          </cell>
          <cell r="V1699" t="str">
            <v>cv553354</v>
          </cell>
          <cell r="W1699" t="str">
            <v>dm124709</v>
          </cell>
          <cell r="Y1699" t="str">
            <v>建築,意匠,構造,冷暖,衛生,電気,建積,機積,電積,調査,都市,</v>
          </cell>
          <cell r="Z1699" t="str">
            <v/>
          </cell>
          <cell r="AA1699">
            <v>1220133</v>
          </cell>
          <cell r="AB1699">
            <v>17158</v>
          </cell>
          <cell r="AC1699" t="str">
            <v/>
          </cell>
          <cell r="AD1699" t="str">
            <v/>
          </cell>
          <cell r="AE1699" t="str">
            <v/>
          </cell>
          <cell r="AF1699" t="str">
            <v/>
          </cell>
          <cell r="AI1699">
            <v>2</v>
          </cell>
          <cell r="AJ1699" t="str">
            <v>建築</v>
          </cell>
        </row>
        <row r="1700">
          <cell r="B1700">
            <v>6019</v>
          </cell>
          <cell r="C1700" t="str">
            <v>日本音響エンジニアリング(株)</v>
          </cell>
          <cell r="D1700" t="str">
            <v>03-3634-5307</v>
          </cell>
          <cell r="E1700" t="str">
            <v>130-0021</v>
          </cell>
          <cell r="F1700" t="str">
            <v>東京都墨田区緑1-21-10</v>
          </cell>
          <cell r="H1700" t="str">
            <v/>
          </cell>
          <cell r="I1700" t="str">
            <v>代表取締役 山梨　忠志</v>
          </cell>
          <cell r="J1700" t="str">
            <v>本店</v>
          </cell>
          <cell r="K1700" t="str">
            <v>03-3634-5327</v>
          </cell>
          <cell r="L1700" t="str">
            <v>noe-bidder@hibino.co.jp</v>
          </cell>
          <cell r="M1700" t="str">
            <v>ﾆﾎﾝｵﾝｷｮｳｴﾝｼﾞﾆｱﾘﾝｸﾞ</v>
          </cell>
          <cell r="N1700" t="str">
            <v>無</v>
          </cell>
          <cell r="O1700">
            <v>46</v>
          </cell>
          <cell r="P1700">
            <v>88</v>
          </cell>
          <cell r="Q1700">
            <v>5010601015011</v>
          </cell>
          <cell r="R1700">
            <v>30000</v>
          </cell>
          <cell r="S1700">
            <v>1155364</v>
          </cell>
          <cell r="T1700">
            <v>4775567</v>
          </cell>
          <cell r="V1700" t="str">
            <v>dj870558</v>
          </cell>
          <cell r="W1700" t="str">
            <v>fh560514</v>
          </cell>
          <cell r="Y1700" t="str">
            <v>騒音,</v>
          </cell>
          <cell r="Z1700" t="str">
            <v/>
          </cell>
          <cell r="AA1700" t="str">
            <v/>
          </cell>
          <cell r="AB1700" t="str">
            <v/>
          </cell>
          <cell r="AC1700" t="str">
            <v/>
          </cell>
          <cell r="AD1700">
            <v>118021</v>
          </cell>
          <cell r="AE1700" t="str">
            <v/>
          </cell>
          <cell r="AF1700" t="str">
            <v/>
          </cell>
          <cell r="AI1700">
            <v>5</v>
          </cell>
          <cell r="AJ1700" t="str">
            <v>調査</v>
          </cell>
        </row>
        <row r="1701">
          <cell r="B1701">
            <v>6021</v>
          </cell>
          <cell r="C1701" t="str">
            <v>日本交通技術(株)</v>
          </cell>
          <cell r="D1701" t="str">
            <v>06-6479-3520</v>
          </cell>
          <cell r="E1701" t="str">
            <v>550-0004</v>
          </cell>
          <cell r="F1701" t="str">
            <v>大阪府大阪市西区靱本町1-4-2</v>
          </cell>
          <cell r="H1701" t="str">
            <v>大阪支店</v>
          </cell>
          <cell r="I1701" t="str">
            <v>大阪支店長 栗原　潤</v>
          </cell>
          <cell r="J1701" t="str">
            <v>東京都</v>
          </cell>
          <cell r="K1701" t="str">
            <v>06-6479-3523</v>
          </cell>
          <cell r="L1701" t="str">
            <v>osaka-ec@jtc-con.co.jp</v>
          </cell>
          <cell r="M1701" t="str">
            <v>ﾆｯﾎﾟﾝｺｳﾂｳｷﾞｼﾞｭﾂ</v>
          </cell>
          <cell r="N1701" t="str">
            <v>有</v>
          </cell>
          <cell r="O1701">
            <v>60</v>
          </cell>
          <cell r="P1701">
            <v>127</v>
          </cell>
          <cell r="Q1701">
            <v>7010501018351</v>
          </cell>
          <cell r="R1701">
            <v>60000</v>
          </cell>
          <cell r="S1701">
            <v>1077872</v>
          </cell>
          <cell r="T1701">
            <v>2621357</v>
          </cell>
          <cell r="V1701" t="str">
            <v>xs899394</v>
          </cell>
          <cell r="W1701" t="str">
            <v>pj954744</v>
          </cell>
          <cell r="Y1701" t="str">
            <v>測量,土質,鋼構,道路,土他,騒音,</v>
          </cell>
          <cell r="Z1701">
            <v>18102</v>
          </cell>
          <cell r="AA1701">
            <v>88800</v>
          </cell>
          <cell r="AB1701">
            <v>2321816</v>
          </cell>
          <cell r="AC1701" t="str">
            <v/>
          </cell>
          <cell r="AD1701">
            <v>63147</v>
          </cell>
          <cell r="AE1701" t="str">
            <v/>
          </cell>
          <cell r="AF1701" t="str">
            <v/>
          </cell>
          <cell r="AI1701">
            <v>3</v>
          </cell>
          <cell r="AJ1701" t="str">
            <v>土木</v>
          </cell>
        </row>
        <row r="1702">
          <cell r="B1702">
            <v>6025</v>
          </cell>
          <cell r="C1702" t="str">
            <v>(株)日本環境工学設計事務所</v>
          </cell>
          <cell r="D1702" t="str">
            <v>03-3265-0551</v>
          </cell>
          <cell r="E1702" t="str">
            <v>101-0051</v>
          </cell>
          <cell r="F1702" t="str">
            <v>東京都千代田区神田神保町2-7-3</v>
          </cell>
          <cell r="H1702" t="str">
            <v/>
          </cell>
          <cell r="I1702" t="str">
            <v>代表取締役 岩脇　成彦</v>
          </cell>
          <cell r="J1702" t="str">
            <v>本店</v>
          </cell>
          <cell r="K1702" t="str">
            <v>03-3265-0550</v>
          </cell>
          <cell r="L1702" t="str">
            <v>tokyo@jeec.co.jp</v>
          </cell>
          <cell r="M1702" t="str">
            <v>ﾆﾎﾝｶﾝｷｮｳｺｳｶﾞｸｾｯｹｲｼﾞﾑｼｮ</v>
          </cell>
          <cell r="N1702" t="str">
            <v>無</v>
          </cell>
          <cell r="O1702">
            <v>45</v>
          </cell>
          <cell r="P1702">
            <v>12</v>
          </cell>
          <cell r="Q1702">
            <v>1010001032965</v>
          </cell>
          <cell r="R1702">
            <v>83500</v>
          </cell>
          <cell r="S1702">
            <v>51733</v>
          </cell>
          <cell r="T1702">
            <v>202209</v>
          </cell>
          <cell r="V1702" t="str">
            <v>gt244758</v>
          </cell>
          <cell r="W1702" t="str">
            <v>yz888552</v>
          </cell>
          <cell r="Y1702" t="str">
            <v>測量,建築,意匠,構造,冷暖,衛生,電気,建積,機積,電積,調査,施行,都市,環境,</v>
          </cell>
          <cell r="Z1702">
            <v>1257</v>
          </cell>
          <cell r="AA1702">
            <v>72957</v>
          </cell>
          <cell r="AB1702">
            <v>155964</v>
          </cell>
          <cell r="AC1702" t="str">
            <v/>
          </cell>
          <cell r="AD1702" t="str">
            <v/>
          </cell>
          <cell r="AE1702" t="str">
            <v/>
          </cell>
          <cell r="AF1702" t="str">
            <v/>
          </cell>
          <cell r="AI1702">
            <v>3</v>
          </cell>
          <cell r="AJ1702" t="str">
            <v>土木</v>
          </cell>
        </row>
        <row r="1703">
          <cell r="B1703">
            <v>6026</v>
          </cell>
          <cell r="C1703" t="str">
            <v>日本管財(株)</v>
          </cell>
          <cell r="D1703" t="str">
            <v>0798-35-2200</v>
          </cell>
          <cell r="E1703" t="str">
            <v>662‐8588</v>
          </cell>
          <cell r="F1703" t="str">
            <v>兵庫県西宮市六湛寺町9‐16</v>
          </cell>
          <cell r="G1703" t="str">
            <v>西宮市</v>
          </cell>
          <cell r="H1703" t="str">
            <v/>
          </cell>
          <cell r="I1703" t="str">
            <v>代表取締役社長 福田　慎太郎</v>
          </cell>
          <cell r="J1703" t="str">
            <v>本店</v>
          </cell>
          <cell r="K1703" t="str">
            <v>0798-35-2250</v>
          </cell>
          <cell r="L1703" t="str">
            <v>web_info@nkanzai.co.jp</v>
          </cell>
          <cell r="M1703" t="str">
            <v>ﾆﾎﾝｶﾝｻﾞｲ</v>
          </cell>
          <cell r="N1703" t="str">
            <v>無</v>
          </cell>
          <cell r="O1703">
            <v>40</v>
          </cell>
          <cell r="P1703">
            <v>4147</v>
          </cell>
          <cell r="Q1703">
            <v>9140001069797</v>
          </cell>
          <cell r="R1703">
            <v>3000000</v>
          </cell>
          <cell r="S1703">
            <v>32456894</v>
          </cell>
          <cell r="T1703">
            <v>58471408</v>
          </cell>
          <cell r="V1703" t="str">
            <v>ry948838</v>
          </cell>
          <cell r="W1703" t="str">
            <v>uf468430</v>
          </cell>
          <cell r="Y1703" t="str">
            <v>建築,意匠,構造,冷暖,衛生,電気,建積,機積,電積,調査,</v>
          </cell>
          <cell r="Z1703" t="str">
            <v/>
          </cell>
          <cell r="AA1703">
            <v>512358</v>
          </cell>
          <cell r="AB1703" t="str">
            <v/>
          </cell>
          <cell r="AC1703" t="str">
            <v/>
          </cell>
          <cell r="AD1703" t="str">
            <v/>
          </cell>
          <cell r="AE1703" t="str">
            <v/>
          </cell>
          <cell r="AF1703" t="str">
            <v/>
          </cell>
          <cell r="AI1703">
            <v>2</v>
          </cell>
          <cell r="AJ1703" t="str">
            <v>建築</v>
          </cell>
        </row>
        <row r="1704">
          <cell r="B1704">
            <v>6028</v>
          </cell>
          <cell r="C1704" t="str">
            <v>日本技術サービス(株)</v>
          </cell>
          <cell r="D1704" t="str">
            <v>078-841-4585</v>
          </cell>
          <cell r="E1704" t="str">
            <v>658-0052</v>
          </cell>
          <cell r="F1704" t="str">
            <v>兵庫県神戸市東灘区住吉東町3-11-2</v>
          </cell>
          <cell r="G1704" t="str">
            <v>神戸市</v>
          </cell>
          <cell r="H1704" t="str">
            <v/>
          </cell>
          <cell r="I1704" t="str">
            <v>代表取締役 内田　浩幸</v>
          </cell>
          <cell r="J1704" t="str">
            <v>本店</v>
          </cell>
          <cell r="K1704" t="str">
            <v>078-841-3647</v>
          </cell>
          <cell r="L1704" t="str">
            <v>denshi@nes-solution.co.jp</v>
          </cell>
          <cell r="M1704" t="str">
            <v>ﾆﾎﾝｷﾞｼﾞｭﾂｻｰﾋﾞｽ</v>
          </cell>
          <cell r="N1704" t="str">
            <v>無</v>
          </cell>
          <cell r="O1704">
            <v>38</v>
          </cell>
          <cell r="P1704">
            <v>40</v>
          </cell>
          <cell r="Q1704">
            <v>6140001002901</v>
          </cell>
          <cell r="R1704">
            <v>10000</v>
          </cell>
          <cell r="S1704">
            <v>145442</v>
          </cell>
          <cell r="T1704">
            <v>476226</v>
          </cell>
          <cell r="V1704" t="str">
            <v>qj325825</v>
          </cell>
          <cell r="W1704" t="str">
            <v>zs588823</v>
          </cell>
          <cell r="Y1704" t="str">
            <v>測量,測量,建築,土質,鋼構,河川,上水,下水,</v>
          </cell>
          <cell r="Z1704">
            <v>17013</v>
          </cell>
          <cell r="AA1704">
            <v>3050</v>
          </cell>
          <cell r="AB1704">
            <v>486497</v>
          </cell>
          <cell r="AC1704" t="str">
            <v/>
          </cell>
          <cell r="AD1704" t="str">
            <v/>
          </cell>
          <cell r="AE1704" t="str">
            <v/>
          </cell>
          <cell r="AF1704" t="str">
            <v/>
          </cell>
          <cell r="AI1704">
            <v>3</v>
          </cell>
          <cell r="AJ1704" t="str">
            <v>土木</v>
          </cell>
        </row>
        <row r="1705">
          <cell r="B1705">
            <v>6036</v>
          </cell>
          <cell r="C1705" t="str">
            <v>日本工営(株)</v>
          </cell>
          <cell r="D1705" t="str">
            <v>078-326-2703</v>
          </cell>
          <cell r="E1705" t="str">
            <v>650-0024</v>
          </cell>
          <cell r="F1705" t="str">
            <v>兵庫県神戸市中央区海岸通3番地</v>
          </cell>
          <cell r="H1705" t="str">
            <v>神戸事務所</v>
          </cell>
          <cell r="I1705" t="str">
            <v>所長 渡邊　俊幸</v>
          </cell>
          <cell r="J1705" t="str">
            <v>東京都</v>
          </cell>
          <cell r="K1705" t="str">
            <v>078-326-2704</v>
          </cell>
          <cell r="L1705" t="str">
            <v>hyogo@dx.n-koei.co.jp</v>
          </cell>
          <cell r="M1705" t="str">
            <v>ﾆﾎﾝｺｳｴｲ</v>
          </cell>
          <cell r="N1705" t="str">
            <v>有</v>
          </cell>
          <cell r="O1705">
            <v>72</v>
          </cell>
          <cell r="P1705">
            <v>2105</v>
          </cell>
          <cell r="Q1705">
            <v>2010001016851</v>
          </cell>
          <cell r="R1705">
            <v>7415290</v>
          </cell>
          <cell r="S1705">
            <v>53012798</v>
          </cell>
          <cell r="T1705">
            <v>61734176</v>
          </cell>
          <cell r="V1705" t="str">
            <v>ny919588</v>
          </cell>
          <cell r="W1705" t="str">
            <v>az798077</v>
          </cell>
          <cell r="Y1705" t="str">
            <v>測量,測量,航空,建築,意匠,構造,冷暖,衛生,電気,建積,機積,電積,調査,土質,鋼構,河川,道路,施行,建機,地質,造園,上水,下水,都市,スポ,環境,土他,土調,物件,機工,地質,水質,大気,騒音,交通,</v>
          </cell>
          <cell r="Z1705">
            <v>314808</v>
          </cell>
          <cell r="AA1705">
            <v>427667</v>
          </cell>
          <cell r="AB1705">
            <v>47911483</v>
          </cell>
          <cell r="AC1705">
            <v>20009</v>
          </cell>
          <cell r="AD1705" t="str">
            <v/>
          </cell>
          <cell r="AE1705" t="str">
            <v>地質調査業務</v>
          </cell>
          <cell r="AF1705">
            <v>1054804</v>
          </cell>
          <cell r="AI1705">
            <v>3</v>
          </cell>
          <cell r="AJ1705" t="str">
            <v>土木</v>
          </cell>
        </row>
        <row r="1706">
          <cell r="B1706">
            <v>6038</v>
          </cell>
          <cell r="C1706" t="str">
            <v>(株)日本構造橋梁研究所</v>
          </cell>
          <cell r="D1706" t="str">
            <v>06-7668-0081</v>
          </cell>
          <cell r="E1706" t="str">
            <v>532-0004</v>
          </cell>
          <cell r="F1706" t="str">
            <v>大阪府大阪市淀川区西宮原1-4-13</v>
          </cell>
          <cell r="H1706" t="str">
            <v>大阪支社</v>
          </cell>
          <cell r="I1706" t="str">
            <v>取締役執行役員支社長 木村　淳</v>
          </cell>
          <cell r="J1706" t="str">
            <v>東京都</v>
          </cell>
          <cell r="K1706" t="str">
            <v>06-7668-0082</v>
          </cell>
          <cell r="L1706" t="str">
            <v>jbsio-gyomu@jbsi.co.jp</v>
          </cell>
          <cell r="M1706" t="str">
            <v>ﾆﾎﾝｺｳｿﾞｳｷｮｳﾘｮｳｹﾝｷｭｳｼｮ</v>
          </cell>
          <cell r="N1706" t="str">
            <v>有</v>
          </cell>
          <cell r="O1706">
            <v>56</v>
          </cell>
          <cell r="P1706">
            <v>70</v>
          </cell>
          <cell r="Q1706">
            <v>4010001118043</v>
          </cell>
          <cell r="R1706">
            <v>80000</v>
          </cell>
          <cell r="S1706">
            <v>663896</v>
          </cell>
          <cell r="T1706">
            <v>1588819</v>
          </cell>
          <cell r="V1706" t="str">
            <v>ty606772</v>
          </cell>
          <cell r="W1706" t="str">
            <v>ua617074</v>
          </cell>
          <cell r="Y1706" t="str">
            <v>測量,土質,鋼構,道路,地質,</v>
          </cell>
          <cell r="Z1706">
            <v>1442</v>
          </cell>
          <cell r="AA1706" t="str">
            <v/>
          </cell>
          <cell r="AB1706">
            <v>1413445</v>
          </cell>
          <cell r="AC1706" t="str">
            <v/>
          </cell>
          <cell r="AD1706">
            <v>1500</v>
          </cell>
          <cell r="AE1706" t="str">
            <v/>
          </cell>
          <cell r="AF1706" t="str">
            <v/>
          </cell>
          <cell r="AI1706">
            <v>3</v>
          </cell>
          <cell r="AJ1706" t="str">
            <v>土木</v>
          </cell>
        </row>
        <row r="1707">
          <cell r="B1707">
            <v>6040</v>
          </cell>
          <cell r="C1707" t="str">
            <v>日本シビックコンサルタント(株)</v>
          </cell>
          <cell r="D1707" t="str">
            <v>078-389-5370</v>
          </cell>
          <cell r="E1707" t="str">
            <v>665-0803</v>
          </cell>
          <cell r="F1707" t="str">
            <v>兵庫県神戸市灘区山田町2-4-14 六甲ｱｲﾋﾞｨﾊｳｽ101号</v>
          </cell>
          <cell r="G1707" t="str">
            <v/>
          </cell>
          <cell r="H1707" t="str">
            <v>神戸営業所</v>
          </cell>
          <cell r="I1707" t="str">
            <v>所長 窪田　安晃</v>
          </cell>
          <cell r="J1707" t="str">
            <v>東京都</v>
          </cell>
          <cell r="K1707" t="str">
            <v>078-389-5371</v>
          </cell>
          <cell r="L1707" t="str">
            <v>ncc001@nccnet.co.jp</v>
          </cell>
          <cell r="M1707" t="str">
            <v>ﾆﾎﾝｼﾋﾞﾂｸｺﾝｻﾙﾀﾝﾄ</v>
          </cell>
          <cell r="N1707" t="str">
            <v>有</v>
          </cell>
          <cell r="O1707">
            <v>54</v>
          </cell>
          <cell r="P1707">
            <v>152</v>
          </cell>
          <cell r="Q1707">
            <v>1011501008075</v>
          </cell>
          <cell r="R1707">
            <v>100000</v>
          </cell>
          <cell r="S1707">
            <v>1515434</v>
          </cell>
          <cell r="T1707">
            <v>2177072</v>
          </cell>
          <cell r="V1707" t="str">
            <v>xf419476</v>
          </cell>
          <cell r="W1707" t="str">
            <v>fg269225</v>
          </cell>
          <cell r="Y1707" t="str">
            <v>測量,建築,土質,鋼構,河川,道路,施行,地質,上水,下水,都市,土他,地質,</v>
          </cell>
          <cell r="Z1707" t="str">
            <v/>
          </cell>
          <cell r="AA1707">
            <v>4150</v>
          </cell>
          <cell r="AB1707">
            <v>2072443</v>
          </cell>
          <cell r="AC1707" t="str">
            <v/>
          </cell>
          <cell r="AD1707" t="str">
            <v/>
          </cell>
          <cell r="AE1707" t="str">
            <v>地質調査業務</v>
          </cell>
          <cell r="AF1707">
            <v>12365</v>
          </cell>
          <cell r="AI1707">
            <v>3</v>
          </cell>
          <cell r="AJ1707" t="str">
            <v>土木</v>
          </cell>
        </row>
        <row r="1708">
          <cell r="B1708">
            <v>6041</v>
          </cell>
          <cell r="C1708" t="str">
            <v>(株)ＮＪＳ</v>
          </cell>
          <cell r="D1708" t="str">
            <v>078-389-5370</v>
          </cell>
          <cell r="E1708" t="str">
            <v>541-0056</v>
          </cell>
          <cell r="F1708" t="str">
            <v>大阪府大阪市中央区久太郎町4-1-3</v>
          </cell>
          <cell r="H1708" t="str">
            <v>大阪総合事務所</v>
          </cell>
          <cell r="I1708" t="str">
            <v>所長 栗原　清</v>
          </cell>
          <cell r="J1708" t="str">
            <v>東京都</v>
          </cell>
          <cell r="K1708" t="str">
            <v>06-7177-0186</v>
          </cell>
          <cell r="L1708" t="str">
            <v>osaka@njs.co.jp</v>
          </cell>
          <cell r="M1708" t="str">
            <v>ｴﾇｼﾞｪｰｴｽ</v>
          </cell>
          <cell r="N1708" t="str">
            <v>有</v>
          </cell>
          <cell r="O1708">
            <v>67</v>
          </cell>
          <cell r="P1708">
            <v>606</v>
          </cell>
          <cell r="Q1708">
            <v>6011101045308</v>
          </cell>
          <cell r="R1708">
            <v>520000</v>
          </cell>
          <cell r="S1708">
            <v>16527034</v>
          </cell>
          <cell r="T1708">
            <v>10182577</v>
          </cell>
          <cell r="V1708" t="str">
            <v>au614858</v>
          </cell>
          <cell r="W1708" t="str">
            <v>ne869652</v>
          </cell>
          <cell r="Y1708" t="str">
            <v>測量,建築,意匠,構造,冷暖,衛生,電気,建積,機積,電積,調査,土質,鋼構,河川,上水,下水,環境,土他,土調,地質,水質,大気,騒音,</v>
          </cell>
          <cell r="Z1708">
            <v>7000</v>
          </cell>
          <cell r="AA1708">
            <v>441856</v>
          </cell>
          <cell r="AB1708">
            <v>9861793</v>
          </cell>
          <cell r="AC1708">
            <v>2100</v>
          </cell>
          <cell r="AD1708">
            <v>8504</v>
          </cell>
          <cell r="AE1708" t="str">
            <v>その他</v>
          </cell>
          <cell r="AF1708">
            <v>388959</v>
          </cell>
          <cell r="AI1708">
            <v>3</v>
          </cell>
          <cell r="AJ1708" t="str">
            <v>土木</v>
          </cell>
        </row>
        <row r="1709">
          <cell r="B1709">
            <v>6042</v>
          </cell>
          <cell r="C1709" t="str">
            <v>日本振興(株)</v>
          </cell>
          <cell r="D1709" t="str">
            <v>079-280-1742</v>
          </cell>
          <cell r="E1709" t="str">
            <v>670-0953</v>
          </cell>
          <cell r="F1709" t="str">
            <v>兵庫県姫路市三条町1-31</v>
          </cell>
          <cell r="G1709" t="str">
            <v>泉南市</v>
          </cell>
          <cell r="H1709" t="str">
            <v>兵庫事務所</v>
          </cell>
          <cell r="I1709" t="str">
            <v>所長 坂本　政治</v>
          </cell>
          <cell r="J1709" t="str">
            <v>大阪府泉南市</v>
          </cell>
          <cell r="K1709" t="str">
            <v>079-280-1743</v>
          </cell>
          <cell r="L1709" t="str">
            <v>ns.oosaka@nihon-shinko.com</v>
          </cell>
          <cell r="M1709" t="str">
            <v>ﾆﾎﾝｼﾝｺｳ</v>
          </cell>
          <cell r="N1709" t="str">
            <v>有</v>
          </cell>
          <cell r="O1709">
            <v>41</v>
          </cell>
          <cell r="P1709">
            <v>920</v>
          </cell>
          <cell r="Q1709">
            <v>5120101044326</v>
          </cell>
          <cell r="R1709">
            <v>100000</v>
          </cell>
          <cell r="S1709">
            <v>3357868</v>
          </cell>
          <cell r="T1709">
            <v>11042433</v>
          </cell>
          <cell r="V1709" t="str">
            <v>pj874950</v>
          </cell>
          <cell r="W1709" t="str">
            <v>cp664918</v>
          </cell>
          <cell r="Y1709" t="str">
            <v>測量,建築,鋼構,河川,道路,施行,下水,土他,土調,土評,物件,機工,営業,損失,補償,地質,</v>
          </cell>
          <cell r="Z1709">
            <v>61782</v>
          </cell>
          <cell r="AA1709">
            <v>55356</v>
          </cell>
          <cell r="AB1709">
            <v>9934896</v>
          </cell>
          <cell r="AC1709">
            <v>822027</v>
          </cell>
          <cell r="AD1709">
            <v>11800</v>
          </cell>
          <cell r="AE1709" t="str">
            <v/>
          </cell>
          <cell r="AF1709" t="str">
            <v/>
          </cell>
          <cell r="AI1709">
            <v>3</v>
          </cell>
          <cell r="AJ1709" t="str">
            <v>土木</v>
          </cell>
        </row>
        <row r="1710">
          <cell r="B1710">
            <v>6045</v>
          </cell>
          <cell r="C1710" t="str">
            <v>日本水工設計(株)</v>
          </cell>
          <cell r="D1710" t="str">
            <v>078-242-7337</v>
          </cell>
          <cell r="E1710" t="str">
            <v>650-0002</v>
          </cell>
          <cell r="F1710" t="str">
            <v>兵庫県神戸市中央区北野町4‐9‐14</v>
          </cell>
          <cell r="H1710" t="str">
            <v>兵庫事務所</v>
          </cell>
          <cell r="I1710" t="str">
            <v>所長 植島　祐二</v>
          </cell>
          <cell r="J1710" t="str">
            <v>東京都</v>
          </cell>
          <cell r="K1710" t="str">
            <v>078-242-7338</v>
          </cell>
          <cell r="L1710" t="str">
            <v>osaka-sales@n-suiko.co.jp</v>
          </cell>
          <cell r="M1710" t="str">
            <v>ﾆﾎﾝｽｲｺｳｾｯｹｲ</v>
          </cell>
          <cell r="N1710" t="str">
            <v>有</v>
          </cell>
          <cell r="O1710">
            <v>50</v>
          </cell>
          <cell r="P1710">
            <v>402</v>
          </cell>
          <cell r="Q1710">
            <v>4010001062217</v>
          </cell>
          <cell r="R1710">
            <v>50000</v>
          </cell>
          <cell r="S1710">
            <v>7022469</v>
          </cell>
          <cell r="T1710">
            <v>9457366</v>
          </cell>
          <cell r="V1710" t="str">
            <v>nb332393</v>
          </cell>
          <cell r="W1710" t="str">
            <v>du624135</v>
          </cell>
          <cell r="Y1710" t="str">
            <v>測量,建築,意匠,構造,冷暖,衛生,電気,建積,機積,電積,調査,土質,鋼構,河川,施行,地質,上水,下水,都市,環境,地質,水質,大気,騒音,</v>
          </cell>
          <cell r="Z1710">
            <v>100079</v>
          </cell>
          <cell r="AA1710">
            <v>391633</v>
          </cell>
          <cell r="AB1710">
            <v>8343756</v>
          </cell>
          <cell r="AC1710" t="str">
            <v/>
          </cell>
          <cell r="AD1710" t="str">
            <v/>
          </cell>
          <cell r="AE1710" t="str">
            <v>地質調査</v>
          </cell>
          <cell r="AF1710">
            <v>96360</v>
          </cell>
          <cell r="AI1710">
            <v>3</v>
          </cell>
          <cell r="AJ1710" t="str">
            <v>土木</v>
          </cell>
        </row>
        <row r="1711">
          <cell r="B1711">
            <v>6047</v>
          </cell>
          <cell r="C1711" t="str">
            <v>(株)日本設計</v>
          </cell>
          <cell r="D1711" t="str">
            <v>050-3139-7400</v>
          </cell>
          <cell r="E1711" t="str">
            <v>541-0043</v>
          </cell>
          <cell r="F1711" t="str">
            <v>大阪府大阪市中央区高麗橋4-1-1</v>
          </cell>
          <cell r="H1711" t="str">
            <v>関西支社</v>
          </cell>
          <cell r="I1711" t="str">
            <v>執行役員支社長 伊藤　仁志</v>
          </cell>
          <cell r="J1711" t="str">
            <v>東京都</v>
          </cell>
          <cell r="K1711" t="str">
            <v>06-6202-2429</v>
          </cell>
          <cell r="L1711" t="str">
            <v>kansai-k@nihonsekkei.co.jp</v>
          </cell>
          <cell r="M1711" t="str">
            <v>ﾆﾎﾝｾｯｹｲ</v>
          </cell>
          <cell r="N1711" t="str">
            <v>有</v>
          </cell>
          <cell r="O1711">
            <v>51</v>
          </cell>
          <cell r="P1711">
            <v>944</v>
          </cell>
          <cell r="Q1711">
            <v>5011101036563</v>
          </cell>
          <cell r="R1711">
            <v>10000</v>
          </cell>
          <cell r="S1711">
            <v>6882515</v>
          </cell>
          <cell r="T1711">
            <v>19721576</v>
          </cell>
          <cell r="V1711" t="str">
            <v>by130665</v>
          </cell>
          <cell r="W1711" t="str">
            <v>vf279005</v>
          </cell>
          <cell r="Y1711" t="str">
            <v>建築,意匠,構造,冷暖,衛生,電気,建積,機積,電積,調査,造園,都市,</v>
          </cell>
          <cell r="Z1711" t="str">
            <v/>
          </cell>
          <cell r="AA1711">
            <v>15150225</v>
          </cell>
          <cell r="AB1711">
            <v>2040578</v>
          </cell>
          <cell r="AC1711" t="str">
            <v/>
          </cell>
          <cell r="AD1711" t="str">
            <v/>
          </cell>
          <cell r="AE1711" t="str">
            <v/>
          </cell>
          <cell r="AF1711" t="str">
            <v/>
          </cell>
          <cell r="AI1711">
            <v>2</v>
          </cell>
          <cell r="AJ1711" t="str">
            <v>建築</v>
          </cell>
        </row>
        <row r="1712">
          <cell r="B1712">
            <v>6048</v>
          </cell>
          <cell r="C1712" t="str">
            <v>(株)日本設備綜合研究所</v>
          </cell>
          <cell r="D1712" t="str">
            <v>078-252-1262</v>
          </cell>
          <cell r="E1712" t="str">
            <v>651-0094</v>
          </cell>
          <cell r="F1712" t="str">
            <v>兵庫県神戸市中央区琴ﾉ緒町5-5-29</v>
          </cell>
          <cell r="G1712" t="str">
            <v>大阪市</v>
          </cell>
          <cell r="H1712" t="str">
            <v>神戸支所</v>
          </cell>
          <cell r="I1712" t="str">
            <v>支所長 吉田　隆一</v>
          </cell>
          <cell r="J1712" t="str">
            <v>大阪府大阪市</v>
          </cell>
          <cell r="K1712" t="str">
            <v>078-252-1263</v>
          </cell>
          <cell r="L1712" t="str">
            <v>gyoumu@jegl.co.jp</v>
          </cell>
          <cell r="M1712" t="str">
            <v>ﾆﾎﾝｾﾂﾋﾞｿｳｺﾞｳｹﾝｷｭｳｼｮ</v>
          </cell>
          <cell r="N1712" t="str">
            <v>有</v>
          </cell>
          <cell r="O1712">
            <v>33</v>
          </cell>
          <cell r="P1712">
            <v>29</v>
          </cell>
          <cell r="Q1712">
            <v>6120001072871</v>
          </cell>
          <cell r="R1712">
            <v>50000</v>
          </cell>
          <cell r="S1712">
            <v>393332</v>
          </cell>
          <cell r="T1712">
            <v>328704</v>
          </cell>
          <cell r="V1712" t="str">
            <v>dz594084</v>
          </cell>
          <cell r="W1712" t="str">
            <v>jm425043</v>
          </cell>
          <cell r="Y1712" t="str">
            <v>冷暖,衛生,電気,機積,電積,</v>
          </cell>
          <cell r="Z1712" t="str">
            <v/>
          </cell>
          <cell r="AA1712">
            <v>325891</v>
          </cell>
          <cell r="AB1712" t="str">
            <v/>
          </cell>
          <cell r="AC1712" t="str">
            <v/>
          </cell>
          <cell r="AD1712" t="str">
            <v/>
          </cell>
          <cell r="AE1712" t="str">
            <v/>
          </cell>
          <cell r="AF1712" t="str">
            <v/>
          </cell>
          <cell r="AI1712">
            <v>2</v>
          </cell>
          <cell r="AJ1712" t="str">
            <v>建築</v>
          </cell>
        </row>
        <row r="1713">
          <cell r="B1713">
            <v>6050</v>
          </cell>
          <cell r="C1713" t="str">
            <v>(株)ＮＩＳＳＯ</v>
          </cell>
          <cell r="D1713" t="str">
            <v>078-382-0373</v>
          </cell>
          <cell r="E1713" t="str">
            <v>650-0011</v>
          </cell>
          <cell r="F1713" t="str">
            <v>兵庫県神戸市中央区下山手通5-7-15</v>
          </cell>
          <cell r="H1713" t="str">
            <v>神戸営業所</v>
          </cell>
          <cell r="I1713" t="str">
            <v>所長 八田　忠伸</v>
          </cell>
          <cell r="J1713" t="str">
            <v>東京都</v>
          </cell>
          <cell r="K1713" t="str">
            <v>078-382-0375</v>
          </cell>
          <cell r="L1713" t="str">
            <v>eigyou@nisso-hk.co.jp</v>
          </cell>
          <cell r="M1713" t="str">
            <v>ﾆｯｿｰ</v>
          </cell>
          <cell r="N1713" t="str">
            <v>有</v>
          </cell>
          <cell r="O1713">
            <v>53</v>
          </cell>
          <cell r="P1713">
            <v>44</v>
          </cell>
          <cell r="Q1713">
            <v>8010001033362</v>
          </cell>
          <cell r="R1713">
            <v>28000</v>
          </cell>
          <cell r="S1713">
            <v>973694</v>
          </cell>
          <cell r="T1713">
            <v>926155</v>
          </cell>
          <cell r="V1713" t="str">
            <v>by821569</v>
          </cell>
          <cell r="W1713" t="str">
            <v>qv465676</v>
          </cell>
          <cell r="Y1713" t="str">
            <v>土調,土評,物件,機工,営業,損失,補償,鑑定,</v>
          </cell>
          <cell r="Z1713">
            <v>19899</v>
          </cell>
          <cell r="AA1713" t="str">
            <v/>
          </cell>
          <cell r="AB1713" t="str">
            <v/>
          </cell>
          <cell r="AC1713">
            <v>903776</v>
          </cell>
          <cell r="AD1713" t="str">
            <v/>
          </cell>
          <cell r="AE1713" t="str">
            <v/>
          </cell>
          <cell r="AF1713" t="str">
            <v/>
          </cell>
          <cell r="AI1713">
            <v>4</v>
          </cell>
          <cell r="AJ1713" t="str">
            <v>補償</v>
          </cell>
        </row>
        <row r="1714">
          <cell r="B1714">
            <v>6052</v>
          </cell>
          <cell r="C1714" t="str">
            <v>日本測地設計(株)</v>
          </cell>
          <cell r="D1714" t="str">
            <v>078-981-9425</v>
          </cell>
          <cell r="E1714" t="str">
            <v>651-1302</v>
          </cell>
          <cell r="F1714" t="str">
            <v>兵庫県神戸市北区藤原台中町6-12-16</v>
          </cell>
          <cell r="H1714" t="str">
            <v>神戸営業所</v>
          </cell>
          <cell r="I1714" t="str">
            <v>所長 川口　孝臣</v>
          </cell>
          <cell r="J1714" t="str">
            <v>東京都</v>
          </cell>
          <cell r="K1714" t="str">
            <v>078-907-6629</v>
          </cell>
          <cell r="L1714" t="str">
            <v>k-eigyo@nss-kk.co.jp</v>
          </cell>
          <cell r="M1714" t="str">
            <v>ﾆﾎﾝｿｸﾁｾｯｹｲ</v>
          </cell>
          <cell r="N1714" t="str">
            <v>有</v>
          </cell>
          <cell r="O1714">
            <v>48</v>
          </cell>
          <cell r="P1714">
            <v>191</v>
          </cell>
          <cell r="Q1714">
            <v>2010901009013</v>
          </cell>
          <cell r="R1714">
            <v>45000</v>
          </cell>
          <cell r="S1714">
            <v>1974660</v>
          </cell>
          <cell r="T1714">
            <v>2520118</v>
          </cell>
          <cell r="V1714" t="str">
            <v>cm520764</v>
          </cell>
          <cell r="W1714" t="str">
            <v>xh939026</v>
          </cell>
          <cell r="Y1714" t="str">
            <v>測量,測量,航空,土質,河川,道路,施行,地質,造園,上水,下水,都市,土調,物件,機工,営業,損失,補償,交通,</v>
          </cell>
          <cell r="Z1714">
            <v>396245</v>
          </cell>
          <cell r="AA1714" t="str">
            <v/>
          </cell>
          <cell r="AB1714">
            <v>1831087</v>
          </cell>
          <cell r="AC1714">
            <v>281666</v>
          </cell>
          <cell r="AD1714" t="str">
            <v/>
          </cell>
          <cell r="AE1714" t="str">
            <v/>
          </cell>
          <cell r="AF1714" t="str">
            <v/>
          </cell>
          <cell r="AI1714">
            <v>3</v>
          </cell>
          <cell r="AJ1714" t="str">
            <v>土木</v>
          </cell>
        </row>
        <row r="1715">
          <cell r="B1715">
            <v>6053</v>
          </cell>
          <cell r="C1715" t="str">
            <v>(一社)日本駐車場工学研究会</v>
          </cell>
          <cell r="D1715" t="str">
            <v>03-3591-7165</v>
          </cell>
          <cell r="E1715" t="str">
            <v>105-0003</v>
          </cell>
          <cell r="F1715" t="str">
            <v>東京都港区西新橋2-8-1</v>
          </cell>
          <cell r="G1715" t="str">
            <v/>
          </cell>
          <cell r="H1715" t="str">
            <v/>
          </cell>
          <cell r="I1715" t="str">
            <v>代表理事　 一瀬　哲雄</v>
          </cell>
          <cell r="J1715" t="str">
            <v>本店</v>
          </cell>
          <cell r="K1715" t="str">
            <v>03-3591-7166</v>
          </cell>
          <cell r="L1715" t="str">
            <v>honbu@p-kogaku.or.jp</v>
          </cell>
          <cell r="M1715" t="str">
            <v>ﾆﾎﾝﾁﾕｳｼﾔｼﾞﾖｳｺｳｶﾞｸｹﾝｷﾕｳｶｲ</v>
          </cell>
          <cell r="N1715" t="str">
            <v>無</v>
          </cell>
          <cell r="O1715">
            <v>58</v>
          </cell>
          <cell r="P1715">
            <v>96</v>
          </cell>
          <cell r="Q1715">
            <v>7010405001081</v>
          </cell>
          <cell r="R1715">
            <v>0</v>
          </cell>
          <cell r="S1715">
            <v>134238</v>
          </cell>
          <cell r="T1715">
            <v>170117</v>
          </cell>
          <cell r="V1715" t="str">
            <v>dd956929</v>
          </cell>
          <cell r="W1715" t="str">
            <v>ht999824</v>
          </cell>
          <cell r="Y1715" t="str">
            <v>建築,意匠,構造,冷暖,衛生,電気,建積,機積,電積,調査,土質,鋼構,道路,施行,地質,造園,上水,下水,都市,スポ,環境,土他,交通,</v>
          </cell>
          <cell r="Z1715" t="str">
            <v/>
          </cell>
          <cell r="AA1715">
            <v>80645</v>
          </cell>
          <cell r="AB1715">
            <v>15759</v>
          </cell>
          <cell r="AC1715" t="str">
            <v/>
          </cell>
          <cell r="AD1715" t="str">
            <v/>
          </cell>
          <cell r="AE1715" t="str">
            <v>駐車場・駐輪場の維持管理業務</v>
          </cell>
          <cell r="AF1715">
            <v>1646036</v>
          </cell>
          <cell r="AI1715">
            <v>2</v>
          </cell>
          <cell r="AJ1715" t="str">
            <v>建築</v>
          </cell>
        </row>
        <row r="1716">
          <cell r="B1716">
            <v>6057</v>
          </cell>
          <cell r="C1716" t="str">
            <v>(株)ウォーターエージェンシー</v>
          </cell>
          <cell r="D1716" t="str">
            <v>06-6386-9701</v>
          </cell>
          <cell r="E1716" t="str">
            <v>564-0052</v>
          </cell>
          <cell r="F1716" t="str">
            <v>大阪府吹田市広芝町10-28</v>
          </cell>
          <cell r="H1716" t="str">
            <v>大阪営業所</v>
          </cell>
          <cell r="I1716" t="str">
            <v>営業所長 深水　正孝</v>
          </cell>
          <cell r="J1716" t="str">
            <v>東京都</v>
          </cell>
          <cell r="K1716" t="str">
            <v>06-6386-9703</v>
          </cell>
          <cell r="L1716" t="str">
            <v>osaka@water-agency.com</v>
          </cell>
          <cell r="M1716" t="str">
            <v>ｳｫｰﾀｰｴｰｼﾞｪﾝｼｰ</v>
          </cell>
          <cell r="N1716" t="str">
            <v>有</v>
          </cell>
          <cell r="O1716">
            <v>61</v>
          </cell>
          <cell r="P1716">
            <v>2910</v>
          </cell>
          <cell r="Q1716">
            <v>5011101016763</v>
          </cell>
          <cell r="R1716">
            <v>200000</v>
          </cell>
          <cell r="S1716">
            <v>1687116</v>
          </cell>
          <cell r="T1716">
            <v>57727584</v>
          </cell>
          <cell r="V1716" t="str">
            <v>na868607</v>
          </cell>
          <cell r="W1716" t="str">
            <v>pn193379</v>
          </cell>
          <cell r="Y1716" t="str">
            <v>上水,下水,</v>
          </cell>
          <cell r="Z1716" t="str">
            <v/>
          </cell>
          <cell r="AA1716" t="str">
            <v/>
          </cell>
          <cell r="AB1716">
            <v>77870</v>
          </cell>
          <cell r="AC1716" t="str">
            <v/>
          </cell>
          <cell r="AD1716" t="str">
            <v/>
          </cell>
          <cell r="AE1716" t="str">
            <v/>
          </cell>
          <cell r="AF1716" t="str">
            <v/>
          </cell>
          <cell r="AI1716">
            <v>3</v>
          </cell>
          <cell r="AJ1716" t="str">
            <v>土木</v>
          </cell>
        </row>
        <row r="1717">
          <cell r="B1717">
            <v>6058</v>
          </cell>
          <cell r="C1717" t="str">
            <v>日本メンテナスエンジニヤリング(株)</v>
          </cell>
          <cell r="D1717" t="str">
            <v>078-335-1280</v>
          </cell>
          <cell r="E1717" t="str">
            <v>541-0042</v>
          </cell>
          <cell r="F1717" t="str">
            <v>兵庫県神戸市中央区下山手通4丁目15番1号</v>
          </cell>
          <cell r="G1717" t="str">
            <v>神戸市</v>
          </cell>
          <cell r="H1717" t="str">
            <v>神戸支店</v>
          </cell>
          <cell r="I1717" t="str">
            <v>支店長　 堀江　卓司</v>
          </cell>
          <cell r="J1717" t="str">
            <v>大阪府大阪市</v>
          </cell>
          <cell r="K1717" t="str">
            <v>078-335-1281</v>
          </cell>
          <cell r="L1717" t="str">
            <v>kobe@jme-net.co.jp</v>
          </cell>
          <cell r="M1717" t="str">
            <v>ﾆﾎﾝﾒﾝﾃﾅｽｴﾝｼﾞﾆﾔﾘﾝｸﾞ</v>
          </cell>
          <cell r="N1717" t="str">
            <v>有</v>
          </cell>
          <cell r="O1717">
            <v>50</v>
          </cell>
          <cell r="P1717">
            <v>1202</v>
          </cell>
          <cell r="Q1717">
            <v>5120000000000</v>
          </cell>
          <cell r="R1717">
            <v>60000</v>
          </cell>
          <cell r="S1717">
            <v>5111083</v>
          </cell>
          <cell r="T1717">
            <v>10875004</v>
          </cell>
          <cell r="V1717" t="str">
            <v>ee591165</v>
          </cell>
          <cell r="W1717" t="str">
            <v>uh628029</v>
          </cell>
          <cell r="Y1717" t="str">
            <v>上水,下水,水質,大気,</v>
          </cell>
          <cell r="Z1717" t="str">
            <v/>
          </cell>
          <cell r="AA1717" t="str">
            <v/>
          </cell>
          <cell r="AB1717">
            <v>298559</v>
          </cell>
          <cell r="AC1717" t="str">
            <v/>
          </cell>
          <cell r="AD1717">
            <v>247724</v>
          </cell>
          <cell r="AE1717" t="str">
            <v/>
          </cell>
          <cell r="AF1717" t="str">
            <v/>
          </cell>
          <cell r="AI1717">
            <v>3</v>
          </cell>
          <cell r="AJ1717" t="str">
            <v>土木</v>
          </cell>
        </row>
        <row r="1718">
          <cell r="B1718">
            <v>6065</v>
          </cell>
          <cell r="C1718" t="str">
            <v>(株)ニュージェック</v>
          </cell>
          <cell r="D1718" t="str">
            <v>078-232-7401</v>
          </cell>
          <cell r="E1718" t="str">
            <v>651-0097</v>
          </cell>
          <cell r="F1718" t="str">
            <v>兵庫県神戸市中央区布引町2-1-7</v>
          </cell>
          <cell r="G1718" t="str">
            <v>大阪市</v>
          </cell>
          <cell r="H1718" t="str">
            <v>兵庫事務所</v>
          </cell>
          <cell r="I1718" t="str">
            <v>所長 澁谷　浩司</v>
          </cell>
          <cell r="J1718" t="str">
            <v>大阪府大阪市</v>
          </cell>
          <cell r="K1718" t="str">
            <v>078-232-7419</v>
          </cell>
          <cell r="L1718" t="str">
            <v>hyogo@newjec.co.jp</v>
          </cell>
          <cell r="M1718" t="str">
            <v>ﾆｭｰｼﾞｪｯｸ</v>
          </cell>
          <cell r="N1718" t="str">
            <v>有</v>
          </cell>
          <cell r="O1718">
            <v>54</v>
          </cell>
          <cell r="P1718">
            <v>614</v>
          </cell>
          <cell r="Q1718">
            <v>2120001086883</v>
          </cell>
          <cell r="R1718">
            <v>200000</v>
          </cell>
          <cell r="S1718">
            <v>7315341</v>
          </cell>
          <cell r="T1718">
            <v>16812874</v>
          </cell>
          <cell r="V1718" t="str">
            <v>jj379573</v>
          </cell>
          <cell r="W1718" t="str">
            <v>ej937026</v>
          </cell>
          <cell r="Y1718" t="str">
            <v>測量,測量,建築,意匠,構造,冷暖,衛生,電気,調査,土質,鋼構,河川,道路,施行,建機,地質,造園,上水,下水,都市,スポ,環境,土他,地質,水質,大気,騒音,交通,調他</v>
          </cell>
          <cell r="Z1718">
            <v>6350</v>
          </cell>
          <cell r="AA1718">
            <v>1375566</v>
          </cell>
          <cell r="AB1718">
            <v>14430617</v>
          </cell>
          <cell r="AC1718" t="str">
            <v/>
          </cell>
          <cell r="AD1718">
            <v>147880</v>
          </cell>
          <cell r="AE1718" t="str">
            <v>その他</v>
          </cell>
          <cell r="AF1718">
            <v>252545</v>
          </cell>
          <cell r="AI1718">
            <v>3</v>
          </cell>
          <cell r="AJ1718" t="str">
            <v>土木</v>
          </cell>
        </row>
        <row r="1719">
          <cell r="B1719">
            <v>6067</v>
          </cell>
          <cell r="C1719" t="str">
            <v>(株)日環サービス</v>
          </cell>
          <cell r="D1719" t="str">
            <v>072-653-2061</v>
          </cell>
          <cell r="E1719" t="str">
            <v>566-0052</v>
          </cell>
          <cell r="F1719" t="str">
            <v>大阪府摂津市鳥飼本町2-11-24</v>
          </cell>
          <cell r="G1719" t="str">
            <v>摂津市</v>
          </cell>
          <cell r="H1719" t="str">
            <v/>
          </cell>
          <cell r="I1719" t="str">
            <v>代表取締役 原口　素広</v>
          </cell>
          <cell r="J1719" t="str">
            <v>本店</v>
          </cell>
          <cell r="K1719" t="str">
            <v>072-653-3401</v>
          </cell>
          <cell r="L1719" t="str">
            <v>osumi@nikkanservice.co.jp</v>
          </cell>
          <cell r="M1719" t="str">
            <v>ﾆｯｶﾝｻｰﾋﾞｽ</v>
          </cell>
          <cell r="N1719" t="str">
            <v>無</v>
          </cell>
          <cell r="O1719">
            <v>31</v>
          </cell>
          <cell r="P1719">
            <v>20</v>
          </cell>
          <cell r="Q1719">
            <v>4120901009867</v>
          </cell>
          <cell r="R1719">
            <v>10000</v>
          </cell>
          <cell r="S1719">
            <v>137171</v>
          </cell>
          <cell r="T1719">
            <v>245903</v>
          </cell>
          <cell r="V1719" t="str">
            <v>pa596728</v>
          </cell>
          <cell r="W1719" t="str">
            <v>xs237770</v>
          </cell>
          <cell r="Y1719" t="str">
            <v>水質,大気,騒音,調他</v>
          </cell>
          <cell r="Z1719" t="str">
            <v/>
          </cell>
          <cell r="AA1719" t="str">
            <v/>
          </cell>
          <cell r="AB1719" t="str">
            <v/>
          </cell>
          <cell r="AC1719" t="str">
            <v/>
          </cell>
          <cell r="AD1719">
            <v>243517</v>
          </cell>
          <cell r="AE1719" t="str">
            <v/>
          </cell>
          <cell r="AF1719" t="str">
            <v/>
          </cell>
          <cell r="AI1719">
            <v>5</v>
          </cell>
          <cell r="AJ1719" t="str">
            <v>調査</v>
          </cell>
        </row>
        <row r="1720">
          <cell r="B1720">
            <v>6068</v>
          </cell>
          <cell r="C1720" t="str">
            <v>ニチレキ株式会社</v>
          </cell>
          <cell r="D1720" t="str">
            <v>079-235-5051</v>
          </cell>
          <cell r="E1720" t="str">
            <v>672-8035</v>
          </cell>
          <cell r="F1720" t="str">
            <v>兵庫県姫路市飾磨区中島3059-1</v>
          </cell>
          <cell r="G1720" t="str">
            <v/>
          </cell>
          <cell r="H1720" t="str">
            <v>兵庫営業所</v>
          </cell>
          <cell r="I1720" t="str">
            <v>所長　 山川　和也</v>
          </cell>
          <cell r="J1720" t="str">
            <v>東京都</v>
          </cell>
          <cell r="K1720" t="str">
            <v>079-235-5053</v>
          </cell>
          <cell r="L1720" t="str">
            <v/>
          </cell>
          <cell r="M1720" t="str">
            <v>ﾆﾁﾚｷ</v>
          </cell>
          <cell r="N1720" t="str">
            <v>有</v>
          </cell>
          <cell r="O1720">
            <v>69</v>
          </cell>
          <cell r="P1720">
            <v>383</v>
          </cell>
          <cell r="Q1720">
            <v>7010001008737</v>
          </cell>
          <cell r="R1720">
            <v>2919681</v>
          </cell>
          <cell r="S1720">
            <v>50811000</v>
          </cell>
          <cell r="T1720">
            <v>60570000</v>
          </cell>
          <cell r="V1720" t="str">
            <v>cc678708</v>
          </cell>
          <cell r="W1720" t="str">
            <v>tj112397</v>
          </cell>
          <cell r="Y1720" t="str">
            <v>測量,道路,</v>
          </cell>
          <cell r="Z1720">
            <v>492924</v>
          </cell>
          <cell r="AA1720" t="str">
            <v/>
          </cell>
          <cell r="AB1720">
            <v>1320787</v>
          </cell>
          <cell r="AC1720" t="str">
            <v/>
          </cell>
          <cell r="AD1720" t="str">
            <v/>
          </cell>
          <cell r="AE1720" t="str">
            <v/>
          </cell>
          <cell r="AF1720" t="str">
            <v/>
          </cell>
          <cell r="AI1720">
            <v>3</v>
          </cell>
          <cell r="AJ1720" t="str">
            <v>土木</v>
          </cell>
        </row>
        <row r="1721">
          <cell r="B1721">
            <v>6069</v>
          </cell>
          <cell r="C1721" t="str">
            <v>(株)日展</v>
          </cell>
          <cell r="D1721" t="str">
            <v>06-6362-2210</v>
          </cell>
          <cell r="E1721" t="str">
            <v>530-0028</v>
          </cell>
          <cell r="F1721" t="str">
            <v>大阪府大阪市北区万歳町3-7</v>
          </cell>
          <cell r="G1721" t="str">
            <v>大阪市</v>
          </cell>
          <cell r="H1721" t="str">
            <v/>
          </cell>
          <cell r="I1721" t="str">
            <v>代表取締役 田加井　徹</v>
          </cell>
          <cell r="J1721" t="str">
            <v>本店</v>
          </cell>
          <cell r="K1721" t="str">
            <v>06-6362-6030</v>
          </cell>
          <cell r="L1721" t="str">
            <v>osaka@nitten.com</v>
          </cell>
          <cell r="M1721" t="str">
            <v>ﾆｯﾃﾝ</v>
          </cell>
          <cell r="N1721" t="str">
            <v>無</v>
          </cell>
          <cell r="O1721">
            <v>51</v>
          </cell>
          <cell r="P1721">
            <v>140</v>
          </cell>
          <cell r="Q1721">
            <v>6120001068606</v>
          </cell>
          <cell r="R1721">
            <v>495000</v>
          </cell>
          <cell r="S1721">
            <v>2114854</v>
          </cell>
          <cell r="T1721">
            <v>6480185</v>
          </cell>
          <cell r="V1721" t="str">
            <v>hm606218</v>
          </cell>
          <cell r="W1721" t="str">
            <v>tm176891</v>
          </cell>
          <cell r="Y1721" t="str">
            <v>建築,意匠,</v>
          </cell>
          <cell r="Z1721" t="str">
            <v/>
          </cell>
          <cell r="AA1721">
            <v>169016</v>
          </cell>
          <cell r="AB1721" t="str">
            <v/>
          </cell>
          <cell r="AC1721" t="str">
            <v/>
          </cell>
          <cell r="AD1721" t="str">
            <v/>
          </cell>
          <cell r="AE1721" t="str">
            <v/>
          </cell>
          <cell r="AF1721" t="str">
            <v/>
          </cell>
          <cell r="AI1721">
            <v>2</v>
          </cell>
          <cell r="AJ1721" t="str">
            <v>建築</v>
          </cell>
        </row>
        <row r="1722">
          <cell r="B1722">
            <v>6072</v>
          </cell>
          <cell r="C1722" t="str">
            <v>日本環境分析センター(株)</v>
          </cell>
          <cell r="D1722" t="str">
            <v>06-6380-6660</v>
          </cell>
          <cell r="E1722" t="str">
            <v>566-0001</v>
          </cell>
          <cell r="F1722" t="str">
            <v>大阪府摂津市千里丘5-16-21</v>
          </cell>
          <cell r="G1722" t="str">
            <v>摂津市</v>
          </cell>
          <cell r="H1722" t="str">
            <v/>
          </cell>
          <cell r="I1722" t="str">
            <v>代表取締役 中元　章博</v>
          </cell>
          <cell r="J1722" t="str">
            <v>本店</v>
          </cell>
          <cell r="K1722" t="str">
            <v>06-6380-6290</v>
          </cell>
          <cell r="L1722" t="str">
            <v>info@j-kan.co.jp</v>
          </cell>
          <cell r="M1722" t="str">
            <v>ﾆﾎﾝｶﾝｷｮｳﾌﾞﾝｾｷｾﾝﾀｰ</v>
          </cell>
          <cell r="N1722" t="str">
            <v>無</v>
          </cell>
          <cell r="O1722">
            <v>23</v>
          </cell>
          <cell r="P1722">
            <v>20</v>
          </cell>
          <cell r="Q1722">
            <v>3120901007847</v>
          </cell>
          <cell r="R1722">
            <v>10000</v>
          </cell>
          <cell r="S1722">
            <v>288183</v>
          </cell>
          <cell r="T1722">
            <v>466622</v>
          </cell>
          <cell r="V1722" t="str">
            <v>hy509550</v>
          </cell>
          <cell r="W1722" t="str">
            <v>za693299</v>
          </cell>
          <cell r="Y1722" t="str">
            <v>水質,大気,騒音,交通,調他</v>
          </cell>
          <cell r="Z1722" t="str">
            <v/>
          </cell>
          <cell r="AA1722" t="str">
            <v/>
          </cell>
          <cell r="AB1722" t="str">
            <v/>
          </cell>
          <cell r="AC1722" t="str">
            <v/>
          </cell>
          <cell r="AD1722">
            <v>466622</v>
          </cell>
          <cell r="AE1722" t="str">
            <v/>
          </cell>
          <cell r="AF1722" t="str">
            <v/>
          </cell>
          <cell r="AI1722">
            <v>5</v>
          </cell>
          <cell r="AJ1722" t="str">
            <v>調査</v>
          </cell>
        </row>
        <row r="1723">
          <cell r="B1723">
            <v>6073</v>
          </cell>
          <cell r="C1723" t="str">
            <v>(一財)日本環境衛生センター</v>
          </cell>
          <cell r="D1723" t="str">
            <v>044-288-4896</v>
          </cell>
          <cell r="E1723" t="str">
            <v>210-0828</v>
          </cell>
          <cell r="F1723" t="str">
            <v>神奈川県川崎市川崎区四谷上町10‐6</v>
          </cell>
          <cell r="G1723" t="str">
            <v>川崎市</v>
          </cell>
          <cell r="H1723" t="str">
            <v/>
          </cell>
          <cell r="I1723" t="str">
            <v>理事長 南川　秀樹</v>
          </cell>
          <cell r="J1723" t="str">
            <v>本店</v>
          </cell>
          <cell r="K1723" t="str">
            <v>044-299-2294</v>
          </cell>
          <cell r="L1723" t="str">
            <v>somu2@jesc.or.jp</v>
          </cell>
          <cell r="M1723" t="str">
            <v>ﾆﾎﾝｶﾝｷｮｳｴｲｾｲｾﾝﾀｰ</v>
          </cell>
          <cell r="N1723" t="str">
            <v>無</v>
          </cell>
          <cell r="O1723">
            <v>64</v>
          </cell>
          <cell r="P1723">
            <v>198</v>
          </cell>
          <cell r="Q1723">
            <v>2020005010230</v>
          </cell>
          <cell r="R1723">
            <v>300000</v>
          </cell>
          <cell r="S1723">
            <v>3949876</v>
          </cell>
          <cell r="T1723">
            <v>3485598</v>
          </cell>
          <cell r="V1723" t="str">
            <v>tu477939</v>
          </cell>
          <cell r="W1723" t="str">
            <v>qz445176</v>
          </cell>
          <cell r="Y1723" t="str">
            <v>地質,環境,土他,</v>
          </cell>
          <cell r="Z1723" t="str">
            <v/>
          </cell>
          <cell r="AA1723" t="str">
            <v/>
          </cell>
          <cell r="AB1723">
            <v>2061040</v>
          </cell>
          <cell r="AC1723" t="str">
            <v/>
          </cell>
          <cell r="AD1723" t="str">
            <v/>
          </cell>
          <cell r="AE1723" t="str">
            <v/>
          </cell>
          <cell r="AF1723" t="str">
            <v/>
          </cell>
          <cell r="AI1723">
            <v>3</v>
          </cell>
          <cell r="AJ1723" t="str">
            <v>土木</v>
          </cell>
        </row>
        <row r="1724">
          <cell r="B1724">
            <v>6074</v>
          </cell>
          <cell r="C1724" t="str">
            <v>(株)日建設計総合研究所</v>
          </cell>
          <cell r="D1724" t="str">
            <v>06-6226-0609</v>
          </cell>
          <cell r="E1724" t="str">
            <v>541-0042</v>
          </cell>
          <cell r="F1724" t="str">
            <v>大阪府大阪市中央区今橋四丁目3番18号</v>
          </cell>
          <cell r="H1724" t="str">
            <v>大阪オフィス</v>
          </cell>
          <cell r="I1724" t="str">
            <v>所長 朝倉　博樹</v>
          </cell>
          <cell r="J1724" t="str">
            <v>東京都</v>
          </cell>
          <cell r="K1724" t="str">
            <v>06-6226-0610</v>
          </cell>
          <cell r="L1724" t="str">
            <v>nsri-shimei@nikken.jp</v>
          </cell>
          <cell r="M1724" t="str">
            <v>ﾆｯｹﾝｾｯｹｲｿｳｺﾞｳｹﾝｷｭｳｼｮ</v>
          </cell>
          <cell r="N1724" t="str">
            <v>有</v>
          </cell>
          <cell r="O1724">
            <v>47</v>
          </cell>
          <cell r="P1724">
            <v>71</v>
          </cell>
          <cell r="Q1724">
            <v>7010001007490</v>
          </cell>
          <cell r="R1724">
            <v>100000</v>
          </cell>
          <cell r="S1724">
            <v>802237</v>
          </cell>
          <cell r="T1724">
            <v>1725440</v>
          </cell>
          <cell r="V1724" t="str">
            <v>sd718025</v>
          </cell>
          <cell r="W1724" t="str">
            <v>jj588260</v>
          </cell>
          <cell r="Y1724" t="str">
            <v>調査,河川,道路,都市,土他,交通,商業,調他</v>
          </cell>
          <cell r="Z1724" t="str">
            <v/>
          </cell>
          <cell r="AA1724">
            <v>681620</v>
          </cell>
          <cell r="AB1724">
            <v>907614</v>
          </cell>
          <cell r="AC1724" t="str">
            <v/>
          </cell>
          <cell r="AD1724">
            <v>112376</v>
          </cell>
          <cell r="AE1724" t="str">
            <v>市場調査</v>
          </cell>
          <cell r="AF1724">
            <v>23830</v>
          </cell>
          <cell r="AI1724">
            <v>3</v>
          </cell>
          <cell r="AJ1724" t="str">
            <v>土木</v>
          </cell>
        </row>
        <row r="1725">
          <cell r="B1725">
            <v>6077</v>
          </cell>
          <cell r="C1725" t="str">
            <v>日本基礎技術(株)</v>
          </cell>
          <cell r="D1725" t="str">
            <v>078-325-5675</v>
          </cell>
          <cell r="E1725" t="str">
            <v>650-0024</v>
          </cell>
          <cell r="F1725" t="str">
            <v>兵庫県神戸市中央区海岸通2-2-3</v>
          </cell>
          <cell r="G1725" t="str">
            <v>大阪市</v>
          </cell>
          <cell r="H1725" t="str">
            <v>神戸営業所</v>
          </cell>
          <cell r="I1725" t="str">
            <v>所長 山家　英之</v>
          </cell>
          <cell r="J1725" t="str">
            <v>大阪府大阪市</v>
          </cell>
          <cell r="K1725" t="str">
            <v>078-325-5676</v>
          </cell>
          <cell r="L1725" t="str">
            <v>nyuusatue043@jafec.co.jp</v>
          </cell>
          <cell r="M1725" t="str">
            <v>ﾆﾎﾝｷｿｷﾞｼﾞｭﾂ</v>
          </cell>
          <cell r="N1725" t="str">
            <v>有</v>
          </cell>
          <cell r="O1725">
            <v>64</v>
          </cell>
          <cell r="P1725">
            <v>335</v>
          </cell>
          <cell r="Q1725">
            <v>9120001072753</v>
          </cell>
          <cell r="R1725">
            <v>5907978</v>
          </cell>
          <cell r="S1725">
            <v>22898975</v>
          </cell>
          <cell r="T1725">
            <v>22698917</v>
          </cell>
          <cell r="V1725" t="str">
            <v>nu931020</v>
          </cell>
          <cell r="W1725" t="str">
            <v>wj215735</v>
          </cell>
          <cell r="Y1725" t="str">
            <v>土質,河川,地質,土他,地質,水質,</v>
          </cell>
          <cell r="Z1725" t="str">
            <v/>
          </cell>
          <cell r="AA1725" t="str">
            <v/>
          </cell>
          <cell r="AB1725">
            <v>69667</v>
          </cell>
          <cell r="AC1725" t="str">
            <v/>
          </cell>
          <cell r="AD1725">
            <v>911671</v>
          </cell>
          <cell r="AE1725" t="str">
            <v/>
          </cell>
          <cell r="AF1725" t="str">
            <v/>
          </cell>
          <cell r="AI1725">
            <v>5</v>
          </cell>
          <cell r="AJ1725" t="str">
            <v>調査</v>
          </cell>
        </row>
        <row r="1726">
          <cell r="B1726">
            <v>6078</v>
          </cell>
          <cell r="C1726" t="str">
            <v>(一財)日本消防設備安全センター</v>
          </cell>
          <cell r="D1726" t="str">
            <v>03-3501-7911</v>
          </cell>
          <cell r="E1726" t="str">
            <v>657-0815</v>
          </cell>
          <cell r="F1726" t="str">
            <v>東京都港区虎ﾉ門2-9-16 日本消防会館7階</v>
          </cell>
          <cell r="G1726" t="str">
            <v/>
          </cell>
          <cell r="H1726" t="str">
            <v/>
          </cell>
          <cell r="I1726" t="str">
            <v>理事長　 門山　泰明</v>
          </cell>
          <cell r="J1726" t="str">
            <v>本店</v>
          </cell>
          <cell r="K1726" t="str">
            <v>03-3501-7980</v>
          </cell>
          <cell r="L1726" t="str">
            <v>jyoutsu@fesc.or.jp</v>
          </cell>
          <cell r="M1726" t="str">
            <v>ﾆﾎﾝｼﾖｳﾎﾞｳｾﾂﾋﾞｱﾝｾﾞﾝｾﾝﾀ-</v>
          </cell>
          <cell r="N1726" t="str">
            <v>無</v>
          </cell>
          <cell r="O1726">
            <v>43</v>
          </cell>
          <cell r="P1726">
            <v>79</v>
          </cell>
          <cell r="Q1726">
            <v>9010405001030</v>
          </cell>
          <cell r="R1726">
            <v>2000000</v>
          </cell>
          <cell r="S1726">
            <v>4846311</v>
          </cell>
          <cell r="T1726">
            <v>127647</v>
          </cell>
          <cell r="V1726" t="str">
            <v>hy961497</v>
          </cell>
          <cell r="W1726" t="str">
            <v>qq470682</v>
          </cell>
          <cell r="Y1726" t="str">
            <v>土他,</v>
          </cell>
          <cell r="Z1726" t="str">
            <v/>
          </cell>
          <cell r="AA1726">
            <v>13844</v>
          </cell>
          <cell r="AB1726">
            <v>127647</v>
          </cell>
          <cell r="AC1726" t="str">
            <v/>
          </cell>
          <cell r="AD1726" t="str">
            <v/>
          </cell>
          <cell r="AE1726" t="str">
            <v>その他</v>
          </cell>
          <cell r="AF1726">
            <v>1790925</v>
          </cell>
          <cell r="AI1726">
            <v>3</v>
          </cell>
          <cell r="AJ1726" t="str">
            <v>土木</v>
          </cell>
        </row>
        <row r="1727">
          <cell r="B1727">
            <v>6079</v>
          </cell>
          <cell r="C1727" t="str">
            <v>(株)日本都市工学設計</v>
          </cell>
          <cell r="D1727" t="str">
            <v>078-961-2268</v>
          </cell>
          <cell r="E1727" t="str">
            <v>651-2276</v>
          </cell>
          <cell r="F1727" t="str">
            <v>兵庫県神戸市西区春日台6-20-7</v>
          </cell>
          <cell r="G1727" t="str">
            <v>岡山市</v>
          </cell>
          <cell r="H1727" t="str">
            <v>神戸営業所</v>
          </cell>
          <cell r="I1727" t="str">
            <v>所長 安井　正明</v>
          </cell>
          <cell r="J1727" t="str">
            <v>岡山県岡山市</v>
          </cell>
          <cell r="K1727" t="str">
            <v>086-230-7010</v>
          </cell>
          <cell r="L1727" t="str">
            <v>gyomu@toshikougaku.jp</v>
          </cell>
          <cell r="M1727" t="str">
            <v>ﾆﾎﾝﾄｼｺｳｶﾞｸｾｯｹｲ</v>
          </cell>
          <cell r="N1727" t="str">
            <v>有</v>
          </cell>
          <cell r="O1727">
            <v>51</v>
          </cell>
          <cell r="P1727">
            <v>28</v>
          </cell>
          <cell r="Q1727">
            <v>4260001005027</v>
          </cell>
          <cell r="R1727">
            <v>10000</v>
          </cell>
          <cell r="S1727">
            <v>58582</v>
          </cell>
          <cell r="T1727">
            <v>299416</v>
          </cell>
          <cell r="V1727" t="str">
            <v>um179421</v>
          </cell>
          <cell r="W1727" t="str">
            <v>db136913</v>
          </cell>
          <cell r="Y1727" t="str">
            <v/>
          </cell>
          <cell r="Z1727">
            <v>27568</v>
          </cell>
          <cell r="AA1727">
            <v>2822</v>
          </cell>
          <cell r="AB1727">
            <v>276169</v>
          </cell>
          <cell r="AC1727" t="str">
            <v/>
          </cell>
          <cell r="AD1727" t="str">
            <v>地質調査業務</v>
          </cell>
          <cell r="AE1727" t="str">
            <v>地質調査業務</v>
          </cell>
          <cell r="AF1727">
            <v>276169</v>
          </cell>
          <cell r="AI1727" t="str">
            <v>補償</v>
          </cell>
          <cell r="AJ1727" t="str">
            <v>岡山県</v>
          </cell>
        </row>
        <row r="1728">
          <cell r="B1728">
            <v>6082</v>
          </cell>
          <cell r="C1728" t="str">
            <v>(一財)日本不動産研究所</v>
          </cell>
          <cell r="D1728" t="str">
            <v>078-242-5201</v>
          </cell>
          <cell r="E1728" t="str">
            <v>651-0088</v>
          </cell>
          <cell r="F1728" t="str">
            <v>兵庫県神戸市中央区小野柄通7-1-1</v>
          </cell>
          <cell r="H1728" t="str">
            <v>神戸支所</v>
          </cell>
          <cell r="I1728" t="str">
            <v>支所長 土田　正顕</v>
          </cell>
          <cell r="J1728" t="str">
            <v>東京都</v>
          </cell>
          <cell r="K1728" t="str">
            <v>078-242-5203</v>
          </cell>
          <cell r="L1728" t="str">
            <v>chie-nakano@jrei.jp</v>
          </cell>
          <cell r="M1728" t="str">
            <v>ﾆﾎﾝﾌﾄﾞｳｻﾝｹﾝｷｭｳｼｮ</v>
          </cell>
          <cell r="N1728" t="str">
            <v>有</v>
          </cell>
          <cell r="O1728">
            <v>59</v>
          </cell>
          <cell r="P1728">
            <v>528</v>
          </cell>
          <cell r="Q1728">
            <v>2010405009567</v>
          </cell>
          <cell r="R1728">
            <v>1600000</v>
          </cell>
          <cell r="S1728">
            <v>10264406</v>
          </cell>
          <cell r="T1728">
            <v>7567516</v>
          </cell>
          <cell r="V1728" t="str">
            <v>mf679927</v>
          </cell>
          <cell r="W1728" t="str">
            <v>eg922670</v>
          </cell>
          <cell r="Y1728" t="str">
            <v>都市,土評,物件,機工,営業,損失,補償,鑑定,</v>
          </cell>
          <cell r="Z1728" t="str">
            <v/>
          </cell>
          <cell r="AA1728" t="str">
            <v/>
          </cell>
          <cell r="AB1728">
            <v>387551</v>
          </cell>
          <cell r="AC1728">
            <v>188677</v>
          </cell>
          <cell r="AD1728">
            <v>6991288</v>
          </cell>
          <cell r="AE1728" t="str">
            <v/>
          </cell>
          <cell r="AF1728" t="str">
            <v/>
          </cell>
          <cell r="AI1728">
            <v>5</v>
          </cell>
          <cell r="AJ1728" t="str">
            <v>調査</v>
          </cell>
        </row>
        <row r="1729">
          <cell r="B1729">
            <v>6083</v>
          </cell>
          <cell r="C1729" t="str">
            <v>(株)西日本測量設計コンサルタント</v>
          </cell>
          <cell r="D1729" t="str">
            <v>0798-46-1151</v>
          </cell>
          <cell r="E1729" t="str">
            <v>663-8137</v>
          </cell>
          <cell r="F1729" t="str">
            <v>兵庫県西宮市池開町1-35</v>
          </cell>
          <cell r="G1729" t="str">
            <v>西宮市</v>
          </cell>
          <cell r="H1729" t="str">
            <v/>
          </cell>
          <cell r="I1729" t="str">
            <v>代表取締役 木田　厚</v>
          </cell>
          <cell r="J1729" t="str">
            <v>本店</v>
          </cell>
          <cell r="K1729" t="str">
            <v>0798-46-1150</v>
          </cell>
          <cell r="L1729" t="str">
            <v>wj_sdc@nifty.com</v>
          </cell>
          <cell r="M1729" t="str">
            <v>ﾆｼﾆﾎﾝｿｸﾘｮｳｾｯｹｲｺﾝｻﾙﾀﾝﾄ</v>
          </cell>
          <cell r="N1729" t="str">
            <v>無</v>
          </cell>
          <cell r="O1729">
            <v>46</v>
          </cell>
          <cell r="P1729">
            <v>4</v>
          </cell>
          <cell r="Q1729">
            <v>6140001069726</v>
          </cell>
          <cell r="R1729">
            <v>10000</v>
          </cell>
          <cell r="S1729">
            <v>-12073</v>
          </cell>
          <cell r="T1729">
            <v>5511</v>
          </cell>
          <cell r="V1729" t="str">
            <v>xp186329</v>
          </cell>
          <cell r="W1729" t="str">
            <v>lg109637</v>
          </cell>
          <cell r="Y1729" t="str">
            <v>測量,交通,</v>
          </cell>
          <cell r="Z1729">
            <v>5511</v>
          </cell>
          <cell r="AA1729" t="str">
            <v/>
          </cell>
          <cell r="AB1729" t="str">
            <v/>
          </cell>
          <cell r="AC1729" t="str">
            <v/>
          </cell>
          <cell r="AD1729" t="str">
            <v/>
          </cell>
          <cell r="AE1729" t="str">
            <v/>
          </cell>
          <cell r="AF1729" t="str">
            <v/>
          </cell>
          <cell r="AI1729">
            <v>1</v>
          </cell>
          <cell r="AJ1729" t="str">
            <v>測量</v>
          </cell>
        </row>
        <row r="1730">
          <cell r="B1730">
            <v>6086</v>
          </cell>
          <cell r="C1730" t="str">
            <v>(株)西日本建技</v>
          </cell>
          <cell r="D1730" t="str">
            <v>06-6966-0855</v>
          </cell>
          <cell r="E1730" t="str">
            <v>540-0026</v>
          </cell>
          <cell r="F1730" t="str">
            <v>大阪府大阪市中央区内本町2-1-13</v>
          </cell>
          <cell r="G1730" t="str">
            <v>大阪市</v>
          </cell>
          <cell r="H1730" t="str">
            <v/>
          </cell>
          <cell r="I1730" t="str">
            <v>代表取締役 吉良　忠行</v>
          </cell>
          <cell r="J1730" t="str">
            <v>本店</v>
          </cell>
          <cell r="K1730" t="str">
            <v>06-6966-0881</v>
          </cell>
          <cell r="L1730" t="str">
            <v>a-nakai@nishinihonkengi.net</v>
          </cell>
          <cell r="M1730" t="str">
            <v>ﾆｼﾆﾎﾝｹﾝｷﾞ</v>
          </cell>
          <cell r="N1730" t="str">
            <v>無</v>
          </cell>
          <cell r="O1730">
            <v>17</v>
          </cell>
          <cell r="P1730">
            <v>23</v>
          </cell>
          <cell r="Q1730">
            <v>6120001098487</v>
          </cell>
          <cell r="R1730">
            <v>30000</v>
          </cell>
          <cell r="S1730">
            <v>40022</v>
          </cell>
          <cell r="T1730">
            <v>298553</v>
          </cell>
          <cell r="V1730" t="str">
            <v>av162647</v>
          </cell>
          <cell r="W1730" t="str">
            <v>yz118329</v>
          </cell>
          <cell r="Y1730" t="str">
            <v>測量,建築,鋼構,下水,</v>
          </cell>
          <cell r="Z1730">
            <v>23219</v>
          </cell>
          <cell r="AA1730">
            <v>5120</v>
          </cell>
          <cell r="AB1730">
            <v>263580</v>
          </cell>
          <cell r="AC1730" t="str">
            <v/>
          </cell>
          <cell r="AD1730" t="str">
            <v/>
          </cell>
          <cell r="AE1730" t="str">
            <v/>
          </cell>
          <cell r="AF1730" t="str">
            <v/>
          </cell>
          <cell r="AI1730">
            <v>3</v>
          </cell>
          <cell r="AJ1730" t="str">
            <v>土木</v>
          </cell>
        </row>
        <row r="1731">
          <cell r="B1731">
            <v>6088</v>
          </cell>
          <cell r="C1731" t="str">
            <v>日本物理探鑛(株)</v>
          </cell>
          <cell r="D1731" t="str">
            <v>06-6777-3517</v>
          </cell>
          <cell r="E1731" t="str">
            <v>543-0033</v>
          </cell>
          <cell r="F1731" t="str">
            <v>大阪府大阪市天王寺区堂ｹ芝1-3-24</v>
          </cell>
          <cell r="H1731" t="str">
            <v>関西支店</v>
          </cell>
          <cell r="I1731" t="str">
            <v>支店長 吉村　修</v>
          </cell>
          <cell r="J1731" t="str">
            <v>東京都</v>
          </cell>
          <cell r="K1731" t="str">
            <v>06-6773-5488</v>
          </cell>
          <cell r="L1731" t="str">
            <v/>
          </cell>
          <cell r="M1731" t="str">
            <v>ﾆﾎﾝﾌﾞﾂﾘﾀﾝｺｳ</v>
          </cell>
          <cell r="N1731" t="str">
            <v>有</v>
          </cell>
          <cell r="O1731">
            <v>76</v>
          </cell>
          <cell r="P1731">
            <v>126</v>
          </cell>
          <cell r="Q1731">
            <v>6010801009076</v>
          </cell>
          <cell r="R1731">
            <v>50000</v>
          </cell>
          <cell r="S1731">
            <v>1506619</v>
          </cell>
          <cell r="T1731">
            <v>2219582</v>
          </cell>
          <cell r="V1731" t="str">
            <v>xw122075</v>
          </cell>
          <cell r="W1731" t="str">
            <v>an125495</v>
          </cell>
          <cell r="Y1731" t="str">
            <v>測量,土質,地質,土他,地質,大気,騒音,</v>
          </cell>
          <cell r="Z1731">
            <v>385</v>
          </cell>
          <cell r="AA1731" t="str">
            <v/>
          </cell>
          <cell r="AB1731">
            <v>153443</v>
          </cell>
          <cell r="AC1731" t="str">
            <v/>
          </cell>
          <cell r="AD1731">
            <v>1712434</v>
          </cell>
          <cell r="AE1731" t="str">
            <v>物品販売・リース</v>
          </cell>
          <cell r="AF1731">
            <v>192537</v>
          </cell>
          <cell r="AI1731">
            <v>5</v>
          </cell>
          <cell r="AJ1731" t="str">
            <v>調査</v>
          </cell>
        </row>
        <row r="1732">
          <cell r="B1732">
            <v>6089</v>
          </cell>
          <cell r="C1732" t="str">
            <v>日本調剤(株)</v>
          </cell>
          <cell r="D1732" t="str">
            <v>03-6810-0800</v>
          </cell>
          <cell r="E1732" t="str">
            <v>100-6737</v>
          </cell>
          <cell r="F1732" t="str">
            <v>東京都千代田区丸の内一丁目9番1号</v>
          </cell>
          <cell r="H1732" t="str">
            <v/>
          </cell>
          <cell r="I1732" t="str">
            <v>代表取締役 三津原　博</v>
          </cell>
          <cell r="J1732" t="str">
            <v>本店</v>
          </cell>
          <cell r="K1732" t="str">
            <v>03-5288-8688</v>
          </cell>
          <cell r="L1732" t="str">
            <v>sakakura-k@nicho.co.jp</v>
          </cell>
          <cell r="M1732" t="str">
            <v>ﾆﾎﾝﾁｮｳｻﾞｲ</v>
          </cell>
          <cell r="N1732" t="str">
            <v>無</v>
          </cell>
          <cell r="O1732">
            <v>38</v>
          </cell>
          <cell r="P1732">
            <v>4016</v>
          </cell>
          <cell r="Q1732">
            <v>9010001064753</v>
          </cell>
          <cell r="R1732">
            <v>3953025</v>
          </cell>
          <cell r="S1732">
            <v>26665000</v>
          </cell>
          <cell r="T1732">
            <v>198422000</v>
          </cell>
          <cell r="V1732" t="str">
            <v>jd136387</v>
          </cell>
          <cell r="W1732" t="str">
            <v>cq168524</v>
          </cell>
          <cell r="Y1732" t="str">
            <v>調他</v>
          </cell>
          <cell r="Z1732" t="str">
            <v/>
          </cell>
          <cell r="AA1732" t="str">
            <v/>
          </cell>
          <cell r="AB1732" t="str">
            <v/>
          </cell>
          <cell r="AC1732" t="str">
            <v/>
          </cell>
          <cell r="AD1732">
            <v>2601</v>
          </cell>
          <cell r="AE1732" t="str">
            <v>薬剤師による個別服薬指導</v>
          </cell>
          <cell r="AF1732">
            <v>58</v>
          </cell>
          <cell r="AI1732">
            <v>5</v>
          </cell>
          <cell r="AJ1732" t="str">
            <v>調査</v>
          </cell>
        </row>
        <row r="1733">
          <cell r="B1733">
            <v>6090</v>
          </cell>
          <cell r="C1733" t="str">
            <v>(株)日本医薬総合研究所</v>
          </cell>
          <cell r="D1733" t="str">
            <v>03-6810-0825</v>
          </cell>
          <cell r="E1733" t="str">
            <v>100-6739</v>
          </cell>
          <cell r="F1733" t="str">
            <v>東京都千代田区丸の内1‐9‐1</v>
          </cell>
          <cell r="G1733">
            <v>0</v>
          </cell>
          <cell r="H1733" t="str">
            <v/>
          </cell>
          <cell r="I1733" t="str">
            <v>代表取締役社長 三津原　庸介</v>
          </cell>
          <cell r="J1733" t="str">
            <v>本店</v>
          </cell>
          <cell r="K1733" t="str">
            <v>03-5288-8692</v>
          </cell>
          <cell r="L1733" t="str">
            <v>yamamoto-yu@nicho.co.jp</v>
          </cell>
          <cell r="M1733" t="str">
            <v>ﾆﾎﾝｲﾔｸｿｳｺﾞｳｹﾝｷｭｳｼｮ</v>
          </cell>
          <cell r="N1733" t="str">
            <v>無</v>
          </cell>
          <cell r="O1733">
            <v>8</v>
          </cell>
          <cell r="P1733">
            <v>25</v>
          </cell>
          <cell r="Q1733">
            <v>3010001144387</v>
          </cell>
          <cell r="R1733">
            <v>100000</v>
          </cell>
          <cell r="S1733">
            <v>197171</v>
          </cell>
          <cell r="T1733">
            <v>544525</v>
          </cell>
          <cell r="V1733" t="str">
            <v>hx120980</v>
          </cell>
          <cell r="W1733" t="str">
            <v>qo186387</v>
          </cell>
          <cell r="Y1733" t="str">
            <v/>
          </cell>
          <cell r="Z1733" t="str">
            <v/>
          </cell>
          <cell r="AA1733" t="str">
            <v/>
          </cell>
          <cell r="AB1733" t="str">
            <v/>
          </cell>
          <cell r="AC1733" t="str">
            <v/>
          </cell>
          <cell r="AD1733" t="str">
            <v/>
          </cell>
          <cell r="AE1733" t="str">
            <v/>
          </cell>
          <cell r="AF1733" t="str">
            <v/>
          </cell>
          <cell r="AI1733" t="str">
            <v>測量</v>
          </cell>
          <cell r="AJ1733" t="str">
            <v>東京都</v>
          </cell>
        </row>
        <row r="1734">
          <cell r="B1734">
            <v>6141</v>
          </cell>
          <cell r="C1734" t="str">
            <v>(株)ノア技術コンサルタント</v>
          </cell>
          <cell r="D1734" t="str">
            <v>079-287-9304</v>
          </cell>
          <cell r="E1734" t="str">
            <v>670-0893</v>
          </cell>
          <cell r="F1734" t="str">
            <v>兵庫県姫路市北平野2丁目18-125</v>
          </cell>
          <cell r="G1734" t="str">
            <v>桜井市</v>
          </cell>
          <cell r="H1734" t="str">
            <v>兵庫営業所</v>
          </cell>
          <cell r="I1734" t="str">
            <v>所長 音無　弘至</v>
          </cell>
          <cell r="J1734" t="str">
            <v>奈良県桜井市</v>
          </cell>
          <cell r="K1734" t="str">
            <v>079-287-9305</v>
          </cell>
          <cell r="L1734" t="str">
            <v>noacon@sage.ocn.ne.jp</v>
          </cell>
          <cell r="M1734" t="str">
            <v>ﾉｱｷﾞｼﾞｭﾂｺﾝｻﾙﾀﾝﾄ</v>
          </cell>
          <cell r="N1734" t="str">
            <v>有</v>
          </cell>
          <cell r="O1734">
            <v>27</v>
          </cell>
          <cell r="P1734">
            <v>35</v>
          </cell>
          <cell r="Q1734">
            <v>1150001009479</v>
          </cell>
          <cell r="R1734">
            <v>10000</v>
          </cell>
          <cell r="S1734">
            <v>130354</v>
          </cell>
          <cell r="T1734">
            <v>403297</v>
          </cell>
          <cell r="V1734" t="str">
            <v>ky457389</v>
          </cell>
          <cell r="W1734" t="str">
            <v>vz530602</v>
          </cell>
          <cell r="Y1734" t="str">
            <v>測量,測量,航空,鋼構,河川,道路,上水,下水,土他,土調,</v>
          </cell>
          <cell r="Z1734">
            <v>76417</v>
          </cell>
          <cell r="AA1734" t="str">
            <v/>
          </cell>
          <cell r="AB1734">
            <v>254071</v>
          </cell>
          <cell r="AC1734">
            <v>8434</v>
          </cell>
          <cell r="AD1734" t="str">
            <v/>
          </cell>
          <cell r="AE1734" t="str">
            <v>地質調査業務</v>
          </cell>
          <cell r="AF1734">
            <v>1485</v>
          </cell>
          <cell r="AI1734">
            <v>3</v>
          </cell>
          <cell r="AJ1734" t="str">
            <v>土木</v>
          </cell>
        </row>
        <row r="1735">
          <cell r="B1735">
            <v>6144</v>
          </cell>
          <cell r="C1735" t="str">
            <v>(株)乃村工藝社</v>
          </cell>
          <cell r="D1735" t="str">
            <v>03-5962-1171</v>
          </cell>
          <cell r="E1735" t="str">
            <v>135-8622</v>
          </cell>
          <cell r="F1735" t="str">
            <v>東京都港区台場2-3-4</v>
          </cell>
          <cell r="H1735" t="str">
            <v/>
          </cell>
          <cell r="I1735" t="str">
            <v>代表取締役社長 榎本　修次</v>
          </cell>
          <cell r="J1735" t="str">
            <v>本店</v>
          </cell>
          <cell r="K1735" t="str">
            <v>03-3570-2397</v>
          </cell>
          <cell r="L1735" t="str">
            <v>nyusatsu@nomura-g.jp</v>
          </cell>
          <cell r="M1735" t="str">
            <v>ﾉﾑﾗｺｳｹﾞｲｼｬ</v>
          </cell>
          <cell r="N1735" t="str">
            <v>有</v>
          </cell>
          <cell r="O1735">
            <v>55</v>
          </cell>
          <cell r="P1735">
            <v>995</v>
          </cell>
          <cell r="Q1735">
            <v>4010401023652</v>
          </cell>
          <cell r="R1735">
            <v>6497551</v>
          </cell>
          <cell r="S1735">
            <v>34309265</v>
          </cell>
          <cell r="T1735">
            <v>85332284</v>
          </cell>
          <cell r="V1735" t="str">
            <v>gk414209</v>
          </cell>
          <cell r="W1735" t="str">
            <v>dt570080</v>
          </cell>
          <cell r="Y1735" t="str">
            <v>建築,意匠,調査,</v>
          </cell>
          <cell r="Z1735" t="str">
            <v/>
          </cell>
          <cell r="AA1735">
            <v>5756523</v>
          </cell>
          <cell r="AB1735" t="str">
            <v/>
          </cell>
          <cell r="AC1735" t="str">
            <v/>
          </cell>
          <cell r="AD1735" t="str">
            <v/>
          </cell>
          <cell r="AE1735" t="str">
            <v/>
          </cell>
          <cell r="AF1735" t="str">
            <v/>
          </cell>
          <cell r="AI1735">
            <v>2</v>
          </cell>
          <cell r="AJ1735" t="str">
            <v>建築</v>
          </cell>
        </row>
        <row r="1736">
          <cell r="B1736">
            <v>6147</v>
          </cell>
          <cell r="C1736" t="str">
            <v>ＨＡＲＶＥＹ(株)</v>
          </cell>
          <cell r="D1736" t="str">
            <v>052-744-1760</v>
          </cell>
          <cell r="E1736" t="str">
            <v>464-0852</v>
          </cell>
          <cell r="F1736" t="str">
            <v>愛知県名古屋市千種区青柳町5-6</v>
          </cell>
          <cell r="G1736" t="str">
            <v>名古屋市</v>
          </cell>
          <cell r="H1736" t="str">
            <v/>
          </cell>
          <cell r="I1736" t="str">
            <v>代表取締役 平林　貴</v>
          </cell>
          <cell r="J1736" t="str">
            <v>本店</v>
          </cell>
          <cell r="K1736" t="str">
            <v>052-744-1758</v>
          </cell>
          <cell r="L1736" t="str">
            <v>info@harvey-ltd.com</v>
          </cell>
          <cell r="M1736" t="str">
            <v>ﾊｰヴｪｲ</v>
          </cell>
          <cell r="N1736" t="str">
            <v>無</v>
          </cell>
          <cell r="O1736">
            <v>13</v>
          </cell>
          <cell r="P1736">
            <v>45</v>
          </cell>
          <cell r="Q1736">
            <v>1180001123913</v>
          </cell>
          <cell r="R1736">
            <v>51000</v>
          </cell>
          <cell r="S1736">
            <v>53721</v>
          </cell>
          <cell r="T1736">
            <v>230977</v>
          </cell>
          <cell r="V1736" t="str">
            <v>tb119278</v>
          </cell>
          <cell r="W1736" t="str">
            <v>qy189028</v>
          </cell>
          <cell r="Y1736" t="str">
            <v>測量,測量,航空,道路,上水,下水,都市,土他,交通,商業,調他</v>
          </cell>
          <cell r="Z1736">
            <v>8565</v>
          </cell>
          <cell r="AA1736" t="str">
            <v/>
          </cell>
          <cell r="AB1736">
            <v>31205</v>
          </cell>
          <cell r="AC1736" t="str">
            <v/>
          </cell>
          <cell r="AD1736">
            <v>24751</v>
          </cell>
          <cell r="AE1736" t="str">
            <v/>
          </cell>
          <cell r="AF1736" t="str">
            <v/>
          </cell>
          <cell r="AI1736">
            <v>3</v>
          </cell>
          <cell r="AJ1736" t="str">
            <v>土木</v>
          </cell>
        </row>
        <row r="1737">
          <cell r="B1737">
            <v>6149</v>
          </cell>
          <cell r="C1737" t="str">
            <v>(株)バウエンジニアリング</v>
          </cell>
          <cell r="D1737" t="str">
            <v>06-4791-2880</v>
          </cell>
          <cell r="E1737" t="str">
            <v>540-0031</v>
          </cell>
          <cell r="F1737" t="str">
            <v>大阪府大阪市中央区北浜東4-33</v>
          </cell>
          <cell r="G1737" t="str">
            <v>大阪市</v>
          </cell>
          <cell r="H1737" t="str">
            <v/>
          </cell>
          <cell r="I1737" t="str">
            <v>代表取締役社長 辻村　隆</v>
          </cell>
          <cell r="J1737" t="str">
            <v>本店</v>
          </cell>
          <cell r="K1737" t="str">
            <v>06-4791-2888</v>
          </cell>
          <cell r="L1737" t="str">
            <v>sugita-shinichi@cons-hd.co.jp</v>
          </cell>
          <cell r="M1737" t="str">
            <v>ﾊﾞｳｴﾝｼﾞﾆｱﾘﾝｸﾞ</v>
          </cell>
          <cell r="N1737" t="str">
            <v>無</v>
          </cell>
          <cell r="O1737">
            <v>19</v>
          </cell>
          <cell r="P1737">
            <v>26</v>
          </cell>
          <cell r="Q1737">
            <v>4120001087079</v>
          </cell>
          <cell r="R1737">
            <v>10000</v>
          </cell>
          <cell r="S1737">
            <v>265610</v>
          </cell>
          <cell r="T1737">
            <v>459382</v>
          </cell>
          <cell r="V1737" t="str">
            <v>ss138577</v>
          </cell>
          <cell r="W1737" t="str">
            <v>op167875</v>
          </cell>
          <cell r="Y1737" t="str">
            <v>鋼構,</v>
          </cell>
          <cell r="Z1737" t="str">
            <v/>
          </cell>
          <cell r="AA1737" t="str">
            <v/>
          </cell>
          <cell r="AB1737">
            <v>396273</v>
          </cell>
          <cell r="AC1737" t="str">
            <v/>
          </cell>
          <cell r="AD1737" t="str">
            <v/>
          </cell>
          <cell r="AE1737" t="str">
            <v/>
          </cell>
          <cell r="AF1737" t="str">
            <v/>
          </cell>
          <cell r="AI1737">
            <v>3</v>
          </cell>
          <cell r="AJ1737" t="str">
            <v>土木</v>
          </cell>
        </row>
        <row r="1738">
          <cell r="B1738">
            <v>6150</v>
          </cell>
          <cell r="C1738" t="str">
            <v>特定非営利活動法人　阪神文化財建造物研究会</v>
          </cell>
          <cell r="D1738" t="str">
            <v>0798-72-3150</v>
          </cell>
          <cell r="E1738" t="str">
            <v>662-0025</v>
          </cell>
          <cell r="F1738" t="str">
            <v>兵庫県西宮市北名次町7-24</v>
          </cell>
          <cell r="G1738" t="str">
            <v>西宮市</v>
          </cell>
          <cell r="H1738" t="str">
            <v/>
          </cell>
          <cell r="I1738" t="str">
            <v>代表理事 山崎　誠</v>
          </cell>
          <cell r="J1738" t="str">
            <v>本店</v>
          </cell>
          <cell r="K1738" t="str">
            <v>0798-72-3150</v>
          </cell>
          <cell r="L1738" t="str">
            <v>twr_spitzer_a@r5.dion.ne.jp</v>
          </cell>
          <cell r="M1738" t="str">
            <v>ﾄｸﾃｲﾋｴｲﾘｶﾂﾄﾞｳﾎｳｼﾞﾝ ﾊﾝｼﾝﾌﾞﾝｶｻﾞｲｹﾝｿﾞｳﾌﾞﾂｹﾝｷｭｳｶｲ</v>
          </cell>
          <cell r="N1738" t="str">
            <v>無</v>
          </cell>
          <cell r="O1738">
            <v>3</v>
          </cell>
          <cell r="P1738">
            <v>21</v>
          </cell>
          <cell r="Q1738">
            <v>4140005022154</v>
          </cell>
          <cell r="R1738">
            <v>0</v>
          </cell>
          <cell r="S1738">
            <v>775</v>
          </cell>
          <cell r="T1738">
            <v>4273</v>
          </cell>
          <cell r="V1738" t="str">
            <v>uv108465</v>
          </cell>
          <cell r="W1738" t="str">
            <v>wz161664</v>
          </cell>
          <cell r="Y1738" t="str">
            <v>建築,</v>
          </cell>
          <cell r="Z1738" t="str">
            <v/>
          </cell>
          <cell r="AA1738">
            <v>4165</v>
          </cell>
          <cell r="AB1738" t="str">
            <v/>
          </cell>
          <cell r="AC1738" t="str">
            <v/>
          </cell>
          <cell r="AD1738" t="str">
            <v/>
          </cell>
          <cell r="AE1738" t="str">
            <v/>
          </cell>
          <cell r="AF1738" t="str">
            <v/>
          </cell>
          <cell r="AI1738">
            <v>2</v>
          </cell>
          <cell r="AJ1738" t="str">
            <v>建築</v>
          </cell>
        </row>
        <row r="1739">
          <cell r="B1739">
            <v>6152</v>
          </cell>
          <cell r="C1739" t="str">
            <v>パシフィックコンサルタンツ(株)</v>
          </cell>
          <cell r="D1739" t="str">
            <v>078-333-6701</v>
          </cell>
          <cell r="E1739" t="str">
            <v>650-0037</v>
          </cell>
          <cell r="F1739" t="str">
            <v>兵庫県神戸市中央区明石町48</v>
          </cell>
          <cell r="H1739" t="str">
            <v>神戸事務所</v>
          </cell>
          <cell r="I1739" t="str">
            <v>所長 東條　文典</v>
          </cell>
          <cell r="J1739" t="str">
            <v>東京都</v>
          </cell>
          <cell r="K1739" t="str">
            <v>078-333-6702</v>
          </cell>
          <cell r="L1739" t="str">
            <v>kobeeigy@ss.pacific.co.jp</v>
          </cell>
          <cell r="M1739" t="str">
            <v>ﾊﾟｼﾌｨｯｸｺﾝｻﾙﾀﾝﾂ</v>
          </cell>
          <cell r="N1739" t="str">
            <v>有</v>
          </cell>
          <cell r="O1739">
            <v>67</v>
          </cell>
          <cell r="P1739">
            <v>1811</v>
          </cell>
          <cell r="Q1739">
            <v>8013401001509</v>
          </cell>
          <cell r="R1739">
            <v>490000</v>
          </cell>
          <cell r="S1739">
            <v>16204895</v>
          </cell>
          <cell r="T1739">
            <v>46522125</v>
          </cell>
          <cell r="V1739" t="str">
            <v>nx922461</v>
          </cell>
          <cell r="W1739" t="str">
            <v>zk533403</v>
          </cell>
          <cell r="Y1739" t="str">
            <v>測量,建築,意匠,構造,冷暖,衛生,電気,建積,機積,電積,調査,土質,鋼構,河川,道路,施行,建機,地質,造園,上水,下水,都市,スポ,環境,土他,地質,水質,大気,騒音,交通,商業,調他</v>
          </cell>
          <cell r="Z1739">
            <v>171530</v>
          </cell>
          <cell r="AA1739">
            <v>1727793</v>
          </cell>
          <cell r="AB1739">
            <v>43191009</v>
          </cell>
          <cell r="AC1739" t="str">
            <v/>
          </cell>
          <cell r="AD1739">
            <v>1150360</v>
          </cell>
          <cell r="AE1739" t="str">
            <v/>
          </cell>
          <cell r="AF1739" t="str">
            <v/>
          </cell>
          <cell r="AI1739">
            <v>3</v>
          </cell>
          <cell r="AJ1739" t="str">
            <v>土木</v>
          </cell>
        </row>
        <row r="1740">
          <cell r="B1740">
            <v>6156</v>
          </cell>
          <cell r="C1740" t="str">
            <v>(株)パスコ</v>
          </cell>
          <cell r="D1740" t="str">
            <v>078-272-3131</v>
          </cell>
          <cell r="E1740" t="str">
            <v>651-0086</v>
          </cell>
          <cell r="F1740" t="str">
            <v>兵庫県神戸市中央区磯上通4-1-6</v>
          </cell>
          <cell r="H1740" t="str">
            <v>神戸支店</v>
          </cell>
          <cell r="I1740" t="str">
            <v>支店長 大畑　仁</v>
          </cell>
          <cell r="J1740" t="str">
            <v>東京都</v>
          </cell>
          <cell r="K1740" t="str">
            <v>078-272-3138</v>
          </cell>
          <cell r="L1740" t="str">
            <v>kobe_eigyo@pasco.co.jp</v>
          </cell>
          <cell r="M1740" t="str">
            <v>ﾊﾟｽｺ</v>
          </cell>
          <cell r="N1740" t="str">
            <v>有</v>
          </cell>
          <cell r="O1740">
            <v>69</v>
          </cell>
          <cell r="P1740">
            <v>1991</v>
          </cell>
          <cell r="Q1740">
            <v>5013201004656</v>
          </cell>
          <cell r="R1740">
            <v>8758481</v>
          </cell>
          <cell r="S1740">
            <v>9901098</v>
          </cell>
          <cell r="T1740">
            <v>42540026</v>
          </cell>
          <cell r="V1740" t="str">
            <v>sm762894</v>
          </cell>
          <cell r="W1740" t="str">
            <v>qp351869</v>
          </cell>
          <cell r="Y1740" t="str">
            <v>測量,測量,航空,建築,意匠,構造,冷暖,衛生,電気,建積,機積,電積,調査,土質,鋼構,河川,道路,地質,造園,上水,下水,都市,スポ,環境,土他,土調,土評,物件,補償,鑑定,地質,水質,大気,騒音,交通,商業,調他</v>
          </cell>
          <cell r="Z1740">
            <v>20414563</v>
          </cell>
          <cell r="AA1740">
            <v>69651</v>
          </cell>
          <cell r="AB1740">
            <v>101723</v>
          </cell>
          <cell r="AC1740">
            <v>94576</v>
          </cell>
          <cell r="AD1740">
            <v>225926</v>
          </cell>
          <cell r="AE1740" t="str">
            <v>その他</v>
          </cell>
          <cell r="AF1740">
            <v>7671579</v>
          </cell>
          <cell r="AI1740">
            <v>1</v>
          </cell>
          <cell r="AJ1740" t="str">
            <v>測量</v>
          </cell>
        </row>
        <row r="1741">
          <cell r="B1741">
            <v>6158</v>
          </cell>
          <cell r="C1741" t="str">
            <v>(株)八州</v>
          </cell>
          <cell r="D1741" t="str">
            <v>079-222-6911</v>
          </cell>
          <cell r="E1741" t="str">
            <v>670-0955</v>
          </cell>
          <cell r="F1741" t="str">
            <v>兵庫県姫路市安田1-68-1</v>
          </cell>
          <cell r="H1741" t="str">
            <v>姫路営業所</v>
          </cell>
          <cell r="I1741" t="str">
            <v>所長 高橋　貴美</v>
          </cell>
          <cell r="J1741" t="str">
            <v>東京都</v>
          </cell>
          <cell r="K1741" t="str">
            <v>079-222-6912</v>
          </cell>
          <cell r="L1741" t="str">
            <v>hskansai@hasshu.co.jp</v>
          </cell>
          <cell r="M1741" t="str">
            <v>ﾊｯｼｭｳ</v>
          </cell>
          <cell r="N1741" t="str">
            <v>有</v>
          </cell>
          <cell r="O1741">
            <v>71</v>
          </cell>
          <cell r="P1741">
            <v>265</v>
          </cell>
          <cell r="Q1741">
            <v>1010601035005</v>
          </cell>
          <cell r="R1741">
            <v>50000</v>
          </cell>
          <cell r="S1741">
            <v>1576610</v>
          </cell>
          <cell r="T1741">
            <v>3747467</v>
          </cell>
          <cell r="V1741" t="str">
            <v>nw120378</v>
          </cell>
          <cell r="W1741" t="str">
            <v>dt481863</v>
          </cell>
          <cell r="Y1741" t="str">
            <v>測量,測量,航空,鋼構,河川,道路,施行,造園,下水,都市,土調,土評,物件,機工,営業,損失,補償,地質,</v>
          </cell>
          <cell r="Z1741">
            <v>1918971</v>
          </cell>
          <cell r="AA1741" t="str">
            <v/>
          </cell>
          <cell r="AB1741">
            <v>1522645</v>
          </cell>
          <cell r="AC1741">
            <v>203550</v>
          </cell>
          <cell r="AD1741">
            <v>77676</v>
          </cell>
          <cell r="AE1741" t="str">
            <v>その他</v>
          </cell>
          <cell r="AF1741">
            <v>24626</v>
          </cell>
          <cell r="AI1741">
            <v>1</v>
          </cell>
          <cell r="AJ1741" t="str">
            <v>測量</v>
          </cell>
        </row>
        <row r="1742">
          <cell r="B1742">
            <v>6161</v>
          </cell>
          <cell r="C1742" t="str">
            <v>(株)浜名技術コンサルタント</v>
          </cell>
          <cell r="D1742" t="str">
            <v>06-4960-6121</v>
          </cell>
          <cell r="E1742" t="str">
            <v>661-0976</v>
          </cell>
          <cell r="F1742" t="str">
            <v>兵庫県尼崎市潮江1-13-1</v>
          </cell>
          <cell r="G1742" t="str">
            <v>大阪市</v>
          </cell>
          <cell r="H1742" t="str">
            <v>兵庫事務所</v>
          </cell>
          <cell r="I1742" t="str">
            <v>所長 川口　実</v>
          </cell>
          <cell r="J1742" t="str">
            <v>大阪府大阪市</v>
          </cell>
          <cell r="K1742" t="str">
            <v>06-6491-2455</v>
          </cell>
          <cell r="L1742" t="str">
            <v>core@kk-hamana.jp</v>
          </cell>
          <cell r="M1742" t="str">
            <v>ﾊﾏﾅｷﾞｼﾞｭﾂｺﾝｻﾙﾀﾝﾄ</v>
          </cell>
          <cell r="N1742" t="str">
            <v>有</v>
          </cell>
          <cell r="O1742">
            <v>37</v>
          </cell>
          <cell r="P1742">
            <v>16</v>
          </cell>
          <cell r="Q1742">
            <v>8120001087389</v>
          </cell>
          <cell r="R1742">
            <v>10000</v>
          </cell>
          <cell r="S1742">
            <v>49274</v>
          </cell>
          <cell r="T1742">
            <v>114111</v>
          </cell>
          <cell r="V1742" t="str">
            <v>ez728040</v>
          </cell>
          <cell r="W1742" t="str">
            <v>cb532620</v>
          </cell>
          <cell r="Y1742" t="str">
            <v>土調,物件,機工,営業,損失,補償,</v>
          </cell>
          <cell r="Z1742" t="str">
            <v/>
          </cell>
          <cell r="AA1742" t="str">
            <v/>
          </cell>
          <cell r="AB1742" t="str">
            <v/>
          </cell>
          <cell r="AC1742">
            <v>114111</v>
          </cell>
          <cell r="AD1742" t="str">
            <v/>
          </cell>
          <cell r="AE1742" t="str">
            <v/>
          </cell>
          <cell r="AF1742" t="str">
            <v/>
          </cell>
          <cell r="AI1742">
            <v>4</v>
          </cell>
          <cell r="AJ1742" t="str">
            <v>補償</v>
          </cell>
        </row>
        <row r="1743">
          <cell r="B1743">
            <v>6162</v>
          </cell>
          <cell r="C1743" t="str">
            <v>(株)林設計事務所</v>
          </cell>
          <cell r="D1743" t="str">
            <v>078-805-3110</v>
          </cell>
          <cell r="E1743" t="str">
            <v>657-0838</v>
          </cell>
          <cell r="F1743" t="str">
            <v>兵庫県神戸市灘区王子町1-2-13</v>
          </cell>
          <cell r="G1743" t="str">
            <v>大阪市</v>
          </cell>
          <cell r="H1743" t="str">
            <v>兵庫事務所</v>
          </cell>
          <cell r="I1743" t="str">
            <v>兵庫事務所長 畠中　隆吉</v>
          </cell>
          <cell r="J1743" t="str">
            <v>大阪府大阪市</v>
          </cell>
          <cell r="K1743" t="str">
            <v>078-805-3120</v>
          </cell>
          <cell r="L1743" t="str">
            <v>hayashi_a@e-hayashi.co.jp</v>
          </cell>
          <cell r="M1743" t="str">
            <v>ﾊﾔｼｾｯｹｲｼﾞﾑｼｮ</v>
          </cell>
          <cell r="N1743" t="str">
            <v>有</v>
          </cell>
          <cell r="O1743">
            <v>45</v>
          </cell>
          <cell r="P1743">
            <v>25</v>
          </cell>
          <cell r="Q1743">
            <v>6120001115762</v>
          </cell>
          <cell r="R1743">
            <v>20000</v>
          </cell>
          <cell r="S1743">
            <v>24523</v>
          </cell>
          <cell r="T1743">
            <v>260550</v>
          </cell>
          <cell r="V1743" t="str">
            <v>dr868284</v>
          </cell>
          <cell r="W1743" t="str">
            <v>vf818296</v>
          </cell>
          <cell r="Y1743" t="str">
            <v>建築,意匠,構造,冷暖,衛生,電気,建積,機積,電積,調査,</v>
          </cell>
          <cell r="Z1743" t="str">
            <v/>
          </cell>
          <cell r="AA1743">
            <v>222510</v>
          </cell>
          <cell r="AB1743" t="str">
            <v/>
          </cell>
          <cell r="AC1743" t="str">
            <v/>
          </cell>
          <cell r="AD1743" t="str">
            <v/>
          </cell>
          <cell r="AE1743" t="str">
            <v/>
          </cell>
          <cell r="AF1743" t="str">
            <v/>
          </cell>
          <cell r="AI1743">
            <v>2</v>
          </cell>
          <cell r="AJ1743" t="str">
            <v>建築</v>
          </cell>
        </row>
        <row r="1744">
          <cell r="B1744">
            <v>6165</v>
          </cell>
          <cell r="C1744" t="str">
            <v>(株)原田建築設計事務所</v>
          </cell>
          <cell r="D1744" t="str">
            <v>06-6413-0248</v>
          </cell>
          <cell r="E1744" t="str">
            <v>660-0862</v>
          </cell>
          <cell r="F1744" t="str">
            <v>兵庫県尼崎市開明町2‐11</v>
          </cell>
          <cell r="G1744" t="str">
            <v>尼崎市</v>
          </cell>
          <cell r="H1744" t="str">
            <v/>
          </cell>
          <cell r="I1744" t="str">
            <v>代表取締役 原田　敏文</v>
          </cell>
          <cell r="J1744" t="str">
            <v>本店</v>
          </cell>
          <cell r="K1744" t="str">
            <v>06-6413-9998</v>
          </cell>
          <cell r="L1744" t="str">
            <v>info@harada-ao.jp</v>
          </cell>
          <cell r="M1744" t="str">
            <v>ﾊﾗﾀﾞｹﾝﾁｸｾｯｹｲｼﾞﾑｼｮ</v>
          </cell>
          <cell r="N1744" t="str">
            <v>無</v>
          </cell>
          <cell r="O1744">
            <v>39</v>
          </cell>
          <cell r="P1744">
            <v>4</v>
          </cell>
          <cell r="Q1744">
            <v>7140001052045</v>
          </cell>
          <cell r="R1744">
            <v>10000</v>
          </cell>
          <cell r="S1744">
            <v>-47500</v>
          </cell>
          <cell r="T1744">
            <v>8631</v>
          </cell>
          <cell r="V1744" t="str">
            <v>vf269758</v>
          </cell>
          <cell r="W1744" t="str">
            <v>hu650007</v>
          </cell>
          <cell r="Y1744" t="str">
            <v>建築,意匠,構造,冷暖,衛生,電気,建積,機積,電積,調査,</v>
          </cell>
          <cell r="Z1744" t="str">
            <v/>
          </cell>
          <cell r="AA1744">
            <v>8631</v>
          </cell>
          <cell r="AB1744" t="str">
            <v/>
          </cell>
          <cell r="AC1744" t="str">
            <v/>
          </cell>
          <cell r="AD1744" t="str">
            <v/>
          </cell>
          <cell r="AE1744" t="str">
            <v/>
          </cell>
          <cell r="AF1744" t="str">
            <v/>
          </cell>
          <cell r="AI1744">
            <v>2</v>
          </cell>
          <cell r="AJ1744" t="str">
            <v>建築</v>
          </cell>
        </row>
        <row r="1745">
          <cell r="B1745">
            <v>6167</v>
          </cell>
          <cell r="C1745" t="str">
            <v>(株)播磨設計コンサルタント</v>
          </cell>
          <cell r="D1745" t="str">
            <v>078-995-9657</v>
          </cell>
          <cell r="E1745" t="str">
            <v>650-0022</v>
          </cell>
          <cell r="F1745" t="str">
            <v>兵庫県神戸市中央区元町通5-2-3-826</v>
          </cell>
          <cell r="G1745" t="str">
            <v>加古川市</v>
          </cell>
          <cell r="H1745" t="str">
            <v>神戸支店</v>
          </cell>
          <cell r="I1745" t="str">
            <v>支店長 福田　文彦</v>
          </cell>
          <cell r="J1745" t="str">
            <v>兵庫県加古川市</v>
          </cell>
          <cell r="K1745" t="str">
            <v>078-995-9658</v>
          </cell>
          <cell r="L1745" t="str">
            <v>info@haricon.co.jp</v>
          </cell>
          <cell r="M1745" t="str">
            <v>ﾊﾘﾏｾｯｹｲｺﾝｻﾙﾀﾝﾄ</v>
          </cell>
          <cell r="N1745" t="str">
            <v>有</v>
          </cell>
          <cell r="O1745">
            <v>42</v>
          </cell>
          <cell r="P1745">
            <v>32</v>
          </cell>
          <cell r="Q1745">
            <v>8140001043349</v>
          </cell>
          <cell r="R1745">
            <v>10000</v>
          </cell>
          <cell r="S1745">
            <v>34521</v>
          </cell>
          <cell r="T1745">
            <v>267974</v>
          </cell>
          <cell r="V1745" t="str">
            <v>cj108219</v>
          </cell>
          <cell r="W1745" t="str">
            <v>dw670214</v>
          </cell>
          <cell r="Y1745" t="str">
            <v>測量,測量,土質,鋼構,河川,道路,施行,建機,地質,造園,下水,都市,スポ,土他,土調,物件,機工,営業,損失,補償,登記,地質,騒音,交通,</v>
          </cell>
          <cell r="Z1745">
            <v>87189</v>
          </cell>
          <cell r="AA1745" t="str">
            <v/>
          </cell>
          <cell r="AB1745">
            <v>62810</v>
          </cell>
          <cell r="AC1745">
            <v>86220</v>
          </cell>
          <cell r="AD1745" t="str">
            <v/>
          </cell>
          <cell r="AE1745" t="str">
            <v>土地家屋調査</v>
          </cell>
          <cell r="AF1745">
            <v>33814</v>
          </cell>
          <cell r="AI1745">
            <v>1</v>
          </cell>
          <cell r="AJ1745" t="str">
            <v>測量</v>
          </cell>
        </row>
        <row r="1746">
          <cell r="B1746">
            <v>6170</v>
          </cell>
          <cell r="C1746" t="str">
            <v>(株)阪神コンサルタンツ</v>
          </cell>
          <cell r="D1746" t="str">
            <v>078-821-1418</v>
          </cell>
          <cell r="E1746" t="str">
            <v>657-0038</v>
          </cell>
          <cell r="F1746" t="str">
            <v>兵庫県神戸市灘区深田町4-1-1 ｳｪﾙﾌﾞ六甲道2番街653</v>
          </cell>
          <cell r="G1746" t="str">
            <v>奈良市</v>
          </cell>
          <cell r="H1746" t="str">
            <v>神戸支店</v>
          </cell>
          <cell r="I1746" t="str">
            <v>支店長 鎭西　昌弘</v>
          </cell>
          <cell r="J1746" t="str">
            <v>奈良県奈良市</v>
          </cell>
          <cell r="K1746" t="str">
            <v>078-821-0660</v>
          </cell>
          <cell r="L1746" t="str">
            <v>eckobe@hanshin-consul.co.jp</v>
          </cell>
          <cell r="M1746" t="str">
            <v>ﾊﾝｼﾝｺﾝｻﾙﾀﾝﾂ</v>
          </cell>
          <cell r="N1746" t="str">
            <v>有</v>
          </cell>
          <cell r="O1746">
            <v>52</v>
          </cell>
          <cell r="P1746">
            <v>68</v>
          </cell>
          <cell r="Q1746">
            <v>7150001004169</v>
          </cell>
          <cell r="R1746">
            <v>67500</v>
          </cell>
          <cell r="S1746">
            <v>2598158</v>
          </cell>
          <cell r="T1746">
            <v>1775918</v>
          </cell>
          <cell r="V1746" t="str">
            <v>re724607</v>
          </cell>
          <cell r="W1746" t="str">
            <v>zx719943</v>
          </cell>
          <cell r="Y1746" t="str">
            <v>測量,土質,鋼構,河川,道路,地質,土他,地質,水質,交通,</v>
          </cell>
          <cell r="Z1746">
            <v>30847</v>
          </cell>
          <cell r="AA1746" t="str">
            <v/>
          </cell>
          <cell r="AB1746">
            <v>994891</v>
          </cell>
          <cell r="AC1746">
            <v>745</v>
          </cell>
          <cell r="AD1746">
            <v>990750</v>
          </cell>
          <cell r="AE1746" t="str">
            <v>その他</v>
          </cell>
          <cell r="AF1746">
            <v>299173</v>
          </cell>
          <cell r="AI1746">
            <v>3</v>
          </cell>
          <cell r="AJ1746" t="str">
            <v>土木</v>
          </cell>
        </row>
        <row r="1747">
          <cell r="B1747">
            <v>6172</v>
          </cell>
          <cell r="C1747" t="str">
            <v>阪神測建(株)</v>
          </cell>
          <cell r="D1747" t="str">
            <v>078-360-8481</v>
          </cell>
          <cell r="E1747" t="str">
            <v>650-0017</v>
          </cell>
          <cell r="F1747" t="str">
            <v>兵庫県神戸市中央区楠町6-3-11</v>
          </cell>
          <cell r="G1747" t="str">
            <v>神戸市</v>
          </cell>
          <cell r="H1747" t="str">
            <v/>
          </cell>
          <cell r="I1747" t="str">
            <v>代表取締役　 四方　克明</v>
          </cell>
          <cell r="J1747" t="str">
            <v>本店</v>
          </cell>
          <cell r="K1747" t="str">
            <v>078-360-8483</v>
          </cell>
          <cell r="L1747" t="str">
            <v>honten@hanshinsokken.com</v>
          </cell>
          <cell r="M1747" t="str">
            <v>ﾊﾝｼﾝｿﾂｹﾝ</v>
          </cell>
          <cell r="N1747" t="str">
            <v>無</v>
          </cell>
          <cell r="O1747">
            <v>52</v>
          </cell>
          <cell r="P1747">
            <v>47</v>
          </cell>
          <cell r="Q1747">
            <v>7140001010333</v>
          </cell>
          <cell r="R1747">
            <v>99000</v>
          </cell>
          <cell r="S1747">
            <v>1312890</v>
          </cell>
          <cell r="T1747">
            <v>515716</v>
          </cell>
          <cell r="V1747" t="str">
            <v>fq668851</v>
          </cell>
          <cell r="W1747" t="str">
            <v>qm783641</v>
          </cell>
          <cell r="Y1747" t="str">
            <v>測量,測量,航空,土質,鋼構,河川,道路,施行,地質,造園,上水,下水,都市,スポ,土他,土調,土評,物件,機工,営業,損失,補償,登記,地質,水質,大気,騒音,交通,調他</v>
          </cell>
          <cell r="Z1747">
            <v>96846</v>
          </cell>
          <cell r="AA1747">
            <v>2300</v>
          </cell>
          <cell r="AB1747">
            <v>320687</v>
          </cell>
          <cell r="AC1747">
            <v>29428</v>
          </cell>
          <cell r="AD1747">
            <v>85370</v>
          </cell>
          <cell r="AE1747" t="str">
            <v/>
          </cell>
          <cell r="AF1747" t="str">
            <v/>
          </cell>
          <cell r="AI1747">
            <v>3</v>
          </cell>
          <cell r="AJ1747" t="str">
            <v>土木</v>
          </cell>
        </row>
        <row r="1748">
          <cell r="B1748">
            <v>6175</v>
          </cell>
          <cell r="C1748" t="str">
            <v>阪神高速技術(株)</v>
          </cell>
          <cell r="D1748" t="str">
            <v>06-6110-7200</v>
          </cell>
          <cell r="E1748" t="str">
            <v>550-0005</v>
          </cell>
          <cell r="F1748" t="str">
            <v>大阪府大阪市西区西本町1-4-1 ｵﾘｯｸｽ本町ﾋﾞﾙ</v>
          </cell>
          <cell r="G1748" t="str">
            <v>大阪市</v>
          </cell>
          <cell r="H1748" t="str">
            <v/>
          </cell>
          <cell r="I1748" t="str">
            <v>代表取締役社長 立石　泰三</v>
          </cell>
          <cell r="J1748" t="str">
            <v>本店</v>
          </cell>
          <cell r="K1748" t="str">
            <v>06-6110-7201</v>
          </cell>
          <cell r="L1748" t="str">
            <v>eigyo@hex-eng.co.jp</v>
          </cell>
          <cell r="M1748" t="str">
            <v>ﾊﾝｼﾝｺｳｿｸｷﾞｼﾞﾕﾂ</v>
          </cell>
          <cell r="N1748" t="str">
            <v>無</v>
          </cell>
          <cell r="O1748">
            <v>12</v>
          </cell>
          <cell r="P1748">
            <v>257</v>
          </cell>
          <cell r="Q1748">
            <v>8120001112378</v>
          </cell>
          <cell r="R1748">
            <v>80000</v>
          </cell>
          <cell r="S1748">
            <v>2815800</v>
          </cell>
          <cell r="T1748">
            <v>23341698</v>
          </cell>
          <cell r="V1748" t="str">
            <v>mf424141</v>
          </cell>
          <cell r="W1748" t="str">
            <v>zj515044</v>
          </cell>
          <cell r="Y1748" t="str">
            <v>鋼構,道路,施行,</v>
          </cell>
          <cell r="Z1748" t="str">
            <v/>
          </cell>
          <cell r="AA1748" t="str">
            <v/>
          </cell>
          <cell r="AB1748">
            <v>3095108</v>
          </cell>
          <cell r="AC1748" t="str">
            <v/>
          </cell>
          <cell r="AD1748" t="str">
            <v/>
          </cell>
          <cell r="AE1748" t="str">
            <v/>
          </cell>
          <cell r="AF1748" t="str">
            <v/>
          </cell>
          <cell r="AI1748">
            <v>3</v>
          </cell>
          <cell r="AJ1748" t="str">
            <v>土木</v>
          </cell>
        </row>
        <row r="1749">
          <cell r="B1749">
            <v>6176</v>
          </cell>
          <cell r="C1749" t="str">
            <v>(株)汎設計</v>
          </cell>
          <cell r="D1749" t="str">
            <v>06-6949-4951</v>
          </cell>
          <cell r="E1749" t="str">
            <v>650-0032</v>
          </cell>
          <cell r="F1749" t="str">
            <v>大阪府大阪市谷町3-1-25</v>
          </cell>
          <cell r="G1749" t="str">
            <v>大阪市</v>
          </cell>
          <cell r="H1749" t="str">
            <v/>
          </cell>
          <cell r="I1749" t="str">
            <v>代表取締役　 犬伏　淳</v>
          </cell>
          <cell r="J1749" t="str">
            <v>本店</v>
          </cell>
          <cell r="K1749" t="str">
            <v>06-6949-4953</v>
          </cell>
          <cell r="L1749" t="str">
            <v>nyuusatsu@han-sekkei.com</v>
          </cell>
          <cell r="M1749" t="str">
            <v>ﾊﾝｾﾂｹｲ</v>
          </cell>
          <cell r="N1749" t="str">
            <v>無</v>
          </cell>
          <cell r="O1749">
            <v>45</v>
          </cell>
          <cell r="P1749">
            <v>24</v>
          </cell>
          <cell r="Q1749">
            <v>4120001087574</v>
          </cell>
          <cell r="R1749">
            <v>15000</v>
          </cell>
          <cell r="S1749">
            <v>102081</v>
          </cell>
          <cell r="T1749">
            <v>331314</v>
          </cell>
          <cell r="V1749" t="str">
            <v>fv142714</v>
          </cell>
          <cell r="W1749" t="str">
            <v>yv214250</v>
          </cell>
          <cell r="Y1749" t="str">
            <v>建築,意匠,構造,建積,調査,</v>
          </cell>
          <cell r="Z1749" t="str">
            <v/>
          </cell>
          <cell r="AA1749">
            <v>331314</v>
          </cell>
          <cell r="AB1749" t="str">
            <v/>
          </cell>
          <cell r="AC1749" t="str">
            <v/>
          </cell>
          <cell r="AD1749" t="str">
            <v/>
          </cell>
          <cell r="AE1749" t="str">
            <v/>
          </cell>
          <cell r="AF1749" t="str">
            <v/>
          </cell>
          <cell r="AI1749">
            <v>2</v>
          </cell>
          <cell r="AJ1749" t="str">
            <v>建築</v>
          </cell>
        </row>
        <row r="1750">
          <cell r="B1750">
            <v>6177</v>
          </cell>
          <cell r="C1750" t="str">
            <v>(株)バンス</v>
          </cell>
          <cell r="D1750" t="str">
            <v>078-341-1303</v>
          </cell>
          <cell r="E1750" t="str">
            <v>650-0012</v>
          </cell>
          <cell r="F1750" t="str">
            <v>兵庫県神戸市中央区北長狭通5-1-2</v>
          </cell>
          <cell r="G1750" t="str">
            <v>姫路市</v>
          </cell>
          <cell r="H1750" t="str">
            <v>神戸営業所</v>
          </cell>
          <cell r="I1750" t="str">
            <v>神戸営業所所長 片山　裕貴</v>
          </cell>
          <cell r="J1750" t="str">
            <v>兵庫県姫路市</v>
          </cell>
          <cell r="K1750" t="str">
            <v>079-222-5554</v>
          </cell>
          <cell r="L1750" t="str">
            <v>info@bansu.co.jp</v>
          </cell>
          <cell r="M1750" t="str">
            <v>ﾊﾞﾝｽ</v>
          </cell>
          <cell r="N1750" t="str">
            <v>有</v>
          </cell>
          <cell r="O1750">
            <v>43</v>
          </cell>
          <cell r="P1750">
            <v>28</v>
          </cell>
          <cell r="Q1750">
            <v>8140001060724</v>
          </cell>
          <cell r="R1750">
            <v>30000</v>
          </cell>
          <cell r="S1750">
            <v>36127</v>
          </cell>
          <cell r="T1750">
            <v>168654</v>
          </cell>
          <cell r="V1750" t="str">
            <v>nk633568</v>
          </cell>
          <cell r="W1750" t="str">
            <v>sa720787</v>
          </cell>
          <cell r="Y1750" t="str">
            <v>測量,測量,航空,建築,土質,鋼構,河川,道路,施行,地質,造園,都市,スポ,環境,土調,物件,損失,補償,地質,水質,大気,騒音,交通,</v>
          </cell>
          <cell r="Z1750">
            <v>60715</v>
          </cell>
          <cell r="AA1750" t="str">
            <v/>
          </cell>
          <cell r="AB1750">
            <v>84327</v>
          </cell>
          <cell r="AC1750">
            <v>20238</v>
          </cell>
          <cell r="AD1750" t="str">
            <v/>
          </cell>
          <cell r="AE1750" t="str">
            <v>地質調査</v>
          </cell>
          <cell r="AF1750">
            <v>3374</v>
          </cell>
          <cell r="AI1750">
            <v>3</v>
          </cell>
          <cell r="AJ1750" t="str">
            <v>土木</v>
          </cell>
        </row>
        <row r="1751">
          <cell r="B1751">
            <v>6186</v>
          </cell>
          <cell r="C1751" t="str">
            <v>阪急設計コンサルタント(株)</v>
          </cell>
          <cell r="D1751" t="str">
            <v>078-579-3675</v>
          </cell>
          <cell r="E1751" t="str">
            <v>652-0803</v>
          </cell>
          <cell r="F1751" t="str">
            <v>兵庫県神戸市兵庫区大開通1-1-1</v>
          </cell>
          <cell r="G1751" t="str">
            <v>大阪市</v>
          </cell>
          <cell r="H1751" t="str">
            <v>神戸営業所</v>
          </cell>
          <cell r="I1751" t="str">
            <v>神戸営業所長 村上　雅一</v>
          </cell>
          <cell r="J1751" t="str">
            <v>大阪府大阪市</v>
          </cell>
          <cell r="K1751" t="str">
            <v>078-577-1606</v>
          </cell>
          <cell r="L1751" t="str">
            <v>hankyusekkei-eigyou@sekkei.hankyu.co.jp</v>
          </cell>
          <cell r="M1751" t="str">
            <v>ﾊﾝｷｭｳｾｯｹｲｺﾝｻﾙﾀﾝﾄ</v>
          </cell>
          <cell r="N1751" t="str">
            <v>有</v>
          </cell>
          <cell r="O1751">
            <v>57</v>
          </cell>
          <cell r="P1751">
            <v>181</v>
          </cell>
          <cell r="Q1751">
            <v>3120001060342</v>
          </cell>
          <cell r="R1751">
            <v>65000</v>
          </cell>
          <cell r="S1751">
            <v>3279054</v>
          </cell>
          <cell r="T1751">
            <v>3546019</v>
          </cell>
          <cell r="V1751" t="str">
            <v>qm783641</v>
          </cell>
          <cell r="W1751" t="str">
            <v>fv142714</v>
          </cell>
          <cell r="Y1751" t="str">
            <v>測量,意匠,構造,冷暖,衛生,電気,建積,機積,電積,調査,土質,鋼構,河川,施行,建機,下水,都市,スポ,土調,交通,商業,</v>
          </cell>
          <cell r="Z1751" t="str">
            <v/>
          </cell>
          <cell r="AA1751">
            <v>47397</v>
          </cell>
          <cell r="AB1751">
            <v>1346520</v>
          </cell>
          <cell r="AC1751">
            <v>1903607</v>
          </cell>
          <cell r="AD1751" t="str">
            <v/>
          </cell>
          <cell r="AE1751" t="str">
            <v/>
          </cell>
          <cell r="AF1751" t="str">
            <v/>
          </cell>
          <cell r="AI1751">
            <v>4</v>
          </cell>
          <cell r="AJ1751" t="str">
            <v>補償</v>
          </cell>
        </row>
        <row r="1752">
          <cell r="B1752">
            <v>6187</v>
          </cell>
          <cell r="C1752" t="str">
            <v>(株)阪南コーポレーション</v>
          </cell>
          <cell r="D1752" t="str">
            <v>072-938-2010</v>
          </cell>
          <cell r="E1752" t="str">
            <v>583-0871</v>
          </cell>
          <cell r="F1752" t="str">
            <v>大阪府羽曳野市野々上3-7-23</v>
          </cell>
          <cell r="G1752" t="str">
            <v>羽曳野市</v>
          </cell>
          <cell r="H1752" t="str">
            <v/>
          </cell>
          <cell r="I1752" t="str">
            <v>代表取締役社長 巻野　富勇</v>
          </cell>
          <cell r="J1752" t="str">
            <v>本店</v>
          </cell>
          <cell r="K1752" t="str">
            <v>072-952-0809</v>
          </cell>
          <cell r="L1752" t="str">
            <v>soumu@hannan-corp.com</v>
          </cell>
          <cell r="M1752" t="str">
            <v>ﾊﾝﾅﾝｺｰﾎﾟﾚｰｼｮﾝ</v>
          </cell>
          <cell r="N1752" t="str">
            <v>無</v>
          </cell>
          <cell r="O1752">
            <v>53</v>
          </cell>
          <cell r="P1752">
            <v>467</v>
          </cell>
          <cell r="Q1752">
            <v>5120101033675</v>
          </cell>
          <cell r="R1752">
            <v>40000</v>
          </cell>
          <cell r="S1752">
            <v>4540568</v>
          </cell>
          <cell r="T1752">
            <v>5423431</v>
          </cell>
          <cell r="V1752" t="str">
            <v>my506742</v>
          </cell>
          <cell r="W1752" t="str">
            <v>nk633568</v>
          </cell>
          <cell r="Y1752" t="str">
            <v/>
          </cell>
          <cell r="Z1752">
            <v>653750</v>
          </cell>
          <cell r="AA1752">
            <v>152831</v>
          </cell>
          <cell r="AB1752">
            <v>412667</v>
          </cell>
          <cell r="AC1752" t="str">
            <v/>
          </cell>
          <cell r="AD1752" t="str">
            <v>その他</v>
          </cell>
          <cell r="AE1752" t="str">
            <v>その他</v>
          </cell>
          <cell r="AF1752">
            <v>653750</v>
          </cell>
          <cell r="AI1752" t="str">
            <v>建築</v>
          </cell>
          <cell r="AJ1752" t="str">
            <v>大阪府</v>
          </cell>
        </row>
        <row r="1753">
          <cell r="B1753">
            <v>6188</v>
          </cell>
          <cell r="C1753" t="str">
            <v>(株)原田測量設計</v>
          </cell>
          <cell r="D1753" t="str">
            <v>078-937-0514</v>
          </cell>
          <cell r="E1753" t="str">
            <v>674-0063</v>
          </cell>
          <cell r="F1753" t="str">
            <v>兵庫県明石市大久保町八木105-4</v>
          </cell>
          <cell r="G1753" t="str">
            <v>明石市</v>
          </cell>
          <cell r="H1753" t="str">
            <v/>
          </cell>
          <cell r="I1753" t="str">
            <v>代表取締役 原田　和摩</v>
          </cell>
          <cell r="J1753" t="str">
            <v>本店</v>
          </cell>
          <cell r="K1753" t="str">
            <v>078-937-0516</v>
          </cell>
          <cell r="L1753" t="str">
            <v>m-tsuchiya@haradasokuryou.com</v>
          </cell>
          <cell r="M1753" t="str">
            <v>ﾊﾗﾀﾞｿｸﾘｮｳｾｯｹｲ</v>
          </cell>
          <cell r="N1753" t="str">
            <v>無</v>
          </cell>
          <cell r="O1753">
            <v>50</v>
          </cell>
          <cell r="P1753">
            <v>7</v>
          </cell>
          <cell r="Q1753">
            <v>8140001035362</v>
          </cell>
          <cell r="R1753">
            <v>30000</v>
          </cell>
          <cell r="S1753">
            <v>14505</v>
          </cell>
          <cell r="T1753">
            <v>84077</v>
          </cell>
          <cell r="V1753" t="str">
            <v>sg101237</v>
          </cell>
          <cell r="W1753" t="str">
            <v>dd158132</v>
          </cell>
          <cell r="Y1753" t="str">
            <v/>
          </cell>
          <cell r="Z1753" t="str">
            <v/>
          </cell>
          <cell r="AA1753" t="str">
            <v/>
          </cell>
          <cell r="AB1753" t="str">
            <v/>
          </cell>
          <cell r="AC1753" t="str">
            <v/>
          </cell>
          <cell r="AD1753" t="str">
            <v/>
          </cell>
          <cell r="AE1753" t="str">
            <v/>
          </cell>
          <cell r="AF1753" t="str">
            <v/>
          </cell>
          <cell r="AI1753" t="str">
            <v>測量</v>
          </cell>
          <cell r="AJ1753" t="str">
            <v>兵庫県</v>
          </cell>
        </row>
        <row r="1754">
          <cell r="B1754">
            <v>6189</v>
          </cell>
          <cell r="C1754" t="str">
            <v>(株)姫路建築事務所</v>
          </cell>
          <cell r="D1754" t="str">
            <v>079-288-0816</v>
          </cell>
          <cell r="E1754" t="str">
            <v>670-0943</v>
          </cell>
          <cell r="F1754" t="str">
            <v>兵庫県姫路市市之郷902</v>
          </cell>
          <cell r="G1754" t="str">
            <v>姫路市</v>
          </cell>
          <cell r="H1754" t="str">
            <v/>
          </cell>
          <cell r="I1754" t="str">
            <v>代表取締役 大西　達之</v>
          </cell>
          <cell r="J1754" t="str">
            <v>本店</v>
          </cell>
          <cell r="K1754" t="str">
            <v>079-289-3350</v>
          </cell>
          <cell r="L1754" t="str">
            <v>himeken@memenet.or.jp</v>
          </cell>
          <cell r="M1754" t="str">
            <v>ﾋﾒｼﾞｹﾝﾁｸｼﾞﾑｼｮ</v>
          </cell>
          <cell r="N1754" t="str">
            <v>無</v>
          </cell>
          <cell r="O1754">
            <v>45</v>
          </cell>
          <cell r="P1754">
            <v>7</v>
          </cell>
          <cell r="Q1754">
            <v>1140001060920</v>
          </cell>
          <cell r="R1754">
            <v>10000</v>
          </cell>
          <cell r="S1754">
            <v>15917</v>
          </cell>
          <cell r="T1754">
            <v>62225</v>
          </cell>
          <cell r="V1754" t="str">
            <v>xn566833</v>
          </cell>
          <cell r="W1754" t="str">
            <v>ea606878</v>
          </cell>
          <cell r="Y1754" t="str">
            <v>建築,意匠,構造,冷暖,衛生,電気,建積,機積,電積,調査,</v>
          </cell>
          <cell r="Z1754" t="str">
            <v/>
          </cell>
          <cell r="AA1754">
            <v>59047</v>
          </cell>
          <cell r="AB1754" t="str">
            <v/>
          </cell>
          <cell r="AC1754" t="str">
            <v/>
          </cell>
          <cell r="AD1754" t="str">
            <v/>
          </cell>
          <cell r="AE1754" t="str">
            <v/>
          </cell>
          <cell r="AF1754" t="str">
            <v/>
          </cell>
          <cell r="AI1754">
            <v>2</v>
          </cell>
          <cell r="AJ1754" t="str">
            <v>建築</v>
          </cell>
        </row>
        <row r="1755">
          <cell r="B1755">
            <v>6192</v>
          </cell>
          <cell r="C1755" t="str">
            <v>(株)ピーエムコンサルタント</v>
          </cell>
          <cell r="D1755" t="str">
            <v>078-291-6224</v>
          </cell>
          <cell r="E1755" t="str">
            <v>651-0085</v>
          </cell>
          <cell r="F1755" t="str">
            <v>兵庫県神戸市中央区八幡通3-2-5</v>
          </cell>
          <cell r="G1755" t="str">
            <v>大阪市</v>
          </cell>
          <cell r="H1755" t="str">
            <v>神戸支店</v>
          </cell>
          <cell r="I1755" t="str">
            <v>支店長 竹本　政之輔</v>
          </cell>
          <cell r="J1755" t="str">
            <v>大阪府大阪市</v>
          </cell>
          <cell r="K1755" t="str">
            <v>078-291-6225</v>
          </cell>
          <cell r="L1755" t="str">
            <v>mail@pm-con.co.jp</v>
          </cell>
          <cell r="M1755" t="str">
            <v>ﾋﾟｰｴﾑｺﾝｻﾙﾀﾝﾄ</v>
          </cell>
          <cell r="N1755" t="str">
            <v>有</v>
          </cell>
          <cell r="O1755">
            <v>28</v>
          </cell>
          <cell r="P1755">
            <v>98</v>
          </cell>
          <cell r="Q1755">
            <v>3120001087666</v>
          </cell>
          <cell r="R1755">
            <v>70000</v>
          </cell>
          <cell r="S1755">
            <v>182489</v>
          </cell>
          <cell r="T1755">
            <v>956055</v>
          </cell>
          <cell r="V1755" t="str">
            <v>ea606878</v>
          </cell>
          <cell r="W1755" t="str">
            <v>ws740052</v>
          </cell>
          <cell r="Y1755" t="str">
            <v>測量,測量,航空,鋼構,河川,道路,施行,都市,土他,</v>
          </cell>
          <cell r="Z1755">
            <v>7436</v>
          </cell>
          <cell r="AA1755" t="str">
            <v/>
          </cell>
          <cell r="AB1755">
            <v>874130</v>
          </cell>
          <cell r="AC1755" t="str">
            <v/>
          </cell>
          <cell r="AD1755" t="str">
            <v/>
          </cell>
          <cell r="AE1755" t="str">
            <v/>
          </cell>
          <cell r="AF1755" t="str">
            <v/>
          </cell>
          <cell r="AI1755">
            <v>3</v>
          </cell>
          <cell r="AJ1755" t="str">
            <v>土木</v>
          </cell>
        </row>
        <row r="1756">
          <cell r="B1756">
            <v>6198</v>
          </cell>
          <cell r="C1756" t="str">
            <v>(株)日立建設設計</v>
          </cell>
          <cell r="D1756" t="str">
            <v>06-6228-3011</v>
          </cell>
          <cell r="E1756" t="str">
            <v>530-0005</v>
          </cell>
          <cell r="F1756" t="str">
            <v>大阪府大阪市北区中之島2-3-18</v>
          </cell>
          <cell r="H1756" t="str">
            <v>西日本支社</v>
          </cell>
          <cell r="I1756" t="str">
            <v>支社長 鈴木　伸吾</v>
          </cell>
          <cell r="J1756" t="str">
            <v>東京都</v>
          </cell>
          <cell r="K1756" t="str">
            <v>06-6228-1955</v>
          </cell>
          <cell r="L1756" t="str">
            <v>sobuea@hae.co.jp</v>
          </cell>
          <cell r="M1756" t="str">
            <v>ﾋﾀﾁｹﾝｾﾂｾｯｹｲ</v>
          </cell>
          <cell r="N1756" t="str">
            <v>有</v>
          </cell>
          <cell r="O1756">
            <v>57</v>
          </cell>
          <cell r="P1756">
            <v>293</v>
          </cell>
          <cell r="Q1756">
            <v>7010001027010</v>
          </cell>
          <cell r="R1756">
            <v>300000</v>
          </cell>
          <cell r="S1756">
            <v>2276436</v>
          </cell>
          <cell r="T1756">
            <v>6253617</v>
          </cell>
          <cell r="V1756" t="str">
            <v>ts394663</v>
          </cell>
          <cell r="W1756" t="str">
            <v>pf511936</v>
          </cell>
          <cell r="Y1756" t="str">
            <v>建築,</v>
          </cell>
          <cell r="Z1756" t="str">
            <v/>
          </cell>
          <cell r="AA1756">
            <v>5475609</v>
          </cell>
          <cell r="AB1756" t="str">
            <v/>
          </cell>
          <cell r="AC1756" t="str">
            <v/>
          </cell>
          <cell r="AD1756" t="str">
            <v/>
          </cell>
          <cell r="AE1756" t="str">
            <v/>
          </cell>
          <cell r="AF1756" t="str">
            <v/>
          </cell>
          <cell r="AI1756">
            <v>2</v>
          </cell>
          <cell r="AJ1756" t="str">
            <v>建築</v>
          </cell>
        </row>
        <row r="1757">
          <cell r="B1757">
            <v>6200</v>
          </cell>
          <cell r="C1757" t="str">
            <v>(公財)ひょうご環境創造協会</v>
          </cell>
          <cell r="D1757" t="str">
            <v>078-735-2737</v>
          </cell>
          <cell r="E1757" t="str">
            <v>654-0037</v>
          </cell>
          <cell r="F1757" t="str">
            <v>兵庫県神戸市須磨区行平町3-1-18</v>
          </cell>
          <cell r="G1757" t="str">
            <v>神戸市</v>
          </cell>
          <cell r="H1757" t="str">
            <v/>
          </cell>
          <cell r="I1757" t="str">
            <v>理事長 秋山　和裕</v>
          </cell>
          <cell r="J1757" t="str">
            <v>本店</v>
          </cell>
          <cell r="K1757" t="str">
            <v>078-735-2292</v>
          </cell>
          <cell r="L1757" t="str">
            <v>webmaster@eco-hyogo.jp</v>
          </cell>
          <cell r="M1757" t="str">
            <v>ﾋｮｳｺﾞｶﾝｷｮｳｿｳｿﾞｳｷｮｳｶｲ</v>
          </cell>
          <cell r="N1757" t="str">
            <v>無</v>
          </cell>
          <cell r="O1757">
            <v>46</v>
          </cell>
          <cell r="P1757">
            <v>156</v>
          </cell>
          <cell r="Q1757">
            <v>8140005001658</v>
          </cell>
          <cell r="R1757">
            <v>5526698</v>
          </cell>
          <cell r="S1757">
            <v>5526698</v>
          </cell>
          <cell r="T1757">
            <v>454274</v>
          </cell>
          <cell r="V1757" t="str">
            <v>vb827445</v>
          </cell>
          <cell r="W1757" t="str">
            <v>pv816357</v>
          </cell>
          <cell r="Y1757" t="str">
            <v>環境,土他,水質,大気,騒音,交通,調他</v>
          </cell>
          <cell r="Z1757" t="str">
            <v/>
          </cell>
          <cell r="AA1757" t="str">
            <v/>
          </cell>
          <cell r="AB1757">
            <v>67921</v>
          </cell>
          <cell r="AC1757" t="str">
            <v/>
          </cell>
          <cell r="AD1757">
            <v>416984</v>
          </cell>
          <cell r="AE1757" t="str">
            <v/>
          </cell>
          <cell r="AF1757" t="str">
            <v/>
          </cell>
          <cell r="AI1757">
            <v>5</v>
          </cell>
          <cell r="AJ1757" t="str">
            <v>調査</v>
          </cell>
        </row>
        <row r="1758">
          <cell r="B1758">
            <v>6201</v>
          </cell>
          <cell r="C1758" t="str">
            <v>(公社)兵庫県公共嘱託登記土地家屋調査士協会</v>
          </cell>
          <cell r="D1758" t="str">
            <v>078-371-4630</v>
          </cell>
          <cell r="E1758" t="str">
            <v>650-0011</v>
          </cell>
          <cell r="F1758" t="str">
            <v>兵庫県神戸市中央区下山手通5-7-6</v>
          </cell>
          <cell r="G1758" t="str">
            <v>神戸市</v>
          </cell>
          <cell r="H1758" t="str">
            <v/>
          </cell>
          <cell r="I1758" t="str">
            <v>理事長　 堀　次夫</v>
          </cell>
          <cell r="J1758" t="str">
            <v>本店</v>
          </cell>
          <cell r="K1758" t="str">
            <v>078-371-4631</v>
          </cell>
          <cell r="L1758" t="str">
            <v>webmaster@hyogo-koushoku.or.jp</v>
          </cell>
          <cell r="M1758" t="str">
            <v>ﾋｮｳｺﾞｹﾝｺｳｷｮｳｼｮｸﾀｸﾄｳｷﾄﾁｶｵｸﾁｮｳｻｼｷｮｳｶｲ</v>
          </cell>
          <cell r="N1758" t="str">
            <v>無</v>
          </cell>
          <cell r="O1758">
            <v>32</v>
          </cell>
          <cell r="P1758">
            <v>253</v>
          </cell>
          <cell r="Q1758">
            <v>2140005001515</v>
          </cell>
          <cell r="R1758">
            <v>261661</v>
          </cell>
          <cell r="S1758">
            <v>233477</v>
          </cell>
          <cell r="T1758">
            <v>670602</v>
          </cell>
          <cell r="V1758" t="str">
            <v>fx879426</v>
          </cell>
          <cell r="W1758" t="str">
            <v>mg250798</v>
          </cell>
          <cell r="Y1758" t="str">
            <v>登記,</v>
          </cell>
          <cell r="Z1758" t="str">
            <v/>
          </cell>
          <cell r="AA1758" t="str">
            <v/>
          </cell>
          <cell r="AB1758" t="str">
            <v/>
          </cell>
          <cell r="AC1758">
            <v>670602</v>
          </cell>
          <cell r="AD1758" t="str">
            <v/>
          </cell>
          <cell r="AE1758" t="str">
            <v/>
          </cell>
          <cell r="AF1758" t="str">
            <v/>
          </cell>
          <cell r="AI1758">
            <v>4</v>
          </cell>
          <cell r="AJ1758" t="str">
            <v>補償</v>
          </cell>
        </row>
        <row r="1759">
          <cell r="B1759">
            <v>6202</v>
          </cell>
          <cell r="C1759" t="str">
            <v>(公社)兵庫県不動産鑑定士協会</v>
          </cell>
          <cell r="D1759" t="str">
            <v>078-325-1023</v>
          </cell>
          <cell r="E1759" t="str">
            <v>669-3811</v>
          </cell>
          <cell r="F1759" t="str">
            <v>兵庫県神戸市中央区下山手通3-12-1 ﾄｱ山手ﾌﾟﾗｻﾞ807号</v>
          </cell>
          <cell r="G1759" t="str">
            <v>神戸市</v>
          </cell>
          <cell r="H1759" t="str">
            <v/>
          </cell>
          <cell r="I1759" t="str">
            <v>会長 多田　敏章</v>
          </cell>
          <cell r="J1759" t="str">
            <v>本店</v>
          </cell>
          <cell r="K1759" t="str">
            <v>078-325-1022</v>
          </cell>
          <cell r="L1759" t="str">
            <v/>
          </cell>
          <cell r="M1759" t="str">
            <v>ﾋﾖｳｺﾞｹﾝﾌﾄﾞｳｻﾝｶﾝﾃｲｼｷﾖｳｶｲ</v>
          </cell>
          <cell r="N1759" t="str">
            <v>無</v>
          </cell>
          <cell r="O1759">
            <v>52</v>
          </cell>
          <cell r="P1759">
            <v>4</v>
          </cell>
          <cell r="Q1759">
            <v>8140005020212</v>
          </cell>
          <cell r="R1759">
            <v>0</v>
          </cell>
          <cell r="S1759">
            <v>0</v>
          </cell>
          <cell r="T1759">
            <v>209572</v>
          </cell>
          <cell r="V1759" t="str">
            <v>zc559900</v>
          </cell>
          <cell r="W1759" t="str">
            <v>ba820976</v>
          </cell>
          <cell r="Y1759" t="str">
            <v>鑑定,</v>
          </cell>
          <cell r="Z1759" t="str">
            <v/>
          </cell>
          <cell r="AA1759" t="str">
            <v/>
          </cell>
          <cell r="AB1759" t="str">
            <v/>
          </cell>
          <cell r="AC1759">
            <v>645258</v>
          </cell>
          <cell r="AD1759" t="str">
            <v/>
          </cell>
          <cell r="AE1759" t="str">
            <v/>
          </cell>
          <cell r="AF1759" t="str">
            <v/>
          </cell>
          <cell r="AI1759">
            <v>4</v>
          </cell>
          <cell r="AJ1759" t="str">
            <v>補償</v>
          </cell>
        </row>
        <row r="1760">
          <cell r="B1760">
            <v>6204</v>
          </cell>
          <cell r="C1760" t="str">
            <v>(株)兵庫測量設計事務所</v>
          </cell>
          <cell r="D1760" t="str">
            <v>078-578-2731</v>
          </cell>
          <cell r="E1760" t="str">
            <v>652-0801</v>
          </cell>
          <cell r="F1760" t="str">
            <v>兵庫県神戸市兵庫区中道通9-2-5</v>
          </cell>
          <cell r="G1760" t="str">
            <v>神戸市</v>
          </cell>
          <cell r="H1760" t="str">
            <v/>
          </cell>
          <cell r="I1760" t="str">
            <v>代表取締役 潭田　伸司</v>
          </cell>
          <cell r="J1760" t="str">
            <v>本店</v>
          </cell>
          <cell r="K1760" t="str">
            <v>078-578-2733</v>
          </cell>
          <cell r="L1760" t="str">
            <v>hyousoku@ybb.ne.jp</v>
          </cell>
          <cell r="M1760" t="str">
            <v>ﾋｮｳｺﾞｿｸﾘｮｳｾｯｹｲｼﾞﾑｼｮ</v>
          </cell>
          <cell r="N1760" t="str">
            <v>無</v>
          </cell>
          <cell r="O1760">
            <v>48</v>
          </cell>
          <cell r="P1760">
            <v>8</v>
          </cell>
          <cell r="Q1760">
            <v>4140001014709</v>
          </cell>
          <cell r="R1760">
            <v>13720</v>
          </cell>
          <cell r="S1760">
            <v>45102</v>
          </cell>
          <cell r="T1760">
            <v>25022</v>
          </cell>
          <cell r="V1760" t="str">
            <v>ya674853</v>
          </cell>
          <cell r="W1760" t="str">
            <v>vw901828</v>
          </cell>
          <cell r="Y1760" t="str">
            <v>測量,河川,道路,都市,土調,</v>
          </cell>
          <cell r="Z1760">
            <v>22101</v>
          </cell>
          <cell r="AA1760" t="str">
            <v/>
          </cell>
          <cell r="AB1760">
            <v>920</v>
          </cell>
          <cell r="AC1760">
            <v>2001</v>
          </cell>
          <cell r="AD1760" t="str">
            <v/>
          </cell>
          <cell r="AE1760" t="str">
            <v/>
          </cell>
          <cell r="AF1760" t="str">
            <v/>
          </cell>
          <cell r="AI1760">
            <v>1</v>
          </cell>
          <cell r="AJ1760" t="str">
            <v>測量</v>
          </cell>
        </row>
        <row r="1761">
          <cell r="B1761">
            <v>6205</v>
          </cell>
          <cell r="C1761" t="str">
            <v>(株)兵庫分析センター</v>
          </cell>
          <cell r="D1761" t="str">
            <v>079-236-9446</v>
          </cell>
          <cell r="E1761" t="str">
            <v>671-1116</v>
          </cell>
          <cell r="F1761" t="str">
            <v>兵庫県姫路市広畑区正門通4-10-8</v>
          </cell>
          <cell r="G1761" t="str">
            <v>姫路市</v>
          </cell>
          <cell r="H1761" t="str">
            <v/>
          </cell>
          <cell r="I1761" t="str">
            <v>代表取締役 石井　哲人</v>
          </cell>
          <cell r="J1761" t="str">
            <v>本店</v>
          </cell>
          <cell r="K1761" t="str">
            <v>079-230-0220</v>
          </cell>
          <cell r="L1761" t="str">
            <v>hac@hyobun.co.jp</v>
          </cell>
          <cell r="M1761" t="str">
            <v>ﾋｮｳｺﾞﾌﾞﾝｾｷｾﾝﾀｰ</v>
          </cell>
          <cell r="N1761" t="str">
            <v>無</v>
          </cell>
          <cell r="O1761">
            <v>43</v>
          </cell>
          <cell r="P1761">
            <v>82</v>
          </cell>
          <cell r="Q1761">
            <v>6140001061170</v>
          </cell>
          <cell r="R1761">
            <v>50000</v>
          </cell>
          <cell r="S1761">
            <v>297481</v>
          </cell>
          <cell r="T1761">
            <v>976918</v>
          </cell>
          <cell r="V1761" t="str">
            <v>ft859966</v>
          </cell>
          <cell r="W1761" t="str">
            <v>cv682455</v>
          </cell>
          <cell r="Y1761" t="str">
            <v>土他,地質,水質,大気,騒音,交通,調他</v>
          </cell>
          <cell r="Z1761" t="str">
            <v/>
          </cell>
          <cell r="AA1761" t="str">
            <v/>
          </cell>
          <cell r="AB1761" t="str">
            <v/>
          </cell>
          <cell r="AC1761" t="str">
            <v/>
          </cell>
          <cell r="AD1761">
            <v>763579</v>
          </cell>
          <cell r="AE1761" t="str">
            <v>その他</v>
          </cell>
          <cell r="AF1761">
            <v>213339</v>
          </cell>
          <cell r="AI1761">
            <v>5</v>
          </cell>
          <cell r="AJ1761" t="str">
            <v>調査</v>
          </cell>
        </row>
        <row r="1762">
          <cell r="B1762">
            <v>6206</v>
          </cell>
          <cell r="C1762" t="str">
            <v>(株)日吉</v>
          </cell>
          <cell r="D1762" t="str">
            <v>0748-32-5111</v>
          </cell>
          <cell r="E1762" t="str">
            <v>523-8555</v>
          </cell>
          <cell r="F1762" t="str">
            <v>滋賀県近江八幡市北之庄町908</v>
          </cell>
          <cell r="G1762" t="str">
            <v>近江八幡市</v>
          </cell>
          <cell r="H1762" t="str">
            <v/>
          </cell>
          <cell r="I1762" t="str">
            <v>代表取締役 村田　弘司</v>
          </cell>
          <cell r="J1762" t="str">
            <v>本店</v>
          </cell>
          <cell r="K1762" t="str">
            <v>0748-32-3339</v>
          </cell>
          <cell r="L1762" t="str">
            <v>soumu@hiyoshi-es.co.jp</v>
          </cell>
          <cell r="M1762" t="str">
            <v>ﾋﾖｼ</v>
          </cell>
          <cell r="N1762" t="str">
            <v>無</v>
          </cell>
          <cell r="O1762">
            <v>60</v>
          </cell>
          <cell r="P1762">
            <v>284</v>
          </cell>
          <cell r="Q1762">
            <v>4160001010945</v>
          </cell>
          <cell r="R1762">
            <v>20000</v>
          </cell>
          <cell r="S1762">
            <v>6095320</v>
          </cell>
          <cell r="T1762">
            <v>7006343</v>
          </cell>
          <cell r="V1762" t="str">
            <v>hu902762</v>
          </cell>
          <cell r="W1762" t="str">
            <v>pk915452</v>
          </cell>
          <cell r="Y1762" t="str">
            <v>水質,大気,騒音,調他</v>
          </cell>
          <cell r="Z1762" t="str">
            <v/>
          </cell>
          <cell r="AA1762" t="str">
            <v/>
          </cell>
          <cell r="AB1762" t="str">
            <v/>
          </cell>
          <cell r="AC1762" t="str">
            <v/>
          </cell>
          <cell r="AD1762">
            <v>1042513</v>
          </cell>
          <cell r="AE1762" t="str">
            <v/>
          </cell>
          <cell r="AF1762" t="str">
            <v/>
          </cell>
          <cell r="AI1762">
            <v>5</v>
          </cell>
          <cell r="AJ1762" t="str">
            <v>調査</v>
          </cell>
        </row>
        <row r="1763">
          <cell r="B1763">
            <v>6208</v>
          </cell>
          <cell r="C1763" t="str">
            <v>平田建築設計(株)</v>
          </cell>
          <cell r="D1763" t="str">
            <v>0798-36-4510</v>
          </cell>
          <cell r="E1763" t="str">
            <v>650-0011</v>
          </cell>
          <cell r="F1763" t="str">
            <v>兵庫県西宮市戸田町5-16</v>
          </cell>
          <cell r="G1763" t="str">
            <v>西宮市</v>
          </cell>
          <cell r="H1763" t="str">
            <v/>
          </cell>
          <cell r="I1763" t="str">
            <v>代表取締役　 平田　裕之</v>
          </cell>
          <cell r="J1763" t="str">
            <v>本店</v>
          </cell>
          <cell r="K1763" t="str">
            <v>0798-36-5641</v>
          </cell>
          <cell r="L1763" t="str">
            <v>soumu@hiratanet.co.jp</v>
          </cell>
          <cell r="M1763" t="str">
            <v>ﾋﾗﾀｹﾝﾁｸｾﾂｹｲ</v>
          </cell>
          <cell r="N1763" t="str">
            <v>無</v>
          </cell>
          <cell r="O1763">
            <v>45</v>
          </cell>
          <cell r="P1763">
            <v>19</v>
          </cell>
          <cell r="Q1763">
            <v>4140001070132</v>
          </cell>
          <cell r="R1763">
            <v>10000</v>
          </cell>
          <cell r="S1763">
            <v>21409</v>
          </cell>
          <cell r="T1763">
            <v>185477</v>
          </cell>
          <cell r="V1763" t="str">
            <v>pc467195</v>
          </cell>
          <cell r="W1763" t="str">
            <v>cr849185</v>
          </cell>
          <cell r="Y1763" t="str">
            <v>建築,意匠,構造,冷暖,衛生,電気,建積,機積,電積,調査,</v>
          </cell>
          <cell r="Z1763" t="str">
            <v/>
          </cell>
          <cell r="AA1763">
            <v>197897</v>
          </cell>
          <cell r="AB1763" t="str">
            <v/>
          </cell>
          <cell r="AC1763" t="str">
            <v/>
          </cell>
          <cell r="AD1763" t="str">
            <v/>
          </cell>
          <cell r="AE1763" t="str">
            <v/>
          </cell>
          <cell r="AF1763" t="str">
            <v/>
          </cell>
          <cell r="AI1763">
            <v>2</v>
          </cell>
          <cell r="AJ1763" t="str">
            <v>建築</v>
          </cell>
        </row>
        <row r="1764">
          <cell r="B1764">
            <v>6209</v>
          </cell>
          <cell r="C1764" t="str">
            <v>(株)兵庫エンジニアリング</v>
          </cell>
          <cell r="D1764" t="str">
            <v>0795-74-0147</v>
          </cell>
          <cell r="E1764" t="str">
            <v>669-4133</v>
          </cell>
          <cell r="F1764" t="str">
            <v>兵庫県丹波市春日町平松412-1</v>
          </cell>
          <cell r="G1764" t="str">
            <v>丹波市</v>
          </cell>
          <cell r="H1764" t="str">
            <v/>
          </cell>
          <cell r="I1764" t="str">
            <v>代表取締役 吉森　誉</v>
          </cell>
          <cell r="J1764" t="str">
            <v>本店</v>
          </cell>
          <cell r="K1764" t="str">
            <v>0795-74-2858</v>
          </cell>
          <cell r="L1764" t="str">
            <v>info@hyogo-eng.co.jp</v>
          </cell>
          <cell r="M1764" t="str">
            <v>ﾋｮｳｺﾞｴﾝｼﾞﾆｱﾘﾝｸﾞ</v>
          </cell>
          <cell r="N1764" t="str">
            <v>無</v>
          </cell>
          <cell r="O1764">
            <v>57</v>
          </cell>
          <cell r="P1764">
            <v>13</v>
          </cell>
          <cell r="Q1764">
            <v>4140001041281</v>
          </cell>
          <cell r="R1764">
            <v>15000</v>
          </cell>
          <cell r="S1764">
            <v>30381</v>
          </cell>
          <cell r="T1764">
            <v>120812</v>
          </cell>
          <cell r="V1764" t="str">
            <v>yn610932</v>
          </cell>
          <cell r="W1764" t="str">
            <v>bh158685</v>
          </cell>
          <cell r="Y1764" t="str">
            <v>測量,測量,航空,鋼構,河川,道路,土他,土調,交通,</v>
          </cell>
          <cell r="Z1764">
            <v>38662</v>
          </cell>
          <cell r="AA1764" t="str">
            <v/>
          </cell>
          <cell r="AB1764">
            <v>77120</v>
          </cell>
          <cell r="AC1764">
            <v>5030</v>
          </cell>
          <cell r="AD1764" t="str">
            <v/>
          </cell>
          <cell r="AE1764" t="str">
            <v/>
          </cell>
          <cell r="AF1764" t="str">
            <v/>
          </cell>
          <cell r="AI1764">
            <v>3</v>
          </cell>
          <cell r="AJ1764" t="str">
            <v>土木</v>
          </cell>
        </row>
        <row r="1765">
          <cell r="B1765">
            <v>6232</v>
          </cell>
          <cell r="C1765" t="str">
            <v>(株)吹上技研コンサルタント</v>
          </cell>
          <cell r="D1765" t="str">
            <v>078-436-0151</v>
          </cell>
          <cell r="E1765" t="str">
            <v>658-0002</v>
          </cell>
          <cell r="F1765" t="str">
            <v>兵庫県神戸市東灘区甲南台2-18</v>
          </cell>
          <cell r="G1765" t="str">
            <v>京都市</v>
          </cell>
          <cell r="H1765" t="str">
            <v>神戸営業所</v>
          </cell>
          <cell r="I1765" t="str">
            <v>営業所長 中家　望</v>
          </cell>
          <cell r="J1765" t="str">
            <v>京都府京都市</v>
          </cell>
          <cell r="K1765" t="str">
            <v>078-436-0152</v>
          </cell>
          <cell r="L1765" t="str">
            <v>h-soumu@fukiage-c.co.jp</v>
          </cell>
          <cell r="M1765" t="str">
            <v>ﾌｷｱｹﾞｷﾞｹﾝｺﾝｻﾙﾀﾝﾄ</v>
          </cell>
          <cell r="N1765" t="str">
            <v>有</v>
          </cell>
          <cell r="O1765">
            <v>55</v>
          </cell>
          <cell r="P1765">
            <v>84</v>
          </cell>
          <cell r="Q1765">
            <v>9130001008616</v>
          </cell>
          <cell r="R1765">
            <v>51000</v>
          </cell>
          <cell r="S1765">
            <v>293890</v>
          </cell>
          <cell r="T1765">
            <v>1108876</v>
          </cell>
          <cell r="V1765" t="str">
            <v>st381681</v>
          </cell>
          <cell r="W1765" t="str">
            <v>ps848049</v>
          </cell>
          <cell r="Y1765" t="str">
            <v>測量,測量,航空,土質,鋼構,河川,道路,上水,下水,都市,土調,物件,地質,</v>
          </cell>
          <cell r="Z1765">
            <v>149901</v>
          </cell>
          <cell r="AA1765" t="str">
            <v/>
          </cell>
          <cell r="AB1765">
            <v>907183</v>
          </cell>
          <cell r="AC1765">
            <v>19483</v>
          </cell>
          <cell r="AD1765" t="str">
            <v/>
          </cell>
          <cell r="AE1765" t="str">
            <v>地質調査</v>
          </cell>
          <cell r="AF1765">
            <v>32309</v>
          </cell>
          <cell r="AI1765">
            <v>3</v>
          </cell>
          <cell r="AJ1765" t="str">
            <v>土木</v>
          </cell>
        </row>
        <row r="1766">
          <cell r="B1766">
            <v>6233</v>
          </cell>
          <cell r="C1766" t="str">
            <v>(株)婦木建築設備事務所</v>
          </cell>
          <cell r="D1766" t="str">
            <v>078-261-2926</v>
          </cell>
          <cell r="E1766" t="str">
            <v>651-0083</v>
          </cell>
          <cell r="F1766" t="str">
            <v>兵庫県神戸市中央区浜辺通5-1-14神戸商工貿易ｾﾝﾀｰﾋﾞﾙ</v>
          </cell>
          <cell r="G1766" t="str">
            <v>神戸市</v>
          </cell>
          <cell r="H1766" t="str">
            <v/>
          </cell>
          <cell r="I1766" t="str">
            <v>代表取締役社長 鏡堂　友章</v>
          </cell>
          <cell r="J1766" t="str">
            <v>本店</v>
          </cell>
          <cell r="K1766" t="str">
            <v>078-261-2927</v>
          </cell>
          <cell r="L1766" t="str">
            <v>nagai@fai-bec.co.jp</v>
          </cell>
          <cell r="M1766" t="str">
            <v>ﾌｷｹﾝﾁｸｾﾂﾋﾞｼﾞﾑｼｮ</v>
          </cell>
          <cell r="N1766" t="str">
            <v>無</v>
          </cell>
          <cell r="O1766">
            <v>16</v>
          </cell>
          <cell r="P1766">
            <v>28</v>
          </cell>
          <cell r="Q1766">
            <v>7140001023070</v>
          </cell>
          <cell r="R1766">
            <v>10000</v>
          </cell>
          <cell r="S1766">
            <v>24343</v>
          </cell>
          <cell r="T1766">
            <v>318634</v>
          </cell>
          <cell r="V1766" t="str">
            <v>wu379129</v>
          </cell>
          <cell r="W1766" t="str">
            <v>aa185725</v>
          </cell>
          <cell r="Y1766" t="str">
            <v>冷暖,衛生,電気,機積,電積,</v>
          </cell>
          <cell r="Z1766" t="str">
            <v/>
          </cell>
          <cell r="AA1766">
            <v>318634</v>
          </cell>
          <cell r="AB1766" t="str">
            <v/>
          </cell>
          <cell r="AC1766" t="str">
            <v/>
          </cell>
          <cell r="AD1766" t="str">
            <v/>
          </cell>
          <cell r="AE1766" t="str">
            <v/>
          </cell>
          <cell r="AF1766" t="str">
            <v/>
          </cell>
          <cell r="AI1766">
            <v>2</v>
          </cell>
          <cell r="AJ1766" t="str">
            <v>建築</v>
          </cell>
        </row>
        <row r="1767">
          <cell r="B1767">
            <v>6234</v>
          </cell>
          <cell r="C1767" t="str">
            <v>日本都市技術(株)</v>
          </cell>
          <cell r="D1767" t="str">
            <v>06-6630-3500</v>
          </cell>
          <cell r="E1767" t="str">
            <v>556-0011</v>
          </cell>
          <cell r="F1767" t="str">
            <v>大阪府大阪市浪速区難波中1-12-5</v>
          </cell>
          <cell r="H1767" t="str">
            <v>関西支店</v>
          </cell>
          <cell r="I1767" t="str">
            <v>支店長 青木　慎二</v>
          </cell>
          <cell r="J1767" t="str">
            <v>東京都</v>
          </cell>
          <cell r="K1767" t="str">
            <v>06-6630-3586</v>
          </cell>
          <cell r="L1767" t="str">
            <v>kansai@cticd.co.jp</v>
          </cell>
          <cell r="M1767" t="str">
            <v>ﾆﾎﾝﾄｼｷﾞｼﾞｭﾂ</v>
          </cell>
          <cell r="N1767" t="str">
            <v>有</v>
          </cell>
          <cell r="O1767">
            <v>69</v>
          </cell>
          <cell r="P1767">
            <v>111</v>
          </cell>
          <cell r="Q1767">
            <v>6010001081074</v>
          </cell>
          <cell r="R1767">
            <v>100000</v>
          </cell>
          <cell r="S1767">
            <v>511498</v>
          </cell>
          <cell r="T1767">
            <v>1480522</v>
          </cell>
          <cell r="V1767" t="str">
            <v>xg220478</v>
          </cell>
          <cell r="W1767" t="str">
            <v>wu267158</v>
          </cell>
          <cell r="Y1767" t="str">
            <v>測量,都市,土調,土評,物件,機工,営業,損失,補償,</v>
          </cell>
          <cell r="Z1767">
            <v>212859</v>
          </cell>
          <cell r="AA1767" t="str">
            <v/>
          </cell>
          <cell r="AB1767">
            <v>1131259</v>
          </cell>
          <cell r="AC1767">
            <v>186503</v>
          </cell>
          <cell r="AD1767" t="str">
            <v/>
          </cell>
          <cell r="AE1767" t="str">
            <v/>
          </cell>
          <cell r="AF1767" t="str">
            <v/>
          </cell>
          <cell r="AI1767">
            <v>3</v>
          </cell>
          <cell r="AJ1767" t="str">
            <v>土木</v>
          </cell>
        </row>
        <row r="1768">
          <cell r="B1768">
            <v>6235</v>
          </cell>
          <cell r="C1768" t="str">
            <v>福田総合コンサルタント(株)</v>
          </cell>
          <cell r="D1768" t="str">
            <v>06-6430-7704</v>
          </cell>
          <cell r="E1768" t="str">
            <v>660-0884</v>
          </cell>
          <cell r="F1768" t="str">
            <v>兵庫県尼崎市神田中通3-80</v>
          </cell>
          <cell r="G1768" t="str">
            <v>大阪市</v>
          </cell>
          <cell r="H1768" t="str">
            <v>兵庫支社</v>
          </cell>
          <cell r="I1768" t="str">
            <v>兵庫支社長 加藤　均</v>
          </cell>
          <cell r="J1768" t="str">
            <v>大阪府大阪市</v>
          </cell>
          <cell r="K1768" t="str">
            <v>06-6430-7709</v>
          </cell>
          <cell r="L1768" t="str">
            <v>fksc@fksc.co.jp</v>
          </cell>
          <cell r="M1768" t="str">
            <v>ﾌｸﾀﾞｿｳｺﾞｳｺﾝｻﾙﾀﾝﾄ</v>
          </cell>
          <cell r="N1768" t="str">
            <v>有</v>
          </cell>
          <cell r="O1768">
            <v>44</v>
          </cell>
          <cell r="P1768">
            <v>21</v>
          </cell>
          <cell r="Q1768">
            <v>7120001088339</v>
          </cell>
          <cell r="R1768">
            <v>20000</v>
          </cell>
          <cell r="S1768">
            <v>53248</v>
          </cell>
          <cell r="T1768">
            <v>335257</v>
          </cell>
          <cell r="V1768" t="str">
            <v>vp997167</v>
          </cell>
          <cell r="W1768" t="str">
            <v>vx578684</v>
          </cell>
          <cell r="Y1768" t="str">
            <v/>
          </cell>
          <cell r="Z1768" t="str">
            <v/>
          </cell>
          <cell r="AA1768" t="str">
            <v/>
          </cell>
          <cell r="AB1768" t="str">
            <v/>
          </cell>
          <cell r="AC1768">
            <v>355253</v>
          </cell>
          <cell r="AD1768" t="str">
            <v/>
          </cell>
          <cell r="AE1768" t="str">
            <v/>
          </cell>
          <cell r="AF1768">
            <v>355253</v>
          </cell>
          <cell r="AI1768" t="str">
            <v>調査</v>
          </cell>
          <cell r="AJ1768" t="str">
            <v>大阪府</v>
          </cell>
        </row>
        <row r="1769">
          <cell r="B1769">
            <v>6237</v>
          </cell>
          <cell r="C1769" t="str">
            <v>(株)富士開発コンサルタント</v>
          </cell>
          <cell r="D1769" t="str">
            <v/>
          </cell>
          <cell r="E1769" t="str">
            <v>567-0811</v>
          </cell>
          <cell r="F1769" t="str">
            <v>大阪府茨木市上泉町1-20</v>
          </cell>
          <cell r="G1769" t="str">
            <v>茨木市</v>
          </cell>
          <cell r="H1769" t="str">
            <v/>
          </cell>
          <cell r="I1769" t="str">
            <v>代表取締役 藤井　康之</v>
          </cell>
          <cell r="J1769" t="str">
            <v>本店</v>
          </cell>
          <cell r="K1769" t="str">
            <v>072-627-0157</v>
          </cell>
          <cell r="L1769" t="str">
            <v>info@fujikaihatsu-con.co.jp</v>
          </cell>
          <cell r="M1769" t="str">
            <v>ﾌｼﾞｶｲﾊﾂｺﾝｻﾙﾀﾝﾄ</v>
          </cell>
          <cell r="N1769" t="str">
            <v>無</v>
          </cell>
          <cell r="O1769">
            <v>48</v>
          </cell>
          <cell r="P1769">
            <v>10</v>
          </cell>
          <cell r="Q1769">
            <v>5120901001880</v>
          </cell>
          <cell r="R1769">
            <v>50000</v>
          </cell>
          <cell r="S1769">
            <v>117926</v>
          </cell>
          <cell r="T1769">
            <v>138798</v>
          </cell>
          <cell r="V1769" t="str">
            <v>yj745774</v>
          </cell>
          <cell r="W1769" t="str">
            <v>dj688703</v>
          </cell>
          <cell r="Y1769" t="str">
            <v>測量,土調,交通,</v>
          </cell>
          <cell r="Z1769">
            <v>126780</v>
          </cell>
          <cell r="AA1769" t="str">
            <v/>
          </cell>
          <cell r="AB1769" t="str">
            <v/>
          </cell>
          <cell r="AC1769">
            <v>9987</v>
          </cell>
          <cell r="AD1769">
            <v>2031</v>
          </cell>
          <cell r="AE1769" t="str">
            <v/>
          </cell>
          <cell r="AF1769" t="str">
            <v/>
          </cell>
          <cell r="AI1769">
            <v>1</v>
          </cell>
          <cell r="AJ1769" t="str">
            <v>測量</v>
          </cell>
        </row>
        <row r="1770">
          <cell r="B1770">
            <v>6239</v>
          </cell>
          <cell r="C1770" t="str">
            <v>(株)エフウォーターマネジメント</v>
          </cell>
          <cell r="D1770" t="str">
            <v>079-295-7132</v>
          </cell>
          <cell r="E1770" t="str">
            <v>670-0996</v>
          </cell>
          <cell r="F1770" t="str">
            <v>兵庫県姫路市土山7-7-15</v>
          </cell>
          <cell r="G1770" t="str">
            <v>大津市</v>
          </cell>
          <cell r="H1770" t="str">
            <v>兵庫事務所</v>
          </cell>
          <cell r="I1770" t="str">
            <v>所長　 山時　隆治</v>
          </cell>
          <cell r="J1770" t="str">
            <v>滋賀県大津市</v>
          </cell>
          <cell r="K1770" t="str">
            <v>079-295-7121</v>
          </cell>
          <cell r="L1770" t="str">
            <v>eigyo-w@fwater-mgt.co.jp</v>
          </cell>
          <cell r="M1770" t="str">
            <v>ｴﾌｳｫｰﾀｰﾏﾈｼﾞﾒﾝﾄ</v>
          </cell>
          <cell r="N1770" t="str">
            <v>有</v>
          </cell>
          <cell r="O1770">
            <v>59</v>
          </cell>
          <cell r="P1770">
            <v>57</v>
          </cell>
          <cell r="Q1770">
            <v>9160001001717</v>
          </cell>
          <cell r="R1770">
            <v>52700</v>
          </cell>
          <cell r="S1770">
            <v>254130</v>
          </cell>
          <cell r="T1770">
            <v>812731</v>
          </cell>
          <cell r="V1770" t="str">
            <v>bp151091</v>
          </cell>
          <cell r="W1770" t="str">
            <v>ca728685</v>
          </cell>
          <cell r="Y1770" t="str">
            <v>測量,測量,建築,意匠,構造,冷暖,衛生,電気,建積,機積,電積,調査,鋼構,河川,上水,下水,土他,土調,地質,水質,調他</v>
          </cell>
          <cell r="Z1770">
            <v>31264</v>
          </cell>
          <cell r="AA1770">
            <v>11745</v>
          </cell>
          <cell r="AB1770">
            <v>717317</v>
          </cell>
          <cell r="AC1770">
            <v>1880</v>
          </cell>
          <cell r="AD1770">
            <v>3997</v>
          </cell>
          <cell r="AE1770" t="str">
            <v/>
          </cell>
          <cell r="AF1770" t="str">
            <v/>
          </cell>
          <cell r="AI1770">
            <v>3</v>
          </cell>
          <cell r="AJ1770" t="str">
            <v>土木</v>
          </cell>
        </row>
        <row r="1771">
          <cell r="B1771">
            <v>6241</v>
          </cell>
          <cell r="C1771" t="str">
            <v>(株)藤田建築設計事務所</v>
          </cell>
          <cell r="D1771" t="str">
            <v>06-6391-0155</v>
          </cell>
          <cell r="E1771" t="str">
            <v>532-0002</v>
          </cell>
          <cell r="F1771" t="str">
            <v>大阪府大阪市淀川区東三国1-27-1</v>
          </cell>
          <cell r="G1771" t="str">
            <v>堺市</v>
          </cell>
          <cell r="I1771" t="str">
            <v>代表取締役 藤田　茂信</v>
          </cell>
          <cell r="J1771" t="str">
            <v>大阪府堺市</v>
          </cell>
          <cell r="K1771" t="str">
            <v>06-6397-0340</v>
          </cell>
          <cell r="L1771" t="str">
            <v>t_kasahara@fujita-archi.co.jp</v>
          </cell>
          <cell r="M1771" t="str">
            <v>ﾌｼﾞﾀｹﾝﾁｸｾｯｹｲｼﾞﾑｼｮ</v>
          </cell>
          <cell r="N1771" t="str">
            <v>有</v>
          </cell>
          <cell r="O1771">
            <v>44</v>
          </cell>
          <cell r="P1771">
            <v>48</v>
          </cell>
          <cell r="Q1771">
            <v>1120101029628</v>
          </cell>
          <cell r="R1771">
            <v>40000</v>
          </cell>
          <cell r="S1771">
            <v>104811</v>
          </cell>
          <cell r="T1771">
            <v>506519</v>
          </cell>
          <cell r="V1771" t="str">
            <v>hc495754</v>
          </cell>
          <cell r="W1771" t="str">
            <v>eg335636</v>
          </cell>
          <cell r="Y1771" t="str">
            <v>建築,意匠,構造,冷暖,衛生,電気,建積,機積,電積,</v>
          </cell>
          <cell r="Z1771" t="str">
            <v/>
          </cell>
          <cell r="AA1771">
            <v>521504</v>
          </cell>
          <cell r="AB1771" t="str">
            <v/>
          </cell>
          <cell r="AC1771" t="str">
            <v/>
          </cell>
          <cell r="AD1771" t="str">
            <v/>
          </cell>
          <cell r="AE1771" t="str">
            <v/>
          </cell>
          <cell r="AF1771" t="str">
            <v/>
          </cell>
          <cell r="AI1771">
            <v>2</v>
          </cell>
          <cell r="AJ1771" t="str">
            <v>建築</v>
          </cell>
        </row>
        <row r="1772">
          <cell r="B1772">
            <v>6242</v>
          </cell>
          <cell r="C1772" t="str">
            <v>フジ地中情報(株)</v>
          </cell>
          <cell r="D1772" t="str">
            <v>06-6305-6851</v>
          </cell>
          <cell r="E1772" t="str">
            <v>532-0011</v>
          </cell>
          <cell r="F1772" t="str">
            <v>大阪府大阪市淀川区西中島3-9-12</v>
          </cell>
          <cell r="H1772" t="str">
            <v>大阪支店</v>
          </cell>
          <cell r="I1772" t="str">
            <v>支店長 関野　雄一</v>
          </cell>
          <cell r="J1772" t="str">
            <v>東京都</v>
          </cell>
          <cell r="K1772" t="str">
            <v>06-6305-6850</v>
          </cell>
          <cell r="L1772" t="str">
            <v>solution.fuji@fuji-si.co.jp</v>
          </cell>
          <cell r="M1772" t="str">
            <v>ﾌｼﾞﾁﾁｭｳｼﾞｮｳﾎｳ</v>
          </cell>
          <cell r="N1772" t="str">
            <v>有</v>
          </cell>
          <cell r="O1772">
            <v>46</v>
          </cell>
          <cell r="P1772">
            <v>603</v>
          </cell>
          <cell r="Q1772">
            <v>9010401086851</v>
          </cell>
          <cell r="R1772">
            <v>100000</v>
          </cell>
          <cell r="S1772">
            <v>946864</v>
          </cell>
          <cell r="T1772">
            <v>5468111</v>
          </cell>
          <cell r="V1772" t="str">
            <v>ce957723</v>
          </cell>
          <cell r="W1772" t="str">
            <v>ks297097</v>
          </cell>
          <cell r="Y1772" t="str">
            <v>測量,測量,上水,下水,</v>
          </cell>
          <cell r="Z1772">
            <v>802476</v>
          </cell>
          <cell r="AA1772" t="str">
            <v/>
          </cell>
          <cell r="AB1772">
            <v>1861307</v>
          </cell>
          <cell r="AC1772" t="str">
            <v/>
          </cell>
          <cell r="AD1772">
            <v>2480378</v>
          </cell>
          <cell r="AE1772" t="str">
            <v/>
          </cell>
          <cell r="AF1772" t="str">
            <v/>
          </cell>
          <cell r="AI1772">
            <v>5</v>
          </cell>
          <cell r="AJ1772" t="str">
            <v>調査</v>
          </cell>
        </row>
        <row r="1773">
          <cell r="B1773">
            <v>6248</v>
          </cell>
          <cell r="C1773" t="str">
            <v>(株)復建エンジニヤリング</v>
          </cell>
          <cell r="D1773" t="str">
            <v>06-6838-3271</v>
          </cell>
          <cell r="E1773" t="str">
            <v>532-0011</v>
          </cell>
          <cell r="F1773" t="str">
            <v>大阪府大阪市淀川区西中島3-20-9</v>
          </cell>
          <cell r="H1773" t="str">
            <v>大阪支社</v>
          </cell>
          <cell r="I1773" t="str">
            <v>支社長 仁賀木　康之</v>
          </cell>
          <cell r="J1773" t="str">
            <v>東京都</v>
          </cell>
          <cell r="K1773" t="str">
            <v>06-6838-3282</v>
          </cell>
          <cell r="L1773" t="str">
            <v>fukken-o@fke.co.jp</v>
          </cell>
          <cell r="M1773" t="str">
            <v>ﾌｯｹﾝｴﾝｼﾞﾆﾔﾘﾝｸﾞ</v>
          </cell>
          <cell r="N1773" t="str">
            <v>有</v>
          </cell>
          <cell r="O1773">
            <v>59</v>
          </cell>
          <cell r="P1773">
            <v>180</v>
          </cell>
          <cell r="Q1773">
            <v>3010001056450</v>
          </cell>
          <cell r="R1773">
            <v>140481</v>
          </cell>
          <cell r="S1773">
            <v>1689643</v>
          </cell>
          <cell r="T1773">
            <v>3884497</v>
          </cell>
          <cell r="V1773" t="str">
            <v>ux158093</v>
          </cell>
          <cell r="W1773" t="str">
            <v>jt312094</v>
          </cell>
          <cell r="Y1773" t="str">
            <v>測量,建築,土質,鋼構,河川,道路,施行,都市,環境,土他,騒音,交通,</v>
          </cell>
          <cell r="Z1773">
            <v>134796</v>
          </cell>
          <cell r="AA1773">
            <v>112126</v>
          </cell>
          <cell r="AB1773">
            <v>3604412</v>
          </cell>
          <cell r="AC1773" t="str">
            <v/>
          </cell>
          <cell r="AD1773">
            <v>33163</v>
          </cell>
          <cell r="AE1773" t="str">
            <v/>
          </cell>
          <cell r="AF1773" t="str">
            <v/>
          </cell>
          <cell r="AI1773">
            <v>3</v>
          </cell>
          <cell r="AJ1773" t="str">
            <v>土木</v>
          </cell>
        </row>
        <row r="1774">
          <cell r="B1774">
            <v>6249</v>
          </cell>
          <cell r="C1774" t="str">
            <v>復建調査設計(株)</v>
          </cell>
          <cell r="D1774" t="str">
            <v>078-241-5045</v>
          </cell>
          <cell r="E1774" t="str">
            <v>651-0087</v>
          </cell>
          <cell r="F1774" t="str">
            <v>兵庫県神戸市中央区御幸通6-1-15</v>
          </cell>
          <cell r="G1774" t="str">
            <v>広島市</v>
          </cell>
          <cell r="H1774" t="str">
            <v>神戸事務所</v>
          </cell>
          <cell r="I1774" t="str">
            <v>所長 安倍　政勝</v>
          </cell>
          <cell r="J1774" t="str">
            <v>広島県広島市</v>
          </cell>
          <cell r="K1774" t="str">
            <v>078-241-5535</v>
          </cell>
          <cell r="L1774" t="str">
            <v>eigyo39@fukken.co.jp</v>
          </cell>
          <cell r="M1774" t="str">
            <v>ﾌｯｹﾝﾁｮｳｻｾｯｹｲ</v>
          </cell>
          <cell r="N1774" t="str">
            <v>有</v>
          </cell>
          <cell r="O1774">
            <v>71</v>
          </cell>
          <cell r="P1774">
            <v>608</v>
          </cell>
          <cell r="Q1774">
            <v>4240001010433</v>
          </cell>
          <cell r="R1774">
            <v>300000</v>
          </cell>
          <cell r="S1774">
            <v>14560959</v>
          </cell>
          <cell r="T1774">
            <v>11918050</v>
          </cell>
          <cell r="V1774" t="str">
            <v>dm561210</v>
          </cell>
          <cell r="W1774" t="str">
            <v>qy977409</v>
          </cell>
          <cell r="Y1774" t="str">
            <v>測量,航空,建築,意匠,構造,冷暖,衛生,電気,建積,機積,電積,調査,土質,鋼構,河川,道路,施行,建機,造園,上水,下水,都市,スポ,環境,土他,土調,土評,物件,機工,営業,損失,補償,鑑定,水質,大気,交通,商業,調他</v>
          </cell>
          <cell r="Z1774" t="str">
            <v/>
          </cell>
          <cell r="AA1774">
            <v>1374772</v>
          </cell>
          <cell r="AB1774">
            <v>9528</v>
          </cell>
          <cell r="AC1774">
            <v>8262258</v>
          </cell>
          <cell r="AD1774">
            <v>305908</v>
          </cell>
          <cell r="AE1774">
            <v>1325378</v>
          </cell>
          <cell r="AF1774" t="str">
            <v/>
          </cell>
          <cell r="AI1774">
            <v>4</v>
          </cell>
          <cell r="AJ1774" t="str">
            <v>補償</v>
          </cell>
        </row>
        <row r="1775">
          <cell r="B1775">
            <v>6250</v>
          </cell>
          <cell r="C1775" t="str">
            <v>(株)不二設計コンサルタント</v>
          </cell>
          <cell r="D1775" t="str">
            <v>078-597-6971</v>
          </cell>
          <cell r="E1775" t="str">
            <v>651-1321</v>
          </cell>
          <cell r="F1775" t="str">
            <v>兵庫県神戸市北区有野台7‐16‐8</v>
          </cell>
          <cell r="G1775" t="str">
            <v>柏原市</v>
          </cell>
          <cell r="H1775" t="str">
            <v>兵庫営業所</v>
          </cell>
          <cell r="I1775" t="str">
            <v>所長 植田　宗幸</v>
          </cell>
          <cell r="J1775" t="str">
            <v>大阪府柏原市</v>
          </cell>
          <cell r="K1775" t="str">
            <v>078-597-6981</v>
          </cell>
          <cell r="L1775" t="str">
            <v>info@funi.co.jp</v>
          </cell>
          <cell r="M1775" t="str">
            <v>ﾌﾆｾｯｹｲｺﾝｻﾙﾀﾝﾄ</v>
          </cell>
          <cell r="N1775" t="str">
            <v>有</v>
          </cell>
          <cell r="O1775">
            <v>55</v>
          </cell>
          <cell r="P1775">
            <v>22</v>
          </cell>
          <cell r="Q1775">
            <v>6122001021197</v>
          </cell>
          <cell r="R1775">
            <v>45000</v>
          </cell>
          <cell r="S1775">
            <v>123497</v>
          </cell>
          <cell r="T1775">
            <v>161413</v>
          </cell>
          <cell r="V1775" t="str">
            <v>mw561717</v>
          </cell>
          <cell r="W1775" t="str">
            <v>cg112654</v>
          </cell>
          <cell r="Y1775" t="str">
            <v>測量,建築,上水,下水,土他,水質,</v>
          </cell>
          <cell r="Z1775">
            <v>7802</v>
          </cell>
          <cell r="AA1775">
            <v>4710</v>
          </cell>
          <cell r="AB1775">
            <v>139797</v>
          </cell>
          <cell r="AC1775" t="str">
            <v/>
          </cell>
          <cell r="AD1775" t="str">
            <v/>
          </cell>
          <cell r="AE1775" t="str">
            <v/>
          </cell>
          <cell r="AF1775" t="str">
            <v/>
          </cell>
          <cell r="AI1775">
            <v>3</v>
          </cell>
          <cell r="AJ1775" t="str">
            <v>土木</v>
          </cell>
        </row>
        <row r="1776">
          <cell r="B1776">
            <v>6253</v>
          </cell>
          <cell r="C1776" t="str">
            <v>(株)文化財サービス</v>
          </cell>
          <cell r="D1776" t="str">
            <v>075-611-5800</v>
          </cell>
          <cell r="E1776" t="str">
            <v>612-8372</v>
          </cell>
          <cell r="F1776" t="str">
            <v>京都府京都市伏見区北端町58番地</v>
          </cell>
          <cell r="G1776" t="str">
            <v>京都市</v>
          </cell>
          <cell r="H1776" t="str">
            <v/>
          </cell>
          <cell r="I1776" t="str">
            <v>代表取締役 出口　弘文</v>
          </cell>
          <cell r="J1776" t="str">
            <v>本店</v>
          </cell>
          <cell r="K1776" t="str">
            <v>075-611-5900</v>
          </cell>
          <cell r="L1776" t="str">
            <v>service@bunnkazai.co.jp</v>
          </cell>
          <cell r="M1776" t="str">
            <v>ﾌﾞﾝｶｻﾞｲｻｰﾋﾞｽ</v>
          </cell>
          <cell r="N1776" t="str">
            <v>無</v>
          </cell>
          <cell r="O1776">
            <v>18</v>
          </cell>
          <cell r="P1776">
            <v>29</v>
          </cell>
          <cell r="Q1776">
            <v>8120001098329</v>
          </cell>
          <cell r="R1776">
            <v>20000</v>
          </cell>
          <cell r="S1776">
            <v>80155</v>
          </cell>
          <cell r="T1776">
            <v>289390</v>
          </cell>
          <cell r="V1776" t="str">
            <v>ta527196</v>
          </cell>
          <cell r="W1776" t="str">
            <v>va790116</v>
          </cell>
          <cell r="Y1776" t="str">
            <v/>
          </cell>
          <cell r="Z1776">
            <v>30463</v>
          </cell>
          <cell r="AA1776" t="str">
            <v/>
          </cell>
          <cell r="AB1776" t="str">
            <v/>
          </cell>
          <cell r="AC1776" t="str">
            <v/>
          </cell>
          <cell r="AD1776" t="str">
            <v>埋蔵文化財発掘調査関連</v>
          </cell>
          <cell r="AE1776" t="str">
            <v>埋蔵文化財発掘調査関連</v>
          </cell>
          <cell r="AF1776">
            <v>30463</v>
          </cell>
          <cell r="AI1776" t="str">
            <v>建築</v>
          </cell>
          <cell r="AJ1776" t="str">
            <v>京都府</v>
          </cell>
        </row>
        <row r="1777">
          <cell r="B1777">
            <v>6254</v>
          </cell>
          <cell r="C1777" t="str">
            <v>(株)武揚堂</v>
          </cell>
          <cell r="D1777" t="str">
            <v>06-6941-4911</v>
          </cell>
          <cell r="E1777" t="str">
            <v>540-0026</v>
          </cell>
          <cell r="F1777" t="str">
            <v>大阪府大阪市中央区内本町1-2-13</v>
          </cell>
          <cell r="H1777" t="str">
            <v>大阪支店</v>
          </cell>
          <cell r="I1777" t="str">
            <v>支店長 中石　正一</v>
          </cell>
          <cell r="J1777" t="str">
            <v>東京都</v>
          </cell>
          <cell r="K1777" t="str">
            <v>06-6941-3588</v>
          </cell>
          <cell r="L1777" t="str">
            <v>osaka@buyodo.co.jp</v>
          </cell>
          <cell r="M1777" t="str">
            <v>ﾌﾞﾖｳﾄﾞｳ</v>
          </cell>
          <cell r="N1777" t="str">
            <v>有</v>
          </cell>
          <cell r="O1777">
            <v>81</v>
          </cell>
          <cell r="P1777">
            <v>79</v>
          </cell>
          <cell r="Q1777">
            <v>6010001055739</v>
          </cell>
          <cell r="R1777">
            <v>40000</v>
          </cell>
          <cell r="S1777">
            <v>170265</v>
          </cell>
          <cell r="T1777">
            <v>1143157</v>
          </cell>
          <cell r="V1777" t="str">
            <v>kc560283</v>
          </cell>
          <cell r="W1777" t="str">
            <v>nx933239</v>
          </cell>
          <cell r="Y1777" t="str">
            <v>測量,航空,調他</v>
          </cell>
          <cell r="Z1777">
            <v>79320</v>
          </cell>
          <cell r="AA1777" t="str">
            <v/>
          </cell>
          <cell r="AB1777" t="str">
            <v/>
          </cell>
          <cell r="AC1777" t="str">
            <v/>
          </cell>
          <cell r="AD1777" t="str">
            <v/>
          </cell>
          <cell r="AE1777" t="str">
            <v/>
          </cell>
          <cell r="AF1777" t="str">
            <v/>
          </cell>
          <cell r="AI1777">
            <v>1</v>
          </cell>
          <cell r="AJ1777" t="str">
            <v>測量</v>
          </cell>
        </row>
        <row r="1778">
          <cell r="B1778">
            <v>6255</v>
          </cell>
          <cell r="C1778" t="str">
            <v>(株)フタバ設計</v>
          </cell>
          <cell r="D1778" t="str">
            <v>0799-52-2662</v>
          </cell>
          <cell r="E1778" t="str">
            <v>541-0043</v>
          </cell>
          <cell r="F1778" t="str">
            <v>兵庫県南あわじ市福良甲518-5</v>
          </cell>
          <cell r="G1778" t="str">
            <v>南あわじ市</v>
          </cell>
          <cell r="H1778" t="str">
            <v/>
          </cell>
          <cell r="I1778" t="str">
            <v>代表取締役　 坂本　哲也</v>
          </cell>
          <cell r="J1778" t="str">
            <v>本店</v>
          </cell>
          <cell r="K1778" t="str">
            <v>0799-52-2662</v>
          </cell>
          <cell r="L1778" t="str">
            <v>fu.archi@crocus.ocn.ne.jp</v>
          </cell>
          <cell r="M1778" t="str">
            <v>ﾌﾀﾊﾞｾﾂｹｲ</v>
          </cell>
          <cell r="N1778" t="str">
            <v>無</v>
          </cell>
          <cell r="O1778">
            <v>48</v>
          </cell>
          <cell r="P1778">
            <v>6</v>
          </cell>
          <cell r="Q1778">
            <v>4140001085741</v>
          </cell>
          <cell r="R1778">
            <v>10000</v>
          </cell>
          <cell r="S1778">
            <v>14610</v>
          </cell>
          <cell r="T1778">
            <v>39969</v>
          </cell>
          <cell r="V1778" t="str">
            <v>re314383</v>
          </cell>
          <cell r="W1778" t="str">
            <v>ub764190</v>
          </cell>
          <cell r="Y1778" t="str">
            <v>建築,意匠,構造,冷暖,衛生,電気,建積,機積,電積,調査,</v>
          </cell>
          <cell r="Z1778" t="str">
            <v/>
          </cell>
          <cell r="AA1778">
            <v>39969</v>
          </cell>
          <cell r="AB1778" t="str">
            <v/>
          </cell>
          <cell r="AC1778" t="str">
            <v/>
          </cell>
          <cell r="AD1778" t="str">
            <v/>
          </cell>
          <cell r="AE1778" t="str">
            <v/>
          </cell>
          <cell r="AF1778" t="str">
            <v/>
          </cell>
          <cell r="AI1778">
            <v>2</v>
          </cell>
          <cell r="AJ1778" t="str">
            <v>建築</v>
          </cell>
        </row>
        <row r="1779">
          <cell r="B1779">
            <v>6258</v>
          </cell>
          <cell r="C1779" t="str">
            <v>(株)二神建築事務所</v>
          </cell>
          <cell r="D1779" t="str">
            <v>079-288-3321</v>
          </cell>
          <cell r="E1779" t="str">
            <v>670-0955</v>
          </cell>
          <cell r="F1779" t="str">
            <v>兵庫県姫路市安田4-100</v>
          </cell>
          <cell r="G1779" t="str">
            <v>姫路市</v>
          </cell>
          <cell r="H1779" t="str">
            <v/>
          </cell>
          <cell r="I1779" t="str">
            <v>代表取締役 川嶋　文代</v>
          </cell>
          <cell r="J1779" t="str">
            <v>本店</v>
          </cell>
          <cell r="K1779" t="str">
            <v>079-222-6891</v>
          </cell>
          <cell r="L1779" t="str">
            <v>futagami@io.ocn.ne.jp</v>
          </cell>
          <cell r="M1779" t="str">
            <v>ﾌﾀｶﾞﾐｹﾝﾁｸｼﾞﾑｼｮ</v>
          </cell>
          <cell r="N1779" t="str">
            <v>無</v>
          </cell>
          <cell r="O1779">
            <v>51</v>
          </cell>
          <cell r="P1779">
            <v>10</v>
          </cell>
          <cell r="Q1779">
            <v>3140001061421</v>
          </cell>
          <cell r="R1779">
            <v>10000</v>
          </cell>
          <cell r="S1779">
            <v>97493</v>
          </cell>
          <cell r="T1779">
            <v>149110</v>
          </cell>
          <cell r="V1779" t="str">
            <v>rw809031</v>
          </cell>
          <cell r="W1779" t="str">
            <v>gn331489</v>
          </cell>
          <cell r="Y1779" t="str">
            <v>建築,意匠,構造,冷暖,衛生,電気,建積,機積,電積,調査,</v>
          </cell>
          <cell r="Z1779" t="str">
            <v/>
          </cell>
          <cell r="AA1779">
            <v>154562</v>
          </cell>
          <cell r="AB1779" t="str">
            <v/>
          </cell>
          <cell r="AC1779" t="str">
            <v/>
          </cell>
          <cell r="AD1779" t="str">
            <v/>
          </cell>
          <cell r="AE1779" t="str">
            <v/>
          </cell>
          <cell r="AF1779" t="str">
            <v/>
          </cell>
          <cell r="AI1779">
            <v>2</v>
          </cell>
          <cell r="AJ1779" t="str">
            <v>建築</v>
          </cell>
        </row>
        <row r="1780">
          <cell r="B1780">
            <v>6261</v>
          </cell>
          <cell r="C1780" t="str">
            <v>(株)復建技術コンサルタント</v>
          </cell>
          <cell r="D1780" t="str">
            <v>06-6266-2244</v>
          </cell>
          <cell r="E1780" t="str">
            <v>541-0059</v>
          </cell>
          <cell r="F1780" t="str">
            <v>大阪府大阪市中央区博労町1-8-8</v>
          </cell>
          <cell r="G1780" t="str">
            <v>仙台市</v>
          </cell>
          <cell r="H1780" t="str">
            <v>関西支店</v>
          </cell>
          <cell r="I1780" t="str">
            <v>支店長 今道　洋</v>
          </cell>
          <cell r="J1780" t="str">
            <v>宮城県仙台市</v>
          </cell>
          <cell r="K1780" t="str">
            <v>06-6266-2246</v>
          </cell>
          <cell r="L1780" t="str">
            <v>fukken_cals@sendai.fgc.co.jp</v>
          </cell>
          <cell r="M1780" t="str">
            <v>ﾌｯｹﾝｷﾞｼﾞｭﾂｺﾝｻﾙﾀﾝﾄ</v>
          </cell>
          <cell r="N1780" t="str">
            <v>有</v>
          </cell>
          <cell r="O1780">
            <v>72</v>
          </cell>
          <cell r="P1780">
            <v>324</v>
          </cell>
          <cell r="Q1780">
            <v>1370001010010</v>
          </cell>
          <cell r="R1780">
            <v>130000</v>
          </cell>
          <cell r="S1780">
            <v>2393146</v>
          </cell>
          <cell r="T1780">
            <v>5777325</v>
          </cell>
          <cell r="V1780" t="str">
            <v>ce130823</v>
          </cell>
          <cell r="W1780" t="str">
            <v>cu110519</v>
          </cell>
          <cell r="Y1780" t="str">
            <v>測量,測量,航空,土質,鋼構,河川,道路,施行,地質,造園,上水,下水,都市,スポ,環境,土他,土調,地質,</v>
          </cell>
          <cell r="Z1780">
            <v>297861</v>
          </cell>
          <cell r="AA1780" t="str">
            <v/>
          </cell>
          <cell r="AB1780">
            <v>4383997</v>
          </cell>
          <cell r="AC1780">
            <v>98849</v>
          </cell>
          <cell r="AD1780">
            <v>526613</v>
          </cell>
          <cell r="AE1780" t="str">
            <v>その他</v>
          </cell>
          <cell r="AF1780">
            <v>351947</v>
          </cell>
          <cell r="AI1780">
            <v>3</v>
          </cell>
          <cell r="AJ1780" t="str">
            <v>土木</v>
          </cell>
        </row>
        <row r="1781">
          <cell r="B1781">
            <v>6262</v>
          </cell>
          <cell r="C1781" t="str">
            <v>(株)ファインテクノ</v>
          </cell>
          <cell r="D1781" t="str">
            <v>06-6942-7900</v>
          </cell>
          <cell r="E1781" t="str">
            <v>540-0012</v>
          </cell>
          <cell r="F1781" t="str">
            <v>大阪府大阪市中央区谷町2-3-2</v>
          </cell>
          <cell r="G1781" t="str">
            <v>大阪市</v>
          </cell>
          <cell r="H1781" t="str">
            <v/>
          </cell>
          <cell r="I1781" t="str">
            <v>代表取締役 八十嶋　秀樹</v>
          </cell>
          <cell r="J1781" t="str">
            <v>本店</v>
          </cell>
          <cell r="K1781" t="str">
            <v>06-6942-7901</v>
          </cell>
          <cell r="L1781" t="str">
            <v>arai@finetechno.co.jp</v>
          </cell>
          <cell r="M1781" t="str">
            <v>ﾌｧｲﾝﾃｸﾉ</v>
          </cell>
          <cell r="N1781" t="str">
            <v>無</v>
          </cell>
          <cell r="O1781">
            <v>16</v>
          </cell>
          <cell r="P1781">
            <v>21</v>
          </cell>
          <cell r="Q1781">
            <v>7120001114383</v>
          </cell>
          <cell r="R1781">
            <v>10000</v>
          </cell>
          <cell r="S1781">
            <v>6287</v>
          </cell>
          <cell r="T1781">
            <v>1279812</v>
          </cell>
          <cell r="V1781" t="str">
            <v>zc178838</v>
          </cell>
          <cell r="W1781" t="str">
            <v>fz130873</v>
          </cell>
          <cell r="Y1781" t="str">
            <v>測量,測量,鋼構,河川,道路,施行,造園,上水,下水,都市,土他,</v>
          </cell>
          <cell r="Z1781" t="str">
            <v/>
          </cell>
          <cell r="AA1781" t="str">
            <v/>
          </cell>
          <cell r="AB1781">
            <v>1389139</v>
          </cell>
          <cell r="AC1781" t="str">
            <v/>
          </cell>
          <cell r="AD1781" t="str">
            <v/>
          </cell>
          <cell r="AE1781" t="str">
            <v/>
          </cell>
          <cell r="AF1781" t="str">
            <v/>
          </cell>
          <cell r="AI1781">
            <v>3</v>
          </cell>
          <cell r="AJ1781" t="str">
            <v>土木</v>
          </cell>
        </row>
        <row r="1782">
          <cell r="B1782">
            <v>6264</v>
          </cell>
          <cell r="C1782" t="str">
            <v>(株)福本設計</v>
          </cell>
          <cell r="D1782" t="str">
            <v>06-6777-1703</v>
          </cell>
          <cell r="E1782" t="str">
            <v>542-0012</v>
          </cell>
          <cell r="F1782" t="str">
            <v>大阪府大阪市中央区谷町9-1-22</v>
          </cell>
          <cell r="G1782" t="str">
            <v>奈良市</v>
          </cell>
          <cell r="H1782" t="str">
            <v>大阪事務所</v>
          </cell>
          <cell r="I1782" t="str">
            <v>所長 小寺　弘泰</v>
          </cell>
          <cell r="J1782" t="str">
            <v>奈良県奈良市</v>
          </cell>
          <cell r="K1782" t="str">
            <v>06-6777-1725</v>
          </cell>
          <cell r="L1782" t="str">
            <v>fkmtmail@fukumoto-arch.jp</v>
          </cell>
          <cell r="M1782" t="str">
            <v>ﾌｸﾓﾄｾｯｹｲ</v>
          </cell>
          <cell r="N1782" t="str">
            <v>有</v>
          </cell>
          <cell r="O1782">
            <v>57</v>
          </cell>
          <cell r="P1782">
            <v>28</v>
          </cell>
          <cell r="Q1782">
            <v>5150001002109</v>
          </cell>
          <cell r="R1782">
            <v>20000</v>
          </cell>
          <cell r="S1782">
            <v>76765</v>
          </cell>
          <cell r="T1782">
            <v>442762</v>
          </cell>
          <cell r="V1782" t="str">
            <v>ki163879</v>
          </cell>
          <cell r="W1782" t="str">
            <v>sn169017</v>
          </cell>
          <cell r="Y1782" t="str">
            <v/>
          </cell>
          <cell r="Z1782" t="str">
            <v/>
          </cell>
          <cell r="AA1782">
            <v>415323</v>
          </cell>
          <cell r="AB1782" t="str">
            <v/>
          </cell>
          <cell r="AC1782" t="str">
            <v/>
          </cell>
          <cell r="AD1782" t="str">
            <v/>
          </cell>
          <cell r="AE1782" t="str">
            <v/>
          </cell>
          <cell r="AF1782">
            <v>415323</v>
          </cell>
          <cell r="AI1782" t="str">
            <v>土木</v>
          </cell>
          <cell r="AJ1782" t="str">
            <v>奈良県</v>
          </cell>
        </row>
        <row r="1783">
          <cell r="B1783">
            <v>6265</v>
          </cell>
          <cell r="C1783" t="str">
            <v>(株)プランテック総合計画事務所</v>
          </cell>
          <cell r="D1783" t="str">
            <v>03-3237-6857</v>
          </cell>
          <cell r="E1783" t="str">
            <v>102-0094</v>
          </cell>
          <cell r="F1783" t="str">
            <v>東京都千代田区紀尾井町3ｰ6</v>
          </cell>
          <cell r="H1783" t="str">
            <v/>
          </cell>
          <cell r="I1783" t="str">
            <v>代表取締役社長 来海　忠男</v>
          </cell>
          <cell r="J1783" t="str">
            <v>本店</v>
          </cell>
          <cell r="K1783" t="str">
            <v>03-3237-8775</v>
          </cell>
          <cell r="L1783" t="str">
            <v>takahashi-shiori@plantec.co.jp</v>
          </cell>
          <cell r="M1783" t="str">
            <v>ﾌﾟﾗﾝﾃｯｸｿｳｺﾞｳｹｲｶｸｼﾞﾑｼｮ</v>
          </cell>
          <cell r="N1783" t="str">
            <v>無</v>
          </cell>
          <cell r="O1783">
            <v>33</v>
          </cell>
          <cell r="P1783">
            <v>138</v>
          </cell>
          <cell r="Q1783">
            <v>8010001028370</v>
          </cell>
          <cell r="R1783">
            <v>96350</v>
          </cell>
          <cell r="S1783">
            <v>555804</v>
          </cell>
          <cell r="T1783">
            <v>2108814</v>
          </cell>
          <cell r="V1783" t="str">
            <v>qz178751</v>
          </cell>
          <cell r="W1783" t="str">
            <v>nz136984</v>
          </cell>
          <cell r="Y1783" t="str">
            <v>建築,意匠,構造,冷暖,衛生,電気,建積,機積,電積,調査,造園,都市,スポ,商業,</v>
          </cell>
          <cell r="Z1783" t="str">
            <v/>
          </cell>
          <cell r="AA1783">
            <v>2108814</v>
          </cell>
          <cell r="AB1783" t="str">
            <v/>
          </cell>
          <cell r="AC1783" t="str">
            <v/>
          </cell>
          <cell r="AD1783" t="str">
            <v/>
          </cell>
          <cell r="AE1783" t="str">
            <v/>
          </cell>
          <cell r="AF1783" t="str">
            <v/>
          </cell>
          <cell r="AI1783">
            <v>2</v>
          </cell>
          <cell r="AJ1783" t="str">
            <v>建築</v>
          </cell>
        </row>
        <row r="1784">
          <cell r="B1784">
            <v>6271</v>
          </cell>
          <cell r="C1784" t="str">
            <v>平和測量設計(株)</v>
          </cell>
          <cell r="D1784" t="str">
            <v>072-805-6262</v>
          </cell>
          <cell r="E1784" t="str">
            <v>573-0018</v>
          </cell>
          <cell r="F1784" t="str">
            <v>大阪府枚方市桜丘町28-39-6</v>
          </cell>
          <cell r="G1784" t="str">
            <v>枚方市</v>
          </cell>
          <cell r="H1784" t="str">
            <v/>
          </cell>
          <cell r="I1784" t="str">
            <v>代表取締役 藤井　爲之</v>
          </cell>
          <cell r="J1784" t="str">
            <v>本店</v>
          </cell>
          <cell r="K1784" t="str">
            <v>072-805-6265</v>
          </cell>
          <cell r="L1784" t="str">
            <v>info@heiwa-sd.co.jp</v>
          </cell>
          <cell r="M1784" t="str">
            <v>ﾍｲﾜｿｸﾘｮｳｾｯｹｲ</v>
          </cell>
          <cell r="N1784" t="str">
            <v>無</v>
          </cell>
          <cell r="O1784">
            <v>55</v>
          </cell>
          <cell r="P1784">
            <v>6</v>
          </cell>
          <cell r="Q1784">
            <v>7120001151633</v>
          </cell>
          <cell r="R1784">
            <v>8000</v>
          </cell>
          <cell r="S1784">
            <v>22593</v>
          </cell>
          <cell r="T1784">
            <v>67887</v>
          </cell>
          <cell r="V1784" t="str">
            <v>xu164832</v>
          </cell>
          <cell r="W1784" t="str">
            <v>gs247909</v>
          </cell>
          <cell r="Y1784" t="str">
            <v>測量,土調,</v>
          </cell>
          <cell r="Z1784">
            <v>55533</v>
          </cell>
          <cell r="AA1784" t="str">
            <v/>
          </cell>
          <cell r="AB1784" t="str">
            <v/>
          </cell>
          <cell r="AC1784">
            <v>12354</v>
          </cell>
          <cell r="AD1784" t="str">
            <v/>
          </cell>
          <cell r="AE1784" t="str">
            <v/>
          </cell>
          <cell r="AF1784" t="str">
            <v/>
          </cell>
          <cell r="AI1784">
            <v>1</v>
          </cell>
          <cell r="AJ1784" t="str">
            <v>測量</v>
          </cell>
        </row>
        <row r="1785">
          <cell r="B1785">
            <v>6272</v>
          </cell>
          <cell r="C1785" t="str">
            <v>(株)ヘッズ</v>
          </cell>
          <cell r="D1785" t="str">
            <v>078-862-3869</v>
          </cell>
          <cell r="E1785" t="str">
            <v>658-0021</v>
          </cell>
          <cell r="F1785" t="str">
            <v>兵庫県神戸市東灘区深江本町2-9-10</v>
          </cell>
          <cell r="G1785" t="str">
            <v>大阪市</v>
          </cell>
          <cell r="H1785" t="str">
            <v>神戸営業所</v>
          </cell>
          <cell r="I1785" t="str">
            <v>神戸営業所長 林　廣一</v>
          </cell>
          <cell r="J1785" t="str">
            <v>大阪府大阪市</v>
          </cell>
          <cell r="K1785" t="str">
            <v>078-862-3879</v>
          </cell>
          <cell r="L1785" t="str">
            <v>window@heads-net.co.jp</v>
          </cell>
          <cell r="M1785" t="str">
            <v>ﾍｯｽﾞ</v>
          </cell>
          <cell r="N1785" t="str">
            <v>有</v>
          </cell>
          <cell r="O1785">
            <v>51</v>
          </cell>
          <cell r="P1785">
            <v>17</v>
          </cell>
          <cell r="Q1785">
            <v>8120001070163</v>
          </cell>
          <cell r="R1785">
            <v>15000</v>
          </cell>
          <cell r="S1785">
            <v>338936</v>
          </cell>
          <cell r="T1785">
            <v>197860</v>
          </cell>
          <cell r="V1785" t="str">
            <v>mt992349</v>
          </cell>
          <cell r="W1785" t="str">
            <v>cv776416</v>
          </cell>
          <cell r="Y1785" t="str">
            <v>建築,造園,都市,土他,</v>
          </cell>
          <cell r="Z1785" t="str">
            <v/>
          </cell>
          <cell r="AA1785" t="str">
            <v/>
          </cell>
          <cell r="AB1785">
            <v>243620</v>
          </cell>
          <cell r="AC1785" t="str">
            <v/>
          </cell>
          <cell r="AD1785" t="str">
            <v/>
          </cell>
          <cell r="AE1785" t="str">
            <v>その他（役務）</v>
          </cell>
          <cell r="AF1785">
            <v>324</v>
          </cell>
          <cell r="AI1785">
            <v>3</v>
          </cell>
          <cell r="AJ1785" t="str">
            <v>土木</v>
          </cell>
        </row>
        <row r="1786">
          <cell r="B1786">
            <v>6273</v>
          </cell>
          <cell r="C1786" t="str">
            <v>ペンタフ(株)</v>
          </cell>
          <cell r="D1786" t="str">
            <v>06-6458-1231</v>
          </cell>
          <cell r="E1786" t="str">
            <v>531-0076</v>
          </cell>
          <cell r="F1786" t="str">
            <v>大阪府大阪市北区大淀中1-7-10</v>
          </cell>
          <cell r="G1786" t="str">
            <v>大阪市</v>
          </cell>
          <cell r="H1786" t="str">
            <v/>
          </cell>
          <cell r="I1786" t="str">
            <v>代表取締役 平田　喜彦</v>
          </cell>
          <cell r="J1786" t="str">
            <v>本店</v>
          </cell>
          <cell r="K1786" t="str">
            <v>06-6458-1221</v>
          </cell>
          <cell r="L1786" t="str">
            <v>info@pentough.com</v>
          </cell>
          <cell r="M1786" t="str">
            <v>ﾍﾟﾝﾀﾌ</v>
          </cell>
          <cell r="N1786" t="str">
            <v>無</v>
          </cell>
          <cell r="O1786">
            <v>27</v>
          </cell>
          <cell r="P1786">
            <v>38</v>
          </cell>
          <cell r="Q1786">
            <v>2120001144625</v>
          </cell>
          <cell r="R1786">
            <v>10000</v>
          </cell>
          <cell r="S1786">
            <v>222887</v>
          </cell>
          <cell r="T1786">
            <v>515034</v>
          </cell>
          <cell r="V1786" t="str">
            <v>we652414</v>
          </cell>
          <cell r="W1786" t="str">
            <v>ka301710</v>
          </cell>
          <cell r="Y1786" t="str">
            <v>調他</v>
          </cell>
          <cell r="Z1786" t="str">
            <v/>
          </cell>
          <cell r="AA1786" t="str">
            <v/>
          </cell>
          <cell r="AB1786" t="str">
            <v/>
          </cell>
          <cell r="AC1786" t="str">
            <v/>
          </cell>
          <cell r="AD1786">
            <v>404108</v>
          </cell>
          <cell r="AE1786" t="str">
            <v/>
          </cell>
          <cell r="AF1786" t="str">
            <v/>
          </cell>
          <cell r="AI1786">
            <v>5</v>
          </cell>
          <cell r="AJ1786" t="str">
            <v>調査</v>
          </cell>
        </row>
        <row r="1787">
          <cell r="B1787">
            <v>6275</v>
          </cell>
          <cell r="C1787" t="str">
            <v>(株)平和ＩＴＣ</v>
          </cell>
          <cell r="D1787" t="str">
            <v>079-280-2920</v>
          </cell>
          <cell r="E1787" t="str">
            <v>670-0985</v>
          </cell>
          <cell r="F1787" t="str">
            <v>兵庫県姫路市玉手1-171-107</v>
          </cell>
          <cell r="G1787" t="str">
            <v>福井市</v>
          </cell>
          <cell r="H1787" t="str">
            <v>兵庫営業所</v>
          </cell>
          <cell r="I1787" t="str">
            <v>営業所長 中村　浩行</v>
          </cell>
          <cell r="J1787" t="str">
            <v>福井県福井市</v>
          </cell>
          <cell r="K1787" t="str">
            <v>050-3737-2478</v>
          </cell>
          <cell r="L1787" t="str">
            <v>nyusatsu@heiwa-sk.co.jp</v>
          </cell>
          <cell r="M1787" t="str">
            <v>ﾍｲﾜｱｲﾃｨｼｰ</v>
          </cell>
          <cell r="N1787" t="str">
            <v>有</v>
          </cell>
          <cell r="O1787">
            <v>55</v>
          </cell>
          <cell r="P1787">
            <v>39</v>
          </cell>
          <cell r="Q1787">
            <v>5210001003182</v>
          </cell>
          <cell r="R1787">
            <v>10000</v>
          </cell>
          <cell r="S1787">
            <v>91757</v>
          </cell>
          <cell r="T1787">
            <v>1147747</v>
          </cell>
          <cell r="V1787" t="str">
            <v>vn472242</v>
          </cell>
          <cell r="W1787" t="str">
            <v>nj440894</v>
          </cell>
          <cell r="Y1787" t="str">
            <v>測量,航空,土調,土評,物件,機工,営業,損失,補償,登記,</v>
          </cell>
          <cell r="Z1787">
            <v>75075</v>
          </cell>
          <cell r="AA1787" t="str">
            <v/>
          </cell>
          <cell r="AB1787" t="str">
            <v/>
          </cell>
          <cell r="AC1787">
            <v>188831</v>
          </cell>
          <cell r="AD1787" t="str">
            <v/>
          </cell>
          <cell r="AE1787" t="str">
            <v>その他</v>
          </cell>
          <cell r="AF1787">
            <v>747944</v>
          </cell>
          <cell r="AI1787">
            <v>4</v>
          </cell>
          <cell r="AJ1787" t="str">
            <v>補償</v>
          </cell>
        </row>
        <row r="1788">
          <cell r="B1788">
            <v>6282</v>
          </cell>
          <cell r="C1788" t="str">
            <v>報国エンジニアリング(株)</v>
          </cell>
          <cell r="D1788" t="str">
            <v>06-6336-0128</v>
          </cell>
          <cell r="E1788" t="str">
            <v>561-0827</v>
          </cell>
          <cell r="F1788" t="str">
            <v>大阪府豊中市大黒町3-5-26</v>
          </cell>
          <cell r="G1788" t="str">
            <v>豊中市</v>
          </cell>
          <cell r="H1788" t="str">
            <v/>
          </cell>
          <cell r="I1788" t="str">
            <v>代表取締役 塚本　英</v>
          </cell>
          <cell r="J1788" t="str">
            <v>本店</v>
          </cell>
          <cell r="K1788" t="str">
            <v>06-6336-4369</v>
          </cell>
          <cell r="L1788" t="str">
            <v>m-kita@hokoku-eng.com</v>
          </cell>
          <cell r="M1788" t="str">
            <v>ﾎｳｺｸｴﾝｼﾞﾆｱﾘﾝｸﾞ</v>
          </cell>
          <cell r="N1788" t="str">
            <v>無</v>
          </cell>
          <cell r="O1788">
            <v>42</v>
          </cell>
          <cell r="P1788">
            <v>159</v>
          </cell>
          <cell r="Q1788">
            <v>1120901025578</v>
          </cell>
          <cell r="R1788">
            <v>30000</v>
          </cell>
          <cell r="S1788">
            <v>693237</v>
          </cell>
          <cell r="T1788">
            <v>5494995</v>
          </cell>
          <cell r="V1788" t="str">
            <v>hj945002</v>
          </cell>
          <cell r="W1788" t="str">
            <v>pt450049</v>
          </cell>
          <cell r="Y1788" t="str">
            <v>地質,</v>
          </cell>
          <cell r="Z1788" t="str">
            <v/>
          </cell>
          <cell r="AA1788" t="str">
            <v/>
          </cell>
          <cell r="AB1788" t="str">
            <v/>
          </cell>
          <cell r="AC1788" t="str">
            <v/>
          </cell>
          <cell r="AD1788">
            <v>1011266</v>
          </cell>
          <cell r="AE1788" t="str">
            <v/>
          </cell>
          <cell r="AF1788" t="str">
            <v/>
          </cell>
          <cell r="AI1788">
            <v>5</v>
          </cell>
          <cell r="AJ1788" t="str">
            <v>調査</v>
          </cell>
        </row>
        <row r="1789">
          <cell r="B1789">
            <v>6286</v>
          </cell>
          <cell r="C1789" t="str">
            <v>(株)補償工学研究所</v>
          </cell>
          <cell r="D1789" t="str">
            <v>078-647-8570</v>
          </cell>
          <cell r="E1789" t="str">
            <v>654-0133</v>
          </cell>
          <cell r="F1789" t="str">
            <v>兵庫県神戸市須磨区多井畑字地獄谷12-2</v>
          </cell>
          <cell r="G1789" t="str">
            <v>神戸市</v>
          </cell>
          <cell r="H1789" t="str">
            <v/>
          </cell>
          <cell r="I1789" t="str">
            <v>代表取締役 木山　稔</v>
          </cell>
          <cell r="J1789" t="str">
            <v>本店</v>
          </cell>
          <cell r="K1789" t="str">
            <v>078-647-8571</v>
          </cell>
          <cell r="L1789" t="str">
            <v>infohyhy@crocus.ocn.ne.jp</v>
          </cell>
          <cell r="M1789" t="str">
            <v>ﾎｼｮｳｺｳｶﾞｸｹﾝｷｭｳｼｮ</v>
          </cell>
          <cell r="N1789" t="str">
            <v>無</v>
          </cell>
          <cell r="O1789">
            <v>36</v>
          </cell>
          <cell r="P1789">
            <v>8</v>
          </cell>
          <cell r="Q1789">
            <v>2140001017218</v>
          </cell>
          <cell r="R1789">
            <v>10000</v>
          </cell>
          <cell r="S1789">
            <v>11875</v>
          </cell>
          <cell r="T1789">
            <v>42923</v>
          </cell>
          <cell r="V1789" t="str">
            <v>bp567918</v>
          </cell>
          <cell r="W1789" t="str">
            <v>qy170785</v>
          </cell>
          <cell r="Y1789" t="str">
            <v>物件,機工,営業,損失,</v>
          </cell>
          <cell r="Z1789" t="str">
            <v/>
          </cell>
          <cell r="AA1789" t="str">
            <v/>
          </cell>
          <cell r="AB1789" t="str">
            <v/>
          </cell>
          <cell r="AC1789">
            <v>41248</v>
          </cell>
          <cell r="AD1789" t="str">
            <v/>
          </cell>
          <cell r="AE1789" t="str">
            <v/>
          </cell>
          <cell r="AF1789" t="str">
            <v/>
          </cell>
          <cell r="AI1789">
            <v>4</v>
          </cell>
          <cell r="AJ1789" t="str">
            <v>補償</v>
          </cell>
        </row>
        <row r="1790">
          <cell r="B1790">
            <v>6288</v>
          </cell>
          <cell r="C1790" t="str">
            <v>(株)北斗エス・イー・シー</v>
          </cell>
          <cell r="D1790" t="str">
            <v>079-558-0875</v>
          </cell>
          <cell r="E1790" t="str">
            <v>669-2544</v>
          </cell>
          <cell r="F1790" t="str">
            <v>兵庫県篠山市草ﾉ上211</v>
          </cell>
          <cell r="G1790" t="str">
            <v>津市</v>
          </cell>
          <cell r="H1790" t="str">
            <v>関西支店</v>
          </cell>
          <cell r="I1790" t="str">
            <v>支店長 尾崎　雅人</v>
          </cell>
          <cell r="J1790" t="str">
            <v>三重県津市</v>
          </cell>
          <cell r="K1790" t="str">
            <v>059-370-6209</v>
          </cell>
          <cell r="L1790" t="str">
            <v>hokuto01@hokuto-sec.co.jp</v>
          </cell>
          <cell r="M1790" t="str">
            <v>ﾎｸﾄｴｽ･ｲｰ･ｼｰ</v>
          </cell>
          <cell r="N1790" t="str">
            <v>有</v>
          </cell>
          <cell r="O1790">
            <v>32</v>
          </cell>
          <cell r="P1790">
            <v>20</v>
          </cell>
          <cell r="Q1790">
            <v>8190001005369</v>
          </cell>
          <cell r="R1790">
            <v>25000</v>
          </cell>
          <cell r="S1790">
            <v>-42990</v>
          </cell>
          <cell r="T1790">
            <v>153625</v>
          </cell>
          <cell r="V1790" t="str">
            <v>kb954381</v>
          </cell>
          <cell r="W1790" t="str">
            <v>ez513278</v>
          </cell>
          <cell r="Y1790" t="str">
            <v>測量,測量,航空,土質,鋼構,河川,道路,地質,造園,上水,下水,都市,スポ,土他,土調,調他</v>
          </cell>
          <cell r="Z1790">
            <v>60611</v>
          </cell>
          <cell r="AA1790" t="str">
            <v/>
          </cell>
          <cell r="AB1790">
            <v>88012</v>
          </cell>
          <cell r="AC1790">
            <v>550</v>
          </cell>
          <cell r="AD1790" t="str">
            <v/>
          </cell>
          <cell r="AE1790" t="str">
            <v/>
          </cell>
          <cell r="AF1790" t="str">
            <v/>
          </cell>
          <cell r="AI1790">
            <v>3</v>
          </cell>
          <cell r="AJ1790" t="str">
            <v>土木</v>
          </cell>
        </row>
        <row r="1791">
          <cell r="B1791">
            <v>6290</v>
          </cell>
          <cell r="C1791" t="str">
            <v>(株)北斗測量設計</v>
          </cell>
          <cell r="D1791" t="str">
            <v>072-632-8302</v>
          </cell>
          <cell r="E1791" t="str">
            <v>567-0822</v>
          </cell>
          <cell r="F1791" t="str">
            <v>大阪府茨木市中村町1-37</v>
          </cell>
          <cell r="G1791" t="str">
            <v>茨木市</v>
          </cell>
          <cell r="H1791" t="str">
            <v/>
          </cell>
          <cell r="I1791" t="str">
            <v>代表取締役 籾井　実</v>
          </cell>
          <cell r="J1791" t="str">
            <v>本店</v>
          </cell>
          <cell r="K1791" t="str">
            <v>072-632-8638</v>
          </cell>
          <cell r="L1791" t="str">
            <v>hokuto-s2@wine.ocn.ne.jp</v>
          </cell>
          <cell r="M1791" t="str">
            <v>ﾎｸﾄｿｸﾘｮｳｾｯｹｲ</v>
          </cell>
          <cell r="N1791" t="str">
            <v>無</v>
          </cell>
          <cell r="O1791">
            <v>38</v>
          </cell>
          <cell r="P1791">
            <v>8</v>
          </cell>
          <cell r="Q1791">
            <v>2120901001974</v>
          </cell>
          <cell r="R1791">
            <v>10000</v>
          </cell>
          <cell r="S1791">
            <v>24641</v>
          </cell>
          <cell r="T1791">
            <v>18784</v>
          </cell>
          <cell r="V1791" t="str">
            <v>zn954982</v>
          </cell>
          <cell r="W1791" t="str">
            <v>tn961497</v>
          </cell>
          <cell r="Y1791" t="str">
            <v>測量,</v>
          </cell>
          <cell r="Z1791">
            <v>18784</v>
          </cell>
          <cell r="AA1791" t="str">
            <v/>
          </cell>
          <cell r="AB1791" t="str">
            <v/>
          </cell>
          <cell r="AC1791" t="str">
            <v/>
          </cell>
          <cell r="AD1791" t="str">
            <v/>
          </cell>
          <cell r="AE1791" t="str">
            <v/>
          </cell>
          <cell r="AF1791" t="str">
            <v/>
          </cell>
          <cell r="AI1791">
            <v>1</v>
          </cell>
          <cell r="AJ1791" t="str">
            <v>測量</v>
          </cell>
        </row>
        <row r="1792">
          <cell r="B1792">
            <v>6291</v>
          </cell>
          <cell r="C1792" t="str">
            <v>(株)ポラリス</v>
          </cell>
          <cell r="D1792" t="str">
            <v>072-991-3636</v>
          </cell>
          <cell r="E1792" t="str">
            <v>581-0013</v>
          </cell>
          <cell r="F1792" t="str">
            <v>大阪府八尾市山本町南4-1-3</v>
          </cell>
          <cell r="G1792" t="str">
            <v>八尾市</v>
          </cell>
          <cell r="H1792" t="str">
            <v/>
          </cell>
          <cell r="I1792" t="str">
            <v>代表取締役　 数井　康幸</v>
          </cell>
          <cell r="J1792" t="str">
            <v>本店</v>
          </cell>
          <cell r="K1792" t="str">
            <v>072-991-3616</v>
          </cell>
          <cell r="L1792" t="str">
            <v>info@kk-polaris.co.jp</v>
          </cell>
          <cell r="M1792" t="str">
            <v>ﾎﾟﾗﾘｽ</v>
          </cell>
          <cell r="N1792" t="str">
            <v>無</v>
          </cell>
          <cell r="O1792">
            <v>12</v>
          </cell>
          <cell r="P1792">
            <v>7</v>
          </cell>
          <cell r="Q1792">
            <v>1122001022720</v>
          </cell>
          <cell r="R1792">
            <v>2000</v>
          </cell>
          <cell r="S1792">
            <v>1982</v>
          </cell>
          <cell r="T1792">
            <v>96007</v>
          </cell>
          <cell r="V1792" t="str">
            <v>fe895365</v>
          </cell>
          <cell r="W1792" t="str">
            <v>hq380281</v>
          </cell>
          <cell r="Y1792" t="str">
            <v/>
          </cell>
          <cell r="Z1792">
            <v>95043</v>
          </cell>
          <cell r="AA1792" t="str">
            <v/>
          </cell>
          <cell r="AB1792" t="str">
            <v/>
          </cell>
          <cell r="AC1792" t="str">
            <v/>
          </cell>
          <cell r="AD1792" t="str">
            <v/>
          </cell>
          <cell r="AE1792" t="str">
            <v/>
          </cell>
          <cell r="AF1792">
            <v>95043</v>
          </cell>
          <cell r="AI1792" t="str">
            <v>建築</v>
          </cell>
          <cell r="AJ1792" t="str">
            <v>大阪府</v>
          </cell>
        </row>
        <row r="1793">
          <cell r="B1793">
            <v>6301</v>
          </cell>
          <cell r="C1793" t="str">
            <v>(株)前田都市設計</v>
          </cell>
          <cell r="D1793" t="str">
            <v>078-412-3230</v>
          </cell>
          <cell r="E1793" t="str">
            <v>658-0003</v>
          </cell>
          <cell r="F1793" t="str">
            <v>兵庫県神戸市東灘区本山北町2-14-19</v>
          </cell>
          <cell r="G1793" t="str">
            <v>大阪市</v>
          </cell>
          <cell r="H1793" t="str">
            <v>兵庫事務所</v>
          </cell>
          <cell r="I1793" t="str">
            <v>所長 堂田　隆文</v>
          </cell>
          <cell r="J1793" t="str">
            <v>大阪府大阪市</v>
          </cell>
          <cell r="K1793" t="str">
            <v>050-3588-0990</v>
          </cell>
          <cell r="L1793" t="str">
            <v>mud@k7.dion.ne.jp</v>
          </cell>
          <cell r="M1793" t="str">
            <v>ﾏｴﾀﾞﾄｼｾｯｹｲ</v>
          </cell>
          <cell r="N1793" t="str">
            <v>有</v>
          </cell>
          <cell r="O1793">
            <v>34</v>
          </cell>
          <cell r="P1793">
            <v>38</v>
          </cell>
          <cell r="Q1793">
            <v>9120001140774</v>
          </cell>
          <cell r="R1793">
            <v>10000</v>
          </cell>
          <cell r="S1793">
            <v>42061</v>
          </cell>
          <cell r="T1793">
            <v>254995</v>
          </cell>
          <cell r="V1793" t="str">
            <v>pb129951</v>
          </cell>
          <cell r="W1793" t="str">
            <v>rb406020</v>
          </cell>
          <cell r="Y1793" t="str">
            <v>建築,意匠,構造,冷暖,衛生,電気,建積,機積,電積,調査,</v>
          </cell>
          <cell r="Z1793" t="str">
            <v/>
          </cell>
          <cell r="AA1793">
            <v>283907</v>
          </cell>
          <cell r="AB1793" t="str">
            <v/>
          </cell>
          <cell r="AC1793" t="str">
            <v/>
          </cell>
          <cell r="AD1793" t="str">
            <v/>
          </cell>
          <cell r="AE1793" t="str">
            <v/>
          </cell>
          <cell r="AF1793" t="str">
            <v/>
          </cell>
          <cell r="AI1793">
            <v>2</v>
          </cell>
          <cell r="AJ1793" t="str">
            <v>建築</v>
          </cell>
        </row>
        <row r="1794">
          <cell r="B1794">
            <v>6302</v>
          </cell>
          <cell r="C1794" t="str">
            <v>牧草総合設計(株)</v>
          </cell>
          <cell r="D1794" t="str">
            <v>078-855-3502</v>
          </cell>
          <cell r="E1794" t="str">
            <v>651-0084</v>
          </cell>
          <cell r="F1794" t="str">
            <v>兵庫県神戸市中央区磯辺通4-1-8</v>
          </cell>
          <cell r="G1794" t="str">
            <v>京都市</v>
          </cell>
          <cell r="H1794" t="str">
            <v>神戸支店</v>
          </cell>
          <cell r="I1794" t="str">
            <v>支店長 四方　博之</v>
          </cell>
          <cell r="J1794" t="str">
            <v>京都府京都市</v>
          </cell>
          <cell r="K1794" t="str">
            <v>078-855-3503</v>
          </cell>
          <cell r="L1794" t="str">
            <v>sogo@makigusa.co.jp</v>
          </cell>
          <cell r="M1794" t="str">
            <v>ﾏｷｸﾞｻｿｳｺﾞｳｾｯｹｲ</v>
          </cell>
          <cell r="N1794" t="str">
            <v>有</v>
          </cell>
          <cell r="O1794">
            <v>4</v>
          </cell>
          <cell r="P1794">
            <v>49</v>
          </cell>
          <cell r="Q1794">
            <v>9130001053901</v>
          </cell>
          <cell r="R1794">
            <v>10000</v>
          </cell>
          <cell r="S1794">
            <v>13048</v>
          </cell>
          <cell r="T1794">
            <v>336310</v>
          </cell>
          <cell r="V1794" t="str">
            <v>hk122731</v>
          </cell>
          <cell r="W1794" t="str">
            <v>fj412246</v>
          </cell>
          <cell r="Y1794" t="str">
            <v>測量,測量,航空,鋼構,河川,道路,都市,土調,物件,営業,登記,</v>
          </cell>
          <cell r="Z1794">
            <v>125819</v>
          </cell>
          <cell r="AA1794" t="str">
            <v/>
          </cell>
          <cell r="AB1794">
            <v>175350</v>
          </cell>
          <cell r="AC1794">
            <v>10229</v>
          </cell>
          <cell r="AD1794" t="str">
            <v/>
          </cell>
          <cell r="AE1794" t="str">
            <v/>
          </cell>
          <cell r="AF1794" t="str">
            <v/>
          </cell>
          <cell r="AI1794">
            <v>3</v>
          </cell>
          <cell r="AJ1794" t="str">
            <v>土木</v>
          </cell>
        </row>
        <row r="1795">
          <cell r="B1795">
            <v>6305</v>
          </cell>
          <cell r="C1795" t="str">
            <v>(株)桝谷設計</v>
          </cell>
          <cell r="D1795" t="str">
            <v>07-2800-3480</v>
          </cell>
          <cell r="E1795" t="str">
            <v>578-0901</v>
          </cell>
          <cell r="F1795" t="str">
            <v>大阪府東大阪市加納6-16-4-313</v>
          </cell>
          <cell r="G1795" t="str">
            <v>奈良市</v>
          </cell>
          <cell r="H1795" t="str">
            <v>大阪事務所</v>
          </cell>
          <cell r="I1795" t="str">
            <v>取締役大阪事務所長 寺下　浩明</v>
          </cell>
          <cell r="J1795" t="str">
            <v>奈良県奈良市</v>
          </cell>
          <cell r="K1795" t="str">
            <v>07-2800-3481</v>
          </cell>
          <cell r="L1795" t="str">
            <v>ki@masutani.co.jp</v>
          </cell>
          <cell r="M1795" t="str">
            <v>ﾏｽﾀﾆｾｯｹｲ</v>
          </cell>
          <cell r="N1795" t="str">
            <v>有</v>
          </cell>
          <cell r="O1795">
            <v>59</v>
          </cell>
          <cell r="P1795">
            <v>32</v>
          </cell>
          <cell r="Q1795">
            <v>9150001002261</v>
          </cell>
          <cell r="R1795">
            <v>35000</v>
          </cell>
          <cell r="S1795">
            <v>169472</v>
          </cell>
          <cell r="T1795">
            <v>352873</v>
          </cell>
          <cell r="V1795" t="str">
            <v>by350832</v>
          </cell>
          <cell r="W1795" t="str">
            <v>ca929128</v>
          </cell>
          <cell r="Y1795" t="str">
            <v>建築,意匠,構造,冷暖,衛生,電気,建積,機積,電積,調査,</v>
          </cell>
          <cell r="Z1795" t="str">
            <v/>
          </cell>
          <cell r="AA1795">
            <v>363625</v>
          </cell>
          <cell r="AB1795" t="str">
            <v/>
          </cell>
          <cell r="AC1795" t="str">
            <v/>
          </cell>
          <cell r="AD1795" t="str">
            <v/>
          </cell>
          <cell r="AE1795" t="str">
            <v/>
          </cell>
          <cell r="AF1795" t="str">
            <v/>
          </cell>
          <cell r="AI1795">
            <v>2</v>
          </cell>
          <cell r="AJ1795" t="str">
            <v>建築</v>
          </cell>
        </row>
        <row r="1796">
          <cell r="B1796">
            <v>6306</v>
          </cell>
          <cell r="C1796" t="str">
            <v>(株)間瀬コンサルタント</v>
          </cell>
          <cell r="D1796" t="str">
            <v>078-595-7871</v>
          </cell>
          <cell r="E1796" t="str">
            <v>651-1101</v>
          </cell>
          <cell r="F1796" t="str">
            <v>兵庫県神戸市北区山田町小部字妙賀5-2</v>
          </cell>
          <cell r="H1796" t="str">
            <v>神戸営業所</v>
          </cell>
          <cell r="I1796" t="str">
            <v>取締役所長 西島　文朗</v>
          </cell>
          <cell r="J1796" t="str">
            <v>東京都</v>
          </cell>
          <cell r="K1796" t="str">
            <v>078-595-7872</v>
          </cell>
          <cell r="L1796" t="str">
            <v>mase_kobe@masecon.co.jp</v>
          </cell>
          <cell r="M1796" t="str">
            <v>ﾏｾｺﾝｻﾙﾀﾝﾄ</v>
          </cell>
          <cell r="N1796" t="str">
            <v>有</v>
          </cell>
          <cell r="O1796">
            <v>52</v>
          </cell>
          <cell r="P1796">
            <v>139</v>
          </cell>
          <cell r="Q1796">
            <v>5010901011288</v>
          </cell>
          <cell r="R1796">
            <v>100000</v>
          </cell>
          <cell r="S1796">
            <v>729838</v>
          </cell>
          <cell r="T1796">
            <v>2324337</v>
          </cell>
          <cell r="V1796" t="str">
            <v>ca926676</v>
          </cell>
          <cell r="W1796" t="str">
            <v>mf115282</v>
          </cell>
          <cell r="Y1796" t="str">
            <v>測量,測量,航空,建築,意匠,構造,冷暖,衛生,電気,建積,機積,電積,調査,土質,鋼構,河川,道路,施行,建機,地質,造園,上水,下水,都市,スポ,環境,土他,土調,土評,物件,機工,営業,損失,補償,鑑定,登記,地質,水質,大気,騒音,交通,商業,調他</v>
          </cell>
          <cell r="Z1796">
            <v>95595</v>
          </cell>
          <cell r="AA1796">
            <v>76437</v>
          </cell>
          <cell r="AB1796">
            <v>1043416</v>
          </cell>
          <cell r="AC1796">
            <v>980288</v>
          </cell>
          <cell r="AD1796">
            <v>19474</v>
          </cell>
          <cell r="AE1796" t="str">
            <v>地質調査</v>
          </cell>
          <cell r="AF1796">
            <v>40362</v>
          </cell>
          <cell r="AI1796">
            <v>3</v>
          </cell>
          <cell r="AJ1796" t="str">
            <v>土木</v>
          </cell>
        </row>
        <row r="1797">
          <cell r="B1797">
            <v>6309</v>
          </cell>
          <cell r="C1797" t="str">
            <v>(株)松岡建築設計事務所</v>
          </cell>
          <cell r="D1797" t="str">
            <v>06-6422-7698</v>
          </cell>
          <cell r="E1797" t="str">
            <v>661-0002</v>
          </cell>
          <cell r="F1797" t="str">
            <v>兵庫県尼崎市塚口町3-28-5</v>
          </cell>
          <cell r="G1797" t="str">
            <v>尼崎市</v>
          </cell>
          <cell r="H1797" t="str">
            <v/>
          </cell>
          <cell r="I1797" t="str">
            <v>代表取締役 松岡　秀行</v>
          </cell>
          <cell r="J1797" t="str">
            <v>本店</v>
          </cell>
          <cell r="K1797" t="str">
            <v>06-6429-2229</v>
          </cell>
          <cell r="L1797" t="str">
            <v>info@arch-matsuoka.com</v>
          </cell>
          <cell r="M1797" t="str">
            <v>ﾏﾂｵｶｹﾝﾁｸｾｯｹｲｼﾞﾑｼｮ</v>
          </cell>
          <cell r="N1797" t="str">
            <v>無</v>
          </cell>
          <cell r="O1797">
            <v>48</v>
          </cell>
          <cell r="P1797">
            <v>5</v>
          </cell>
          <cell r="Q1797">
            <v>2140001051282</v>
          </cell>
          <cell r="R1797">
            <v>10000</v>
          </cell>
          <cell r="S1797">
            <v>90127</v>
          </cell>
          <cell r="T1797">
            <v>28402</v>
          </cell>
          <cell r="V1797" t="str">
            <v>ka505621</v>
          </cell>
          <cell r="W1797" t="str">
            <v>mc247413</v>
          </cell>
          <cell r="Y1797" t="str">
            <v>建築,意匠,構造,冷暖,衛生,電気,建積,機積,電積,調査,</v>
          </cell>
          <cell r="Z1797" t="str">
            <v/>
          </cell>
          <cell r="AA1797">
            <v>28402</v>
          </cell>
          <cell r="AB1797" t="str">
            <v/>
          </cell>
          <cell r="AC1797" t="str">
            <v/>
          </cell>
          <cell r="AD1797" t="str">
            <v/>
          </cell>
          <cell r="AE1797" t="str">
            <v/>
          </cell>
          <cell r="AF1797" t="str">
            <v/>
          </cell>
          <cell r="AI1797">
            <v>2</v>
          </cell>
          <cell r="AJ1797" t="str">
            <v>建築</v>
          </cell>
        </row>
        <row r="1798">
          <cell r="B1798">
            <v>6310</v>
          </cell>
          <cell r="C1798" t="str">
            <v>(株)松田平田設計</v>
          </cell>
          <cell r="D1798" t="str">
            <v>06-6536-3701</v>
          </cell>
          <cell r="E1798" t="str">
            <v>550-0005</v>
          </cell>
          <cell r="F1798" t="str">
            <v>大阪府大阪市西区西本町1-4-1</v>
          </cell>
          <cell r="H1798" t="str">
            <v>大阪事務所</v>
          </cell>
          <cell r="I1798" t="str">
            <v>常務執行役員所長 上村　晋</v>
          </cell>
          <cell r="J1798" t="str">
            <v>東京都</v>
          </cell>
          <cell r="K1798" t="str">
            <v>06-6536-3717</v>
          </cell>
          <cell r="L1798" t="str">
            <v>kaoru_sunagawa@mhs.co.jp</v>
          </cell>
          <cell r="M1798" t="str">
            <v>ﾏﾂﾀﾞﾋﾗﾀｾｯｹｲ</v>
          </cell>
          <cell r="N1798" t="str">
            <v>有</v>
          </cell>
          <cell r="O1798">
            <v>68</v>
          </cell>
          <cell r="P1798">
            <v>312</v>
          </cell>
          <cell r="Q1798">
            <v>8010401028152</v>
          </cell>
          <cell r="R1798">
            <v>60000</v>
          </cell>
          <cell r="S1798">
            <v>5069170</v>
          </cell>
          <cell r="T1798">
            <v>5820313</v>
          </cell>
          <cell r="V1798" t="str">
            <v>xf623881</v>
          </cell>
          <cell r="W1798" t="str">
            <v>em122867</v>
          </cell>
          <cell r="Y1798" t="str">
            <v>建築,意匠,構造,冷暖,衛生,電気,建積,機積,電積,調査,都市,</v>
          </cell>
          <cell r="Z1798" t="str">
            <v/>
          </cell>
          <cell r="AA1798">
            <v>5612622</v>
          </cell>
          <cell r="AB1798">
            <v>207691</v>
          </cell>
          <cell r="AC1798" t="str">
            <v/>
          </cell>
          <cell r="AD1798" t="str">
            <v/>
          </cell>
          <cell r="AE1798" t="str">
            <v/>
          </cell>
          <cell r="AF1798" t="str">
            <v/>
          </cell>
          <cell r="AI1798">
            <v>2</v>
          </cell>
          <cell r="AJ1798" t="str">
            <v>建築</v>
          </cell>
        </row>
        <row r="1799">
          <cell r="B1799">
            <v>6313</v>
          </cell>
          <cell r="C1799" t="str">
            <v>(株)真鍋建築設計事務所</v>
          </cell>
          <cell r="D1799" t="str">
            <v>06-6536-3701</v>
          </cell>
          <cell r="E1799" t="str">
            <v>550-0011</v>
          </cell>
          <cell r="F1799" t="str">
            <v>大阪府大阪市西区阿波座1-11-8</v>
          </cell>
          <cell r="G1799" t="str">
            <v>大阪市</v>
          </cell>
          <cell r="H1799" t="str">
            <v/>
          </cell>
          <cell r="I1799" t="str">
            <v>代表取締役 真鍋　基夫</v>
          </cell>
          <cell r="J1799" t="str">
            <v>本店</v>
          </cell>
          <cell r="K1799" t="str">
            <v>06-6536-5436</v>
          </cell>
          <cell r="L1799" t="str">
            <v>m-manabe-arc@peace.ocn.ne.jp</v>
          </cell>
          <cell r="M1799" t="str">
            <v>ﾏﾅﾍﾞｹﾝﾁｸｾｯｹｲｼﾞﾑｼｮ</v>
          </cell>
          <cell r="N1799" t="str">
            <v>無</v>
          </cell>
          <cell r="O1799">
            <v>57</v>
          </cell>
          <cell r="P1799">
            <v>10</v>
          </cell>
          <cell r="Q1799">
            <v>4120001006410</v>
          </cell>
          <cell r="R1799">
            <v>10000</v>
          </cell>
          <cell r="S1799">
            <v>23500</v>
          </cell>
          <cell r="T1799">
            <v>169681</v>
          </cell>
          <cell r="V1799" t="str">
            <v>va947212</v>
          </cell>
          <cell r="W1799" t="str">
            <v>zs522102</v>
          </cell>
          <cell r="Y1799" t="str">
            <v>建築,意匠,構造,</v>
          </cell>
          <cell r="Z1799" t="str">
            <v/>
          </cell>
          <cell r="AA1799">
            <v>169681</v>
          </cell>
          <cell r="AB1799" t="str">
            <v/>
          </cell>
          <cell r="AC1799" t="str">
            <v/>
          </cell>
          <cell r="AD1799" t="str">
            <v/>
          </cell>
          <cell r="AE1799" t="str">
            <v/>
          </cell>
          <cell r="AF1799" t="str">
            <v/>
          </cell>
          <cell r="AI1799">
            <v>2</v>
          </cell>
          <cell r="AJ1799" t="str">
            <v>建築</v>
          </cell>
        </row>
        <row r="1800">
          <cell r="B1800">
            <v>6314</v>
          </cell>
          <cell r="C1800" t="str">
            <v>丸一調査設計(株)</v>
          </cell>
          <cell r="D1800" t="str">
            <v>0795-42-4649</v>
          </cell>
          <cell r="E1800" t="str">
            <v>673-1463</v>
          </cell>
          <cell r="F1800" t="str">
            <v>兵庫県加東市梶原388</v>
          </cell>
          <cell r="G1800" t="str">
            <v>福井市</v>
          </cell>
          <cell r="H1800" t="str">
            <v>兵庫支店</v>
          </cell>
          <cell r="I1800" t="str">
            <v>取締役支店長 浦上　則雄</v>
          </cell>
          <cell r="J1800" t="str">
            <v>福井県福井市</v>
          </cell>
          <cell r="K1800" t="str">
            <v>0765-42-4650</v>
          </cell>
          <cell r="L1800" t="str">
            <v>y-takashima@maruichi-sekkei.co.jp</v>
          </cell>
          <cell r="M1800" t="str">
            <v>ﾏﾙｲﾁﾁｮｳｻｾｯｹｲ(ｶ</v>
          </cell>
          <cell r="N1800" t="str">
            <v>有</v>
          </cell>
          <cell r="O1800">
            <v>51</v>
          </cell>
          <cell r="P1800">
            <v>56</v>
          </cell>
          <cell r="Q1800">
            <v>5210001003926</v>
          </cell>
          <cell r="R1800">
            <v>41000</v>
          </cell>
          <cell r="S1800">
            <v>437540</v>
          </cell>
          <cell r="T1800">
            <v>482920</v>
          </cell>
          <cell r="V1800" t="str">
            <v>ej737239</v>
          </cell>
          <cell r="W1800" t="str">
            <v>rt541799</v>
          </cell>
          <cell r="Y1800" t="str">
            <v>測量,測量,鋼構,河川,道路,下水,土他,土調,物件,機工,営業,損失,登記,地質,</v>
          </cell>
          <cell r="Z1800">
            <v>121619</v>
          </cell>
          <cell r="AA1800" t="str">
            <v/>
          </cell>
          <cell r="AB1800">
            <v>236225</v>
          </cell>
          <cell r="AC1800">
            <v>120037</v>
          </cell>
          <cell r="AD1800">
            <v>15016</v>
          </cell>
          <cell r="AE1800" t="str">
            <v/>
          </cell>
          <cell r="AF1800" t="str">
            <v/>
          </cell>
          <cell r="AI1800">
            <v>3</v>
          </cell>
          <cell r="AJ1800" t="str">
            <v>土木</v>
          </cell>
        </row>
        <row r="1801">
          <cell r="B1801">
            <v>6315</v>
          </cell>
          <cell r="C1801" t="str">
            <v>(株)丸尾計画事務所</v>
          </cell>
          <cell r="D1801" t="str">
            <v>078-361-6308</v>
          </cell>
          <cell r="E1801" t="str">
            <v>650-0011</v>
          </cell>
          <cell r="F1801" t="str">
            <v>兵庫県神戸市中央区下山手通5-7-15</v>
          </cell>
          <cell r="G1801" t="str">
            <v>姫路市</v>
          </cell>
          <cell r="H1801" t="str">
            <v>神戸事務所</v>
          </cell>
          <cell r="I1801" t="str">
            <v>神戸事務所長 前川　拓也</v>
          </cell>
          <cell r="J1801" t="str">
            <v>兵庫県姫路市</v>
          </cell>
          <cell r="K1801" t="str">
            <v>078-361-6307</v>
          </cell>
          <cell r="L1801" t="str">
            <v>mpo@maruokeikaku.co.jp</v>
          </cell>
          <cell r="M1801" t="str">
            <v>ﾏﾙｵｹｲｶｸｼﾞﾑｼｮ</v>
          </cell>
          <cell r="N1801" t="str">
            <v>有</v>
          </cell>
          <cell r="O1801">
            <v>29</v>
          </cell>
          <cell r="P1801">
            <v>17</v>
          </cell>
          <cell r="Q1801">
            <v>6140001061682</v>
          </cell>
          <cell r="R1801">
            <v>10000</v>
          </cell>
          <cell r="S1801">
            <v>71534</v>
          </cell>
          <cell r="T1801">
            <v>261822</v>
          </cell>
          <cell r="V1801" t="str">
            <v>wp672165</v>
          </cell>
          <cell r="W1801" t="str">
            <v>fn819924</v>
          </cell>
          <cell r="Y1801" t="str">
            <v/>
          </cell>
          <cell r="Z1801">
            <v>10135</v>
          </cell>
          <cell r="AA1801" t="str">
            <v/>
          </cell>
          <cell r="AB1801">
            <v>207406</v>
          </cell>
          <cell r="AC1801" t="str">
            <v/>
          </cell>
          <cell r="AD1801" t="str">
            <v/>
          </cell>
          <cell r="AE1801" t="str">
            <v/>
          </cell>
          <cell r="AF1801">
            <v>207406</v>
          </cell>
          <cell r="AI1801" t="str">
            <v>補償</v>
          </cell>
          <cell r="AJ1801" t="str">
            <v>兵庫県</v>
          </cell>
        </row>
        <row r="1802">
          <cell r="B1802">
            <v>6317</v>
          </cell>
          <cell r="C1802" t="str">
            <v>(株)松本コンサルタント</v>
          </cell>
          <cell r="D1802" t="str">
            <v>0797-85-3326</v>
          </cell>
          <cell r="E1802" t="str">
            <v>665-0841</v>
          </cell>
          <cell r="F1802" t="str">
            <v>兵庫県宝塚市御殿山3-20-8</v>
          </cell>
          <cell r="G1802" t="str">
            <v>徳島市</v>
          </cell>
          <cell r="H1802" t="str">
            <v>宝塚支店</v>
          </cell>
          <cell r="I1802" t="str">
            <v>支店長 松本　光男</v>
          </cell>
          <cell r="J1802" t="str">
            <v>徳島県徳島市</v>
          </cell>
          <cell r="K1802" t="str">
            <v>0797-85-3327</v>
          </cell>
          <cell r="L1802" t="str">
            <v>kiwa@m-survey.co.jp</v>
          </cell>
          <cell r="M1802" t="str">
            <v>ﾏﾂﾓﾄｺﾝｻﾙﾀﾝﾄ</v>
          </cell>
          <cell r="N1802" t="str">
            <v>有</v>
          </cell>
          <cell r="O1802">
            <v>47</v>
          </cell>
          <cell r="P1802">
            <v>188</v>
          </cell>
          <cell r="Q1802">
            <v>4480001002274</v>
          </cell>
          <cell r="R1802">
            <v>10000</v>
          </cell>
          <cell r="S1802">
            <v>1613150</v>
          </cell>
          <cell r="T1802">
            <v>2251882</v>
          </cell>
          <cell r="V1802" t="str">
            <v>qs287073</v>
          </cell>
          <cell r="W1802" t="str">
            <v>vh642934</v>
          </cell>
          <cell r="Y1802" t="str">
            <v>測量,測量,航空,構造,調査,土質,鋼構,河川,道路,地質,上水,下水,都市,土調,物件,機工,営業,損失,地質,交通,</v>
          </cell>
          <cell r="Z1802">
            <v>1534534</v>
          </cell>
          <cell r="AA1802">
            <v>1950</v>
          </cell>
          <cell r="AB1802">
            <v>321209</v>
          </cell>
          <cell r="AC1802">
            <v>54694</v>
          </cell>
          <cell r="AD1802">
            <v>26041</v>
          </cell>
          <cell r="AE1802" t="str">
            <v>物品販売・役務</v>
          </cell>
          <cell r="AF1802">
            <v>272927</v>
          </cell>
          <cell r="AI1802">
            <v>1</v>
          </cell>
          <cell r="AJ1802" t="str">
            <v>測量</v>
          </cell>
        </row>
        <row r="1803">
          <cell r="B1803">
            <v>6320</v>
          </cell>
          <cell r="C1803" t="str">
            <v>(株)前谷建築事務所</v>
          </cell>
          <cell r="D1803" t="str">
            <v>06-6765-5865</v>
          </cell>
          <cell r="E1803" t="str">
            <v>543-0011</v>
          </cell>
          <cell r="F1803" t="str">
            <v>大阪府大阪市天王寺区清水谷町7ｰ4</v>
          </cell>
          <cell r="G1803" t="str">
            <v>大阪市</v>
          </cell>
          <cell r="H1803" t="str">
            <v/>
          </cell>
          <cell r="I1803" t="str">
            <v>代表取締役 前谷　卓嗣</v>
          </cell>
          <cell r="J1803" t="str">
            <v>本店</v>
          </cell>
          <cell r="K1803" t="str">
            <v>06-6765-5864</v>
          </cell>
          <cell r="L1803" t="str">
            <v>maetani@basil.ocn.ne.jp</v>
          </cell>
          <cell r="M1803" t="str">
            <v>ﾏｴﾀﾆｹﾝﾁｸｼﾞﾑｼｮ</v>
          </cell>
          <cell r="N1803" t="str">
            <v>無</v>
          </cell>
          <cell r="O1803">
            <v>34</v>
          </cell>
          <cell r="P1803">
            <v>4</v>
          </cell>
          <cell r="Q1803">
            <v>1120001025322</v>
          </cell>
          <cell r="R1803">
            <v>10000</v>
          </cell>
          <cell r="S1803">
            <v>17186</v>
          </cell>
          <cell r="T1803">
            <v>58950</v>
          </cell>
          <cell r="V1803" t="str">
            <v>ff123020</v>
          </cell>
          <cell r="W1803" t="str">
            <v>kh110093</v>
          </cell>
          <cell r="Y1803" t="str">
            <v>建築,意匠,構造,</v>
          </cell>
          <cell r="Z1803" t="str">
            <v/>
          </cell>
          <cell r="AA1803">
            <v>58950</v>
          </cell>
          <cell r="AB1803" t="str">
            <v/>
          </cell>
          <cell r="AC1803" t="str">
            <v/>
          </cell>
          <cell r="AD1803" t="str">
            <v/>
          </cell>
          <cell r="AE1803" t="str">
            <v/>
          </cell>
          <cell r="AF1803" t="str">
            <v/>
          </cell>
          <cell r="AI1803">
            <v>2</v>
          </cell>
          <cell r="AJ1803" t="str">
            <v>建築</v>
          </cell>
        </row>
        <row r="1804">
          <cell r="B1804">
            <v>6321</v>
          </cell>
          <cell r="C1804" t="str">
            <v>(株)丸川建築設計事務所</v>
          </cell>
          <cell r="D1804" t="str">
            <v>06-6120-8222</v>
          </cell>
          <cell r="E1804" t="str">
            <v>542-0081</v>
          </cell>
          <cell r="F1804" t="str">
            <v>大阪府大阪市中央区南船場3-6-25</v>
          </cell>
          <cell r="G1804" t="str">
            <v>岡山市</v>
          </cell>
          <cell r="H1804" t="str">
            <v>大阪事務所</v>
          </cell>
          <cell r="I1804" t="str">
            <v>大阪事務所長 本家　豊彦</v>
          </cell>
          <cell r="J1804" t="str">
            <v>岡山県岡山市</v>
          </cell>
          <cell r="K1804" t="str">
            <v>06-6120-8223</v>
          </cell>
          <cell r="L1804" t="str">
            <v>gyoumu@marukawa-arc.co.jp</v>
          </cell>
          <cell r="M1804" t="str">
            <v>ﾏﾙｶﾜｹﾝﾁｸｾｯｹｲｼﾞﾑｼｮ</v>
          </cell>
          <cell r="N1804" t="str">
            <v>有</v>
          </cell>
          <cell r="O1804">
            <v>66</v>
          </cell>
          <cell r="P1804">
            <v>60</v>
          </cell>
          <cell r="Q1804">
            <v>4260001006297</v>
          </cell>
          <cell r="R1804">
            <v>10000</v>
          </cell>
          <cell r="S1804">
            <v>149380</v>
          </cell>
          <cell r="T1804">
            <v>562699</v>
          </cell>
          <cell r="V1804" t="str">
            <v>mg250798</v>
          </cell>
          <cell r="W1804" t="str">
            <v>va947212</v>
          </cell>
          <cell r="Y1804" t="str">
            <v>建築,意匠,構造,冷暖,衛生,電気,建積,機積,電積,調査,</v>
          </cell>
          <cell r="Z1804" t="str">
            <v/>
          </cell>
          <cell r="AA1804">
            <v>564662</v>
          </cell>
          <cell r="AB1804" t="str">
            <v/>
          </cell>
          <cell r="AC1804" t="str">
            <v/>
          </cell>
          <cell r="AD1804" t="str">
            <v/>
          </cell>
          <cell r="AE1804" t="str">
            <v/>
          </cell>
          <cell r="AF1804" t="str">
            <v/>
          </cell>
          <cell r="AI1804">
            <v>2</v>
          </cell>
          <cell r="AJ1804" t="str">
            <v>建築</v>
          </cell>
        </row>
        <row r="1805">
          <cell r="B1805">
            <v>6323</v>
          </cell>
          <cell r="C1805" t="str">
            <v>(有)松浦興業</v>
          </cell>
          <cell r="D1805" t="str">
            <v>079-222-9967</v>
          </cell>
          <cell r="E1805" t="str">
            <v>671-0247</v>
          </cell>
          <cell r="F1805" t="str">
            <v>兵庫県姫路市四郷町東阿保1391-1</v>
          </cell>
          <cell r="G1805" t="str">
            <v>姫路市</v>
          </cell>
          <cell r="H1805" t="str">
            <v/>
          </cell>
          <cell r="I1805" t="str">
            <v>代表取締役 松浦　佳世</v>
          </cell>
          <cell r="J1805" t="str">
            <v>本店</v>
          </cell>
          <cell r="K1805" t="str">
            <v>079-222-4568</v>
          </cell>
          <cell r="L1805" t="str">
            <v>jimu@matsuura-kougyou.co.jp</v>
          </cell>
          <cell r="M1805" t="str">
            <v>ﾏﾂｳﾗｺｳｷﾞｮｳ</v>
          </cell>
          <cell r="N1805" t="str">
            <v>無</v>
          </cell>
          <cell r="O1805">
            <v>22</v>
          </cell>
          <cell r="P1805">
            <v>27</v>
          </cell>
          <cell r="Q1805">
            <v>5140002050917</v>
          </cell>
          <cell r="R1805">
            <v>3000</v>
          </cell>
          <cell r="S1805">
            <v>35044</v>
          </cell>
          <cell r="T1805">
            <v>317294</v>
          </cell>
          <cell r="V1805" t="str">
            <v>fj179296</v>
          </cell>
          <cell r="W1805" t="str">
            <v>tt163775</v>
          </cell>
          <cell r="Y1805" t="str">
            <v>測量,</v>
          </cell>
          <cell r="Z1805">
            <v>14593</v>
          </cell>
          <cell r="AA1805" t="str">
            <v/>
          </cell>
          <cell r="AB1805" t="str">
            <v/>
          </cell>
          <cell r="AC1805" t="str">
            <v/>
          </cell>
          <cell r="AD1805" t="str">
            <v/>
          </cell>
          <cell r="AE1805" t="str">
            <v>建設工事</v>
          </cell>
          <cell r="AF1805">
            <v>285730</v>
          </cell>
          <cell r="AI1805">
            <v>1</v>
          </cell>
          <cell r="AJ1805" t="str">
            <v>測量</v>
          </cell>
        </row>
        <row r="1806">
          <cell r="B1806">
            <v>6335</v>
          </cell>
          <cell r="C1806" t="str">
            <v>三井共同建設コンサルタント(株)</v>
          </cell>
          <cell r="D1806" t="str">
            <v>078-351-7501</v>
          </cell>
          <cell r="E1806" t="str">
            <v>650-0012</v>
          </cell>
          <cell r="F1806" t="str">
            <v>兵庫県神戸市中央区北長狭通5-2-19</v>
          </cell>
          <cell r="H1806" t="str">
            <v>神戸事務所</v>
          </cell>
          <cell r="I1806" t="str">
            <v>所長 大浦　英樹</v>
          </cell>
          <cell r="J1806" t="str">
            <v>東京都</v>
          </cell>
          <cell r="K1806" t="str">
            <v>078-351-7502</v>
          </cell>
          <cell r="L1806" t="str">
            <v>kan-dn@mccnet.co.jp</v>
          </cell>
          <cell r="M1806" t="str">
            <v>ﾐﾂｲｷｮｳﾄﾞｳｹﾝｾﾂｺﾝｻﾙﾀﾝﾄ</v>
          </cell>
          <cell r="N1806" t="str">
            <v>有</v>
          </cell>
          <cell r="O1806">
            <v>52</v>
          </cell>
          <cell r="P1806">
            <v>343</v>
          </cell>
          <cell r="Q1806">
            <v>5011101020526</v>
          </cell>
          <cell r="R1806">
            <v>100000</v>
          </cell>
          <cell r="S1806">
            <v>2243505</v>
          </cell>
          <cell r="T1806">
            <v>0</v>
          </cell>
          <cell r="V1806" t="str">
            <v>gk271142</v>
          </cell>
          <cell r="W1806" t="str">
            <v>ft739884</v>
          </cell>
          <cell r="Y1806" t="str">
            <v>測量,土質,鋼構,河川,道路,施行,地質,造園,下水,都市,土他,地質,交通,調他</v>
          </cell>
          <cell r="Z1806">
            <v>108369</v>
          </cell>
          <cell r="AA1806">
            <v>44866</v>
          </cell>
          <cell r="AB1806">
            <v>7275587</v>
          </cell>
          <cell r="AC1806" t="str">
            <v/>
          </cell>
          <cell r="AD1806">
            <v>287002</v>
          </cell>
          <cell r="AE1806" t="str">
            <v>その他</v>
          </cell>
          <cell r="AF1806">
            <v>55399</v>
          </cell>
          <cell r="AI1806">
            <v>3</v>
          </cell>
          <cell r="AJ1806" t="str">
            <v>土木</v>
          </cell>
        </row>
        <row r="1807">
          <cell r="B1807">
            <v>6336</v>
          </cell>
          <cell r="C1807" t="str">
            <v>(株)三菱地所設計</v>
          </cell>
          <cell r="D1807" t="str">
            <v>06-6881-5164</v>
          </cell>
          <cell r="E1807" t="str">
            <v>530-6009</v>
          </cell>
          <cell r="F1807" t="str">
            <v>大阪府大阪市北区天満橋1-8-30 OAPﾀﾜｰ9階</v>
          </cell>
          <cell r="G1807" t="str">
            <v/>
          </cell>
          <cell r="H1807" t="str">
            <v>関西支店</v>
          </cell>
          <cell r="I1807" t="str">
            <v>執行役員関西支店長　 西堀　正樹</v>
          </cell>
          <cell r="J1807" t="str">
            <v>東京都</v>
          </cell>
          <cell r="K1807" t="str">
            <v>06-6881-5141</v>
          </cell>
          <cell r="L1807" t="str">
            <v>noriko.ikushima@mj-sekkei.com</v>
          </cell>
          <cell r="M1807" t="str">
            <v>ﾐﾂﾋﾞｼｼﾞｼﾖｾﾂｹｲ</v>
          </cell>
          <cell r="N1807" t="str">
            <v>有</v>
          </cell>
          <cell r="O1807">
            <v>128</v>
          </cell>
          <cell r="P1807">
            <v>536</v>
          </cell>
          <cell r="Q1807">
            <v>4010001081968</v>
          </cell>
          <cell r="R1807">
            <v>300000</v>
          </cell>
          <cell r="S1807">
            <v>17606473</v>
          </cell>
          <cell r="T1807">
            <v>17928541</v>
          </cell>
          <cell r="V1807" t="str">
            <v>kq800884</v>
          </cell>
          <cell r="W1807" t="str">
            <v>gz840008</v>
          </cell>
          <cell r="Y1807" t="str">
            <v>建築,意匠,構造,冷暖,衛生,電気,建積,機積,電積,調査,土質,鋼構,道路,施行,造園,都市,</v>
          </cell>
          <cell r="Z1807" t="str">
            <v/>
          </cell>
          <cell r="AA1807">
            <v>16272752</v>
          </cell>
          <cell r="AB1807">
            <v>1647139</v>
          </cell>
          <cell r="AC1807" t="str">
            <v/>
          </cell>
          <cell r="AD1807" t="str">
            <v/>
          </cell>
          <cell r="AE1807" t="str">
            <v/>
          </cell>
          <cell r="AF1807" t="str">
            <v/>
          </cell>
          <cell r="AI1807">
            <v>2</v>
          </cell>
          <cell r="AJ1807" t="str">
            <v>建築</v>
          </cell>
        </row>
        <row r="1808">
          <cell r="B1808">
            <v>6338</v>
          </cell>
          <cell r="C1808" t="str">
            <v>三菱電機ビルテクノサービス(株)</v>
          </cell>
          <cell r="D1808" t="str">
            <v>03-5810-5300</v>
          </cell>
          <cell r="E1808" t="str">
            <v>116-0002</v>
          </cell>
          <cell r="F1808" t="str">
            <v>東京都荒川区荒川7-19-1</v>
          </cell>
          <cell r="H1808" t="str">
            <v/>
          </cell>
          <cell r="I1808" t="str">
            <v>代表取締役 林　美克</v>
          </cell>
          <cell r="J1808" t="str">
            <v>本店</v>
          </cell>
          <cell r="K1808" t="str">
            <v>03-5810-5501</v>
          </cell>
          <cell r="L1808" t="str">
            <v>l_nyusatsu.hyogo@meltec.co.jp</v>
          </cell>
          <cell r="M1808" t="str">
            <v>ﾐﾂﾋﾞｼﾃﾞﾝｷﾋﾞﾙﾃｸﾉｻｰﾋﾞｽ</v>
          </cell>
          <cell r="N1808" t="str">
            <v>無</v>
          </cell>
          <cell r="O1808">
            <v>63</v>
          </cell>
          <cell r="P1808">
            <v>9518</v>
          </cell>
          <cell r="Q1808">
            <v>5010001030412</v>
          </cell>
          <cell r="R1808">
            <v>5000000</v>
          </cell>
          <cell r="S1808">
            <v>210024000</v>
          </cell>
          <cell r="T1808">
            <v>330080000</v>
          </cell>
          <cell r="V1808" t="str">
            <v>xp519226</v>
          </cell>
          <cell r="W1808" t="str">
            <v>cc189129</v>
          </cell>
          <cell r="Y1808" t="str">
            <v>調査,</v>
          </cell>
          <cell r="Z1808" t="str">
            <v/>
          </cell>
          <cell r="AA1808">
            <v>142842</v>
          </cell>
          <cell r="AB1808" t="str">
            <v/>
          </cell>
          <cell r="AC1808" t="str">
            <v/>
          </cell>
          <cell r="AD1808" t="str">
            <v/>
          </cell>
          <cell r="AE1808" t="str">
            <v/>
          </cell>
          <cell r="AF1808" t="str">
            <v/>
          </cell>
          <cell r="AI1808">
            <v>2</v>
          </cell>
          <cell r="AJ1808" t="str">
            <v>建築</v>
          </cell>
        </row>
        <row r="1809">
          <cell r="B1809">
            <v>6342</v>
          </cell>
          <cell r="C1809" t="str">
            <v>(株)みどり空間設計室</v>
          </cell>
          <cell r="D1809" t="str">
            <v>072-794-8790</v>
          </cell>
          <cell r="E1809" t="str">
            <v>666-0117</v>
          </cell>
          <cell r="F1809" t="str">
            <v>兵庫県川西市東畦野6-7-3</v>
          </cell>
          <cell r="G1809" t="str">
            <v>川西市</v>
          </cell>
          <cell r="H1809" t="str">
            <v/>
          </cell>
          <cell r="I1809" t="str">
            <v>代表取締役 清水　正克</v>
          </cell>
          <cell r="J1809" t="str">
            <v>本店</v>
          </cell>
          <cell r="K1809" t="str">
            <v>072-794-8791</v>
          </cell>
          <cell r="L1809" t="str">
            <v>midori-1@mbr.nifty.com</v>
          </cell>
          <cell r="M1809" t="str">
            <v>ﾐﾄﾞﾘｸｳｶﾝｾｯｹｲｼﾂ</v>
          </cell>
          <cell r="N1809" t="str">
            <v>無</v>
          </cell>
          <cell r="O1809">
            <v>28</v>
          </cell>
          <cell r="P1809">
            <v>5</v>
          </cell>
          <cell r="Q1809">
            <v>2140001079687</v>
          </cell>
          <cell r="R1809">
            <v>10000</v>
          </cell>
          <cell r="S1809">
            <v>19596</v>
          </cell>
          <cell r="T1809">
            <v>36776</v>
          </cell>
          <cell r="V1809" t="str">
            <v>sm370149</v>
          </cell>
          <cell r="W1809" t="str">
            <v>sk185693</v>
          </cell>
          <cell r="Y1809" t="str">
            <v>造園,都市,</v>
          </cell>
          <cell r="Z1809" t="str">
            <v/>
          </cell>
          <cell r="AA1809" t="str">
            <v/>
          </cell>
          <cell r="AB1809">
            <v>36776</v>
          </cell>
          <cell r="AC1809" t="str">
            <v/>
          </cell>
          <cell r="AD1809" t="str">
            <v/>
          </cell>
          <cell r="AE1809" t="str">
            <v/>
          </cell>
          <cell r="AF1809" t="str">
            <v/>
          </cell>
          <cell r="AI1809">
            <v>3</v>
          </cell>
          <cell r="AJ1809" t="str">
            <v>土木</v>
          </cell>
        </row>
        <row r="1810">
          <cell r="B1810">
            <v>6344</v>
          </cell>
          <cell r="C1810" t="str">
            <v>ＭＯＧコンサルタント(株)</v>
          </cell>
          <cell r="D1810" t="str">
            <v>072-423-2000</v>
          </cell>
          <cell r="E1810" t="str">
            <v>596-0043</v>
          </cell>
          <cell r="F1810" t="str">
            <v>大阪府岸和田市宮前町20-20</v>
          </cell>
          <cell r="G1810" t="str">
            <v>岸和田市</v>
          </cell>
          <cell r="H1810" t="str">
            <v/>
          </cell>
          <cell r="I1810" t="str">
            <v>代表取締役 森石　登</v>
          </cell>
          <cell r="J1810" t="str">
            <v>本店</v>
          </cell>
          <cell r="K1810" t="str">
            <v>072-437-4445</v>
          </cell>
          <cell r="L1810" t="str">
            <v>mog@crocus.ocn.ne.jp</v>
          </cell>
          <cell r="M1810" t="str">
            <v>ﾓｸﾞｺﾝｻﾙﾀﾝﾄ</v>
          </cell>
          <cell r="N1810" t="str">
            <v>無</v>
          </cell>
          <cell r="O1810">
            <v>43</v>
          </cell>
          <cell r="P1810">
            <v>22</v>
          </cell>
          <cell r="Q1810">
            <v>1120101037770</v>
          </cell>
          <cell r="R1810">
            <v>90000</v>
          </cell>
          <cell r="S1810">
            <v>223925</v>
          </cell>
          <cell r="T1810">
            <v>632075</v>
          </cell>
          <cell r="V1810" t="str">
            <v>tw398652</v>
          </cell>
          <cell r="W1810" t="str">
            <v>pw704557</v>
          </cell>
          <cell r="Y1810" t="str">
            <v>測量,鋼構,下水,土他,土調,</v>
          </cell>
          <cell r="Z1810">
            <v>100748</v>
          </cell>
          <cell r="AA1810" t="str">
            <v/>
          </cell>
          <cell r="AB1810">
            <v>112153</v>
          </cell>
          <cell r="AC1810">
            <v>5425</v>
          </cell>
          <cell r="AD1810" t="str">
            <v/>
          </cell>
          <cell r="AE1810" t="str">
            <v/>
          </cell>
          <cell r="AF1810" t="str">
            <v/>
          </cell>
          <cell r="AI1810">
            <v>3</v>
          </cell>
          <cell r="AJ1810" t="str">
            <v>土木</v>
          </cell>
        </row>
        <row r="1811">
          <cell r="B1811">
            <v>6345</v>
          </cell>
          <cell r="C1811" t="str">
            <v>箕内技研(株)</v>
          </cell>
          <cell r="D1811" t="str">
            <v>06-6426-9300</v>
          </cell>
          <cell r="E1811" t="str">
            <v>661-0023</v>
          </cell>
          <cell r="F1811" t="str">
            <v>兵庫県尼崎市大西町3-9-24</v>
          </cell>
          <cell r="G1811" t="str">
            <v>尼崎市</v>
          </cell>
          <cell r="H1811" t="str">
            <v/>
          </cell>
          <cell r="I1811" t="str">
            <v>代表取締役 箕内　正典</v>
          </cell>
          <cell r="J1811" t="str">
            <v>本店</v>
          </cell>
          <cell r="K1811" t="str">
            <v>06-6426-8777</v>
          </cell>
          <cell r="L1811" t="str">
            <v>akane@nn.iij4u.or.jp</v>
          </cell>
          <cell r="M1811" t="str">
            <v>ﾐﾉｳﾁｷﾞｹﾝ</v>
          </cell>
          <cell r="N1811" t="str">
            <v>無</v>
          </cell>
          <cell r="O1811">
            <v>23</v>
          </cell>
          <cell r="P1811">
            <v>3</v>
          </cell>
          <cell r="Q1811">
            <v>3140001051505</v>
          </cell>
          <cell r="R1811">
            <v>10000</v>
          </cell>
          <cell r="S1811">
            <v>10394</v>
          </cell>
          <cell r="T1811">
            <v>9545</v>
          </cell>
          <cell r="V1811" t="str">
            <v>mq722528</v>
          </cell>
          <cell r="W1811" t="str">
            <v>qh238263</v>
          </cell>
          <cell r="Y1811" t="str">
            <v>測量,測量,土調,登記,</v>
          </cell>
          <cell r="Z1811">
            <v>9545</v>
          </cell>
          <cell r="AA1811" t="str">
            <v/>
          </cell>
          <cell r="AB1811" t="str">
            <v/>
          </cell>
          <cell r="AC1811" t="str">
            <v/>
          </cell>
          <cell r="AD1811" t="str">
            <v/>
          </cell>
          <cell r="AE1811" t="str">
            <v/>
          </cell>
          <cell r="AF1811" t="str">
            <v/>
          </cell>
          <cell r="AI1811">
            <v>1</v>
          </cell>
          <cell r="AJ1811" t="str">
            <v>測量</v>
          </cell>
        </row>
        <row r="1812">
          <cell r="B1812">
            <v>6346</v>
          </cell>
          <cell r="C1812" t="str">
            <v>(株)宮本設計</v>
          </cell>
          <cell r="D1812" t="str">
            <v>0797-71-0431</v>
          </cell>
          <cell r="E1812" t="str">
            <v>665-0022</v>
          </cell>
          <cell r="F1812" t="str">
            <v>兵庫県宝塚市野上1-2-7</v>
          </cell>
          <cell r="G1812" t="str">
            <v>宝塚市</v>
          </cell>
          <cell r="H1812" t="str">
            <v/>
          </cell>
          <cell r="I1812" t="str">
            <v>代表取締役 瀬尾　武夫</v>
          </cell>
          <cell r="J1812" t="str">
            <v>本店</v>
          </cell>
          <cell r="K1812" t="str">
            <v>0797-71-5139</v>
          </cell>
          <cell r="L1812" t="str">
            <v>mto@gold.ocn.ne.jp</v>
          </cell>
          <cell r="M1812" t="str">
            <v>ﾐﾔﾓﾄｾｯｹｲ</v>
          </cell>
          <cell r="N1812" t="str">
            <v>無</v>
          </cell>
          <cell r="O1812">
            <v>72</v>
          </cell>
          <cell r="P1812">
            <v>37</v>
          </cell>
          <cell r="Q1812">
            <v>6140001084072</v>
          </cell>
          <cell r="R1812">
            <v>10000</v>
          </cell>
          <cell r="S1812">
            <v>164623</v>
          </cell>
          <cell r="T1812">
            <v>367881</v>
          </cell>
          <cell r="V1812" t="str">
            <v>jx316845</v>
          </cell>
          <cell r="W1812" t="str">
            <v>en852790</v>
          </cell>
          <cell r="Y1812" t="str">
            <v>建築,意匠,構造,冷暖,衛生,電気,建積,機積,電積,調査,都市,土調,物件,機工,営業,損失,</v>
          </cell>
          <cell r="Z1812" t="str">
            <v/>
          </cell>
          <cell r="AA1812">
            <v>233186</v>
          </cell>
          <cell r="AB1812">
            <v>2385</v>
          </cell>
          <cell r="AC1812">
            <v>121760</v>
          </cell>
          <cell r="AD1812" t="str">
            <v/>
          </cell>
          <cell r="AE1812" t="str">
            <v/>
          </cell>
          <cell r="AF1812" t="str">
            <v/>
          </cell>
          <cell r="AI1812">
            <v>2</v>
          </cell>
          <cell r="AJ1812" t="str">
            <v>建築</v>
          </cell>
        </row>
        <row r="1813">
          <cell r="B1813">
            <v>6348</v>
          </cell>
          <cell r="C1813" t="str">
            <v>三菱ＵＦＪリサーチ＆コンサルティング(株)</v>
          </cell>
          <cell r="D1813" t="str">
            <v>06-7637-1500</v>
          </cell>
          <cell r="E1813" t="str">
            <v>530-8213</v>
          </cell>
          <cell r="F1813" t="str">
            <v>大阪府大阪市北区梅田2-5-25</v>
          </cell>
          <cell r="H1813" t="str">
            <v>大阪</v>
          </cell>
          <cell r="I1813" t="str">
            <v xml:space="preserve">常務執行役員 和田　寿一 </v>
          </cell>
          <cell r="J1813" t="str">
            <v>東京都</v>
          </cell>
          <cell r="K1813" t="str">
            <v>06-7637-1501</v>
          </cell>
          <cell r="L1813" t="str">
            <v>denshi-osaka@murc.jp</v>
          </cell>
          <cell r="M1813" t="str">
            <v>ﾐﾂﾋﾞｼﾕｰｴﾌｼﾞｪｲﾘｻｰﾁｱﾝﾄﾞｺﾝｻﾙﾃｲﾝｸﾞ</v>
          </cell>
          <cell r="N1813" t="str">
            <v>有</v>
          </cell>
          <cell r="O1813">
            <v>33</v>
          </cell>
          <cell r="P1813">
            <v>857</v>
          </cell>
          <cell r="Q1813">
            <v>3010401011971</v>
          </cell>
          <cell r="R1813">
            <v>2060000</v>
          </cell>
          <cell r="S1813">
            <v>18112478</v>
          </cell>
          <cell r="T1813">
            <v>17030450</v>
          </cell>
          <cell r="V1813" t="str">
            <v>px258435</v>
          </cell>
          <cell r="W1813" t="str">
            <v>rv474278</v>
          </cell>
          <cell r="Y1813" t="str">
            <v>河川,道路,施行,造園,上水,下水,都市,環境,土他,交通,商業,調他</v>
          </cell>
          <cell r="Z1813" t="str">
            <v/>
          </cell>
          <cell r="AA1813" t="str">
            <v/>
          </cell>
          <cell r="AB1813">
            <v>1410333</v>
          </cell>
          <cell r="AC1813" t="str">
            <v/>
          </cell>
          <cell r="AD1813">
            <v>12392337</v>
          </cell>
          <cell r="AE1813" t="str">
            <v>会員制事業他</v>
          </cell>
          <cell r="AF1813">
            <v>3578608</v>
          </cell>
          <cell r="AI1813">
            <v>5</v>
          </cell>
          <cell r="AJ1813" t="str">
            <v>調査</v>
          </cell>
        </row>
        <row r="1814">
          <cell r="B1814">
            <v>6351</v>
          </cell>
          <cell r="C1814" t="str">
            <v>(株)三宅建築事務所</v>
          </cell>
          <cell r="D1814" t="str">
            <v>075-761-6025</v>
          </cell>
          <cell r="E1814" t="str">
            <v>606-8386</v>
          </cell>
          <cell r="F1814" t="str">
            <v>京都府京都市左京区仁王門通川端東入新丸太町37-6</v>
          </cell>
          <cell r="G1814" t="str">
            <v>京都市</v>
          </cell>
          <cell r="H1814" t="str">
            <v/>
          </cell>
          <cell r="I1814" t="str">
            <v>代表取締役 三宅　晃郎</v>
          </cell>
          <cell r="J1814" t="str">
            <v>本店</v>
          </cell>
          <cell r="K1814" t="str">
            <v>075-751-0222</v>
          </cell>
          <cell r="L1814" t="str">
            <v>info@miyake-architects.com</v>
          </cell>
          <cell r="M1814" t="str">
            <v>ﾐﾔｹｹﾝﾁｸｼﾞﾑｼｮ</v>
          </cell>
          <cell r="N1814" t="str">
            <v>無</v>
          </cell>
          <cell r="O1814">
            <v>46</v>
          </cell>
          <cell r="P1814">
            <v>20</v>
          </cell>
          <cell r="Q1814">
            <v>7130001007413</v>
          </cell>
          <cell r="R1814">
            <v>81000</v>
          </cell>
          <cell r="S1814">
            <v>106764</v>
          </cell>
          <cell r="T1814">
            <v>220574</v>
          </cell>
          <cell r="V1814" t="str">
            <v>ub742802</v>
          </cell>
          <cell r="W1814" t="str">
            <v>fq933193</v>
          </cell>
          <cell r="Y1814" t="str">
            <v>建築,意匠,構造,冷暖,衛生,電気,建積,機積,電積,調査,</v>
          </cell>
          <cell r="Z1814" t="str">
            <v/>
          </cell>
          <cell r="AA1814">
            <v>220574</v>
          </cell>
          <cell r="AB1814" t="str">
            <v/>
          </cell>
          <cell r="AC1814" t="str">
            <v/>
          </cell>
          <cell r="AD1814" t="str">
            <v/>
          </cell>
          <cell r="AE1814" t="str">
            <v/>
          </cell>
          <cell r="AF1814" t="str">
            <v/>
          </cell>
          <cell r="AI1814">
            <v>2</v>
          </cell>
          <cell r="AJ1814" t="str">
            <v>建築</v>
          </cell>
        </row>
        <row r="1815">
          <cell r="B1815">
            <v>6354</v>
          </cell>
          <cell r="C1815" t="str">
            <v>(株)宮建築設計</v>
          </cell>
          <cell r="D1815" t="str">
            <v>088-625-5505</v>
          </cell>
          <cell r="E1815" t="str">
            <v>770-0868</v>
          </cell>
          <cell r="F1815" t="str">
            <v>徳島県徳島市福島1-5-6</v>
          </cell>
          <cell r="G1815" t="str">
            <v>徳島市</v>
          </cell>
          <cell r="H1815" t="str">
            <v/>
          </cell>
          <cell r="I1815" t="str">
            <v>代表取締役 宮本　博</v>
          </cell>
          <cell r="J1815" t="str">
            <v>本店</v>
          </cell>
          <cell r="K1815" t="str">
            <v>088-625-5478</v>
          </cell>
          <cell r="L1815" t="str">
            <v>sekkei@miyasekkei.com</v>
          </cell>
          <cell r="M1815" t="str">
            <v>ﾐﾔｹﾝﾁｸｾｯｹｲ</v>
          </cell>
          <cell r="N1815" t="str">
            <v>無</v>
          </cell>
          <cell r="O1815">
            <v>42</v>
          </cell>
          <cell r="P1815">
            <v>35</v>
          </cell>
          <cell r="Q1815">
            <v>4480001002497</v>
          </cell>
          <cell r="R1815">
            <v>30000</v>
          </cell>
          <cell r="S1815">
            <v>203791</v>
          </cell>
          <cell r="T1815">
            <v>373331</v>
          </cell>
          <cell r="V1815" t="str">
            <v>mn597894</v>
          </cell>
          <cell r="W1815" t="str">
            <v>sm370149</v>
          </cell>
          <cell r="Y1815" t="str">
            <v>建築,意匠,構造,冷暖,衛生,電気,建積,機積,電積,調査,鋼構,</v>
          </cell>
          <cell r="Z1815" t="str">
            <v/>
          </cell>
          <cell r="AA1815">
            <v>406027</v>
          </cell>
          <cell r="AB1815" t="str">
            <v/>
          </cell>
          <cell r="AC1815" t="str">
            <v/>
          </cell>
          <cell r="AD1815" t="str">
            <v/>
          </cell>
          <cell r="AE1815" t="str">
            <v/>
          </cell>
          <cell r="AF1815" t="str">
            <v/>
          </cell>
          <cell r="AI1815">
            <v>2</v>
          </cell>
          <cell r="AJ1815" t="str">
            <v>建築</v>
          </cell>
        </row>
        <row r="1816">
          <cell r="B1816">
            <v>6362</v>
          </cell>
          <cell r="C1816" t="str">
            <v>(株)ムロガ</v>
          </cell>
          <cell r="D1816" t="str">
            <v>072-721-7525</v>
          </cell>
          <cell r="E1816" t="str">
            <v>666-0124</v>
          </cell>
          <cell r="F1816" t="str">
            <v>兵庫県川西市多田桜木1-7-3-101</v>
          </cell>
          <cell r="G1816" t="str">
            <v>豊能郡豊能町</v>
          </cell>
          <cell r="H1816" t="str">
            <v>川西支店</v>
          </cell>
          <cell r="I1816" t="str">
            <v>支店長 徳井　英実</v>
          </cell>
          <cell r="J1816" t="str">
            <v>大阪府豊能郡豊能町</v>
          </cell>
          <cell r="K1816" t="str">
            <v>072-721-5875</v>
          </cell>
          <cell r="L1816" t="str">
            <v>muroga@muroga.co.jp</v>
          </cell>
          <cell r="M1816" t="str">
            <v>ﾑﾛｶﾞ</v>
          </cell>
          <cell r="N1816" t="str">
            <v>有</v>
          </cell>
          <cell r="O1816">
            <v>35</v>
          </cell>
          <cell r="P1816">
            <v>9</v>
          </cell>
          <cell r="Q1816">
            <v>8120901021190</v>
          </cell>
          <cell r="R1816">
            <v>10000</v>
          </cell>
          <cell r="S1816">
            <v>29341</v>
          </cell>
          <cell r="T1816">
            <v>105529</v>
          </cell>
          <cell r="V1816" t="str">
            <v>mv361756</v>
          </cell>
          <cell r="W1816" t="str">
            <v>pf924342</v>
          </cell>
          <cell r="Y1816" t="str">
            <v>測量,測量,建築,河川,道路,下水,都市,土調,物件,損失,登記,交通,</v>
          </cell>
          <cell r="Z1816">
            <v>57869</v>
          </cell>
          <cell r="AA1816">
            <v>2733</v>
          </cell>
          <cell r="AB1816">
            <v>34575</v>
          </cell>
          <cell r="AC1816">
            <v>15428</v>
          </cell>
          <cell r="AD1816" t="str">
            <v/>
          </cell>
          <cell r="AE1816" t="str">
            <v/>
          </cell>
          <cell r="AF1816" t="str">
            <v/>
          </cell>
          <cell r="AI1816">
            <v>1</v>
          </cell>
          <cell r="AJ1816" t="str">
            <v>測量</v>
          </cell>
        </row>
        <row r="1817">
          <cell r="B1817">
            <v>6364</v>
          </cell>
          <cell r="C1817" t="str">
            <v>(株)村上建築設計室</v>
          </cell>
          <cell r="D1817" t="str">
            <v>079-288-8828</v>
          </cell>
          <cell r="E1817" t="str">
            <v>670-0937</v>
          </cell>
          <cell r="F1817" t="str">
            <v>兵庫県姫路市元塩町120番地</v>
          </cell>
          <cell r="G1817" t="str">
            <v>姫路市</v>
          </cell>
          <cell r="H1817" t="str">
            <v/>
          </cell>
          <cell r="I1817" t="str">
            <v>代表取締役 村上　博通</v>
          </cell>
          <cell r="J1817" t="str">
            <v>本店</v>
          </cell>
          <cell r="K1817" t="str">
            <v>079-288-8826</v>
          </cell>
          <cell r="L1817" t="str">
            <v>m55729@mura-ao.co.jp</v>
          </cell>
          <cell r="M1817" t="str">
            <v>ﾑﾗｶﾐｹﾝﾁｸｾｯｹｲｼﾂ</v>
          </cell>
          <cell r="N1817" t="str">
            <v>無</v>
          </cell>
          <cell r="O1817">
            <v>33</v>
          </cell>
          <cell r="P1817">
            <v>25</v>
          </cell>
          <cell r="Q1817">
            <v>2140001061884</v>
          </cell>
          <cell r="R1817">
            <v>1000</v>
          </cell>
          <cell r="S1817">
            <v>43202</v>
          </cell>
          <cell r="T1817">
            <v>257506</v>
          </cell>
          <cell r="V1817" t="str">
            <v>cb802798</v>
          </cell>
          <cell r="W1817" t="str">
            <v>ps667971</v>
          </cell>
          <cell r="Y1817" t="str">
            <v>建築,意匠,構造,冷暖,衛生,電気,建積,調査,</v>
          </cell>
          <cell r="Z1817" t="str">
            <v/>
          </cell>
          <cell r="AA1817" t="str">
            <v/>
          </cell>
          <cell r="AB1817" t="str">
            <v/>
          </cell>
          <cell r="AC1817" t="str">
            <v/>
          </cell>
          <cell r="AD1817" t="str">
            <v/>
          </cell>
          <cell r="AE1817" t="str">
            <v/>
          </cell>
          <cell r="AF1817" t="str">
            <v/>
          </cell>
          <cell r="AI1817">
            <v>1</v>
          </cell>
          <cell r="AJ1817" t="str">
            <v>測量</v>
          </cell>
        </row>
        <row r="1818">
          <cell r="B1818">
            <v>6372</v>
          </cell>
          <cell r="C1818" t="str">
            <v>明治コンサルタント(株)</v>
          </cell>
          <cell r="D1818" t="str">
            <v>078-222-1185</v>
          </cell>
          <cell r="E1818" t="str">
            <v>651-0055</v>
          </cell>
          <cell r="F1818" t="str">
            <v>兵庫県神戸市中央区熊内橋通6-3-15</v>
          </cell>
          <cell r="G1818" t="str">
            <v>札幌市</v>
          </cell>
          <cell r="H1818" t="str">
            <v>神戸営業所</v>
          </cell>
          <cell r="I1818" t="str">
            <v>所長 足達　克則</v>
          </cell>
          <cell r="J1818" t="str">
            <v>北海道札幌市</v>
          </cell>
          <cell r="K1818" t="str">
            <v>078-222-1186</v>
          </cell>
          <cell r="L1818" t="str">
            <v>osk-eigyo@meicon.co.jp</v>
          </cell>
          <cell r="M1818" t="str">
            <v>ﾒｲｼﾞｺﾝｻﾙﾀﾝﾄ</v>
          </cell>
          <cell r="N1818" t="str">
            <v>有</v>
          </cell>
          <cell r="O1818">
            <v>56</v>
          </cell>
          <cell r="P1818">
            <v>185</v>
          </cell>
          <cell r="Q1818">
            <v>5430001072841</v>
          </cell>
          <cell r="R1818">
            <v>10000</v>
          </cell>
          <cell r="S1818">
            <v>408547</v>
          </cell>
          <cell r="T1818">
            <v>4415372</v>
          </cell>
          <cell r="V1818" t="str">
            <v>vn390127</v>
          </cell>
          <cell r="W1818" t="str">
            <v>dr264690</v>
          </cell>
          <cell r="Y1818" t="str">
            <v>測量,測量,航空,土質,鋼構,河川,道路,地質,環境,土他,地質,水質,大気,騒音,</v>
          </cell>
          <cell r="Z1818">
            <v>20500</v>
          </cell>
          <cell r="AA1818" t="str">
            <v/>
          </cell>
          <cell r="AB1818">
            <v>1738798</v>
          </cell>
          <cell r="AC1818" t="str">
            <v/>
          </cell>
          <cell r="AD1818">
            <v>1940032</v>
          </cell>
          <cell r="AE1818" t="str">
            <v/>
          </cell>
          <cell r="AF1818" t="str">
            <v/>
          </cell>
          <cell r="AI1818">
            <v>5</v>
          </cell>
          <cell r="AJ1818" t="str">
            <v>調査</v>
          </cell>
        </row>
        <row r="1819">
          <cell r="B1819">
            <v>6377</v>
          </cell>
          <cell r="C1819" t="str">
            <v>(株)メット</v>
          </cell>
          <cell r="D1819" t="str">
            <v>072-270-0169</v>
          </cell>
          <cell r="E1819" t="str">
            <v>599-8238</v>
          </cell>
          <cell r="F1819" t="str">
            <v>大阪府堺市中区土師町4-5-17</v>
          </cell>
          <cell r="G1819" t="str">
            <v>堺市</v>
          </cell>
          <cell r="H1819" t="str">
            <v/>
          </cell>
          <cell r="I1819" t="str">
            <v>代表取締役 時任　美幸</v>
          </cell>
          <cell r="J1819" t="str">
            <v>本店</v>
          </cell>
          <cell r="K1819" t="str">
            <v>072-270-6463</v>
          </cell>
          <cell r="L1819" t="str">
            <v>met.sewer@gmail.com</v>
          </cell>
          <cell r="M1819" t="str">
            <v>ﾒｯﾄ</v>
          </cell>
          <cell r="N1819" t="str">
            <v>無</v>
          </cell>
          <cell r="O1819">
            <v>4</v>
          </cell>
          <cell r="P1819">
            <v>5</v>
          </cell>
          <cell r="Q1819">
            <v>5120101050357</v>
          </cell>
          <cell r="R1819">
            <v>8000</v>
          </cell>
          <cell r="S1819">
            <v>10270</v>
          </cell>
          <cell r="T1819">
            <v>31319</v>
          </cell>
          <cell r="V1819" t="str">
            <v>ps667971</v>
          </cell>
          <cell r="W1819" t="str">
            <v>ub144315</v>
          </cell>
          <cell r="Y1819" t="str">
            <v>調他</v>
          </cell>
          <cell r="Z1819" t="str">
            <v/>
          </cell>
          <cell r="AA1819" t="str">
            <v/>
          </cell>
          <cell r="AB1819" t="str">
            <v/>
          </cell>
          <cell r="AC1819" t="str">
            <v/>
          </cell>
          <cell r="AD1819" t="str">
            <v/>
          </cell>
          <cell r="AE1819" t="str">
            <v>その他</v>
          </cell>
          <cell r="AF1819">
            <v>29879</v>
          </cell>
          <cell r="AI1819">
            <v>1</v>
          </cell>
          <cell r="AJ1819" t="str">
            <v>測量</v>
          </cell>
        </row>
        <row r="1820">
          <cell r="B1820">
            <v>6378</v>
          </cell>
          <cell r="C1820" t="str">
            <v>(株)メーサイ</v>
          </cell>
          <cell r="D1820" t="str">
            <v>078-436-1311</v>
          </cell>
          <cell r="E1820" t="str">
            <v>658-0001</v>
          </cell>
          <cell r="F1820" t="str">
            <v>兵庫県神戸市東灘区森北町1-6-18-1</v>
          </cell>
          <cell r="G1820" t="str">
            <v>吹田市</v>
          </cell>
          <cell r="H1820" t="str">
            <v>兵庫事業所</v>
          </cell>
          <cell r="I1820" t="str">
            <v>所長 長谷川　剛</v>
          </cell>
          <cell r="J1820" t="str">
            <v>大阪府吹田市</v>
          </cell>
          <cell r="K1820" t="str">
            <v>078-436-1312</v>
          </cell>
          <cell r="L1820" t="str">
            <v>kato.h@me-sai.com</v>
          </cell>
          <cell r="M1820" t="str">
            <v>ﾒｰｻｲ</v>
          </cell>
          <cell r="N1820" t="str">
            <v>有</v>
          </cell>
          <cell r="O1820">
            <v>28</v>
          </cell>
          <cell r="P1820">
            <v>41</v>
          </cell>
          <cell r="Q1820">
            <v>2120901010133</v>
          </cell>
          <cell r="R1820">
            <v>20000</v>
          </cell>
          <cell r="S1820">
            <v>28905</v>
          </cell>
          <cell r="T1820">
            <v>886454</v>
          </cell>
          <cell r="V1820" t="str">
            <v>nv103261</v>
          </cell>
          <cell r="W1820" t="str">
            <v>ha124986</v>
          </cell>
          <cell r="Y1820" t="str">
            <v>測量,土質,地質,土他,地質,水質,</v>
          </cell>
          <cell r="Z1820">
            <v>17729</v>
          </cell>
          <cell r="AA1820" t="str">
            <v/>
          </cell>
          <cell r="AB1820">
            <v>44323</v>
          </cell>
          <cell r="AC1820" t="str">
            <v/>
          </cell>
          <cell r="AD1820">
            <v>788944</v>
          </cell>
          <cell r="AE1820" t="str">
            <v>その他</v>
          </cell>
          <cell r="AF1820">
            <v>35458</v>
          </cell>
          <cell r="AI1820">
            <v>5</v>
          </cell>
          <cell r="AJ1820" t="str">
            <v>調査</v>
          </cell>
        </row>
        <row r="1821">
          <cell r="B1821">
            <v>6379</v>
          </cell>
          <cell r="C1821" t="str">
            <v>明豊ファシリティワークス(株)</v>
          </cell>
          <cell r="D1821" t="str">
            <v>03-5211-0066</v>
          </cell>
          <cell r="E1821" t="str">
            <v>651-0085</v>
          </cell>
          <cell r="F1821" t="str">
            <v>東京都千代田区平河町2-7-9 JA共済ﾋﾞﾙ6階</v>
          </cell>
          <cell r="G1821" t="str">
            <v/>
          </cell>
          <cell r="H1821" t="str">
            <v/>
          </cell>
          <cell r="I1821" t="str">
            <v>代表取締役　 大貫　美</v>
          </cell>
          <cell r="J1821" t="str">
            <v>本店</v>
          </cell>
          <cell r="K1821" t="str">
            <v>03-5211-6520</v>
          </cell>
          <cell r="L1821" t="str">
            <v>bid@meiho.co.jp</v>
          </cell>
          <cell r="M1821" t="str">
            <v>ﾒｲﾎｳﾌｱｼﾘﾃｲﾜ-ｸｽ</v>
          </cell>
          <cell r="N1821" t="str">
            <v>無</v>
          </cell>
          <cell r="O1821">
            <v>38</v>
          </cell>
          <cell r="P1821">
            <v>199</v>
          </cell>
          <cell r="Q1821">
            <v>7010001072436</v>
          </cell>
          <cell r="R1821">
            <v>543404</v>
          </cell>
          <cell r="S1821">
            <v>3179998</v>
          </cell>
          <cell r="T1821">
            <v>6068311</v>
          </cell>
          <cell r="V1821" t="str">
            <v>yc175097</v>
          </cell>
          <cell r="W1821" t="str">
            <v>in119864</v>
          </cell>
          <cell r="Y1821" t="str">
            <v>建築,意匠,構造,冷暖,衛生,電気,建積,機積,電積,調査,</v>
          </cell>
          <cell r="Z1821" t="str">
            <v/>
          </cell>
          <cell r="AA1821">
            <v>3268132</v>
          </cell>
          <cell r="AB1821" t="str">
            <v/>
          </cell>
          <cell r="AC1821" t="str">
            <v/>
          </cell>
          <cell r="AD1821" t="str">
            <v/>
          </cell>
          <cell r="AE1821" t="str">
            <v>完成工事高・その他</v>
          </cell>
          <cell r="AF1821">
            <v>2800179</v>
          </cell>
          <cell r="AI1821">
            <v>2</v>
          </cell>
          <cell r="AJ1821" t="str">
            <v>建築</v>
          </cell>
        </row>
        <row r="1822">
          <cell r="B1822">
            <v>6384</v>
          </cell>
          <cell r="C1822" t="str">
            <v>(株)森エンジニアリング</v>
          </cell>
          <cell r="D1822" t="str">
            <v>072-756-7651</v>
          </cell>
          <cell r="E1822" t="str">
            <v>666-0014</v>
          </cell>
          <cell r="F1822" t="str">
            <v>兵庫県川西市小戸2-5-15 小戸ﾏﾝｼｮﾝ5F</v>
          </cell>
          <cell r="G1822" t="str">
            <v>桐生市</v>
          </cell>
          <cell r="H1822" t="str">
            <v>兵庫営業所</v>
          </cell>
          <cell r="I1822" t="str">
            <v>営業所長 山田　隆幸</v>
          </cell>
          <cell r="J1822" t="str">
            <v>群馬県桐生市</v>
          </cell>
          <cell r="K1822" t="str">
            <v>072-756-7652</v>
          </cell>
          <cell r="L1822" t="str">
            <v>office@mori-eng.co.jp</v>
          </cell>
          <cell r="M1822" t="str">
            <v>ﾓﾘｴﾝｼﾞﾆｱﾘﾝｸﾞ</v>
          </cell>
          <cell r="N1822" t="str">
            <v>有</v>
          </cell>
          <cell r="O1822">
            <v>28</v>
          </cell>
          <cell r="P1822">
            <v>64</v>
          </cell>
          <cell r="Q1822">
            <v>9070001016674</v>
          </cell>
          <cell r="R1822">
            <v>10000</v>
          </cell>
          <cell r="S1822">
            <v>825864</v>
          </cell>
          <cell r="T1822">
            <v>2593322</v>
          </cell>
          <cell r="V1822" t="str">
            <v>rb792783</v>
          </cell>
          <cell r="W1822" t="str">
            <v>nr225762</v>
          </cell>
          <cell r="Y1822" t="str">
            <v>測量,鋼構,河川,道路,施行,上水,下水,土他,物件,</v>
          </cell>
          <cell r="Z1822">
            <v>20978</v>
          </cell>
          <cell r="AA1822" t="str">
            <v/>
          </cell>
          <cell r="AB1822">
            <v>2451953</v>
          </cell>
          <cell r="AC1822">
            <v>16651</v>
          </cell>
          <cell r="AD1822" t="str">
            <v/>
          </cell>
          <cell r="AE1822" t="str">
            <v/>
          </cell>
          <cell r="AF1822" t="str">
            <v/>
          </cell>
          <cell r="AI1822">
            <v>3</v>
          </cell>
          <cell r="AJ1822" t="str">
            <v>土木</v>
          </cell>
        </row>
        <row r="1823">
          <cell r="B1823">
            <v>6386</v>
          </cell>
          <cell r="C1823" t="str">
            <v>森村測量設計(株)</v>
          </cell>
          <cell r="D1823" t="str">
            <v>0798-71-4410</v>
          </cell>
          <cell r="E1823" t="str">
            <v>662-0034</v>
          </cell>
          <cell r="F1823" t="str">
            <v>兵庫県西宮市西田町5-4</v>
          </cell>
          <cell r="G1823" t="str">
            <v>西宮市</v>
          </cell>
          <cell r="H1823" t="str">
            <v/>
          </cell>
          <cell r="I1823" t="str">
            <v>代表取締役 森村　次朗</v>
          </cell>
          <cell r="J1823" t="str">
            <v>本店</v>
          </cell>
          <cell r="K1823" t="str">
            <v>0798-71-4408</v>
          </cell>
          <cell r="L1823" t="str">
            <v>jiro-morimura@morisoku.com</v>
          </cell>
          <cell r="M1823" t="str">
            <v>ﾓﾘﾑﾗｿｸﾘｮｳｾｯｹｲ</v>
          </cell>
          <cell r="N1823" t="str">
            <v>無</v>
          </cell>
          <cell r="O1823">
            <v>67</v>
          </cell>
          <cell r="P1823">
            <v>11</v>
          </cell>
          <cell r="Q1823">
            <v>3140001070587</v>
          </cell>
          <cell r="R1823">
            <v>10000</v>
          </cell>
          <cell r="S1823">
            <v>28350</v>
          </cell>
          <cell r="T1823">
            <v>84712</v>
          </cell>
          <cell r="V1823" t="str">
            <v>qf855727</v>
          </cell>
          <cell r="W1823" t="str">
            <v>ut234754</v>
          </cell>
          <cell r="Y1823" t="str">
            <v>測量,土調,登記,交通,</v>
          </cell>
          <cell r="Z1823">
            <v>84712</v>
          </cell>
          <cell r="AA1823" t="str">
            <v/>
          </cell>
          <cell r="AB1823" t="str">
            <v/>
          </cell>
          <cell r="AC1823" t="str">
            <v/>
          </cell>
          <cell r="AD1823" t="str">
            <v/>
          </cell>
          <cell r="AE1823" t="str">
            <v/>
          </cell>
          <cell r="AF1823" t="str">
            <v/>
          </cell>
          <cell r="AI1823">
            <v>1</v>
          </cell>
          <cell r="AJ1823" t="str">
            <v>測量</v>
          </cell>
        </row>
        <row r="1824">
          <cell r="B1824">
            <v>6391</v>
          </cell>
          <cell r="C1824" t="str">
            <v>(株)安井建築設計事務所</v>
          </cell>
          <cell r="D1824" t="str">
            <v>06-6943-1371</v>
          </cell>
          <cell r="E1824" t="str">
            <v>540-0034</v>
          </cell>
          <cell r="F1824" t="str">
            <v>大阪府大阪市中央区島町2-4-7</v>
          </cell>
          <cell r="G1824" t="str">
            <v>大阪市</v>
          </cell>
          <cell r="H1824" t="str">
            <v/>
          </cell>
          <cell r="I1824" t="str">
            <v>代表取締役社長 佐野　吉彦</v>
          </cell>
          <cell r="J1824" t="str">
            <v>本店</v>
          </cell>
          <cell r="K1824" t="str">
            <v>06-6941-4094</v>
          </cell>
          <cell r="L1824" t="str">
            <v>oskkkk-1@yasui-archi.co.jp</v>
          </cell>
          <cell r="M1824" t="str">
            <v>ﾔｽｲｹﾝﾁｸｾｯｹｲｼﾞﾑｼｮ</v>
          </cell>
          <cell r="N1824" t="str">
            <v>無</v>
          </cell>
          <cell r="O1824">
            <v>94</v>
          </cell>
          <cell r="P1824">
            <v>338</v>
          </cell>
          <cell r="Q1824">
            <v>5120001091146</v>
          </cell>
          <cell r="R1824">
            <v>80000</v>
          </cell>
          <cell r="S1824">
            <v>3891937</v>
          </cell>
          <cell r="T1824">
            <v>6076841</v>
          </cell>
          <cell r="V1824" t="str">
            <v>jk467885</v>
          </cell>
          <cell r="W1824" t="str">
            <v>tu875426</v>
          </cell>
          <cell r="Y1824" t="str">
            <v>測量,建築,都市,</v>
          </cell>
          <cell r="Z1824" t="str">
            <v/>
          </cell>
          <cell r="AA1824">
            <v>6034229</v>
          </cell>
          <cell r="AB1824">
            <v>42612</v>
          </cell>
          <cell r="AC1824" t="str">
            <v/>
          </cell>
          <cell r="AD1824" t="str">
            <v/>
          </cell>
          <cell r="AE1824" t="str">
            <v/>
          </cell>
          <cell r="AF1824" t="str">
            <v/>
          </cell>
          <cell r="AI1824">
            <v>2</v>
          </cell>
          <cell r="AJ1824" t="str">
            <v>建築</v>
          </cell>
        </row>
        <row r="1825">
          <cell r="B1825">
            <v>6392</v>
          </cell>
          <cell r="C1825" t="str">
            <v>八千代エンジニヤリング(株)</v>
          </cell>
          <cell r="D1825" t="str">
            <v>078-265-0160</v>
          </cell>
          <cell r="E1825" t="str">
            <v>651-0087</v>
          </cell>
          <cell r="F1825" t="str">
            <v>兵庫県神戸市中央区御幸通6-1-15</v>
          </cell>
          <cell r="H1825" t="str">
            <v>兵庫事務所</v>
          </cell>
          <cell r="I1825" t="str">
            <v>所長 村田　達哉</v>
          </cell>
          <cell r="J1825" t="str">
            <v>東京都</v>
          </cell>
          <cell r="K1825" t="str">
            <v>078-265-0161</v>
          </cell>
          <cell r="L1825" t="str">
            <v>osaka-eigyo@yachiyo-eng.co.jp</v>
          </cell>
          <cell r="M1825" t="str">
            <v>ﾔﾁﾖｴﾝｼﾞﾆﾔﾘﾝｸﾞ</v>
          </cell>
          <cell r="N1825" t="str">
            <v>有</v>
          </cell>
          <cell r="O1825">
            <v>55</v>
          </cell>
          <cell r="P1825">
            <v>1090</v>
          </cell>
          <cell r="Q1825">
            <v>2011101037696</v>
          </cell>
          <cell r="R1825">
            <v>450000</v>
          </cell>
          <cell r="S1825">
            <v>7338932</v>
          </cell>
          <cell r="T1825">
            <v>20986157</v>
          </cell>
          <cell r="V1825" t="str">
            <v>sf774907</v>
          </cell>
          <cell r="W1825" t="str">
            <v>cz978525</v>
          </cell>
          <cell r="Y1825" t="str">
            <v>測量,建築,意匠,構造,冷暖,衛生,電気,建積,機積,電積,調査,土質,鋼構,河川,道路,施行,建機,地質,造園,上水,下水,都市,スポ,環境,土他,土調,補償,地質,水質,大気,騒音,交通,商業,調他</v>
          </cell>
          <cell r="Z1825">
            <v>21450</v>
          </cell>
          <cell r="AA1825">
            <v>406653</v>
          </cell>
          <cell r="AB1825">
            <v>20130415</v>
          </cell>
          <cell r="AC1825">
            <v>3413</v>
          </cell>
          <cell r="AD1825">
            <v>10980</v>
          </cell>
          <cell r="AE1825" t="str">
            <v>地質調査</v>
          </cell>
          <cell r="AF1825">
            <v>285509</v>
          </cell>
          <cell r="AI1825">
            <v>3</v>
          </cell>
          <cell r="AJ1825" t="str">
            <v>土木</v>
          </cell>
        </row>
        <row r="1826">
          <cell r="B1826">
            <v>6393</v>
          </cell>
          <cell r="C1826" t="str">
            <v>八幡建設測量(株)</v>
          </cell>
          <cell r="D1826" t="str">
            <v>0798-43-1808</v>
          </cell>
          <cell r="E1826" t="str">
            <v>663-8183</v>
          </cell>
          <cell r="F1826" t="str">
            <v>兵庫県西宮市里中町2-4-15</v>
          </cell>
          <cell r="G1826" t="str">
            <v>姫路市</v>
          </cell>
          <cell r="H1826" t="str">
            <v>阪神支店</v>
          </cell>
          <cell r="I1826" t="str">
            <v>支店長 八幡　美枝子</v>
          </cell>
          <cell r="J1826" t="str">
            <v>兵庫県姫路市</v>
          </cell>
          <cell r="K1826" t="str">
            <v>0798-42-6456</v>
          </cell>
          <cell r="L1826" t="str">
            <v>yahatasokuryou@shirt.ocn.ne.jp</v>
          </cell>
          <cell r="M1826" t="str">
            <v>ﾔﾊﾀｹﾝｾﾂｿｸﾘｮｳ</v>
          </cell>
          <cell r="N1826" t="str">
            <v>有</v>
          </cell>
          <cell r="O1826">
            <v>73</v>
          </cell>
          <cell r="P1826">
            <v>18</v>
          </cell>
          <cell r="Q1826">
            <v>8140001062051</v>
          </cell>
          <cell r="R1826">
            <v>15000</v>
          </cell>
          <cell r="S1826">
            <v>10055</v>
          </cell>
          <cell r="T1826">
            <v>106883</v>
          </cell>
          <cell r="V1826" t="str">
            <v>ht792530</v>
          </cell>
          <cell r="W1826" t="str">
            <v>bj978525</v>
          </cell>
          <cell r="Y1826" t="str">
            <v>測量,測量,航空,鋼構,河川,道路,造園,都市,土調,物件,機工,営業,損失,補償,登記,交通,</v>
          </cell>
          <cell r="Z1826">
            <v>35009</v>
          </cell>
          <cell r="AA1826" t="str">
            <v/>
          </cell>
          <cell r="AB1826">
            <v>50350</v>
          </cell>
          <cell r="AC1826">
            <v>22178</v>
          </cell>
          <cell r="AD1826" t="str">
            <v/>
          </cell>
          <cell r="AE1826" t="str">
            <v/>
          </cell>
          <cell r="AF1826" t="str">
            <v/>
          </cell>
          <cell r="AI1826">
            <v>3</v>
          </cell>
          <cell r="AJ1826" t="str">
            <v>土木</v>
          </cell>
        </row>
        <row r="1827">
          <cell r="B1827">
            <v>6394</v>
          </cell>
          <cell r="C1827" t="str">
            <v>(株)山下設計</v>
          </cell>
          <cell r="D1827" t="str">
            <v>06-6260-0581</v>
          </cell>
          <cell r="E1827" t="str">
            <v>542-0081</v>
          </cell>
          <cell r="F1827" t="str">
            <v>大阪府大阪市中央区南船場2-3-2</v>
          </cell>
          <cell r="H1827" t="str">
            <v>関西支社</v>
          </cell>
          <cell r="I1827" t="str">
            <v>取締役専務執行役員支社長 筬島　亮</v>
          </cell>
          <cell r="J1827" t="str">
            <v>東京都</v>
          </cell>
          <cell r="K1827" t="str">
            <v>06-6260-0575</v>
          </cell>
          <cell r="L1827" t="str">
            <v>kikaku-kansai@yamashitasekkei.co.jp</v>
          </cell>
          <cell r="M1827" t="str">
            <v>ﾔﾏｼﾀｾｯｹｲ</v>
          </cell>
          <cell r="N1827" t="str">
            <v>有</v>
          </cell>
          <cell r="O1827">
            <v>90</v>
          </cell>
          <cell r="P1827">
            <v>468</v>
          </cell>
          <cell r="Q1827">
            <v>8010001088943</v>
          </cell>
          <cell r="R1827">
            <v>150000</v>
          </cell>
          <cell r="S1827">
            <v>2985847</v>
          </cell>
          <cell r="T1827">
            <v>8438405</v>
          </cell>
          <cell r="V1827" t="str">
            <v>yb781561</v>
          </cell>
          <cell r="W1827" t="str">
            <v>xq613231</v>
          </cell>
          <cell r="Y1827" t="str">
            <v>建築,意匠,構造,冷暖,衛生,電気,建積,機積,電積,調査,都市,</v>
          </cell>
          <cell r="Z1827" t="str">
            <v/>
          </cell>
          <cell r="AA1827">
            <v>7519026</v>
          </cell>
          <cell r="AB1827">
            <v>1023793</v>
          </cell>
          <cell r="AC1827" t="str">
            <v/>
          </cell>
          <cell r="AD1827" t="str">
            <v/>
          </cell>
          <cell r="AE1827" t="str">
            <v/>
          </cell>
          <cell r="AF1827" t="str">
            <v/>
          </cell>
          <cell r="AI1827">
            <v>2</v>
          </cell>
          <cell r="AJ1827" t="str">
            <v>建築</v>
          </cell>
        </row>
        <row r="1828">
          <cell r="B1828">
            <v>6396</v>
          </cell>
          <cell r="C1828" t="str">
            <v>(株)大和建築事務所</v>
          </cell>
          <cell r="D1828" t="str">
            <v>06-6761-1244</v>
          </cell>
          <cell r="E1828" t="str">
            <v>542-0012</v>
          </cell>
          <cell r="F1828" t="str">
            <v>大阪府大阪市中央区谷町7-1-39-303号</v>
          </cell>
          <cell r="G1828" t="str">
            <v>大阪市</v>
          </cell>
          <cell r="H1828" t="str">
            <v/>
          </cell>
          <cell r="I1828" t="str">
            <v>代表取締役社長 泉　裕人</v>
          </cell>
          <cell r="J1828" t="str">
            <v>本店</v>
          </cell>
          <cell r="K1828" t="str">
            <v>06-6764-1940</v>
          </cell>
          <cell r="L1828" t="str">
            <v>yamatoao@sweet.ocn.ne.jp</v>
          </cell>
          <cell r="M1828" t="str">
            <v>ﾔﾏﾄｹﾝﾁｸｼﾞﾑｼｮ</v>
          </cell>
          <cell r="N1828" t="str">
            <v>無</v>
          </cell>
          <cell r="O1828">
            <v>62</v>
          </cell>
          <cell r="P1828">
            <v>18</v>
          </cell>
          <cell r="Q1828">
            <v>8120001020928</v>
          </cell>
          <cell r="R1828">
            <v>10000</v>
          </cell>
          <cell r="S1828">
            <v>78582</v>
          </cell>
          <cell r="T1828">
            <v>128469</v>
          </cell>
          <cell r="V1828" t="str">
            <v>rd813778</v>
          </cell>
          <cell r="W1828" t="str">
            <v>hs134450</v>
          </cell>
          <cell r="Y1828" t="str">
            <v>建築,意匠,建積,調査,</v>
          </cell>
          <cell r="Z1828" t="str">
            <v/>
          </cell>
          <cell r="AA1828">
            <v>128469</v>
          </cell>
          <cell r="AB1828" t="str">
            <v/>
          </cell>
          <cell r="AC1828" t="str">
            <v/>
          </cell>
          <cell r="AD1828" t="str">
            <v/>
          </cell>
          <cell r="AE1828" t="str">
            <v/>
          </cell>
          <cell r="AF1828" t="str">
            <v/>
          </cell>
          <cell r="AI1828">
            <v>2</v>
          </cell>
          <cell r="AJ1828" t="str">
            <v>建築</v>
          </cell>
        </row>
        <row r="1829">
          <cell r="B1829">
            <v>6397</v>
          </cell>
          <cell r="C1829" t="str">
            <v>(株)山本設計</v>
          </cell>
          <cell r="D1829" t="str">
            <v>078-231-2921</v>
          </cell>
          <cell r="E1829" t="str">
            <v>651-0093</v>
          </cell>
          <cell r="F1829" t="str">
            <v>兵庫県神戸市中央区二宮町4-11-10</v>
          </cell>
          <cell r="G1829" t="str">
            <v>神戸市</v>
          </cell>
          <cell r="H1829" t="str">
            <v/>
          </cell>
          <cell r="I1829" t="str">
            <v>代表取締役 山本　康一郎</v>
          </cell>
          <cell r="J1829" t="str">
            <v>本店</v>
          </cell>
          <cell r="K1829" t="str">
            <v>078-231-2924</v>
          </cell>
          <cell r="L1829" t="str">
            <v>soumu@yamamotosekkei.co.jp</v>
          </cell>
          <cell r="M1829" t="str">
            <v>ﾔﾏﾓﾄｾｯｹｲ</v>
          </cell>
          <cell r="N1829" t="str">
            <v>無</v>
          </cell>
          <cell r="O1829">
            <v>67</v>
          </cell>
          <cell r="P1829">
            <v>42</v>
          </cell>
          <cell r="Q1829">
            <v>6140001011489</v>
          </cell>
          <cell r="R1829">
            <v>25000</v>
          </cell>
          <cell r="S1829">
            <v>400000</v>
          </cell>
          <cell r="T1829">
            <v>523763</v>
          </cell>
          <cell r="V1829" t="str">
            <v>bw561036</v>
          </cell>
          <cell r="W1829" t="str">
            <v>zx714751</v>
          </cell>
          <cell r="Y1829" t="str">
            <v>測量,測量,建築,意匠,構造,冷暖,衛生,電気,建積,機積,電積,調査,土質,鋼構,河川,道路,地質,造園,上水,下水,都市,土他,土調,登記,交通,</v>
          </cell>
          <cell r="Z1829">
            <v>134551</v>
          </cell>
          <cell r="AA1829">
            <v>203762</v>
          </cell>
          <cell r="AB1829">
            <v>151363</v>
          </cell>
          <cell r="AC1829">
            <v>34087</v>
          </cell>
          <cell r="AD1829" t="str">
            <v/>
          </cell>
          <cell r="AE1829" t="str">
            <v/>
          </cell>
          <cell r="AF1829" t="str">
            <v/>
          </cell>
          <cell r="AI1829">
            <v>2</v>
          </cell>
          <cell r="AJ1829" t="str">
            <v>建築</v>
          </cell>
        </row>
        <row r="1830">
          <cell r="B1830">
            <v>6402</v>
          </cell>
          <cell r="C1830" t="str">
            <v>(株)山本建築設計事務所</v>
          </cell>
          <cell r="D1830" t="str">
            <v>072-335-0007</v>
          </cell>
          <cell r="E1830" t="str">
            <v>580-0015</v>
          </cell>
          <cell r="F1830" t="str">
            <v>大阪府松原市新堂1-523-6</v>
          </cell>
          <cell r="G1830" t="str">
            <v>松原市</v>
          </cell>
          <cell r="H1830" t="str">
            <v/>
          </cell>
          <cell r="I1830" t="str">
            <v>代表取締役 山本　隆明</v>
          </cell>
          <cell r="J1830" t="str">
            <v>本店</v>
          </cell>
          <cell r="K1830" t="str">
            <v>072-334-5980</v>
          </cell>
          <cell r="L1830" t="str">
            <v>ymt@yamamoto.sekkei.co.jp</v>
          </cell>
          <cell r="M1830" t="str">
            <v>ﾔﾏﾓﾄｹﾝﾁｸｾｯｹｲｼﾞﾑｼｮ</v>
          </cell>
          <cell r="N1830" t="str">
            <v>無</v>
          </cell>
          <cell r="O1830">
            <v>54</v>
          </cell>
          <cell r="P1830">
            <v>13</v>
          </cell>
          <cell r="Q1830">
            <v>9120101025859</v>
          </cell>
          <cell r="R1830">
            <v>10000</v>
          </cell>
          <cell r="S1830">
            <v>16777</v>
          </cell>
          <cell r="T1830">
            <v>158578</v>
          </cell>
          <cell r="V1830" t="str">
            <v>wk175940</v>
          </cell>
          <cell r="W1830" t="str">
            <v>es118332</v>
          </cell>
          <cell r="Y1830" t="str">
            <v>建築,意匠,構造,冷暖,衛生,電気,建積,機積,電積,調査,</v>
          </cell>
          <cell r="Z1830" t="str">
            <v/>
          </cell>
          <cell r="AA1830">
            <v>158578</v>
          </cell>
          <cell r="AB1830" t="str">
            <v/>
          </cell>
          <cell r="AC1830" t="str">
            <v/>
          </cell>
          <cell r="AD1830" t="str">
            <v/>
          </cell>
          <cell r="AE1830" t="str">
            <v/>
          </cell>
          <cell r="AF1830" t="str">
            <v/>
          </cell>
          <cell r="AI1830">
            <v>2</v>
          </cell>
          <cell r="AJ1830" t="str">
            <v>建築</v>
          </cell>
        </row>
        <row r="1831">
          <cell r="B1831">
            <v>6411</v>
          </cell>
          <cell r="C1831" t="str">
            <v>湯浅コンサルタント(株)</v>
          </cell>
          <cell r="D1831" t="str">
            <v>075-241-1825</v>
          </cell>
          <cell r="E1831" t="str">
            <v>604-0952</v>
          </cell>
          <cell r="F1831" t="str">
            <v>京都府京都市中京区富小路通二条下る俵屋町195</v>
          </cell>
          <cell r="G1831" t="str">
            <v>京都市</v>
          </cell>
          <cell r="H1831" t="str">
            <v/>
          </cell>
          <cell r="I1831" t="str">
            <v>代表取締役 湯浅　博之</v>
          </cell>
          <cell r="J1831" t="str">
            <v>本店</v>
          </cell>
          <cell r="K1831" t="str">
            <v>075-231-8637</v>
          </cell>
          <cell r="L1831" t="str">
            <v>yuasa@yuasa-con.co.jp</v>
          </cell>
          <cell r="M1831" t="str">
            <v>ﾕｱｻｺﾝｻﾙﾀﾝﾄ</v>
          </cell>
          <cell r="N1831" t="str">
            <v>無</v>
          </cell>
          <cell r="O1831">
            <v>48</v>
          </cell>
          <cell r="P1831">
            <v>10</v>
          </cell>
          <cell r="Q1831">
            <v>2130001023019</v>
          </cell>
          <cell r="R1831">
            <v>25500</v>
          </cell>
          <cell r="S1831">
            <v>11316</v>
          </cell>
          <cell r="T1831">
            <v>87249</v>
          </cell>
          <cell r="V1831" t="str">
            <v>hg282260</v>
          </cell>
          <cell r="W1831" t="str">
            <v>wd777462</v>
          </cell>
          <cell r="Y1831" t="str">
            <v>測量,道路,上水,</v>
          </cell>
          <cell r="Z1831">
            <v>4502</v>
          </cell>
          <cell r="AA1831" t="str">
            <v/>
          </cell>
          <cell r="AB1831">
            <v>73214</v>
          </cell>
          <cell r="AC1831" t="str">
            <v/>
          </cell>
          <cell r="AD1831" t="str">
            <v/>
          </cell>
          <cell r="AE1831" t="str">
            <v/>
          </cell>
          <cell r="AF1831" t="str">
            <v/>
          </cell>
          <cell r="AI1831">
            <v>3</v>
          </cell>
          <cell r="AJ1831" t="str">
            <v>土木</v>
          </cell>
        </row>
        <row r="1832">
          <cell r="B1832">
            <v>6412</v>
          </cell>
          <cell r="C1832" t="str">
            <v>(株)ＵＲリンケージ</v>
          </cell>
          <cell r="D1832" t="str">
            <v>078-647-8232</v>
          </cell>
          <cell r="E1832" t="str">
            <v>655-0029</v>
          </cell>
          <cell r="F1832" t="str">
            <v>兵庫県神戸市垂水区天ﾉ下町1-1-269</v>
          </cell>
          <cell r="G1832" t="str">
            <v/>
          </cell>
          <cell r="H1832" t="str">
            <v>西日本支社兵庫営業所</v>
          </cell>
          <cell r="I1832" t="str">
            <v>所長　 金澤　保文</v>
          </cell>
          <cell r="J1832" t="str">
            <v>東京都</v>
          </cell>
          <cell r="K1832" t="str">
            <v>078-647-8235</v>
          </cell>
          <cell r="L1832" t="str">
            <v>kikaku@urlk.co.jp</v>
          </cell>
          <cell r="M1832" t="str">
            <v>ﾕ-ｱ-ﾙﾘﾝｹ-ｼﾞ</v>
          </cell>
          <cell r="N1832" t="str">
            <v>有</v>
          </cell>
          <cell r="O1832">
            <v>44</v>
          </cell>
          <cell r="P1832">
            <v>1841</v>
          </cell>
          <cell r="Q1832">
            <v>3010001088790</v>
          </cell>
          <cell r="R1832">
            <v>100000</v>
          </cell>
          <cell r="S1832">
            <v>15399903</v>
          </cell>
          <cell r="T1832">
            <v>22925901</v>
          </cell>
          <cell r="V1832" t="str">
            <v>bf655478</v>
          </cell>
          <cell r="W1832" t="str">
            <v>ws103638</v>
          </cell>
          <cell r="Y1832" t="str">
            <v>測量,建築,意匠,構造,冷暖,衛生,電気,建積,機積,電積,調査,土質,道路,施行,造園,上水,下水,都市,土調,土評,物件,機工,営業,損失,補償,登記,調他</v>
          </cell>
          <cell r="Z1832">
            <v>19822</v>
          </cell>
          <cell r="AA1832">
            <v>4334416</v>
          </cell>
          <cell r="AB1832">
            <v>6074373</v>
          </cell>
          <cell r="AC1832">
            <v>886989</v>
          </cell>
          <cell r="AD1832" t="str">
            <v/>
          </cell>
          <cell r="AE1832" t="str">
            <v>その他役務等</v>
          </cell>
          <cell r="AF1832">
            <v>11185987</v>
          </cell>
          <cell r="AI1832">
            <v>3</v>
          </cell>
          <cell r="AJ1832" t="str">
            <v>土木</v>
          </cell>
        </row>
        <row r="1833">
          <cell r="B1833">
            <v>6414</v>
          </cell>
          <cell r="C1833" t="str">
            <v>(株)ゆう建築設計</v>
          </cell>
          <cell r="D1833" t="str">
            <v>075-801-0022</v>
          </cell>
          <cell r="E1833" t="str">
            <v>604-8254</v>
          </cell>
          <cell r="F1833" t="str">
            <v>京都府京都市中京区堀川通錦小路上ﾙ四坊堀川町617</v>
          </cell>
          <cell r="G1833" t="str">
            <v>京都市</v>
          </cell>
          <cell r="H1833" t="str">
            <v/>
          </cell>
          <cell r="I1833" t="str">
            <v>代表取締役 砂山　憲一</v>
          </cell>
          <cell r="J1833" t="str">
            <v>本店</v>
          </cell>
          <cell r="K1833" t="str">
            <v>075-801-8290</v>
          </cell>
          <cell r="L1833" t="str">
            <v>infowebmasterantispam0022@eusekkei.co.jp</v>
          </cell>
          <cell r="M1833" t="str">
            <v>ﾕｳｹﾝﾁｸｾｯｹｲ</v>
          </cell>
          <cell r="N1833" t="str">
            <v>無</v>
          </cell>
          <cell r="O1833">
            <v>37</v>
          </cell>
          <cell r="P1833">
            <v>29</v>
          </cell>
          <cell r="Q1833">
            <v>1130001023028</v>
          </cell>
          <cell r="R1833">
            <v>10000</v>
          </cell>
          <cell r="S1833">
            <v>211867</v>
          </cell>
          <cell r="T1833">
            <v>352531</v>
          </cell>
          <cell r="V1833" t="str">
            <v>xn797874</v>
          </cell>
          <cell r="W1833" t="str">
            <v>zs302216</v>
          </cell>
          <cell r="Y1833" t="str">
            <v>建築,意匠,</v>
          </cell>
          <cell r="Z1833" t="str">
            <v/>
          </cell>
          <cell r="AA1833">
            <v>352531</v>
          </cell>
          <cell r="AB1833" t="str">
            <v/>
          </cell>
          <cell r="AC1833" t="str">
            <v/>
          </cell>
          <cell r="AD1833" t="str">
            <v/>
          </cell>
          <cell r="AE1833" t="str">
            <v/>
          </cell>
          <cell r="AF1833" t="str">
            <v/>
          </cell>
          <cell r="AI1833">
            <v>2</v>
          </cell>
          <cell r="AJ1833" t="str">
            <v>建築</v>
          </cell>
        </row>
        <row r="1834">
          <cell r="B1834">
            <v>6415</v>
          </cell>
          <cell r="C1834" t="str">
            <v>(株)ユーズ</v>
          </cell>
          <cell r="D1834" t="str">
            <v>079-237-8700</v>
          </cell>
          <cell r="E1834" t="str">
            <v>671-1102</v>
          </cell>
          <cell r="F1834" t="str">
            <v>兵庫県姫路市広畑区蒲田4-138</v>
          </cell>
          <cell r="G1834" t="str">
            <v>京都市</v>
          </cell>
          <cell r="H1834" t="str">
            <v>兵庫支店</v>
          </cell>
          <cell r="I1834" t="str">
            <v>支店長 片山　智文</v>
          </cell>
          <cell r="J1834" t="str">
            <v>京都府京都市</v>
          </cell>
          <cell r="K1834" t="str">
            <v>079-237-8702</v>
          </cell>
          <cell r="L1834" t="str">
            <v>eigyou@kk-use.co.jp</v>
          </cell>
          <cell r="M1834" t="str">
            <v>ﾕｰｽﾞ</v>
          </cell>
          <cell r="N1834" t="str">
            <v>有</v>
          </cell>
          <cell r="O1834">
            <v>61</v>
          </cell>
          <cell r="P1834">
            <v>53</v>
          </cell>
          <cell r="Q1834">
            <v>6130001019194</v>
          </cell>
          <cell r="R1834">
            <v>32250</v>
          </cell>
          <cell r="S1834">
            <v>377974</v>
          </cell>
          <cell r="T1834">
            <v>673633</v>
          </cell>
          <cell r="V1834" t="str">
            <v>ej633868</v>
          </cell>
          <cell r="W1834" t="str">
            <v>fn618425</v>
          </cell>
          <cell r="Y1834" t="str">
            <v>測量,測量,航空,建築,意匠,調査,土質,鋼構,河川,道路,施行,地質,造園,上水,下水,都市,土調,物件,損失,交通,</v>
          </cell>
          <cell r="Z1834">
            <v>117315</v>
          </cell>
          <cell r="AA1834" t="str">
            <v/>
          </cell>
          <cell r="AB1834">
            <v>517877</v>
          </cell>
          <cell r="AC1834">
            <v>16684</v>
          </cell>
          <cell r="AD1834" t="str">
            <v/>
          </cell>
          <cell r="AE1834" t="str">
            <v/>
          </cell>
          <cell r="AF1834" t="str">
            <v/>
          </cell>
          <cell r="AI1834">
            <v>3</v>
          </cell>
          <cell r="AJ1834" t="str">
            <v>土木</v>
          </cell>
        </row>
        <row r="1835">
          <cell r="B1835">
            <v>6416</v>
          </cell>
          <cell r="C1835" t="str">
            <v>(株)ユーデーコンサルタンツ</v>
          </cell>
          <cell r="D1835" t="str">
            <v>06-6265-5588</v>
          </cell>
          <cell r="E1835" t="str">
            <v>541-0053</v>
          </cell>
          <cell r="F1835" t="str">
            <v>大阪府大阪市中央区本町4-7-4</v>
          </cell>
          <cell r="G1835" t="str">
            <v>大阪市</v>
          </cell>
          <cell r="H1835" t="str">
            <v/>
          </cell>
          <cell r="I1835" t="str">
            <v>代表取締役 土井　剛</v>
          </cell>
          <cell r="J1835" t="str">
            <v>本店</v>
          </cell>
          <cell r="K1835" t="str">
            <v>06-6265-5589</v>
          </cell>
          <cell r="L1835" t="str">
            <v>aogi@ud-c.co.jp</v>
          </cell>
          <cell r="M1835" t="str">
            <v>ﾕｰﾃﾞｰｺﾝｻﾙﾀﾝﾂ</v>
          </cell>
          <cell r="N1835" t="str">
            <v>無</v>
          </cell>
          <cell r="O1835">
            <v>35</v>
          </cell>
          <cell r="P1835">
            <v>31</v>
          </cell>
          <cell r="Q1835">
            <v>8120001091606</v>
          </cell>
          <cell r="R1835">
            <v>30000</v>
          </cell>
          <cell r="S1835">
            <v>132592</v>
          </cell>
          <cell r="T1835">
            <v>381495</v>
          </cell>
          <cell r="V1835" t="str">
            <v>ct161755</v>
          </cell>
          <cell r="W1835" t="str">
            <v>mx765043</v>
          </cell>
          <cell r="Y1835" t="str">
            <v>建築,意匠,調査,都市,スポ,環境,商業,</v>
          </cell>
          <cell r="Z1835" t="str">
            <v/>
          </cell>
          <cell r="AA1835">
            <v>134160</v>
          </cell>
          <cell r="AB1835">
            <v>269564</v>
          </cell>
          <cell r="AC1835" t="str">
            <v/>
          </cell>
          <cell r="AD1835" t="str">
            <v/>
          </cell>
          <cell r="AE1835" t="str">
            <v/>
          </cell>
          <cell r="AF1835" t="str">
            <v/>
          </cell>
          <cell r="AI1835">
            <v>3</v>
          </cell>
          <cell r="AJ1835" t="str">
            <v>土木</v>
          </cell>
        </row>
        <row r="1836">
          <cell r="B1836">
            <v>6418</v>
          </cell>
          <cell r="C1836" t="str">
            <v>(株)環境総合リサーチ</v>
          </cell>
          <cell r="D1836" t="str">
            <v>0774-25-2522</v>
          </cell>
          <cell r="E1836" t="str">
            <v>619-0237</v>
          </cell>
          <cell r="F1836" t="str">
            <v>京都府相楽郡精華町光台2-3-9</v>
          </cell>
          <cell r="G1836" t="str">
            <v>相楽郡</v>
          </cell>
          <cell r="H1836" t="str">
            <v/>
          </cell>
          <cell r="I1836" t="str">
            <v>代表取締役 竹松　伸一郎</v>
          </cell>
          <cell r="J1836" t="str">
            <v>本店</v>
          </cell>
          <cell r="K1836" t="str">
            <v>0774-25-2355</v>
          </cell>
          <cell r="L1836" t="str">
            <v>shimomachi@ctiers.co.jp</v>
          </cell>
          <cell r="M1836" t="str">
            <v>ｶﾝｷｮｳｿｳｺﾞｳﾘｻｰﾁ</v>
          </cell>
          <cell r="N1836" t="str">
            <v>有</v>
          </cell>
          <cell r="O1836">
            <v>41</v>
          </cell>
          <cell r="P1836">
            <v>126</v>
          </cell>
          <cell r="Q1836">
            <v>7130001033211</v>
          </cell>
          <cell r="R1836">
            <v>40000</v>
          </cell>
          <cell r="S1836">
            <v>61444</v>
          </cell>
          <cell r="T1836">
            <v>1051986</v>
          </cell>
          <cell r="V1836" t="str">
            <v>rz444242</v>
          </cell>
          <cell r="W1836" t="str">
            <v>fj377387</v>
          </cell>
          <cell r="Y1836" t="str">
            <v>河川,環境,地質,水質,大気,騒音,</v>
          </cell>
          <cell r="Z1836" t="str">
            <v/>
          </cell>
          <cell r="AA1836" t="str">
            <v/>
          </cell>
          <cell r="AB1836" t="str">
            <v/>
          </cell>
          <cell r="AC1836" t="str">
            <v/>
          </cell>
          <cell r="AD1836">
            <v>1051986</v>
          </cell>
          <cell r="AE1836" t="str">
            <v/>
          </cell>
          <cell r="AF1836" t="str">
            <v/>
          </cell>
          <cell r="AI1836">
            <v>5</v>
          </cell>
          <cell r="AJ1836" t="str">
            <v>調査</v>
          </cell>
        </row>
        <row r="1837">
          <cell r="B1837">
            <v>6420</v>
          </cell>
          <cell r="C1837" t="str">
            <v>(株)ユニオンリサーチ</v>
          </cell>
          <cell r="D1837" t="str">
            <v>078-265-0151</v>
          </cell>
          <cell r="E1837" t="str">
            <v>651-0086</v>
          </cell>
          <cell r="F1837" t="str">
            <v>兵庫県神戸市中央区磯上通7-1-8</v>
          </cell>
          <cell r="G1837" t="str">
            <v>大阪市</v>
          </cell>
          <cell r="H1837" t="str">
            <v>神戸営業所</v>
          </cell>
          <cell r="I1837" t="str">
            <v>所長 北本　賢吾</v>
          </cell>
          <cell r="J1837" t="str">
            <v>本店</v>
          </cell>
          <cell r="K1837" t="str">
            <v>078-265-0152</v>
          </cell>
          <cell r="L1837" t="str">
            <v>ninsyou-honsya@union-r.co.jp</v>
          </cell>
          <cell r="M1837" t="str">
            <v>ﾕﾆｵﾝﾘｻｰﾁ</v>
          </cell>
          <cell r="N1837" t="str">
            <v>無</v>
          </cell>
          <cell r="O1837">
            <v>45</v>
          </cell>
          <cell r="P1837">
            <v>19</v>
          </cell>
          <cell r="Q1837">
            <v>1120001048216</v>
          </cell>
          <cell r="R1837">
            <v>15000</v>
          </cell>
          <cell r="S1837">
            <v>144712</v>
          </cell>
          <cell r="T1837">
            <v>371702</v>
          </cell>
          <cell r="V1837" t="str">
            <v>vp281930</v>
          </cell>
          <cell r="W1837" t="str">
            <v>bp963963</v>
          </cell>
          <cell r="Y1837" t="str">
            <v>建築,意匠,構造,建積,調査,土調,土評,物件,機工,営業,損失,補償,</v>
          </cell>
          <cell r="Z1837" t="str">
            <v/>
          </cell>
          <cell r="AA1837">
            <v>29107</v>
          </cell>
          <cell r="AB1837" t="str">
            <v/>
          </cell>
          <cell r="AC1837">
            <v>349295</v>
          </cell>
          <cell r="AD1837" t="str">
            <v/>
          </cell>
          <cell r="AE1837" t="str">
            <v>その他業務</v>
          </cell>
          <cell r="AF1837">
            <v>1333</v>
          </cell>
          <cell r="AI1837">
            <v>4</v>
          </cell>
          <cell r="AJ1837" t="str">
            <v>補償</v>
          </cell>
        </row>
        <row r="1838">
          <cell r="B1838">
            <v>6422</v>
          </cell>
          <cell r="C1838" t="str">
            <v>(株)ユニバァサル設計</v>
          </cell>
          <cell r="D1838" t="str">
            <v>06-4797-7190</v>
          </cell>
          <cell r="E1838" t="str">
            <v>530-0003</v>
          </cell>
          <cell r="F1838" t="str">
            <v>大阪府大阪市北区堂島2-2-23</v>
          </cell>
          <cell r="G1838" t="str">
            <v>相模原市</v>
          </cell>
          <cell r="H1838" t="str">
            <v>西日本支社</v>
          </cell>
          <cell r="I1838" t="str">
            <v>執行役員 横山　尚樹</v>
          </cell>
          <cell r="J1838" t="str">
            <v>神奈川県相模原市</v>
          </cell>
          <cell r="K1838" t="str">
            <v>06-4797-7187</v>
          </cell>
          <cell r="L1838" t="str">
            <v>yamada@ud-jp.com</v>
          </cell>
          <cell r="M1838" t="str">
            <v>ﾕﾆﾊﾞｧｻﾙｾｯｹｲ</v>
          </cell>
          <cell r="N1838" t="str">
            <v>有</v>
          </cell>
          <cell r="O1838">
            <v>57</v>
          </cell>
          <cell r="P1838">
            <v>88</v>
          </cell>
          <cell r="Q1838">
            <v>1021001014309</v>
          </cell>
          <cell r="R1838">
            <v>48000</v>
          </cell>
          <cell r="S1838">
            <v>102176</v>
          </cell>
          <cell r="T1838">
            <v>898659</v>
          </cell>
          <cell r="V1838" t="str">
            <v>wd777462</v>
          </cell>
          <cell r="W1838" t="str">
            <v>ej633868</v>
          </cell>
          <cell r="Y1838" t="str">
            <v>建築,意匠,構造,冷暖,衛生,電気,建積,機積,電積,調査,</v>
          </cell>
          <cell r="Z1838" t="str">
            <v/>
          </cell>
          <cell r="AA1838">
            <v>829401</v>
          </cell>
          <cell r="AB1838" t="str">
            <v/>
          </cell>
          <cell r="AC1838" t="str">
            <v/>
          </cell>
          <cell r="AD1838" t="str">
            <v/>
          </cell>
          <cell r="AE1838" t="str">
            <v/>
          </cell>
          <cell r="AF1838" t="str">
            <v/>
          </cell>
          <cell r="AI1838">
            <v>2</v>
          </cell>
          <cell r="AJ1838" t="str">
            <v>建築</v>
          </cell>
        </row>
        <row r="1839">
          <cell r="B1839">
            <v>6431</v>
          </cell>
          <cell r="C1839" t="str">
            <v>(株)横河建築設計事務所</v>
          </cell>
          <cell r="D1839" t="str">
            <v>06-6202-4509</v>
          </cell>
          <cell r="E1839" t="str">
            <v>541-0046</v>
          </cell>
          <cell r="F1839" t="str">
            <v>大阪府大阪市中央区平野町2-6-6</v>
          </cell>
          <cell r="H1839" t="str">
            <v>大阪事務所</v>
          </cell>
          <cell r="I1839" t="str">
            <v>取締役所長 高橋　敏行</v>
          </cell>
          <cell r="J1839" t="str">
            <v>東京都</v>
          </cell>
          <cell r="K1839" t="str">
            <v>06-6227-5036</v>
          </cell>
          <cell r="L1839" t="str">
            <v>osaka1@yae.co.jp</v>
          </cell>
          <cell r="M1839" t="str">
            <v>ﾖｺｶﾞﾜｹﾝﾁｸｾｯｹｲｼﾞﾑｼｮ</v>
          </cell>
          <cell r="N1839" t="str">
            <v>有</v>
          </cell>
          <cell r="O1839">
            <v>115</v>
          </cell>
          <cell r="P1839">
            <v>118</v>
          </cell>
          <cell r="Q1839">
            <v>1013201006144</v>
          </cell>
          <cell r="R1839">
            <v>12600</v>
          </cell>
          <cell r="S1839">
            <v>1384855</v>
          </cell>
          <cell r="T1839">
            <v>1880317</v>
          </cell>
          <cell r="V1839" t="str">
            <v>zg474764</v>
          </cell>
          <cell r="W1839" t="str">
            <v>bv897587</v>
          </cell>
          <cell r="Y1839" t="str">
            <v>建築,意匠,構造,冷暖,衛生,電気,建積,機積,電積,調査,</v>
          </cell>
          <cell r="Z1839" t="str">
            <v/>
          </cell>
          <cell r="AA1839">
            <v>1900711</v>
          </cell>
          <cell r="AB1839" t="str">
            <v/>
          </cell>
          <cell r="AC1839" t="str">
            <v/>
          </cell>
          <cell r="AD1839" t="str">
            <v/>
          </cell>
          <cell r="AE1839" t="str">
            <v/>
          </cell>
          <cell r="AF1839" t="str">
            <v/>
          </cell>
          <cell r="AI1839">
            <v>2</v>
          </cell>
          <cell r="AJ1839" t="str">
            <v>建築</v>
          </cell>
        </row>
        <row r="1840">
          <cell r="B1840">
            <v>6432</v>
          </cell>
          <cell r="C1840" t="str">
            <v>(株)ヨコタテック</v>
          </cell>
          <cell r="D1840" t="str">
            <v>06-6877-2666</v>
          </cell>
          <cell r="E1840" t="str">
            <v>556-0022</v>
          </cell>
          <cell r="F1840" t="str">
            <v>大阪府大阪市浪速区桜川1-1-32</v>
          </cell>
          <cell r="G1840" t="str">
            <v>吹田市</v>
          </cell>
          <cell r="H1840" t="str">
            <v/>
          </cell>
          <cell r="I1840" t="str">
            <v>代表取締役 小路　博之</v>
          </cell>
          <cell r="J1840" t="str">
            <v>本店</v>
          </cell>
          <cell r="K1840" t="str">
            <v>06-6877-5478</v>
          </cell>
          <cell r="L1840" t="str">
            <v>info@yokotatech.co.jp</v>
          </cell>
          <cell r="M1840" t="str">
            <v>ﾖｺﾀﾃｯｸ</v>
          </cell>
          <cell r="N1840" t="str">
            <v>無</v>
          </cell>
          <cell r="O1840">
            <v>57</v>
          </cell>
          <cell r="P1840">
            <v>35</v>
          </cell>
          <cell r="Q1840">
            <v>1120901008715</v>
          </cell>
          <cell r="R1840">
            <v>25000</v>
          </cell>
          <cell r="S1840">
            <v>146065</v>
          </cell>
          <cell r="T1840">
            <v>586639</v>
          </cell>
          <cell r="V1840" t="str">
            <v>zj819836</v>
          </cell>
          <cell r="W1840" t="str">
            <v>jw659481</v>
          </cell>
          <cell r="Y1840" t="str">
            <v>測量,地質,</v>
          </cell>
          <cell r="Z1840">
            <v>3438</v>
          </cell>
          <cell r="AA1840" t="str">
            <v/>
          </cell>
          <cell r="AB1840">
            <v>6135</v>
          </cell>
          <cell r="AC1840" t="str">
            <v/>
          </cell>
          <cell r="AD1840">
            <v>585445</v>
          </cell>
          <cell r="AE1840" t="str">
            <v>建設工事</v>
          </cell>
          <cell r="AF1840">
            <v>3080</v>
          </cell>
          <cell r="AI1840">
            <v>5</v>
          </cell>
          <cell r="AJ1840" t="str">
            <v>調査</v>
          </cell>
        </row>
        <row r="1841">
          <cell r="B1841">
            <v>6439</v>
          </cell>
          <cell r="C1841" t="str">
            <v>(株)淀川アクテス</v>
          </cell>
          <cell r="D1841" t="str">
            <v>06-6434-1851</v>
          </cell>
          <cell r="E1841" t="str">
            <v>661-0047</v>
          </cell>
          <cell r="F1841" t="str">
            <v>兵庫県尼崎市西昆陽1-10-7</v>
          </cell>
          <cell r="G1841" t="str">
            <v>大阪市</v>
          </cell>
          <cell r="H1841" t="str">
            <v>尼崎支店</v>
          </cell>
          <cell r="I1841" t="str">
            <v>支店長 田中　正二</v>
          </cell>
          <cell r="J1841" t="str">
            <v>大阪府大阪市</v>
          </cell>
          <cell r="K1841" t="str">
            <v>06-6434-1852</v>
          </cell>
          <cell r="L1841" t="str">
            <v>osaka@y-actes.co.jp</v>
          </cell>
          <cell r="M1841" t="str">
            <v>ﾖﾄﾞｶﾞﾜｱｸﾃｽ</v>
          </cell>
          <cell r="N1841" t="str">
            <v>有</v>
          </cell>
          <cell r="O1841">
            <v>41</v>
          </cell>
          <cell r="P1841">
            <v>49</v>
          </cell>
          <cell r="Q1841">
            <v>2120001053207</v>
          </cell>
          <cell r="R1841">
            <v>40000</v>
          </cell>
          <cell r="S1841">
            <v>186170</v>
          </cell>
          <cell r="T1841">
            <v>620658</v>
          </cell>
          <cell r="V1841" t="str">
            <v>kg738747</v>
          </cell>
          <cell r="W1841" t="str">
            <v>xn335953</v>
          </cell>
          <cell r="Y1841" t="str">
            <v>測量,道路,上水,下水,土調,登記,交通,</v>
          </cell>
          <cell r="Z1841">
            <v>343824</v>
          </cell>
          <cell r="AA1841" t="str">
            <v/>
          </cell>
          <cell r="AB1841">
            <v>193203</v>
          </cell>
          <cell r="AC1841">
            <v>22905</v>
          </cell>
          <cell r="AD1841" t="str">
            <v/>
          </cell>
          <cell r="AE1841" t="str">
            <v>不動産管理</v>
          </cell>
          <cell r="AF1841">
            <v>60725</v>
          </cell>
          <cell r="AI1841">
            <v>1</v>
          </cell>
          <cell r="AJ1841" t="str">
            <v>測量</v>
          </cell>
        </row>
        <row r="1842">
          <cell r="B1842">
            <v>6440</v>
          </cell>
          <cell r="C1842" t="str">
            <v>(株)吉村建築設計事務所</v>
          </cell>
          <cell r="D1842" t="str">
            <v>06-6361-8990</v>
          </cell>
          <cell r="E1842" t="str">
            <v>530-0047</v>
          </cell>
          <cell r="F1842" t="str">
            <v>大阪府大阪市北区西天満2-3-16</v>
          </cell>
          <cell r="G1842" t="str">
            <v>大阪市</v>
          </cell>
          <cell r="H1842" t="str">
            <v/>
          </cell>
          <cell r="I1842" t="str">
            <v>代表取締役 吉村　建</v>
          </cell>
          <cell r="J1842" t="str">
            <v>本店</v>
          </cell>
          <cell r="K1842" t="str">
            <v>06-6362-6762</v>
          </cell>
          <cell r="L1842" t="str">
            <v>yamashina@yoshimura-arc.com</v>
          </cell>
          <cell r="M1842" t="str">
            <v>ﾖｼﾑﾗｹﾝﾁｸｾｯｹｲｼﾞﾑｼｮ</v>
          </cell>
          <cell r="N1842" t="str">
            <v>無</v>
          </cell>
          <cell r="O1842">
            <v>58</v>
          </cell>
          <cell r="P1842">
            <v>10</v>
          </cell>
          <cell r="Q1842">
            <v>4120001071818</v>
          </cell>
          <cell r="R1842">
            <v>10000</v>
          </cell>
          <cell r="S1842">
            <v>23271</v>
          </cell>
          <cell r="T1842">
            <v>106324</v>
          </cell>
          <cell r="V1842" t="str">
            <v>mp999080</v>
          </cell>
          <cell r="W1842" t="str">
            <v>zh127007</v>
          </cell>
          <cell r="Y1842" t="str">
            <v/>
          </cell>
          <cell r="Z1842" t="str">
            <v/>
          </cell>
          <cell r="AA1842">
            <v>155214</v>
          </cell>
          <cell r="AB1842" t="str">
            <v/>
          </cell>
          <cell r="AC1842" t="str">
            <v/>
          </cell>
          <cell r="AD1842" t="str">
            <v/>
          </cell>
          <cell r="AE1842" t="str">
            <v/>
          </cell>
          <cell r="AF1842">
            <v>155214</v>
          </cell>
          <cell r="AI1842" t="str">
            <v>土木</v>
          </cell>
          <cell r="AJ1842" t="str">
            <v>大阪府</v>
          </cell>
        </row>
        <row r="1843">
          <cell r="B1843">
            <v>6452</v>
          </cell>
          <cell r="C1843" t="str">
            <v>(株)ランテック計画事務所</v>
          </cell>
          <cell r="D1843" t="str">
            <v>06-6945-0065</v>
          </cell>
          <cell r="E1843" t="str">
            <v>540-0036</v>
          </cell>
          <cell r="F1843" t="str">
            <v>大阪府大阪市中央区船越町2-4-6</v>
          </cell>
          <cell r="G1843" t="str">
            <v>大阪市</v>
          </cell>
          <cell r="H1843" t="str">
            <v/>
          </cell>
          <cell r="I1843" t="str">
            <v>代表取締役 大原　悟</v>
          </cell>
          <cell r="J1843" t="str">
            <v>本店</v>
          </cell>
          <cell r="K1843" t="str">
            <v>06-6945-0124</v>
          </cell>
          <cell r="L1843" t="str">
            <v>info@landtec.jp</v>
          </cell>
          <cell r="M1843" t="str">
            <v>ﾗﾝﾃｯｸｹｲｶｸｼﾞﾑｼｮ</v>
          </cell>
          <cell r="N1843" t="str">
            <v>無</v>
          </cell>
          <cell r="O1843">
            <v>45</v>
          </cell>
          <cell r="P1843">
            <v>4</v>
          </cell>
          <cell r="Q1843">
            <v>1120001092032</v>
          </cell>
          <cell r="R1843">
            <v>12000</v>
          </cell>
          <cell r="S1843">
            <v>64460</v>
          </cell>
          <cell r="T1843">
            <v>42957</v>
          </cell>
          <cell r="V1843" t="str">
            <v>rj387763</v>
          </cell>
          <cell r="W1843" t="str">
            <v>vq235431</v>
          </cell>
          <cell r="Y1843" t="str">
            <v>造園,都市,</v>
          </cell>
          <cell r="Z1843" t="str">
            <v/>
          </cell>
          <cell r="AA1843" t="str">
            <v/>
          </cell>
          <cell r="AB1843">
            <v>45471</v>
          </cell>
          <cell r="AC1843" t="str">
            <v/>
          </cell>
          <cell r="AD1843" t="str">
            <v/>
          </cell>
          <cell r="AE1843" t="str">
            <v/>
          </cell>
          <cell r="AF1843" t="str">
            <v/>
          </cell>
          <cell r="AI1843">
            <v>3</v>
          </cell>
          <cell r="AJ1843" t="str">
            <v>土木</v>
          </cell>
        </row>
        <row r="1844">
          <cell r="B1844">
            <v>6455</v>
          </cell>
          <cell r="C1844" t="str">
            <v>ランドブレイン(株)</v>
          </cell>
          <cell r="D1844" t="str">
            <v>06-6541-2755</v>
          </cell>
          <cell r="E1844" t="str">
            <v>550-0005</v>
          </cell>
          <cell r="F1844" t="str">
            <v>大阪府大阪市西区西本町1-3-15</v>
          </cell>
          <cell r="H1844" t="str">
            <v>大阪事務所</v>
          </cell>
          <cell r="I1844" t="str">
            <v>所長 小笹　清</v>
          </cell>
          <cell r="J1844" t="str">
            <v>東京都</v>
          </cell>
          <cell r="K1844" t="str">
            <v>06-6541-2733</v>
          </cell>
          <cell r="L1844" t="str">
            <v>eigyo@landbrains.co.jp</v>
          </cell>
          <cell r="M1844" t="str">
            <v>ﾗﾝﾄﾞﾌﾞﾚｲﾝ</v>
          </cell>
          <cell r="N1844" t="str">
            <v>有</v>
          </cell>
          <cell r="O1844">
            <v>44</v>
          </cell>
          <cell r="P1844">
            <v>125</v>
          </cell>
          <cell r="Q1844">
            <v>9010001031943</v>
          </cell>
          <cell r="R1844">
            <v>100000</v>
          </cell>
          <cell r="S1844">
            <v>1710187</v>
          </cell>
          <cell r="T1844">
            <v>2851038</v>
          </cell>
          <cell r="V1844" t="str">
            <v>uy155860</v>
          </cell>
          <cell r="W1844" t="str">
            <v>jb553967</v>
          </cell>
          <cell r="Y1844" t="str">
            <v>測量,建築,意匠,構造,冷暖,建積,調査,河川,道路,造園,上水,下水,都市,スポ,環境,土他,交通,調他</v>
          </cell>
          <cell r="Z1844">
            <v>3825</v>
          </cell>
          <cell r="AA1844">
            <v>238204</v>
          </cell>
          <cell r="AB1844">
            <v>2571827</v>
          </cell>
          <cell r="AC1844" t="str">
            <v/>
          </cell>
          <cell r="AD1844">
            <v>16199</v>
          </cell>
          <cell r="AE1844" t="str">
            <v/>
          </cell>
          <cell r="AF1844" t="str">
            <v/>
          </cell>
          <cell r="AI1844">
            <v>3</v>
          </cell>
          <cell r="AJ1844" t="str">
            <v>土木</v>
          </cell>
        </row>
        <row r="1845">
          <cell r="B1845">
            <v>6461</v>
          </cell>
          <cell r="C1845" t="str">
            <v>(株)リアライズ造園設計事務所</v>
          </cell>
          <cell r="D1845" t="str">
            <v>078-262-1203</v>
          </cell>
          <cell r="E1845" t="str">
            <v>550-0005</v>
          </cell>
          <cell r="F1845" t="str">
            <v>兵庫県神戸市灘区船寺通4-7-17</v>
          </cell>
          <cell r="G1845" t="str">
            <v>大阪市</v>
          </cell>
          <cell r="H1845" t="str">
            <v>神戸事務所</v>
          </cell>
          <cell r="I1845" t="str">
            <v>所長　 山本　裕治</v>
          </cell>
          <cell r="J1845" t="str">
            <v>大阪府大阪市</v>
          </cell>
          <cell r="K1845" t="str">
            <v>078-262-1204</v>
          </cell>
          <cell r="L1845" t="str">
            <v>realize1@isis.ocn.ne.jp</v>
          </cell>
          <cell r="M1845" t="str">
            <v>ﾘｱﾗｲｽﾞｿﾞｳｴﾝｾﾂｹｲｼﾞﾑｼﾖ</v>
          </cell>
          <cell r="N1845" t="str">
            <v>有</v>
          </cell>
          <cell r="O1845">
            <v>47</v>
          </cell>
          <cell r="P1845">
            <v>8</v>
          </cell>
          <cell r="Q1845">
            <v>2120001092064</v>
          </cell>
          <cell r="R1845">
            <v>20000</v>
          </cell>
          <cell r="S1845">
            <v>27777</v>
          </cell>
          <cell r="T1845">
            <v>23462</v>
          </cell>
          <cell r="V1845" t="str">
            <v>jc569560</v>
          </cell>
          <cell r="W1845" t="str">
            <v>kj544253</v>
          </cell>
          <cell r="Y1845" t="str">
            <v>造園,</v>
          </cell>
          <cell r="Z1845" t="str">
            <v/>
          </cell>
          <cell r="AA1845" t="str">
            <v/>
          </cell>
          <cell r="AB1845">
            <v>23985</v>
          </cell>
          <cell r="AC1845" t="str">
            <v/>
          </cell>
          <cell r="AD1845" t="str">
            <v/>
          </cell>
          <cell r="AE1845" t="str">
            <v/>
          </cell>
          <cell r="AF1845" t="str">
            <v/>
          </cell>
          <cell r="AI1845">
            <v>3</v>
          </cell>
          <cell r="AJ1845" t="str">
            <v>土木</v>
          </cell>
        </row>
        <row r="1846">
          <cell r="B1846">
            <v>6462</v>
          </cell>
          <cell r="C1846" t="str">
            <v>(株)リオプラン</v>
          </cell>
          <cell r="D1846" t="str">
            <v>0795-87-1156</v>
          </cell>
          <cell r="E1846" t="str">
            <v>669-3803</v>
          </cell>
          <cell r="F1846" t="str">
            <v>兵庫県丹波市青垣町西芦田992-6</v>
          </cell>
          <cell r="G1846" t="str">
            <v>丹波市青垣町</v>
          </cell>
          <cell r="H1846" t="str">
            <v/>
          </cell>
          <cell r="I1846" t="str">
            <v>代表取締役 足立　恵子</v>
          </cell>
          <cell r="J1846" t="str">
            <v>本店</v>
          </cell>
          <cell r="K1846" t="str">
            <v>0795-87-0568</v>
          </cell>
          <cell r="L1846" t="str">
            <v>info@reoplan.co.jp</v>
          </cell>
          <cell r="M1846" t="str">
            <v>ﾘｵﾌﾟﾗﾝ</v>
          </cell>
          <cell r="N1846" t="str">
            <v>無</v>
          </cell>
          <cell r="O1846">
            <v>44</v>
          </cell>
          <cell r="P1846">
            <v>17</v>
          </cell>
          <cell r="Q1846">
            <v>9140001041392</v>
          </cell>
          <cell r="R1846">
            <v>25000</v>
          </cell>
          <cell r="S1846">
            <v>111250</v>
          </cell>
          <cell r="T1846">
            <v>185831</v>
          </cell>
          <cell r="V1846" t="str">
            <v>cf862125</v>
          </cell>
          <cell r="W1846" t="str">
            <v>sh171479</v>
          </cell>
          <cell r="Y1846" t="str">
            <v>測量,測量,航空,土質,鋼構,河川,道路,地質,造園,上水,下水,都市,スポ,土調,物件,機工,営業,損失,交通,</v>
          </cell>
          <cell r="Z1846">
            <v>45833</v>
          </cell>
          <cell r="AA1846" t="str">
            <v/>
          </cell>
          <cell r="AB1846">
            <v>122231</v>
          </cell>
          <cell r="AC1846">
            <v>17767</v>
          </cell>
          <cell r="AD1846" t="str">
            <v/>
          </cell>
          <cell r="AE1846" t="str">
            <v/>
          </cell>
          <cell r="AF1846" t="str">
            <v/>
          </cell>
          <cell r="AI1846">
            <v>3</v>
          </cell>
          <cell r="AJ1846" t="str">
            <v>土木</v>
          </cell>
        </row>
        <row r="1847">
          <cell r="B1847">
            <v>6463</v>
          </cell>
          <cell r="C1847" t="str">
            <v>(株)緑景</v>
          </cell>
          <cell r="D1847" t="str">
            <v>06-6763-7167</v>
          </cell>
          <cell r="E1847" t="str">
            <v>542-0064</v>
          </cell>
          <cell r="F1847" t="str">
            <v>大阪府大阪市中央区上汐1-4-6</v>
          </cell>
          <cell r="G1847" t="str">
            <v>大阪市</v>
          </cell>
          <cell r="H1847" t="str">
            <v/>
          </cell>
          <cell r="I1847" t="str">
            <v>代表取締役 瀬川　勝之</v>
          </cell>
          <cell r="J1847" t="str">
            <v>本店</v>
          </cell>
          <cell r="K1847" t="str">
            <v>06-6765-5599</v>
          </cell>
          <cell r="L1847" t="str">
            <v>info@ryokukei.jp</v>
          </cell>
          <cell r="M1847" t="str">
            <v>ﾘｮｸｹｲ</v>
          </cell>
          <cell r="N1847" t="str">
            <v>無</v>
          </cell>
          <cell r="O1847">
            <v>51</v>
          </cell>
          <cell r="P1847">
            <v>25</v>
          </cell>
          <cell r="Q1847">
            <v>8120001092216</v>
          </cell>
          <cell r="R1847">
            <v>30000</v>
          </cell>
          <cell r="S1847">
            <v>56205</v>
          </cell>
          <cell r="T1847">
            <v>237811</v>
          </cell>
          <cell r="V1847" t="str">
            <v>rk329173</v>
          </cell>
          <cell r="W1847" t="str">
            <v>nv877400</v>
          </cell>
          <cell r="Y1847" t="str">
            <v>測量,建築,意匠,造園,都市,土他,</v>
          </cell>
          <cell r="Z1847">
            <v>6809</v>
          </cell>
          <cell r="AA1847">
            <v>7570</v>
          </cell>
          <cell r="AB1847">
            <v>207962</v>
          </cell>
          <cell r="AC1847" t="str">
            <v/>
          </cell>
          <cell r="AD1847" t="str">
            <v/>
          </cell>
          <cell r="AE1847" t="str">
            <v/>
          </cell>
          <cell r="AF1847" t="str">
            <v/>
          </cell>
          <cell r="AI1847">
            <v>3</v>
          </cell>
          <cell r="AJ1847" t="str">
            <v>土木</v>
          </cell>
        </row>
        <row r="1848">
          <cell r="B1848">
            <v>6469</v>
          </cell>
          <cell r="C1848" t="str">
            <v>(有)リュウアーキテクツ</v>
          </cell>
          <cell r="D1848" t="str">
            <v>06-6789-9711</v>
          </cell>
          <cell r="E1848" t="str">
            <v>577-0052</v>
          </cell>
          <cell r="F1848" t="str">
            <v>大阪府東大阪市新喜多2ｰ6ｰ27ｰ3025</v>
          </cell>
          <cell r="G1848" t="str">
            <v>東大阪市</v>
          </cell>
          <cell r="H1848" t="str">
            <v/>
          </cell>
          <cell r="I1848" t="str">
            <v>代表取締役 平田　幸隆</v>
          </cell>
          <cell r="J1848" t="str">
            <v>本店</v>
          </cell>
          <cell r="K1848" t="str">
            <v>06-6789-9712</v>
          </cell>
          <cell r="L1848" t="str">
            <v>ryua@agate.plala.or.jp</v>
          </cell>
          <cell r="M1848" t="str">
            <v>ﾘｭｳｱｰｷﾃｸﾂ</v>
          </cell>
          <cell r="N1848" t="str">
            <v>無</v>
          </cell>
          <cell r="O1848">
            <v>23</v>
          </cell>
          <cell r="P1848">
            <v>5</v>
          </cell>
          <cell r="Q1848">
            <v>1122002005542</v>
          </cell>
          <cell r="R1848">
            <v>3000</v>
          </cell>
          <cell r="S1848">
            <v>4716</v>
          </cell>
          <cell r="T1848">
            <v>43138</v>
          </cell>
          <cell r="V1848" t="str">
            <v>ny373502</v>
          </cell>
          <cell r="W1848" t="str">
            <v>zk856905</v>
          </cell>
          <cell r="Y1848" t="str">
            <v>衛生,電気,建積,機積,電積,調査,土質,鋼構,河川,道路,</v>
          </cell>
          <cell r="Z1848" t="str">
            <v/>
          </cell>
          <cell r="AA1848" t="str">
            <v/>
          </cell>
          <cell r="AB1848" t="str">
            <v/>
          </cell>
          <cell r="AC1848">
            <v>43</v>
          </cell>
          <cell r="AD1848">
            <v>138</v>
          </cell>
          <cell r="AE1848" t="str">
            <v/>
          </cell>
          <cell r="AF1848" t="str">
            <v/>
          </cell>
          <cell r="AI1848">
            <v>5</v>
          </cell>
          <cell r="AJ1848" t="str">
            <v>調査</v>
          </cell>
        </row>
        <row r="1849">
          <cell r="B1849">
            <v>6471</v>
          </cell>
          <cell r="C1849" t="str">
            <v>(株)類設計室</v>
          </cell>
          <cell r="D1849" t="str">
            <v>06-6305-6666</v>
          </cell>
          <cell r="E1849" t="str">
            <v>532-0011</v>
          </cell>
          <cell r="F1849" t="str">
            <v>大阪府大阪市淀川区西中島4-3-2</v>
          </cell>
          <cell r="G1849" t="str">
            <v>大阪市</v>
          </cell>
          <cell r="H1849" t="str">
            <v/>
          </cell>
          <cell r="I1849" t="str">
            <v>代表取締役 岡田　淳三郎</v>
          </cell>
          <cell r="J1849" t="str">
            <v>本店</v>
          </cell>
          <cell r="K1849" t="str">
            <v>06-6305-2237</v>
          </cell>
          <cell r="L1849" t="str">
            <v>simei_o@rui.ne.jp</v>
          </cell>
          <cell r="M1849" t="str">
            <v>ﾙｲｾｯｹｲｼﾂ</v>
          </cell>
          <cell r="N1849" t="str">
            <v>無</v>
          </cell>
          <cell r="O1849">
            <v>45</v>
          </cell>
          <cell r="P1849">
            <v>386</v>
          </cell>
          <cell r="Q1849">
            <v>4120001059193</v>
          </cell>
          <cell r="R1849">
            <v>99000</v>
          </cell>
          <cell r="S1849">
            <v>13679236</v>
          </cell>
          <cell r="T1849">
            <v>5768876</v>
          </cell>
          <cell r="V1849" t="str">
            <v>zp317119</v>
          </cell>
          <cell r="W1849" t="str">
            <v>ta573105</v>
          </cell>
          <cell r="Y1849" t="str">
            <v>建築,意匠,構造,冷暖,衛生,電気,建積,機積,電積,調査,</v>
          </cell>
          <cell r="Z1849" t="str">
            <v/>
          </cell>
          <cell r="AA1849">
            <v>3509869</v>
          </cell>
          <cell r="AB1849" t="str">
            <v/>
          </cell>
          <cell r="AC1849" t="str">
            <v/>
          </cell>
          <cell r="AD1849" t="str">
            <v/>
          </cell>
          <cell r="AE1849" t="str">
            <v/>
          </cell>
          <cell r="AF1849" t="str">
            <v/>
          </cell>
          <cell r="AI1849">
            <v>2</v>
          </cell>
          <cell r="AJ1849" t="str">
            <v>建築</v>
          </cell>
        </row>
        <row r="1850">
          <cell r="B1850">
            <v>6481</v>
          </cell>
          <cell r="C1850" t="str">
            <v>(株)レック</v>
          </cell>
          <cell r="D1850" t="str">
            <v>078-954-5552</v>
          </cell>
          <cell r="E1850" t="str">
            <v>650-0022</v>
          </cell>
          <cell r="F1850" t="str">
            <v>兵庫県神戸市中央区元町通5-2-3</v>
          </cell>
          <cell r="G1850" t="str">
            <v>茨木市</v>
          </cell>
          <cell r="H1850" t="str">
            <v>神戸営業所</v>
          </cell>
          <cell r="I1850" t="str">
            <v>営業所長 大杉　幸司</v>
          </cell>
          <cell r="J1850" t="str">
            <v>大阪府茨木市</v>
          </cell>
          <cell r="K1850" t="str">
            <v>078-954-5553</v>
          </cell>
          <cell r="L1850" t="str">
            <v>rec@diana.dti.ne.jp</v>
          </cell>
          <cell r="M1850" t="str">
            <v>ﾚｯｸ</v>
          </cell>
          <cell r="N1850" t="str">
            <v>有</v>
          </cell>
          <cell r="O1850">
            <v>32</v>
          </cell>
          <cell r="P1850">
            <v>18</v>
          </cell>
          <cell r="Q1850">
            <v>3120901002369</v>
          </cell>
          <cell r="R1850">
            <v>20000</v>
          </cell>
          <cell r="S1850">
            <v>48251</v>
          </cell>
          <cell r="T1850">
            <v>113780</v>
          </cell>
          <cell r="V1850" t="str">
            <v>kh466339</v>
          </cell>
          <cell r="W1850" t="str">
            <v>nf722443</v>
          </cell>
          <cell r="Y1850" t="str">
            <v>測量,建築,上水,</v>
          </cell>
          <cell r="Z1850">
            <v>3200</v>
          </cell>
          <cell r="AA1850">
            <v>1450</v>
          </cell>
          <cell r="AB1850">
            <v>100078</v>
          </cell>
          <cell r="AC1850" t="str">
            <v/>
          </cell>
          <cell r="AD1850" t="str">
            <v/>
          </cell>
          <cell r="AE1850" t="str">
            <v/>
          </cell>
          <cell r="AF1850" t="str">
            <v/>
          </cell>
          <cell r="AI1850">
            <v>3</v>
          </cell>
          <cell r="AJ1850" t="str">
            <v>土木</v>
          </cell>
        </row>
        <row r="1851">
          <cell r="B1851">
            <v>6502</v>
          </cell>
          <cell r="C1851" t="str">
            <v>(株)ワイテック</v>
          </cell>
          <cell r="D1851" t="str">
            <v>078-791-8757</v>
          </cell>
          <cell r="E1851" t="str">
            <v>654-0162</v>
          </cell>
          <cell r="F1851" t="str">
            <v>兵庫県神戸市須磨区神の谷3-3-9</v>
          </cell>
          <cell r="G1851" t="str">
            <v>神戸市</v>
          </cell>
          <cell r="H1851" t="str">
            <v/>
          </cell>
          <cell r="I1851" t="str">
            <v>代表取締役 上山　健一</v>
          </cell>
          <cell r="J1851" t="str">
            <v>本店</v>
          </cell>
          <cell r="K1851" t="str">
            <v>078-793-8110</v>
          </cell>
          <cell r="L1851" t="str">
            <v>info@waitec.co.jp</v>
          </cell>
          <cell r="M1851" t="str">
            <v>ﾜｲﾃｯｸ</v>
          </cell>
          <cell r="N1851" t="str">
            <v>無</v>
          </cell>
          <cell r="O1851">
            <v>31</v>
          </cell>
          <cell r="P1851">
            <v>30</v>
          </cell>
          <cell r="Q1851">
            <v>6140001022800</v>
          </cell>
          <cell r="R1851">
            <v>10000</v>
          </cell>
          <cell r="S1851">
            <v>32933</v>
          </cell>
          <cell r="T1851">
            <v>300542</v>
          </cell>
          <cell r="V1851" t="str">
            <v>un215776</v>
          </cell>
          <cell r="W1851" t="str">
            <v>ep104348</v>
          </cell>
          <cell r="Y1851" t="str">
            <v>測量,鋼構,道路,下水,</v>
          </cell>
          <cell r="Z1851">
            <v>75365</v>
          </cell>
          <cell r="AA1851" t="str">
            <v/>
          </cell>
          <cell r="AB1851">
            <v>229532</v>
          </cell>
          <cell r="AC1851" t="str">
            <v/>
          </cell>
          <cell r="AD1851" t="str">
            <v/>
          </cell>
          <cell r="AE1851" t="str">
            <v/>
          </cell>
          <cell r="AF1851" t="str">
            <v/>
          </cell>
          <cell r="AI1851">
            <v>3</v>
          </cell>
          <cell r="AJ1851" t="str">
            <v>土木</v>
          </cell>
        </row>
        <row r="1852">
          <cell r="B1852">
            <v>6505</v>
          </cell>
          <cell r="C1852" t="str">
            <v>和歌山航測(株)</v>
          </cell>
          <cell r="D1852" t="str">
            <v>06-6762-7002</v>
          </cell>
          <cell r="E1852" t="str">
            <v>542-0012</v>
          </cell>
          <cell r="F1852" t="str">
            <v>大阪府大阪市中央区谷町6-4-8</v>
          </cell>
          <cell r="G1852" t="str">
            <v>和歌山市</v>
          </cell>
          <cell r="H1852" t="str">
            <v>大阪支店</v>
          </cell>
          <cell r="I1852" t="str">
            <v>支店長 村岡　俊幸</v>
          </cell>
          <cell r="J1852" t="str">
            <v>和歌山県和歌山市</v>
          </cell>
          <cell r="K1852" t="str">
            <v>06-6766-6977</v>
          </cell>
          <cell r="L1852" t="str">
            <v>info@wasco.co.jp</v>
          </cell>
          <cell r="M1852" t="str">
            <v>ﾜｶﾔﾏｺｳｿｸ</v>
          </cell>
          <cell r="N1852" t="str">
            <v>有</v>
          </cell>
          <cell r="O1852">
            <v>46</v>
          </cell>
          <cell r="P1852">
            <v>39</v>
          </cell>
          <cell r="Q1852">
            <v>4170001003733</v>
          </cell>
          <cell r="R1852">
            <v>10000</v>
          </cell>
          <cell r="S1852">
            <v>242268</v>
          </cell>
          <cell r="T1852">
            <v>531166</v>
          </cell>
          <cell r="V1852" t="str">
            <v>dh596066</v>
          </cell>
          <cell r="W1852" t="str">
            <v>tn803628</v>
          </cell>
          <cell r="Y1852" t="str">
            <v>測量,測量,航空,土質,鋼構,河川,道路,施行,上水,下水,土調,土評,物件,地質,水質,交通,</v>
          </cell>
          <cell r="Z1852">
            <v>190627</v>
          </cell>
          <cell r="AA1852" t="str">
            <v/>
          </cell>
          <cell r="AB1852">
            <v>292730</v>
          </cell>
          <cell r="AC1852">
            <v>2544</v>
          </cell>
          <cell r="AD1852">
            <v>72172</v>
          </cell>
          <cell r="AE1852" t="str">
            <v/>
          </cell>
          <cell r="AF1852" t="str">
            <v/>
          </cell>
          <cell r="AI1852">
            <v>3</v>
          </cell>
          <cell r="AJ1852" t="str">
            <v>土木</v>
          </cell>
        </row>
        <row r="1853">
          <cell r="B1853">
            <v>6506</v>
          </cell>
          <cell r="C1853" t="str">
            <v>(株)鷲尾建築設計事務所</v>
          </cell>
          <cell r="D1853" t="str">
            <v>079-284-1491</v>
          </cell>
          <cell r="E1853" t="str">
            <v>672-8040</v>
          </cell>
          <cell r="F1853" t="str">
            <v>兵庫県姫路市飾磨区野田町157-1</v>
          </cell>
          <cell r="G1853" t="str">
            <v>姫路市</v>
          </cell>
          <cell r="H1853" t="str">
            <v/>
          </cell>
          <cell r="I1853" t="str">
            <v>代表取締役 松本　典子</v>
          </cell>
          <cell r="J1853" t="str">
            <v>本店</v>
          </cell>
          <cell r="K1853" t="str">
            <v>079-284-1446</v>
          </cell>
          <cell r="L1853" t="str">
            <v>wasio@sage.ocn.ne.jp</v>
          </cell>
          <cell r="M1853" t="str">
            <v>ﾜｼｵｹﾝﾁｸｾｯｹｲｼﾞﾑｼｮ</v>
          </cell>
          <cell r="N1853" t="str">
            <v>無</v>
          </cell>
          <cell r="O1853">
            <v>60</v>
          </cell>
          <cell r="P1853">
            <v>20</v>
          </cell>
          <cell r="Q1853">
            <v>4140001062278</v>
          </cell>
          <cell r="R1853">
            <v>10000</v>
          </cell>
          <cell r="S1853">
            <v>97725</v>
          </cell>
          <cell r="T1853">
            <v>169616</v>
          </cell>
          <cell r="V1853" t="str">
            <v>zu671487</v>
          </cell>
          <cell r="W1853" t="str">
            <v>tn156586</v>
          </cell>
          <cell r="Y1853" t="str">
            <v>建築,意匠,構造,冷暖,衛生,電気,建積,機積,電積,調査,</v>
          </cell>
          <cell r="Z1853" t="str">
            <v/>
          </cell>
          <cell r="AA1853">
            <v>169616</v>
          </cell>
          <cell r="AB1853" t="str">
            <v/>
          </cell>
          <cell r="AC1853" t="str">
            <v/>
          </cell>
          <cell r="AD1853" t="str">
            <v/>
          </cell>
          <cell r="AE1853" t="str">
            <v/>
          </cell>
          <cell r="AF1853" t="str">
            <v/>
          </cell>
          <cell r="AI1853">
            <v>2</v>
          </cell>
          <cell r="AJ1853" t="str">
            <v>建築</v>
          </cell>
        </row>
        <row r="1854">
          <cell r="B1854">
            <v>6507</v>
          </cell>
          <cell r="C1854" t="str">
            <v>(株)和光設計</v>
          </cell>
          <cell r="D1854" t="str">
            <v>078-681-8231</v>
          </cell>
          <cell r="E1854" t="str">
            <v>652-0897</v>
          </cell>
          <cell r="F1854" t="str">
            <v>兵庫県神戸市兵庫区駅南通2-2-1</v>
          </cell>
          <cell r="G1854" t="str">
            <v>神戸市</v>
          </cell>
          <cell r="H1854" t="str">
            <v/>
          </cell>
          <cell r="I1854" t="str">
            <v>代表取締役 筒井　透</v>
          </cell>
          <cell r="J1854" t="str">
            <v>本店</v>
          </cell>
          <cell r="K1854" t="str">
            <v>078-681-6021</v>
          </cell>
          <cell r="L1854" t="str">
            <v>kyx07131@nifty.com</v>
          </cell>
          <cell r="M1854" t="str">
            <v>ﾜｺｳｾｯｹｲ</v>
          </cell>
          <cell r="N1854" t="str">
            <v>無</v>
          </cell>
          <cell r="O1854">
            <v>39</v>
          </cell>
          <cell r="P1854">
            <v>11</v>
          </cell>
          <cell r="Q1854">
            <v>8140001014523</v>
          </cell>
          <cell r="R1854">
            <v>10000</v>
          </cell>
          <cell r="S1854">
            <v>-3328</v>
          </cell>
          <cell r="T1854">
            <v>75939</v>
          </cell>
          <cell r="V1854" t="str">
            <v>uh496085</v>
          </cell>
          <cell r="W1854" t="str">
            <v>cs758789</v>
          </cell>
          <cell r="Y1854" t="str">
            <v>建築,意匠,冷暖,衛生,電気,建積,機積,電積,調査,</v>
          </cell>
          <cell r="Z1854" t="str">
            <v/>
          </cell>
          <cell r="AA1854">
            <v>75683</v>
          </cell>
          <cell r="AB1854" t="str">
            <v/>
          </cell>
          <cell r="AC1854" t="str">
            <v/>
          </cell>
          <cell r="AD1854" t="str">
            <v/>
          </cell>
          <cell r="AE1854" t="str">
            <v/>
          </cell>
          <cell r="AF1854" t="str">
            <v/>
          </cell>
          <cell r="AI1854">
            <v>2</v>
          </cell>
          <cell r="AJ1854" t="str">
            <v>建築</v>
          </cell>
        </row>
        <row r="1855">
          <cell r="B1855">
            <v>6515</v>
          </cell>
          <cell r="C1855" t="str">
            <v>アールイーマネジメント(株)</v>
          </cell>
          <cell r="D1855" t="str">
            <v>06-6147-7905</v>
          </cell>
          <cell r="E1855" t="str">
            <v>541-0047</v>
          </cell>
          <cell r="F1855" t="str">
            <v>大阪府大阪市中央区淡路町3-2-8</v>
          </cell>
          <cell r="G1855" t="str">
            <v>大阪市</v>
          </cell>
          <cell r="H1855" t="str">
            <v/>
          </cell>
          <cell r="I1855" t="str">
            <v>代表取締役 田中　孝明</v>
          </cell>
          <cell r="J1855" t="str">
            <v>本店</v>
          </cell>
          <cell r="K1855" t="str">
            <v>06-6147-7906</v>
          </cell>
          <cell r="L1855" t="str">
            <v>info@rep-management.net</v>
          </cell>
          <cell r="M1855" t="str">
            <v>ｱｰﾙｲｰﾏﾈｼﾞﾒﾝﾄ</v>
          </cell>
          <cell r="N1855" t="str">
            <v>無</v>
          </cell>
          <cell r="O1855">
            <v>4</v>
          </cell>
          <cell r="P1855">
            <v>10</v>
          </cell>
          <cell r="Q1855">
            <v>2120001185727</v>
          </cell>
          <cell r="R1855">
            <v>10000</v>
          </cell>
          <cell r="S1855">
            <v>11467</v>
          </cell>
          <cell r="T1855">
            <v>55703</v>
          </cell>
          <cell r="V1855" t="str">
            <v>at179941</v>
          </cell>
          <cell r="W1855" t="str">
            <v>ri121099</v>
          </cell>
          <cell r="Y1855" t="str">
            <v>建築,意匠,冷暖,衛生,電気,建積,機積,電積,調査,</v>
          </cell>
          <cell r="Z1855" t="str">
            <v/>
          </cell>
          <cell r="AA1855">
            <v>55703</v>
          </cell>
          <cell r="AB1855" t="str">
            <v/>
          </cell>
          <cell r="AC1855" t="str">
            <v/>
          </cell>
          <cell r="AD1855" t="str">
            <v/>
          </cell>
          <cell r="AE1855" t="str">
            <v/>
          </cell>
          <cell r="AF1855" t="str">
            <v/>
          </cell>
          <cell r="AI1855">
            <v>2</v>
          </cell>
          <cell r="AJ1855" t="str">
            <v>建築</v>
          </cell>
        </row>
        <row r="1856">
          <cell r="B1856">
            <v>6516</v>
          </cell>
          <cell r="C1856" t="str">
            <v>(株)新居千秋都市建築設計</v>
          </cell>
          <cell r="D1856" t="str">
            <v>03-3760-5411</v>
          </cell>
          <cell r="E1856" t="str">
            <v>153-0052</v>
          </cell>
          <cell r="F1856" t="str">
            <v>東京都目黒区祐天寺2-14-19</v>
          </cell>
          <cell r="H1856" t="str">
            <v/>
          </cell>
          <cell r="I1856" t="str">
            <v>代表取締役 新居　千秋</v>
          </cell>
          <cell r="J1856" t="str">
            <v>本店</v>
          </cell>
          <cell r="K1856" t="str">
            <v>03-3760-5415</v>
          </cell>
          <cell r="L1856" t="str">
            <v>aoffice@nifty.com</v>
          </cell>
          <cell r="M1856" t="str">
            <v>ｱﾗｲﾁｱｷﾄｼｹﾝﾁｸｾｯｹｲ</v>
          </cell>
          <cell r="N1856" t="str">
            <v>無</v>
          </cell>
          <cell r="O1856">
            <v>38</v>
          </cell>
          <cell r="P1856">
            <v>16</v>
          </cell>
          <cell r="Q1856">
            <v>1013201003901</v>
          </cell>
          <cell r="R1856">
            <v>10000</v>
          </cell>
          <cell r="S1856">
            <v>78662</v>
          </cell>
          <cell r="T1856">
            <v>226178</v>
          </cell>
          <cell r="V1856" t="str">
            <v>vb129893</v>
          </cell>
          <cell r="W1856" t="str">
            <v>qd189319</v>
          </cell>
          <cell r="Y1856" t="str">
            <v>建築,意匠,</v>
          </cell>
          <cell r="Z1856" t="str">
            <v/>
          </cell>
          <cell r="AA1856">
            <v>208791</v>
          </cell>
          <cell r="AB1856" t="str">
            <v/>
          </cell>
          <cell r="AC1856" t="str">
            <v/>
          </cell>
          <cell r="AD1856" t="str">
            <v/>
          </cell>
          <cell r="AE1856" t="str">
            <v/>
          </cell>
          <cell r="AF1856" t="str">
            <v/>
          </cell>
          <cell r="AI1856">
            <v>2</v>
          </cell>
          <cell r="AJ1856" t="str">
            <v>建築</v>
          </cell>
        </row>
        <row r="1857">
          <cell r="B1857">
            <v>6517</v>
          </cell>
          <cell r="C1857" t="str">
            <v>有川土地家屋調査士事務所</v>
          </cell>
          <cell r="D1857" t="str">
            <v>072-785-8000</v>
          </cell>
          <cell r="E1857" t="str">
            <v>664-0861</v>
          </cell>
          <cell r="F1857" t="str">
            <v>兵庫県伊丹市稲野町4-41-103</v>
          </cell>
          <cell r="G1857" t="str">
            <v>伊丹市</v>
          </cell>
          <cell r="H1857" t="str">
            <v/>
          </cell>
          <cell r="I1857" t="str">
            <v>代表 有川　貴宏</v>
          </cell>
          <cell r="J1857" t="str">
            <v>本店</v>
          </cell>
          <cell r="K1857" t="str">
            <v>072-785-6100</v>
          </cell>
          <cell r="L1857" t="str">
            <v>ZAN00045@nifty.ne.jp</v>
          </cell>
          <cell r="M1857" t="str">
            <v>ｱﾘｶﾜﾄﾁｶｵｸﾁｮｳｻｼｼﾞﾑｼｮ</v>
          </cell>
          <cell r="N1857" t="str">
            <v>無</v>
          </cell>
          <cell r="P1857">
            <v>3</v>
          </cell>
          <cell r="V1857" t="str">
            <v>dv161057</v>
          </cell>
          <cell r="W1857" t="str">
            <v>ah163977</v>
          </cell>
          <cell r="Y1857" t="str">
            <v>登記,</v>
          </cell>
          <cell r="Z1857" t="str">
            <v/>
          </cell>
          <cell r="AA1857" t="str">
            <v/>
          </cell>
          <cell r="AB1857" t="str">
            <v/>
          </cell>
          <cell r="AC1857" t="str">
            <v/>
          </cell>
          <cell r="AD1857" t="str">
            <v/>
          </cell>
          <cell r="AE1857" t="str">
            <v/>
          </cell>
          <cell r="AF1857" t="str">
            <v/>
          </cell>
          <cell r="AI1857">
            <v>4</v>
          </cell>
          <cell r="AJ1857" t="str">
            <v>補償</v>
          </cell>
        </row>
        <row r="1858">
          <cell r="B1858">
            <v>6518</v>
          </cell>
          <cell r="C1858" t="str">
            <v>(株)アルキービ総合計画事務所</v>
          </cell>
          <cell r="D1858" t="str">
            <v>06-6714-6635</v>
          </cell>
          <cell r="E1858" t="str">
            <v>546-0042</v>
          </cell>
          <cell r="F1858" t="str">
            <v>大阪府大阪市東住吉区西今川1-5-7</v>
          </cell>
          <cell r="G1858" t="str">
            <v>大阪市</v>
          </cell>
          <cell r="H1858" t="str">
            <v/>
          </cell>
          <cell r="I1858" t="str">
            <v>代表取締役 久保　清一</v>
          </cell>
          <cell r="J1858" t="str">
            <v>本店</v>
          </cell>
          <cell r="K1858" t="str">
            <v>06-6714-6665</v>
          </cell>
          <cell r="L1858" t="str">
            <v>office@archivi.co.jp</v>
          </cell>
          <cell r="M1858" t="str">
            <v>ｱﾙｷｰﾋﾞｿｳｺﾞｳｹｲｶｸｼﾞﾑｼｮ</v>
          </cell>
          <cell r="N1858" t="str">
            <v>無</v>
          </cell>
          <cell r="O1858">
            <v>34</v>
          </cell>
          <cell r="P1858">
            <v>4</v>
          </cell>
          <cell r="Q1858">
            <v>9120001009160</v>
          </cell>
          <cell r="R1858">
            <v>10000</v>
          </cell>
          <cell r="S1858">
            <v>10818</v>
          </cell>
          <cell r="T1858">
            <v>57785</v>
          </cell>
          <cell r="V1858" t="str">
            <v>kw146811</v>
          </cell>
          <cell r="W1858" t="str">
            <v>ob131714</v>
          </cell>
          <cell r="Y1858" t="str">
            <v>建築,意匠,</v>
          </cell>
          <cell r="Z1858" t="str">
            <v/>
          </cell>
          <cell r="AA1858">
            <v>45883</v>
          </cell>
          <cell r="AB1858" t="str">
            <v/>
          </cell>
          <cell r="AC1858" t="str">
            <v/>
          </cell>
          <cell r="AD1858" t="str">
            <v/>
          </cell>
          <cell r="AE1858" t="str">
            <v/>
          </cell>
          <cell r="AF1858" t="str">
            <v/>
          </cell>
          <cell r="AI1858">
            <v>2</v>
          </cell>
          <cell r="AJ1858" t="str">
            <v>建築</v>
          </cell>
        </row>
        <row r="1859">
          <cell r="B1859">
            <v>6519</v>
          </cell>
          <cell r="C1859" t="str">
            <v>(株)ああす</v>
          </cell>
          <cell r="D1859" t="str">
            <v>0798-41-8856</v>
          </cell>
          <cell r="E1859" t="str">
            <v>663-8123</v>
          </cell>
          <cell r="F1859" t="str">
            <v>兵庫県西宮市小松東町3-3-43</v>
          </cell>
          <cell r="G1859" t="str">
            <v>西宮市</v>
          </cell>
          <cell r="H1859" t="str">
            <v/>
          </cell>
          <cell r="I1859" t="str">
            <v>代表取締役 前川　伊久乃</v>
          </cell>
          <cell r="J1859" t="str">
            <v>本店</v>
          </cell>
          <cell r="K1859" t="str">
            <v>0798-41-8852</v>
          </cell>
          <cell r="L1859" t="str">
            <v>a-a-survey@beetke.ocn.ne.jp</v>
          </cell>
          <cell r="M1859" t="str">
            <v>ｱｱｽ</v>
          </cell>
          <cell r="N1859" t="str">
            <v>無</v>
          </cell>
          <cell r="O1859">
            <v>9</v>
          </cell>
          <cell r="P1859">
            <v>3</v>
          </cell>
          <cell r="Q1859">
            <v>5140001073943</v>
          </cell>
          <cell r="R1859">
            <v>1000</v>
          </cell>
          <cell r="S1859">
            <v>2556</v>
          </cell>
          <cell r="T1859">
            <v>16492</v>
          </cell>
          <cell r="V1859" t="str">
            <v>wz133058</v>
          </cell>
          <cell r="W1859" t="str">
            <v>qd104287</v>
          </cell>
          <cell r="Y1859" t="str">
            <v>測量,</v>
          </cell>
          <cell r="Z1859">
            <v>16429</v>
          </cell>
          <cell r="AA1859" t="str">
            <v/>
          </cell>
          <cell r="AB1859" t="str">
            <v/>
          </cell>
          <cell r="AC1859" t="str">
            <v/>
          </cell>
          <cell r="AD1859" t="str">
            <v/>
          </cell>
          <cell r="AE1859" t="str">
            <v/>
          </cell>
          <cell r="AF1859" t="str">
            <v/>
          </cell>
          <cell r="AI1859">
            <v>1</v>
          </cell>
          <cell r="AJ1859" t="str">
            <v>測量</v>
          </cell>
        </row>
        <row r="1860">
          <cell r="B1860">
            <v>6520</v>
          </cell>
          <cell r="C1860" t="str">
            <v>安西工業(株)</v>
          </cell>
          <cell r="D1860" t="str">
            <v>078-967-5530</v>
          </cell>
          <cell r="E1860" t="str">
            <v>651-2411</v>
          </cell>
          <cell r="F1860" t="str">
            <v>兵庫県神戸市西区上新地3-3-1</v>
          </cell>
          <cell r="G1860" t="str">
            <v>神戸市</v>
          </cell>
          <cell r="H1860" t="str">
            <v/>
          </cell>
          <cell r="I1860" t="str">
            <v>代表取締役　 清水　章弘</v>
          </cell>
          <cell r="J1860" t="str">
            <v>本店</v>
          </cell>
          <cell r="K1860" t="str">
            <v>078-967-5536</v>
          </cell>
          <cell r="L1860" t="str">
            <v>eigyo@anzaikogyo.com</v>
          </cell>
          <cell r="M1860" t="str">
            <v>ｱﾝｻﾞｲｺｳｷﾞﾖｳ</v>
          </cell>
          <cell r="N1860" t="str">
            <v>無</v>
          </cell>
          <cell r="O1860">
            <v>37</v>
          </cell>
          <cell r="P1860">
            <v>74</v>
          </cell>
          <cell r="Q1860">
            <v>7140000000000</v>
          </cell>
          <cell r="R1860">
            <v>90000</v>
          </cell>
          <cell r="S1860">
            <v>715970</v>
          </cell>
          <cell r="T1860">
            <v>1918588</v>
          </cell>
          <cell r="V1860" t="str">
            <v>hr119984</v>
          </cell>
          <cell r="W1860" t="str">
            <v>jh188750</v>
          </cell>
          <cell r="Y1860" t="str">
            <v>測量,航空,調他</v>
          </cell>
          <cell r="Z1860" t="str">
            <v/>
          </cell>
          <cell r="AA1860">
            <v>22256</v>
          </cell>
          <cell r="AB1860" t="str">
            <v/>
          </cell>
          <cell r="AC1860" t="str">
            <v/>
          </cell>
          <cell r="AD1860">
            <v>1326007</v>
          </cell>
          <cell r="AE1860" t="str">
            <v/>
          </cell>
          <cell r="AF1860" t="str">
            <v/>
          </cell>
          <cell r="AI1860">
            <v>5</v>
          </cell>
          <cell r="AJ1860" t="str">
            <v>調査</v>
          </cell>
        </row>
        <row r="1861">
          <cell r="B1861">
            <v>6521</v>
          </cell>
          <cell r="C1861" t="str">
            <v>(株)アルト舎</v>
          </cell>
          <cell r="D1861" t="str">
            <v>0745-51-3456</v>
          </cell>
          <cell r="E1861" t="str">
            <v>639-2123</v>
          </cell>
          <cell r="F1861" t="str">
            <v>奈良県葛城市忍海437‐32</v>
          </cell>
          <cell r="G1861" t="str">
            <v>葛城市</v>
          </cell>
          <cell r="H1861" t="str">
            <v/>
          </cell>
          <cell r="I1861" t="str">
            <v>代表取締役 中　利住</v>
          </cell>
          <cell r="J1861" t="str">
            <v>本店</v>
          </cell>
          <cell r="K1861" t="str">
            <v>0745-51-8678</v>
          </cell>
          <cell r="L1861" t="str">
            <v>info@altosha.jp</v>
          </cell>
          <cell r="M1861" t="str">
            <v>ｱﾙﾄｼｬ</v>
          </cell>
          <cell r="N1861" t="str">
            <v>無</v>
          </cell>
          <cell r="O1861">
            <v>8</v>
          </cell>
          <cell r="P1861">
            <v>5</v>
          </cell>
          <cell r="Q1861">
            <v>4120001164555</v>
          </cell>
          <cell r="R1861">
            <v>5000</v>
          </cell>
          <cell r="S1861">
            <v>6225</v>
          </cell>
          <cell r="T1861">
            <v>35222</v>
          </cell>
          <cell r="V1861" t="str">
            <v>jl148841</v>
          </cell>
          <cell r="W1861" t="str">
            <v>kz136516</v>
          </cell>
          <cell r="Y1861" t="str">
            <v/>
          </cell>
          <cell r="Z1861">
            <v>5535</v>
          </cell>
          <cell r="AA1861">
            <v>25502</v>
          </cell>
          <cell r="AB1861" t="str">
            <v/>
          </cell>
          <cell r="AC1861" t="str">
            <v/>
          </cell>
          <cell r="AD1861" t="str">
            <v/>
          </cell>
          <cell r="AE1861" t="str">
            <v/>
          </cell>
          <cell r="AF1861">
            <v>25502</v>
          </cell>
          <cell r="AI1861" t="str">
            <v>土木</v>
          </cell>
          <cell r="AJ1861" t="str">
            <v>奈良県</v>
          </cell>
        </row>
        <row r="1862">
          <cell r="B1862">
            <v>10004</v>
          </cell>
          <cell r="C1862" t="str">
            <v>(株)ムトウ</v>
          </cell>
          <cell r="D1862" t="str">
            <v>06-6974-0550</v>
          </cell>
          <cell r="E1862" t="str">
            <v>537-0002</v>
          </cell>
          <cell r="F1862" t="str">
            <v>大阪府大阪市東成区深江南2丁目13番20号</v>
          </cell>
          <cell r="G1862" t="str">
            <v>大阪市</v>
          </cell>
          <cell r="H1862" t="str">
            <v>大阪営業部</v>
          </cell>
          <cell r="I1862" t="str">
            <v>部長 古川　旭</v>
          </cell>
          <cell r="J1862" t="str">
            <v>北海道札幌市</v>
          </cell>
          <cell r="K1862" t="str">
            <v>06-6981-3353</v>
          </cell>
          <cell r="L1862" t="str">
            <v>takahiro_kushizaki@ni.wism-mutoh.co.jp</v>
          </cell>
          <cell r="M1862" t="str">
            <v>ﾑﾄｳ</v>
          </cell>
          <cell r="N1862" t="str">
            <v>有</v>
          </cell>
          <cell r="O1862">
            <v>100</v>
          </cell>
          <cell r="P1862">
            <v>628</v>
          </cell>
          <cell r="Q1862">
            <v>2430001016743</v>
          </cell>
          <cell r="R1862">
            <v>501180</v>
          </cell>
          <cell r="S1862">
            <v>5862656</v>
          </cell>
          <cell r="T1862">
            <v>142358950</v>
          </cell>
          <cell r="V1862" t="str">
            <v>eg597877</v>
          </cell>
          <cell r="W1862" t="str">
            <v>or108661</v>
          </cell>
          <cell r="Y1862" t="str">
            <v>080，03，06，9，14，27，39，41，42，</v>
          </cell>
          <cell r="Z1862">
            <v>39</v>
          </cell>
          <cell r="AA1862">
            <v>9</v>
          </cell>
          <cell r="AB1862">
            <v>41</v>
          </cell>
          <cell r="AC1862">
            <v>80</v>
          </cell>
          <cell r="AD1862" t="str">
            <v/>
          </cell>
          <cell r="AE1862" t="str">
            <v>１；高度管理医療機器等販売業賃貸業、医療機器修理業２；医薬品販売業、毒物劇物一般販売業３；４；ＳＰＤ（院内物流管理システム）</v>
          </cell>
          <cell r="AF1862" t="str">
            <v>医療機器、理化学機器、衛生材料、その他医療用ガス、医療用フィルム、検査試薬、医療スタッフ衣類、病院設備、オフィス機器、事務用品等病院運営に必要な物品についてはトップディーラーとして、あらゆる品目を取り扱います。</v>
          </cell>
        </row>
        <row r="1863">
          <cell r="B1863">
            <v>10005</v>
          </cell>
          <cell r="C1863" t="str">
            <v>サンテクノサービス(株)</v>
          </cell>
          <cell r="D1863" t="str">
            <v>06-6363-3991</v>
          </cell>
          <cell r="E1863" t="str">
            <v>530-0054</v>
          </cell>
          <cell r="F1863" t="str">
            <v>大阪府大阪市北区南森町2丁目4-32</v>
          </cell>
          <cell r="G1863" t="str">
            <v>大阪市</v>
          </cell>
          <cell r="H1863" t="str">
            <v/>
          </cell>
          <cell r="I1863" t="str">
            <v>代表取締役 福地　京子</v>
          </cell>
          <cell r="J1863" t="str">
            <v>本店</v>
          </cell>
          <cell r="K1863" t="str">
            <v>06-6314-0038</v>
          </cell>
          <cell r="L1863" t="str">
            <v>suntechnoservice@crux.ocn.ne.jp</v>
          </cell>
          <cell r="M1863" t="str">
            <v>ｻﾝﾃｸﾉｻｰﾋﾞｽ</v>
          </cell>
          <cell r="N1863" t="str">
            <v>無</v>
          </cell>
          <cell r="O1863">
            <v>23</v>
          </cell>
          <cell r="P1863">
            <v>38</v>
          </cell>
          <cell r="Q1863">
            <v>4120001001907</v>
          </cell>
          <cell r="R1863">
            <v>25000</v>
          </cell>
          <cell r="S1863">
            <v>282343</v>
          </cell>
          <cell r="T1863">
            <v>595470</v>
          </cell>
          <cell r="V1863" t="str">
            <v>kk162756</v>
          </cell>
          <cell r="W1863" t="str">
            <v>tn108016</v>
          </cell>
          <cell r="Y1863" t="str">
            <v/>
          </cell>
          <cell r="Z1863">
            <v>80</v>
          </cell>
          <cell r="AA1863" t="str">
            <v/>
          </cell>
          <cell r="AB1863" t="str">
            <v/>
          </cell>
          <cell r="AC1863" t="str">
            <v/>
          </cell>
          <cell r="AD1863" t="str">
            <v/>
          </cell>
          <cell r="AE1863" t="str">
            <v>１；上水道施設運転管理　下水道・し尿処理施設運転維持管理　ゴミ処理施設運転管理　マンホールポンプ施設維持管理業務２；３；４；</v>
          </cell>
          <cell r="AF1863" t="str">
            <v>上水道施設運転管理　下水道・し尿処理施設運転維持管理　ゴミ処理施設運転管理</v>
          </cell>
        </row>
        <row r="1864">
          <cell r="B1864">
            <v>10006</v>
          </cell>
          <cell r="C1864" t="str">
            <v>三菱電機クレジット(株)</v>
          </cell>
          <cell r="D1864" t="str">
            <v>06-6345-1800</v>
          </cell>
          <cell r="E1864" t="str">
            <v>530-0001</v>
          </cell>
          <cell r="F1864" t="str">
            <v>大阪府大阪市北区梅田1-8-17</v>
          </cell>
          <cell r="G1864" t="str">
            <v>大阪市</v>
          </cell>
          <cell r="H1864" t="str">
            <v>関西支店</v>
          </cell>
          <cell r="I1864" t="str">
            <v>取締役支店長 岡村　浩</v>
          </cell>
          <cell r="J1864" t="str">
            <v>東京都</v>
          </cell>
          <cell r="K1864" t="str">
            <v>06-6345-2601</v>
          </cell>
          <cell r="L1864" t="str">
            <v>touroku-kansai@credit.co.jp</v>
          </cell>
          <cell r="M1864" t="str">
            <v>ﾐﾂﾋﾞｼﾃﾞﾝｷｸﾚｼﾞｯﾄ</v>
          </cell>
          <cell r="N1864" t="str">
            <v>有</v>
          </cell>
          <cell r="O1864">
            <v>48</v>
          </cell>
          <cell r="P1864">
            <v>393</v>
          </cell>
          <cell r="Q1864">
            <v>6010701009572</v>
          </cell>
          <cell r="R1864">
            <v>1010000</v>
          </cell>
          <cell r="S1864">
            <v>20405000</v>
          </cell>
          <cell r="T1864">
            <v>67832000</v>
          </cell>
          <cell r="V1864" t="str">
            <v>xj650119</v>
          </cell>
          <cell r="W1864" t="str">
            <v>zｒ161108</v>
          </cell>
          <cell r="Y1864" t="str">
            <v>44，</v>
          </cell>
          <cell r="Z1864" t="str">
            <v/>
          </cell>
          <cell r="AA1864" t="str">
            <v/>
          </cell>
          <cell r="AB1864" t="str">
            <v/>
          </cell>
          <cell r="AC1864" t="str">
            <v/>
          </cell>
          <cell r="AD1864" t="str">
            <v/>
          </cell>
          <cell r="AE1864" t="str">
            <v>１；ＯＡ機器、事務用機器、自動車、空調機器、大型映像装置、セキュリティ機器、駐車場管理機器等のリ－ス。自家用自動車有償貸渡し許可、高度管理医療機器等販売業貸与業許可証２；３；４；</v>
          </cell>
          <cell r="AF1864" t="str">
            <v>三菱電機（株）をはじめとする全メ－カ－対応</v>
          </cell>
        </row>
        <row r="1865">
          <cell r="B1865">
            <v>10007</v>
          </cell>
          <cell r="C1865" t="str">
            <v>大阪ガスファイナンス(株)</v>
          </cell>
          <cell r="D1865" t="str">
            <v>06-6264-3007</v>
          </cell>
          <cell r="E1865" t="str">
            <v>541-0051</v>
          </cell>
          <cell r="F1865" t="str">
            <v>大阪府大阪市中央区備後町3-6-14</v>
          </cell>
          <cell r="G1865" t="str">
            <v>大阪市</v>
          </cell>
          <cell r="H1865" t="str">
            <v/>
          </cell>
          <cell r="I1865" t="str">
            <v>代表取締役 久保　貴義</v>
          </cell>
          <cell r="J1865" t="str">
            <v>本店</v>
          </cell>
          <cell r="K1865" t="str">
            <v>06-6264-3000</v>
          </cell>
          <cell r="L1865" t="str">
            <v>lease-001@ml.ogfi.co.jp</v>
          </cell>
          <cell r="M1865" t="str">
            <v>ｵｵｻｶｶﾞｽﾌｧｲﾅﾝｽ</v>
          </cell>
          <cell r="N1865" t="str">
            <v>無</v>
          </cell>
          <cell r="O1865">
            <v>36</v>
          </cell>
          <cell r="P1865">
            <v>130</v>
          </cell>
          <cell r="Q1865">
            <v>1120001073742</v>
          </cell>
          <cell r="R1865">
            <v>600000</v>
          </cell>
          <cell r="S1865">
            <v>10359271</v>
          </cell>
          <cell r="T1865">
            <v>10842870</v>
          </cell>
          <cell r="V1865" t="str">
            <v>df259308</v>
          </cell>
          <cell r="W1865" t="str">
            <v>sr142030</v>
          </cell>
          <cell r="Y1865" t="str">
            <v>44，</v>
          </cell>
          <cell r="Z1865">
            <v>44</v>
          </cell>
          <cell r="AA1865" t="str">
            <v/>
          </cell>
          <cell r="AB1865" t="str">
            <v/>
          </cell>
          <cell r="AC1865" t="str">
            <v/>
          </cell>
          <cell r="AD1865" t="str">
            <v/>
          </cell>
          <cell r="AE1865" t="str">
            <v>１；ガス空調機器、発電機、ボイラ、厨房機器、及びガス機器全般２；３；４；</v>
          </cell>
          <cell r="AF1865" t="str">
            <v>大阪ガスグループのリース会社として、ガス空調設備、ガスコージェネレーション等のリースを得意としております。またその他の機器のリースも行っております。（事務機器・ＯＡ機器・ソフトウェア・医療機器・各種測定器等）</v>
          </cell>
        </row>
        <row r="1866">
          <cell r="B1866">
            <v>10009</v>
          </cell>
          <cell r="C1866" t="str">
            <v>(株)南テスティパル</v>
          </cell>
          <cell r="D1866" t="str">
            <v>072-241-1081</v>
          </cell>
          <cell r="E1866" t="str">
            <v>592-8333</v>
          </cell>
          <cell r="F1866" t="str">
            <v>大阪府堺市西区浜寺石津町西2-7-10</v>
          </cell>
          <cell r="G1866" t="str">
            <v>堺市</v>
          </cell>
          <cell r="H1866" t="str">
            <v/>
          </cell>
          <cell r="I1866" t="str">
            <v>代表取締役 藤井　康弘</v>
          </cell>
          <cell r="J1866" t="str">
            <v>本店</v>
          </cell>
          <cell r="K1866" t="str">
            <v>072-241-1460</v>
          </cell>
          <cell r="L1866" t="str">
            <v>mtpal@tastipalg.co.jp</v>
          </cell>
          <cell r="M1866" t="str">
            <v>ﾐﾅﾐﾃｽﾃｨﾊﾟﾙ</v>
          </cell>
          <cell r="N1866" t="str">
            <v>無</v>
          </cell>
          <cell r="O1866">
            <v>55</v>
          </cell>
          <cell r="P1866">
            <v>877</v>
          </cell>
          <cell r="Q1866">
            <v>1120101007039</v>
          </cell>
          <cell r="R1866">
            <v>20000</v>
          </cell>
          <cell r="S1866">
            <v>785053</v>
          </cell>
          <cell r="T1866">
            <v>3093405</v>
          </cell>
          <cell r="V1866" t="str">
            <v>cf599709</v>
          </cell>
          <cell r="W1866" t="str">
            <v>oc121486</v>
          </cell>
          <cell r="Y1866" t="str">
            <v/>
          </cell>
          <cell r="Z1866" t="str">
            <v/>
          </cell>
          <cell r="AA1866" t="str">
            <v/>
          </cell>
          <cell r="AB1866" t="str">
            <v/>
          </cell>
          <cell r="AC1866" t="str">
            <v/>
          </cell>
          <cell r="AD1866" t="str">
            <v/>
          </cell>
          <cell r="AE1866" t="str">
            <v>１；２；３；４；</v>
          </cell>
          <cell r="AF1866" t="str">
            <v>弊社は、豊富な実践から「食していただく方の心になって」をモットーに、お客様のニーズを適確に捉え、「良い商品」・「信頼される商品」づくりに努め、特に「食の安全と安心」を最重要課題として衛生管理を徹底しています。</v>
          </cell>
        </row>
        <row r="1867">
          <cell r="B1867">
            <v>10011</v>
          </cell>
          <cell r="C1867" t="str">
            <v>(株)クマヒラ</v>
          </cell>
          <cell r="D1867" t="str">
            <v>06-6262-2221</v>
          </cell>
          <cell r="E1867" t="str">
            <v>541-0056</v>
          </cell>
          <cell r="F1867" t="str">
            <v>大阪府大阪市中央区久太郎町1-9-23</v>
          </cell>
          <cell r="G1867" t="str">
            <v>大阪市</v>
          </cell>
          <cell r="H1867" t="str">
            <v>関西支社</v>
          </cell>
          <cell r="I1867" t="str">
            <v>関西支社長 水内　建雄</v>
          </cell>
          <cell r="J1867" t="str">
            <v>東京都</v>
          </cell>
          <cell r="K1867" t="str">
            <v>06-6262-2229</v>
          </cell>
          <cell r="L1867" t="str">
            <v>k_kitano@kumahira.co.jp</v>
          </cell>
          <cell r="M1867" t="str">
            <v>ｸﾏﾋﾗ</v>
          </cell>
          <cell r="N1867" t="str">
            <v>有</v>
          </cell>
          <cell r="O1867">
            <v>120</v>
          </cell>
          <cell r="P1867">
            <v>624</v>
          </cell>
          <cell r="Q1867">
            <v>1010001108872</v>
          </cell>
          <cell r="R1867">
            <v>450000</v>
          </cell>
          <cell r="S1867">
            <v>19027883</v>
          </cell>
          <cell r="T1867">
            <v>36290532</v>
          </cell>
          <cell r="V1867" t="str">
            <v>wz139958</v>
          </cell>
          <cell r="W1867" t="str">
            <v>pk117164</v>
          </cell>
          <cell r="Y1867" t="str">
            <v>14，27，36，</v>
          </cell>
          <cell r="Z1867">
            <v>14</v>
          </cell>
          <cell r="AA1867">
            <v>27</v>
          </cell>
          <cell r="AB1867">
            <v>36</v>
          </cell>
          <cell r="AC1867" t="str">
            <v/>
          </cell>
          <cell r="AD1867" t="str">
            <v/>
          </cell>
          <cell r="AE1867" t="str">
            <v>１；２；セキュリティキャビネット、金庫・耐火庫３；防犯カメラ・録画装置、セキュリティゲート４；</v>
          </cell>
          <cell r="AF1867" t="str">
            <v>電気・電気通信工事・防犯機器（防犯カメラ・録画装置・入退室管理システム）、内装工事・家具（金庫、書庫扉、防水扉、書架、図書館・博物館・収蔵庫設備）等のセキュリティ機器の設計・製造・販売で多大の信用と御愛顧を頂いています。</v>
          </cell>
        </row>
        <row r="1868">
          <cell r="B1868">
            <v>10012</v>
          </cell>
          <cell r="C1868" t="str">
            <v>エイチ・エス写真技術(株)</v>
          </cell>
          <cell r="D1868" t="str">
            <v>06-6452-0101</v>
          </cell>
          <cell r="E1868" t="str">
            <v>553-0003</v>
          </cell>
          <cell r="F1868" t="str">
            <v>大阪府大阪市福島区福島4-8-15</v>
          </cell>
          <cell r="G1868" t="str">
            <v>大阪市</v>
          </cell>
          <cell r="H1868" t="str">
            <v/>
          </cell>
          <cell r="I1868" t="str">
            <v>代表取締役 加登　伸一</v>
          </cell>
          <cell r="J1868" t="str">
            <v>本店</v>
          </cell>
          <cell r="K1868" t="str">
            <v>06-6452-0102</v>
          </cell>
          <cell r="L1868" t="str">
            <v>k.saeki@hs-shashin.co.jp</v>
          </cell>
          <cell r="M1868" t="str">
            <v>ｴｲﾁ･ｴｽｼｬｼﾝｷﾞｼﾞｭﾂ</v>
          </cell>
          <cell r="N1868" t="str">
            <v>無</v>
          </cell>
          <cell r="O1868">
            <v>73</v>
          </cell>
          <cell r="P1868">
            <v>105</v>
          </cell>
          <cell r="Q1868">
            <v>4120001069192</v>
          </cell>
          <cell r="R1868">
            <v>99500</v>
          </cell>
          <cell r="S1868">
            <v>99500</v>
          </cell>
          <cell r="T1868">
            <v>748008</v>
          </cell>
          <cell r="V1868" t="str">
            <v>va939263</v>
          </cell>
          <cell r="W1868" t="str">
            <v>ux105329</v>
          </cell>
          <cell r="Y1868" t="str">
            <v>075，57，70，71，75，</v>
          </cell>
          <cell r="Z1868">
            <v>57</v>
          </cell>
          <cell r="AA1868">
            <v>71</v>
          </cell>
          <cell r="AB1868">
            <v>70</v>
          </cell>
          <cell r="AC1868">
            <v>75</v>
          </cell>
          <cell r="AD1868" t="str">
            <v/>
          </cell>
          <cell r="AE1868" t="str">
            <v>１；図面・資料・古文書などのスキャニング（大型・高速・カラーなど）、各種フィルムの電子化（写真ネガ、マイクロフィルム等）２；マイクロフィルム撮影、マイクロフィルム電子化、保管用品（中性紙箱・中性紙帯）３；記念写真撮影（ひな壇設置での永年表彰撮影等）、各種撮影（デジカメ撮影、４×５撮影等）４；電子コピー（大型・小型・高速・カラー）、データー出力（ＣＡＤ・イラストレーター・ウインドウズ各種データーより各種用紙へ）</v>
          </cell>
          <cell r="AF1868" t="str">
            <v>当社は、昭和２０年１２月創業、昭和２６年５月マイクロ写真方式を米国から我が国最初に導入、昭和５９年１０月ファイルングシステムを導入、工業・商業・官庁・事務用写真関係の専門業として、現在に至る。お客様の業務に役立てるよう常に品質とサービスの向上に努めています。</v>
          </cell>
        </row>
        <row r="1869">
          <cell r="B1869">
            <v>10013</v>
          </cell>
          <cell r="C1869" t="str">
            <v>(株)オプテージ</v>
          </cell>
          <cell r="D1869" t="str">
            <v>06-7501-8474</v>
          </cell>
          <cell r="E1869" t="str">
            <v>540-8622</v>
          </cell>
          <cell r="F1869" t="str">
            <v>大阪府大阪市中央区城見2丁目1番5号</v>
          </cell>
          <cell r="G1869" t="str">
            <v>大阪市</v>
          </cell>
          <cell r="H1869" t="str">
            <v/>
          </cell>
          <cell r="I1869" t="str">
            <v>代表取締役社長 荒木　誠</v>
          </cell>
          <cell r="J1869" t="str">
            <v>本店</v>
          </cell>
          <cell r="K1869" t="str">
            <v>06-7501-8515</v>
          </cell>
          <cell r="L1869" t="str">
            <v>nyusatu-ml@k-opti.com</v>
          </cell>
          <cell r="M1869" t="str">
            <v>ｹｲ･ｵﾌﾟﾃｨｺﾑ</v>
          </cell>
          <cell r="N1869" t="str">
            <v>無</v>
          </cell>
          <cell r="O1869">
            <v>23</v>
          </cell>
          <cell r="P1869">
            <v>1464</v>
          </cell>
          <cell r="Q1869">
            <v>9120001062589</v>
          </cell>
          <cell r="R1869">
            <v>33000000</v>
          </cell>
          <cell r="S1869">
            <v>128980000</v>
          </cell>
          <cell r="T1869">
            <v>211191000</v>
          </cell>
          <cell r="V1869" t="str">
            <v>fp916405</v>
          </cell>
          <cell r="W1869" t="str">
            <v>hl136451</v>
          </cell>
          <cell r="Y1869" t="str">
            <v>36，44，50，58，</v>
          </cell>
          <cell r="Z1869" t="str">
            <v/>
          </cell>
          <cell r="AA1869" t="str">
            <v/>
          </cell>
          <cell r="AB1869" t="str">
            <v/>
          </cell>
          <cell r="AC1869" t="str">
            <v/>
          </cell>
          <cell r="AD1869" t="str">
            <v/>
          </cell>
          <cell r="AE1869" t="str">
            <v>１；通信サービス（インターネット接続サービス・ソリューションサービス・ネットワークサービス）２；光ファイバ賃貸借・通信機器システム等賃貸・携帯電話サービス事業（賃貸）３；通信機器システム等販売・携帯電話サービス事業（販売）４；通信機器の保守・管理</v>
          </cell>
          <cell r="AF1869" t="str">
            <v>関西一円に広がる独自の光ファイバネットワークを核に、各種通信サービスを提供しております。光ファイバの敷設・賃貸、通信用鉄塔・局舎の建設・賃貸、各種通信システムの設計・施工、携帯電話サービス事業等、通信インフラの構築をサポートする関西電力グループの会社です。</v>
          </cell>
        </row>
        <row r="1870">
          <cell r="B1870">
            <v>10014</v>
          </cell>
          <cell r="C1870" t="str">
            <v>タイムズ２４(株)</v>
          </cell>
          <cell r="D1870" t="str">
            <v>06-6202-8924</v>
          </cell>
          <cell r="E1870" t="str">
            <v>541-0042</v>
          </cell>
          <cell r="F1870" t="str">
            <v>大阪府大阪市中央区今橋4-1-1</v>
          </cell>
          <cell r="G1870" t="str">
            <v>大阪市</v>
          </cell>
          <cell r="H1870" t="str">
            <v>西日本営業統括本部 公共法人営業部</v>
          </cell>
          <cell r="I1870" t="str">
            <v xml:space="preserve">西日本営業統括本部 公共法人営業部長　山下　涼一 </v>
          </cell>
          <cell r="J1870" t="str">
            <v>東京都</v>
          </cell>
          <cell r="K1870" t="str">
            <v>06-6202-5288</v>
          </cell>
          <cell r="L1870" t="str">
            <v/>
          </cell>
          <cell r="M1870" t="str">
            <v>ﾀｲﾑｽﾞﾆｼﾞｭｳﾖﾝ</v>
          </cell>
          <cell r="N1870" t="str">
            <v>有</v>
          </cell>
          <cell r="O1870">
            <v>8</v>
          </cell>
          <cell r="P1870">
            <v>828</v>
          </cell>
          <cell r="Q1870">
            <v>4010001137274</v>
          </cell>
          <cell r="R1870">
            <v>2400000</v>
          </cell>
          <cell r="S1870">
            <v>23523777</v>
          </cell>
          <cell r="T1870">
            <v>169113174</v>
          </cell>
          <cell r="V1870" t="str">
            <v>wc272090</v>
          </cell>
          <cell r="W1870" t="str">
            <v>gg156512</v>
          </cell>
          <cell r="Y1870" t="str">
            <v>44，48，</v>
          </cell>
          <cell r="Z1870">
            <v>80</v>
          </cell>
          <cell r="AA1870">
            <v>44</v>
          </cell>
          <cell r="AB1870">
            <v>48</v>
          </cell>
          <cell r="AC1870" t="str">
            <v/>
          </cell>
          <cell r="AD1870" t="str">
            <v/>
          </cell>
          <cell r="AE1870" t="str">
            <v>１；駐車場の運営・管理駐車場管理システム機器の販売２；カーシェアリング事業３；駐車場管理システム機器の保守点検４；</v>
          </cell>
          <cell r="AF1870" t="str">
            <v>24時間無人時間貸し駐車場タイムズを運営。全国でのタイムズ駐車場は11000カ所以上、約39万台と他社を圧倒し今後もさらに拡大。またカーシェアリング事業にも参入し、現在4300台の車両をタイムズ駐車場に配備している。</v>
          </cell>
        </row>
        <row r="1871">
          <cell r="B1871">
            <v>10015</v>
          </cell>
          <cell r="C1871" t="str">
            <v>(株)日本レップス</v>
          </cell>
          <cell r="D1871" t="str">
            <v>06-6907-1301</v>
          </cell>
          <cell r="E1871" t="str">
            <v>571-0048</v>
          </cell>
          <cell r="F1871" t="str">
            <v>大阪府門真市新橋町12-18</v>
          </cell>
          <cell r="G1871" t="str">
            <v>門真市</v>
          </cell>
          <cell r="H1871" t="str">
            <v>関西営業所</v>
          </cell>
          <cell r="I1871" t="str">
            <v>所長 岡崎　到</v>
          </cell>
          <cell r="J1871" t="str">
            <v>神奈川県横浜市</v>
          </cell>
          <cell r="K1871" t="str">
            <v>06-6907-1302</v>
          </cell>
          <cell r="L1871" t="str">
            <v>kansai-office@nihon-lps.com</v>
          </cell>
          <cell r="M1871" t="str">
            <v>ﾆﾎﾝﾚｯﾌﾟｽ</v>
          </cell>
          <cell r="N1871" t="str">
            <v>有</v>
          </cell>
          <cell r="O1871">
            <v>22</v>
          </cell>
          <cell r="P1871">
            <v>29</v>
          </cell>
          <cell r="Q1871">
            <v>6021001014543</v>
          </cell>
          <cell r="R1871">
            <v>20000</v>
          </cell>
          <cell r="S1871">
            <v>56389</v>
          </cell>
          <cell r="T1871">
            <v>206955</v>
          </cell>
          <cell r="V1871" t="str">
            <v>xt856663</v>
          </cell>
          <cell r="W1871" t="str">
            <v>rq180232</v>
          </cell>
          <cell r="Y1871" t="str">
            <v>79，</v>
          </cell>
          <cell r="Z1871" t="str">
            <v/>
          </cell>
          <cell r="AA1871" t="str">
            <v/>
          </cell>
          <cell r="AB1871" t="str">
            <v/>
          </cell>
          <cell r="AC1871" t="str">
            <v/>
          </cell>
          <cell r="AD1871" t="str">
            <v/>
          </cell>
          <cell r="AE1871" t="str">
            <v>１；上水道漏水調査・流量測定調査・水圧測定調査２；３；４；</v>
          </cell>
          <cell r="AF1871" t="str">
            <v>全国水道事業体より委託を請け、上水道施設の漏水調査を実施しています。無駄の水の浪費を未然に防止するだけではなく、道路陥没等の二次災害の防止にも貢献しております。</v>
          </cell>
        </row>
        <row r="1872">
          <cell r="B1872">
            <v>10016</v>
          </cell>
          <cell r="C1872" t="str">
            <v>(株)やよい</v>
          </cell>
          <cell r="D1872" t="str">
            <v>0798-46-1216</v>
          </cell>
          <cell r="E1872" t="str">
            <v>663-8132</v>
          </cell>
          <cell r="F1872" t="str">
            <v>兵庫県西宮市東鳴尾町1-3-24</v>
          </cell>
          <cell r="G1872" t="str">
            <v>西宮市</v>
          </cell>
          <cell r="H1872" t="str">
            <v>阪神営業所</v>
          </cell>
          <cell r="I1872" t="str">
            <v>所長 高田　隆介</v>
          </cell>
          <cell r="J1872" t="str">
            <v>兵庫県姫路市</v>
          </cell>
          <cell r="K1872" t="str">
            <v>0798-46-7802</v>
          </cell>
          <cell r="L1872" t="str">
            <v>fujita@kk-yayoi.com</v>
          </cell>
          <cell r="M1872" t="str">
            <v>ﾔﾖｲ</v>
          </cell>
          <cell r="N1872" t="str">
            <v>有</v>
          </cell>
          <cell r="O1872">
            <v>66</v>
          </cell>
          <cell r="P1872">
            <v>424</v>
          </cell>
          <cell r="Q1872">
            <v>8140001062159</v>
          </cell>
          <cell r="R1872">
            <v>92300</v>
          </cell>
          <cell r="S1872">
            <v>1415953</v>
          </cell>
          <cell r="T1872">
            <v>38528925</v>
          </cell>
          <cell r="V1872" t="str">
            <v>pj970672</v>
          </cell>
          <cell r="W1872" t="str">
            <v>gt139121</v>
          </cell>
          <cell r="Y1872" t="str">
            <v>09，9，39，41，42，</v>
          </cell>
          <cell r="Z1872">
            <v>39</v>
          </cell>
          <cell r="AA1872">
            <v>41</v>
          </cell>
          <cell r="AB1872">
            <v>42</v>
          </cell>
          <cell r="AC1872">
            <v>9</v>
          </cell>
          <cell r="AD1872" t="str">
            <v/>
          </cell>
          <cell r="AE1872" t="str">
            <v>１；高度管理医療機器等販売業・貸与業許可証　医療機器修理業許可証　再生医療等製品販売業許可証２；３；４；医薬品販売業許可証</v>
          </cell>
          <cell r="AF1872" t="str">
            <v>アンギオ、整形外科、内視鏡、人工臓器等の専門部門を有しており、お客様からのご要望にきめ細やかな対応が可能です。</v>
          </cell>
        </row>
        <row r="1873">
          <cell r="B1873">
            <v>10019</v>
          </cell>
          <cell r="C1873" t="str">
            <v>大道商事(株)</v>
          </cell>
          <cell r="D1873" t="str">
            <v>06-6416-0818</v>
          </cell>
          <cell r="E1873" t="str">
            <v>660-0845</v>
          </cell>
          <cell r="F1873" t="str">
            <v>兵庫県尼崎市西高洲町21-1</v>
          </cell>
          <cell r="G1873" t="str">
            <v>尼崎市</v>
          </cell>
          <cell r="H1873" t="str">
            <v/>
          </cell>
          <cell r="I1873" t="str">
            <v>代表取締役 大道　能子</v>
          </cell>
          <cell r="J1873" t="str">
            <v>本店</v>
          </cell>
          <cell r="K1873" t="str">
            <v>06-6416-0808</v>
          </cell>
          <cell r="L1873" t="str">
            <v>o-yoshiko@ohmichi.org</v>
          </cell>
          <cell r="M1873" t="str">
            <v>ｵｵﾐﾁｼｮｳｼﾞ</v>
          </cell>
          <cell r="N1873" t="str">
            <v>無</v>
          </cell>
          <cell r="O1873">
            <v>42</v>
          </cell>
          <cell r="P1873">
            <v>21</v>
          </cell>
          <cell r="Q1873">
            <v>4140001048062</v>
          </cell>
          <cell r="R1873">
            <v>20000</v>
          </cell>
          <cell r="S1873">
            <v>818226</v>
          </cell>
          <cell r="T1873">
            <v>698277</v>
          </cell>
          <cell r="V1873" t="str">
            <v>cm891091</v>
          </cell>
          <cell r="W1873" t="str">
            <v>ve171705</v>
          </cell>
          <cell r="Y1873" t="str">
            <v>68，69，</v>
          </cell>
          <cell r="Z1873">
            <v>69</v>
          </cell>
          <cell r="AA1873">
            <v>68</v>
          </cell>
          <cell r="AB1873" t="str">
            <v/>
          </cell>
          <cell r="AC1873" t="str">
            <v/>
          </cell>
          <cell r="AD1873" t="str">
            <v/>
          </cell>
          <cell r="AE1873" t="str">
            <v>１；古物商、金属くず業２；産業廃棄物収集運搬業、産業廃棄物処分業３；４；</v>
          </cell>
          <cell r="AF1873" t="str">
            <v>鉄屑及び非鉄金属屑、中古機械、中古車、中古自転車等の買取を希望します。また、産業廃棄物の収集運搬及び処分業務を希望します。</v>
          </cell>
        </row>
        <row r="1874">
          <cell r="B1874">
            <v>10020</v>
          </cell>
          <cell r="C1874" t="str">
            <v>(株)三豊</v>
          </cell>
          <cell r="D1874" t="str">
            <v>0532-21-2573</v>
          </cell>
          <cell r="E1874" t="str">
            <v>441-3121</v>
          </cell>
          <cell r="F1874" t="str">
            <v>愛知県豊橋市西山町字西山328</v>
          </cell>
          <cell r="G1874" t="str">
            <v>豊橋市</v>
          </cell>
          <cell r="H1874" t="str">
            <v/>
          </cell>
          <cell r="I1874" t="str">
            <v>代表取締役 大林　弘季</v>
          </cell>
          <cell r="J1874" t="str">
            <v>本店</v>
          </cell>
          <cell r="K1874" t="str">
            <v>0532-21-2617</v>
          </cell>
          <cell r="L1874" t="str">
            <v>san-pou@tees.jp</v>
          </cell>
          <cell r="M1874" t="str">
            <v>ｻﾝﾎﾟｳ</v>
          </cell>
          <cell r="N1874" t="str">
            <v>無</v>
          </cell>
          <cell r="O1874">
            <v>24</v>
          </cell>
          <cell r="P1874">
            <v>12</v>
          </cell>
          <cell r="Q1874">
            <v>9180301008006</v>
          </cell>
          <cell r="R1874">
            <v>10000</v>
          </cell>
          <cell r="S1874">
            <v>314191</v>
          </cell>
          <cell r="T1874">
            <v>391090</v>
          </cell>
          <cell r="V1874" t="str">
            <v>sk110160</v>
          </cell>
          <cell r="W1874" t="str">
            <v>os136543</v>
          </cell>
          <cell r="Y1874" t="str">
            <v/>
          </cell>
          <cell r="Z1874" t="str">
            <v/>
          </cell>
          <cell r="AA1874" t="str">
            <v/>
          </cell>
          <cell r="AB1874" t="str">
            <v/>
          </cell>
          <cell r="AC1874" t="str">
            <v/>
          </cell>
          <cell r="AD1874" t="str">
            <v/>
          </cell>
          <cell r="AE1874" t="str">
            <v>１；火葬残骨灰処理業務２；３；４；</v>
          </cell>
          <cell r="AF1874" t="str">
            <v>弊社は、自然環境問題への配慮を第一に技術開発研究に努め、日本各地の火葬残骨灰処理を業務と致しております。弊社の特性は、環境対策を大きな柱とし、火葬時に生じるダイオキシン、六価クロム等の除去をはじめ、供養祭を実施し、墓地埋葬法の精神を尊重しております。</v>
          </cell>
        </row>
        <row r="1875">
          <cell r="B1875">
            <v>10021</v>
          </cell>
          <cell r="C1875" t="str">
            <v>東和クリーナー(有)</v>
          </cell>
          <cell r="D1875" t="str">
            <v>078-978-1471</v>
          </cell>
          <cell r="E1875" t="str">
            <v>651-2113</v>
          </cell>
          <cell r="F1875" t="str">
            <v>兵庫県神戸市西区伊川谷町有瀬480-2-108</v>
          </cell>
          <cell r="G1875" t="str">
            <v>神戸市</v>
          </cell>
          <cell r="H1875" t="str">
            <v>神戸支店</v>
          </cell>
          <cell r="I1875" t="str">
            <v>支店長 古川　貴雄</v>
          </cell>
          <cell r="J1875" t="str">
            <v>大阪府大阪市</v>
          </cell>
          <cell r="K1875" t="str">
            <v>078-978-1472</v>
          </cell>
          <cell r="L1875" t="str">
            <v>touwa@xrh.biglobe.ne.jp</v>
          </cell>
          <cell r="M1875" t="str">
            <v>ﾄｳﾜｸﾘｰﾅｰ</v>
          </cell>
          <cell r="N1875" t="str">
            <v>有</v>
          </cell>
          <cell r="O1875">
            <v>25</v>
          </cell>
          <cell r="P1875">
            <v>14</v>
          </cell>
          <cell r="Q1875">
            <v>4120002024097</v>
          </cell>
          <cell r="R1875">
            <v>30000</v>
          </cell>
          <cell r="S1875">
            <v>106992</v>
          </cell>
          <cell r="T1875">
            <v>541925</v>
          </cell>
          <cell r="V1875" t="str">
            <v>dm847514</v>
          </cell>
          <cell r="W1875" t="str">
            <v>bl169690</v>
          </cell>
          <cell r="Y1875" t="str">
            <v>55，68，79，</v>
          </cell>
          <cell r="Z1875">
            <v>79</v>
          </cell>
          <cell r="AA1875">
            <v>68</v>
          </cell>
          <cell r="AB1875">
            <v>55</v>
          </cell>
          <cell r="AC1875" t="str">
            <v/>
          </cell>
          <cell r="AD1875" t="str">
            <v/>
          </cell>
          <cell r="AE1875" t="str">
            <v>１；ＴＶカメラ車２台　強力吸引車５台　高圧洗浄車２台　給水車２台　保有２；３；４；</v>
          </cell>
          <cell r="AF1875" t="str">
            <v>下水道管更生工事・下水道管内ＴＶカメラ調査・下水道管内清掃・道路公園等の側溝清掃・産業廃棄物収集運搬をしています。</v>
          </cell>
        </row>
        <row r="1876">
          <cell r="B1876">
            <v>10022</v>
          </cell>
          <cell r="C1876" t="str">
            <v>新菱工業(株)</v>
          </cell>
          <cell r="D1876" t="str">
            <v>078-939-5502</v>
          </cell>
          <cell r="E1876" t="str">
            <v>673-0892</v>
          </cell>
          <cell r="F1876" t="str">
            <v>兵庫県明石市本町2-2-20</v>
          </cell>
          <cell r="G1876" t="str">
            <v>明石市</v>
          </cell>
          <cell r="H1876" t="str">
            <v>関西支店</v>
          </cell>
          <cell r="I1876" t="str">
            <v>支店長 門脇　基浩</v>
          </cell>
          <cell r="J1876" t="str">
            <v>東京都</v>
          </cell>
          <cell r="K1876" t="str">
            <v>078-939-5503</v>
          </cell>
          <cell r="L1876" t="str">
            <v>kansai@shinryo-kougyo.com</v>
          </cell>
          <cell r="M1876" t="str">
            <v>ｼﾝﾘｮｳｺｳｷﾞｮｳ</v>
          </cell>
          <cell r="N1876" t="str">
            <v>有</v>
          </cell>
          <cell r="O1876">
            <v>53</v>
          </cell>
          <cell r="P1876">
            <v>201</v>
          </cell>
          <cell r="Q1876">
            <v>5010001119107</v>
          </cell>
          <cell r="R1876">
            <v>40000</v>
          </cell>
          <cell r="S1876">
            <v>2528629</v>
          </cell>
          <cell r="T1876">
            <v>5013699</v>
          </cell>
          <cell r="V1876" t="str">
            <v>zt558754</v>
          </cell>
          <cell r="W1876" t="str">
            <v>tk181336</v>
          </cell>
          <cell r="Y1876" t="str">
            <v/>
          </cell>
          <cell r="Z1876">
            <v>80</v>
          </cell>
          <cell r="AA1876" t="str">
            <v/>
          </cell>
          <cell r="AB1876" t="str">
            <v/>
          </cell>
          <cell r="AC1876" t="str">
            <v/>
          </cell>
          <cell r="AD1876" t="str">
            <v/>
          </cell>
          <cell r="AE1876" t="str">
            <v>１；下水道、河川、農林、上水向けポンプ設備の機器（部品含む）の販売及び保守管理２；　３；４；</v>
          </cell>
          <cell r="AF1876" t="str">
            <v>建設工事：機械器具設置工事を希望します。下水道、河川、農林、上水向けポンプ設備工事の設計、製作、施工、修理を得意とします。　物品：ポンプ設備の機器の販売および保守管理を得意とします。</v>
          </cell>
        </row>
        <row r="1877">
          <cell r="B1877">
            <v>10023</v>
          </cell>
          <cell r="C1877" t="str">
            <v>兼松エンジニアリング(株)</v>
          </cell>
          <cell r="D1877" t="str">
            <v>072-653-1136</v>
          </cell>
          <cell r="E1877" t="str">
            <v>566-0064</v>
          </cell>
          <cell r="F1877" t="str">
            <v>大阪府摂津市鳥飼2-2-43</v>
          </cell>
          <cell r="G1877" t="str">
            <v>摂津市</v>
          </cell>
          <cell r="H1877" t="str">
            <v>大阪支店</v>
          </cell>
          <cell r="I1877" t="str">
            <v>支店長 小玉　英雄</v>
          </cell>
          <cell r="J1877" t="str">
            <v>高知県高知市</v>
          </cell>
          <cell r="K1877" t="str">
            <v>072-653-1350</v>
          </cell>
          <cell r="L1877" t="str">
            <v>soumu@kanematsu-eng.jp</v>
          </cell>
          <cell r="M1877" t="str">
            <v>ｶﾈﾏﾂｴﾝｼﾞﾆｱﾘﾝｸﾞ</v>
          </cell>
          <cell r="N1877" t="str">
            <v>有</v>
          </cell>
          <cell r="O1877">
            <v>48</v>
          </cell>
          <cell r="P1877">
            <v>202</v>
          </cell>
          <cell r="Q1877">
            <v>5490001000318</v>
          </cell>
          <cell r="R1877" t="str">
            <v>313.700.000</v>
          </cell>
          <cell r="S1877" t="str">
            <v/>
          </cell>
          <cell r="T1877" t="str">
            <v>10.360.876</v>
          </cell>
          <cell r="V1877" t="str">
            <v>pj669571</v>
          </cell>
          <cell r="W1877" t="str">
            <v>my130327</v>
          </cell>
          <cell r="Y1877" t="str">
            <v/>
          </cell>
          <cell r="Z1877" t="str">
            <v/>
          </cell>
          <cell r="AA1877" t="str">
            <v/>
          </cell>
          <cell r="AB1877" t="str">
            <v/>
          </cell>
          <cell r="AC1877" t="str">
            <v/>
          </cell>
          <cell r="AD1877" t="str">
            <v/>
          </cell>
          <cell r="AE1877" t="str">
            <v>１；２；３；４；</v>
          </cell>
          <cell r="AF1877" t="str">
            <v>自社開発の強力吸引車・高圧洗浄車は各種産業界に利用されています。</v>
          </cell>
        </row>
        <row r="1878">
          <cell r="B1878">
            <v>10025</v>
          </cell>
          <cell r="C1878" t="str">
            <v>オルガノプラントサービス(株)</v>
          </cell>
          <cell r="D1878" t="str">
            <v>06-6190-6021</v>
          </cell>
          <cell r="E1878" t="str">
            <v>564-0053</v>
          </cell>
          <cell r="F1878" t="str">
            <v>大阪府吹田市江の木町1-6</v>
          </cell>
          <cell r="G1878" t="str">
            <v>吹田市</v>
          </cell>
          <cell r="H1878" t="str">
            <v>関西事業所</v>
          </cell>
          <cell r="I1878" t="str">
            <v>取締役関西事業所長 松本　浩二</v>
          </cell>
          <cell r="J1878" t="str">
            <v>東京都</v>
          </cell>
          <cell r="K1878" t="str">
            <v>06-6190-6027</v>
          </cell>
          <cell r="L1878" t="str">
            <v>e50500@organo.co.jp</v>
          </cell>
          <cell r="M1878" t="str">
            <v>ｵﾙｶﾞﾉﾌﾟﾗﾝﾄｻｰﾋﾞｽ</v>
          </cell>
          <cell r="N1878" t="str">
            <v>有</v>
          </cell>
          <cell r="O1878">
            <v>43</v>
          </cell>
          <cell r="P1878">
            <v>319</v>
          </cell>
          <cell r="Q1878">
            <v>5010001001652</v>
          </cell>
          <cell r="R1878">
            <v>93000</v>
          </cell>
          <cell r="S1878">
            <v>2925934</v>
          </cell>
          <cell r="T1878">
            <v>12176551</v>
          </cell>
          <cell r="V1878" t="str">
            <v>ku689141</v>
          </cell>
          <cell r="W1878" t="str">
            <v>fi18707１</v>
          </cell>
          <cell r="Y1878" t="str">
            <v>041，10，40，41，48，</v>
          </cell>
          <cell r="Z1878">
            <v>48</v>
          </cell>
          <cell r="AA1878">
            <v>40</v>
          </cell>
          <cell r="AB1878">
            <v>10</v>
          </cell>
          <cell r="AC1878">
            <v>41</v>
          </cell>
          <cell r="AD1878" t="str">
            <v/>
          </cell>
          <cell r="AE1878" t="str">
            <v>１；浄水場水処理施設の保守点検２；浄水場水処理施設の部品３；工業薬品（次亜、ＰＡＣ、消石灰、塩酸、高分子凝集剤）４；測定器具、ｐＨ計、電機伝導率計、濁度計、溶存酸素計</v>
          </cell>
          <cell r="AF1878" t="str">
            <v>機械器具設置工事業、水道施設工事業、工業薬品小売、下水道処理施設維持管理業</v>
          </cell>
        </row>
        <row r="1879">
          <cell r="B1879">
            <v>10026</v>
          </cell>
          <cell r="C1879" t="str">
            <v>(株)嶋村自動車</v>
          </cell>
          <cell r="D1879" t="str">
            <v>06-6867-0051</v>
          </cell>
          <cell r="E1879" t="str">
            <v>561-0842</v>
          </cell>
          <cell r="F1879" t="str">
            <v>大阪府豊中市今在家町1-4</v>
          </cell>
          <cell r="G1879" t="str">
            <v>豊中市</v>
          </cell>
          <cell r="H1879" t="str">
            <v/>
          </cell>
          <cell r="I1879" t="str">
            <v>代表取締役　 嶋村　武男</v>
          </cell>
          <cell r="J1879" t="str">
            <v>本店</v>
          </cell>
          <cell r="K1879" t="str">
            <v>06-6867-0051</v>
          </cell>
          <cell r="L1879" t="str">
            <v>motorcar@galaxy.ocn.ne.jp</v>
          </cell>
          <cell r="M1879" t="str">
            <v>ｼﾏﾑﾗｼﾞﾄﾞｳｼﾔ</v>
          </cell>
          <cell r="N1879" t="str">
            <v>無</v>
          </cell>
          <cell r="O1879">
            <v>42</v>
          </cell>
          <cell r="P1879">
            <v>7</v>
          </cell>
          <cell r="Q1879">
            <v>2120900000000</v>
          </cell>
          <cell r="R1879">
            <v>10000</v>
          </cell>
          <cell r="S1879">
            <v>54374</v>
          </cell>
          <cell r="T1879">
            <v>87749</v>
          </cell>
          <cell r="V1879" t="str">
            <v>sv526060</v>
          </cell>
          <cell r="W1879" t="str">
            <v>bp142725</v>
          </cell>
          <cell r="Y1879" t="str">
            <v>23.24.26</v>
          </cell>
          <cell r="Z1879">
            <v>26</v>
          </cell>
          <cell r="AA1879">
            <v>23</v>
          </cell>
          <cell r="AB1879">
            <v>24</v>
          </cell>
          <cell r="AC1879" t="str">
            <v/>
          </cell>
          <cell r="AD1879" t="str">
            <v/>
          </cell>
          <cell r="AE1879" t="str">
            <v>１；２；３；４；</v>
          </cell>
          <cell r="AF1879" t="str">
            <v>環境に配慮してエコ整備、エコ車検の推進をしている。又、リサイクルパーツを使用して鈑金など行っている。</v>
          </cell>
        </row>
        <row r="1880">
          <cell r="B1880">
            <v>10027</v>
          </cell>
          <cell r="C1880" t="str">
            <v>中央商工(株)</v>
          </cell>
          <cell r="D1880" t="str">
            <v>06-6951-1238</v>
          </cell>
          <cell r="E1880" t="str">
            <v>535-0002</v>
          </cell>
          <cell r="F1880" t="str">
            <v>大阪府大阪市旭区大宮4-22-1</v>
          </cell>
          <cell r="G1880" t="str">
            <v>大阪市</v>
          </cell>
          <cell r="H1880" t="str">
            <v/>
          </cell>
          <cell r="I1880" t="str">
            <v>代表取締役 吉田　隆一</v>
          </cell>
          <cell r="J1880" t="str">
            <v>本店</v>
          </cell>
          <cell r="K1880" t="str">
            <v>06-6951-4338</v>
          </cell>
          <cell r="L1880" t="str">
            <v>info@chuoshoko.jp</v>
          </cell>
          <cell r="M1880" t="str">
            <v>ﾁｭｳｵｳｼｮｳｺｳ</v>
          </cell>
          <cell r="N1880" t="str">
            <v>無</v>
          </cell>
          <cell r="O1880">
            <v>58</v>
          </cell>
          <cell r="P1880">
            <v>15</v>
          </cell>
          <cell r="Q1880">
            <v>5120001000783</v>
          </cell>
          <cell r="R1880">
            <v>19000</v>
          </cell>
          <cell r="S1880">
            <v>181394</v>
          </cell>
          <cell r="T1880">
            <v>498368</v>
          </cell>
          <cell r="V1880" t="str">
            <v>yy126789</v>
          </cell>
          <cell r="W1880" t="str">
            <v>ym120175</v>
          </cell>
          <cell r="Y1880" t="str">
            <v>38，49，</v>
          </cell>
          <cell r="Z1880">
            <v>38</v>
          </cell>
          <cell r="AA1880">
            <v>49</v>
          </cell>
          <cell r="AB1880" t="str">
            <v/>
          </cell>
          <cell r="AC1880" t="str">
            <v/>
          </cell>
          <cell r="AD1880" t="str">
            <v/>
          </cell>
          <cell r="AE1880" t="str">
            <v>１；消防設備業２；消防設備点検業３；４；</v>
          </cell>
          <cell r="AF1880" t="str">
            <v>消火器、消防ホース、消防ポンプ等消防機器の販売及び設置。各種防火対象物の消防用設備等点検業務</v>
          </cell>
        </row>
        <row r="1881">
          <cell r="B1881">
            <v>10029</v>
          </cell>
          <cell r="C1881" t="str">
            <v>(株)議事録発行センター</v>
          </cell>
          <cell r="D1881" t="str">
            <v>086-255-1332</v>
          </cell>
          <cell r="E1881" t="str">
            <v>700-0035</v>
          </cell>
          <cell r="F1881" t="str">
            <v>岡山県岡山市北区高柳西町1-23</v>
          </cell>
          <cell r="G1881" t="str">
            <v>岡山市</v>
          </cell>
          <cell r="H1881" t="str">
            <v/>
          </cell>
          <cell r="I1881" t="str">
            <v>代表取締役 友野　泰志</v>
          </cell>
          <cell r="J1881" t="str">
            <v>本店</v>
          </cell>
          <cell r="K1881" t="str">
            <v>086-254-6557</v>
          </cell>
          <cell r="L1881" t="str">
            <v>sales@gijiroku.co.jp</v>
          </cell>
          <cell r="M1881" t="str">
            <v>ｷﾞｼﾞﾛｸﾊｯｺｳｾﾝﾀｰ</v>
          </cell>
          <cell r="N1881" t="str">
            <v>無</v>
          </cell>
          <cell r="O1881">
            <v>45</v>
          </cell>
          <cell r="P1881">
            <v>21</v>
          </cell>
          <cell r="Q1881">
            <v>1260001001961</v>
          </cell>
          <cell r="R1881">
            <v>10000</v>
          </cell>
          <cell r="S1881">
            <v>611210</v>
          </cell>
          <cell r="T1881">
            <v>404242</v>
          </cell>
          <cell r="V1881" t="str">
            <v>ay712130</v>
          </cell>
          <cell r="W1881" t="str">
            <v>ｒe119494</v>
          </cell>
          <cell r="Y1881" t="str">
            <v>36，58，59，</v>
          </cell>
          <cell r="Z1881">
            <v>59</v>
          </cell>
          <cell r="AA1881">
            <v>58</v>
          </cell>
          <cell r="AB1881">
            <v>36</v>
          </cell>
          <cell r="AC1881" t="str">
            <v/>
          </cell>
          <cell r="AD1881" t="str">
            <v/>
          </cell>
          <cell r="AE1881" t="str">
            <v>１；会議録の作成２；会議録の検索・映像配信システムの運用３；録音・映像設備販売・設置等４；</v>
          </cell>
          <cell r="AF1881" t="str">
            <v>会議録の作成、会議録検索・映像配信システムの運用、録音・映像設備販売・設置等</v>
          </cell>
        </row>
        <row r="1882">
          <cell r="B1882">
            <v>10031</v>
          </cell>
          <cell r="C1882" t="str">
            <v>三和シヤッター工業(株)</v>
          </cell>
          <cell r="D1882" t="str">
            <v>06-6421-3720</v>
          </cell>
          <cell r="E1882" t="str">
            <v>661-0003</v>
          </cell>
          <cell r="F1882" t="str">
            <v>兵庫県尼崎市富松町1-36-5</v>
          </cell>
          <cell r="G1882" t="str">
            <v>尼崎市</v>
          </cell>
          <cell r="H1882" t="str">
            <v>尼崎営業所</v>
          </cell>
          <cell r="I1882" t="str">
            <v>所長 力石　恭伸</v>
          </cell>
          <cell r="J1882" t="str">
            <v>東京都</v>
          </cell>
          <cell r="K1882" t="str">
            <v>06-6421-4083</v>
          </cell>
          <cell r="L1882" t="str">
            <v>kansai01@sip.sanwa-ss.co.jp</v>
          </cell>
          <cell r="M1882" t="str">
            <v>ｻﾝﾜｼﾔｯﾀｰｺｳｷﾞｮｳ</v>
          </cell>
          <cell r="N1882" t="str">
            <v>有</v>
          </cell>
          <cell r="O1882">
            <v>59</v>
          </cell>
          <cell r="P1882">
            <v>2951</v>
          </cell>
          <cell r="Q1882">
            <v>7011401012519</v>
          </cell>
          <cell r="R1882">
            <v>500000</v>
          </cell>
          <cell r="S1882">
            <v>36989565</v>
          </cell>
          <cell r="T1882">
            <v>187388040</v>
          </cell>
          <cell r="V1882" t="str">
            <v>je547418</v>
          </cell>
          <cell r="W1882" t="str">
            <v>nz147293</v>
          </cell>
          <cell r="Y1882" t="str">
            <v>34，46，</v>
          </cell>
          <cell r="Z1882">
            <v>46</v>
          </cell>
          <cell r="AA1882">
            <v>80</v>
          </cell>
          <cell r="AB1882">
            <v>34</v>
          </cell>
          <cell r="AC1882" t="str">
            <v/>
          </cell>
          <cell r="AD1882" t="str">
            <v/>
          </cell>
          <cell r="AE1882" t="str">
            <v>１；各種シャッター・ドア等の保守点検２；各種シャッター・ドア等の保守点検・修理３；各種シャッター・ドア・間仕切等４；</v>
          </cell>
          <cell r="AF1882" t="str">
            <v>当社は、各種シャッター・スチールドア等の製造・販売・施工まで手がける総合建材メーカーです。メンテナンス部門では、アフターサービスを中心に修理から定期点検まで全国ネットワーク展開し、万一のトラブルに対し、２４時間・３６５日、年中無休の「フルタイムサービス」を提供しています。</v>
          </cell>
        </row>
        <row r="1883">
          <cell r="B1883">
            <v>10032</v>
          </cell>
          <cell r="C1883" t="str">
            <v>キンパイ商事(株)</v>
          </cell>
          <cell r="D1883" t="str">
            <v>06-6396-6451</v>
          </cell>
          <cell r="E1883" t="str">
            <v>532-0004</v>
          </cell>
          <cell r="F1883" t="str">
            <v>大阪府大阪市淀川区西宮原2-1-3</v>
          </cell>
          <cell r="G1883" t="str">
            <v>大阪市</v>
          </cell>
          <cell r="H1883" t="str">
            <v/>
          </cell>
          <cell r="I1883" t="str">
            <v>代表取締役 松浦　英男</v>
          </cell>
          <cell r="J1883" t="str">
            <v>本店</v>
          </cell>
          <cell r="K1883" t="str">
            <v>06-6396-6457</v>
          </cell>
          <cell r="L1883" t="str">
            <v>kinpai@teisen.co.jp</v>
          </cell>
          <cell r="M1883" t="str">
            <v>ｷﾝﾊﾟｲｼｮｳｼﾞ</v>
          </cell>
          <cell r="N1883" t="str">
            <v>無</v>
          </cell>
          <cell r="O1883">
            <v>39</v>
          </cell>
          <cell r="P1883">
            <v>80</v>
          </cell>
          <cell r="Q1883">
            <v>3120001054889</v>
          </cell>
          <cell r="R1883">
            <v>50000</v>
          </cell>
          <cell r="S1883">
            <v>2005715</v>
          </cell>
          <cell r="T1883">
            <v>8244673</v>
          </cell>
          <cell r="V1883" t="str">
            <v>ww533476</v>
          </cell>
          <cell r="W1883" t="str">
            <v>ma187788</v>
          </cell>
          <cell r="Y1883" t="str">
            <v>02，02，03，24，38，</v>
          </cell>
          <cell r="Z1883">
            <v>38</v>
          </cell>
          <cell r="AA1883">
            <v>24</v>
          </cell>
          <cell r="AB1883">
            <v>3</v>
          </cell>
          <cell r="AC1883">
            <v>2</v>
          </cell>
          <cell r="AD1883" t="str">
            <v/>
          </cell>
          <cell r="AE1883" t="str">
            <v>１；（代理店　帝国繊維）消防用ホース、救助資機材、保安用品２；（代理店　帝国繊維）消防用車両、救助工作車３；（代理店　帝国繊維）（仕入先　廣瀬商会）消防用防火衣、消防用救助服・活動服等被服全般４；（仕入先　尾西食品、浅川自然食品工業）災害用備蓄飲食料品</v>
          </cell>
          <cell r="AF1883" t="str">
            <v>当社は帝国繊維株式会社の西日本総代理店として、西日本各県市町及び消防局に消防用ホース、救助資機材、消防用車両、消防用被服、その他消防防災機器用品全般の販売を行っております。</v>
          </cell>
        </row>
        <row r="1884">
          <cell r="B1884">
            <v>10034</v>
          </cell>
          <cell r="C1884" t="str">
            <v>(株)ニッコク</v>
          </cell>
          <cell r="D1884" t="str">
            <v>0736-61-3259</v>
          </cell>
          <cell r="E1884" t="str">
            <v>649-6222</v>
          </cell>
          <cell r="F1884" t="str">
            <v>和歌山県岩出市岡田998-1</v>
          </cell>
          <cell r="G1884" t="str">
            <v>岩出市</v>
          </cell>
          <cell r="H1884" t="str">
            <v>関西支店</v>
          </cell>
          <cell r="I1884" t="str">
            <v>支店長 吉田　幸司</v>
          </cell>
          <cell r="J1884" t="str">
            <v>東京都</v>
          </cell>
          <cell r="K1884" t="str">
            <v>0736-61-3029</v>
          </cell>
          <cell r="L1884" t="str">
            <v>nikkoku4@minomo.jp</v>
          </cell>
          <cell r="M1884" t="str">
            <v>ﾆｯｺｸ</v>
          </cell>
          <cell r="N1884" t="str">
            <v>有</v>
          </cell>
          <cell r="O1884">
            <v>39</v>
          </cell>
          <cell r="P1884">
            <v>135</v>
          </cell>
          <cell r="Q1884">
            <v>7010401006415</v>
          </cell>
          <cell r="R1884">
            <v>72000</v>
          </cell>
          <cell r="S1884">
            <v>3201903</v>
          </cell>
          <cell r="T1884">
            <v>3300568</v>
          </cell>
          <cell r="V1884" t="str">
            <v>ag950177</v>
          </cell>
          <cell r="W1884" t="str">
            <v>lb171234</v>
          </cell>
          <cell r="Y1884" t="str">
            <v>42，</v>
          </cell>
          <cell r="Z1884" t="str">
            <v/>
          </cell>
          <cell r="AA1884" t="str">
            <v/>
          </cell>
          <cell r="AB1884" t="str">
            <v/>
          </cell>
          <cell r="AC1884" t="str">
            <v/>
          </cell>
          <cell r="AD1884" t="str">
            <v/>
          </cell>
          <cell r="AE1884" t="str">
            <v>１；各種水道メーター製造販売ならびに修復及びその他附属品一式製造販売（指定製造事業者指定書　水道メーター第一類　指定番号１０３００１　水道メーター第二類　指定番号１１３００１）２；３；４；</v>
          </cell>
          <cell r="AF1884" t="str">
            <v>各種水道メーター製造販売ならびに修復及びその他附属品一式製造販売。</v>
          </cell>
        </row>
        <row r="1885">
          <cell r="B1885">
            <v>10035</v>
          </cell>
          <cell r="C1885" t="str">
            <v>(株)丹新ビルサービス</v>
          </cell>
          <cell r="D1885" t="str">
            <v>0773-24-4602</v>
          </cell>
          <cell r="E1885" t="str">
            <v>620-0933</v>
          </cell>
          <cell r="F1885" t="str">
            <v>京都府福知山市東羽合町164</v>
          </cell>
          <cell r="G1885" t="str">
            <v>福知山市</v>
          </cell>
          <cell r="H1885" t="str">
            <v/>
          </cell>
          <cell r="I1885" t="str">
            <v>代表取締役 中道　紀史</v>
          </cell>
          <cell r="J1885" t="str">
            <v>本店</v>
          </cell>
          <cell r="K1885" t="str">
            <v>0773-24-4600</v>
          </cell>
          <cell r="L1885" t="str">
            <v>tanshin-info@mo-kosan.co.jp</v>
          </cell>
          <cell r="M1885" t="str">
            <v>ﾀﾝｼﾝﾋﾞﾙｻｰﾋﾞｽ</v>
          </cell>
          <cell r="N1885" t="str">
            <v>無</v>
          </cell>
          <cell r="O1885">
            <v>32</v>
          </cell>
          <cell r="P1885">
            <v>120</v>
          </cell>
          <cell r="Q1885">
            <v>2130001041160</v>
          </cell>
          <cell r="R1885">
            <v>20000</v>
          </cell>
          <cell r="S1885">
            <v>248228</v>
          </cell>
          <cell r="T1885">
            <v>589081</v>
          </cell>
          <cell r="V1885" t="str">
            <v>tx456367</v>
          </cell>
          <cell r="W1885" t="str">
            <v>ns129023</v>
          </cell>
          <cell r="Y1885" t="str">
            <v>052，38，45，46，47，49，51，52，54，</v>
          </cell>
          <cell r="Z1885">
            <v>46</v>
          </cell>
          <cell r="AA1885">
            <v>49</v>
          </cell>
          <cell r="AB1885">
            <v>47</v>
          </cell>
          <cell r="AC1885">
            <v>52</v>
          </cell>
          <cell r="AD1885" t="str">
            <v>消防用機器　各種消火器販売　貯水槽清掃　建築物飲料水貯水槽清掃業登録</v>
          </cell>
          <cell r="AE1885" t="str">
            <v>１；空調設備保守管理　空気環境測定　建築物空気環境測定業登録２；消防用設備点検業務３；電気設備保守点検業務４；害虫駆除　建築物ねずみ昆虫等防除業登録</v>
          </cell>
          <cell r="AF1885" t="str">
            <v>消防設備・電気設備、及び空調設備の保守管理を主たる業務とし、約１２００の事業所様と取引させて頂いております。諸設備の技術管理をはじめ、随時補修・更新工事も行っており、付随業務として、各警備業務もご用命頂いております。</v>
          </cell>
        </row>
        <row r="1886">
          <cell r="B1886">
            <v>10036</v>
          </cell>
          <cell r="C1886" t="str">
            <v>東日本漏水調査(株)</v>
          </cell>
          <cell r="D1886" t="str">
            <v>06-6307-0833</v>
          </cell>
          <cell r="E1886" t="str">
            <v>532-0011</v>
          </cell>
          <cell r="F1886" t="str">
            <v>大阪府大阪市淀川区西中島7-1-3-312</v>
          </cell>
          <cell r="G1886" t="str">
            <v>大阪市</v>
          </cell>
          <cell r="H1886" t="str">
            <v>大阪支店</v>
          </cell>
          <cell r="I1886" t="str">
            <v>支店長 中野　敏男</v>
          </cell>
          <cell r="J1886" t="str">
            <v>山形県米沢市</v>
          </cell>
          <cell r="K1886" t="str">
            <v>06-6307-0815</v>
          </cell>
          <cell r="L1886" t="str">
            <v>webmaster@e-hnr.co.jp</v>
          </cell>
          <cell r="M1886" t="str">
            <v>ﾋｶﾞｼﾆﾎﾝﾛｳｽｲﾁｮｳｻ</v>
          </cell>
          <cell r="N1886" t="str">
            <v>有</v>
          </cell>
          <cell r="O1886">
            <v>30</v>
          </cell>
          <cell r="P1886">
            <v>22</v>
          </cell>
          <cell r="Q1886">
            <v>8390001015257</v>
          </cell>
          <cell r="R1886">
            <v>5000</v>
          </cell>
          <cell r="S1886">
            <v>11406</v>
          </cell>
          <cell r="T1886">
            <v>239030</v>
          </cell>
          <cell r="V1886" t="str">
            <v>dt526894</v>
          </cell>
          <cell r="W1886" t="str">
            <v>oh118716</v>
          </cell>
          <cell r="Y1886" t="str">
            <v>79，</v>
          </cell>
          <cell r="Z1886">
            <v>79</v>
          </cell>
          <cell r="AA1886" t="str">
            <v/>
          </cell>
          <cell r="AB1886" t="str">
            <v/>
          </cell>
          <cell r="AC1886" t="str">
            <v/>
          </cell>
          <cell r="AD1886" t="str">
            <v/>
          </cell>
          <cell r="AE1886" t="str">
            <v>１；上水道の漏水調査２；３；４；</v>
          </cell>
          <cell r="AF1886" t="str">
            <v>上水道の漏水調査を希望致します</v>
          </cell>
        </row>
        <row r="1887">
          <cell r="B1887">
            <v>10037</v>
          </cell>
          <cell r="C1887" t="str">
            <v>クマリフト(株)</v>
          </cell>
          <cell r="D1887" t="str">
            <v>078-251-2395</v>
          </cell>
          <cell r="E1887" t="str">
            <v>566-0045</v>
          </cell>
          <cell r="F1887" t="str">
            <v>大阪府大阪市西区京町堀1-12-20</v>
          </cell>
          <cell r="G1887" t="str">
            <v>大阪市</v>
          </cell>
          <cell r="H1887" t="str">
            <v/>
          </cell>
          <cell r="I1887" t="str">
            <v>代表取締役 熊谷　知哉</v>
          </cell>
          <cell r="J1887" t="str">
            <v>本店</v>
          </cell>
          <cell r="K1887" t="str">
            <v>078-251-2703</v>
          </cell>
          <cell r="L1887" t="str">
            <v>kobe@kumalift.co.jp</v>
          </cell>
          <cell r="M1887" t="str">
            <v>ｸﾏﾘﾌﾄ</v>
          </cell>
          <cell r="N1887" t="str">
            <v>無</v>
          </cell>
          <cell r="O1887">
            <v>52</v>
          </cell>
          <cell r="P1887">
            <v>344</v>
          </cell>
          <cell r="Q1887">
            <v>6120901009295</v>
          </cell>
          <cell r="R1887">
            <v>100000</v>
          </cell>
          <cell r="S1887">
            <v>5718127</v>
          </cell>
          <cell r="T1887" t="str">
            <v/>
          </cell>
          <cell r="V1887" t="str">
            <v>db504242</v>
          </cell>
          <cell r="W1887" t="str">
            <v>qn143606</v>
          </cell>
          <cell r="Y1887" t="str">
            <v>48，</v>
          </cell>
          <cell r="Z1887">
            <v>48</v>
          </cell>
          <cell r="AA1887" t="str">
            <v/>
          </cell>
          <cell r="AB1887" t="str">
            <v/>
          </cell>
          <cell r="AC1887" t="str">
            <v/>
          </cell>
          <cell r="AD1887" t="str">
            <v/>
          </cell>
          <cell r="AE1887" t="str">
            <v>１；２；３；４；</v>
          </cell>
          <cell r="AF1887" t="str">
            <v>創業以来、昇降機の専門メーカーとして、エレベーターや小荷物専用昇降機の施工実績を上げています。福祉機器にも早くから取り組み、全国の官公庁にも多数の実績をもっています。</v>
          </cell>
        </row>
        <row r="1888">
          <cell r="B1888">
            <v>10039</v>
          </cell>
          <cell r="C1888" t="str">
            <v>(株)馬場酸素</v>
          </cell>
          <cell r="D1888" t="str">
            <v>06-6451-5552</v>
          </cell>
          <cell r="E1888" t="str">
            <v>553-0002</v>
          </cell>
          <cell r="F1888" t="str">
            <v>大阪府大阪市福島区鷺洲4-6-26</v>
          </cell>
          <cell r="G1888" t="str">
            <v>大阪市</v>
          </cell>
          <cell r="H1888" t="str">
            <v/>
          </cell>
          <cell r="I1888" t="str">
            <v>代表取締役 馬場　俊和</v>
          </cell>
          <cell r="J1888" t="str">
            <v>本店</v>
          </cell>
          <cell r="K1888" t="str">
            <v>06-6451-3115</v>
          </cell>
          <cell r="L1888" t="str">
            <v>babasanso@triton.ocn.ne.jp</v>
          </cell>
          <cell r="M1888" t="str">
            <v>ﾊﾞﾊﾞｻﾝｿ</v>
          </cell>
          <cell r="N1888" t="str">
            <v>無</v>
          </cell>
          <cell r="O1888">
            <v>56</v>
          </cell>
          <cell r="P1888">
            <v>39</v>
          </cell>
          <cell r="Q1888">
            <v>6120001036133</v>
          </cell>
          <cell r="R1888">
            <v>30000</v>
          </cell>
          <cell r="S1888">
            <v>115344</v>
          </cell>
          <cell r="T1888">
            <v>1110580</v>
          </cell>
          <cell r="V1888" t="str">
            <v>ju325218</v>
          </cell>
          <cell r="W1888" t="str">
            <v>mu133969</v>
          </cell>
          <cell r="Y1888" t="str">
            <v>9，39，44，</v>
          </cell>
          <cell r="Z1888">
            <v>9</v>
          </cell>
          <cell r="AA1888">
            <v>44</v>
          </cell>
          <cell r="AB1888">
            <v>39</v>
          </cell>
          <cell r="AC1888" t="str">
            <v/>
          </cell>
          <cell r="AD1888" t="str">
            <v/>
          </cell>
          <cell r="AE1888" t="str">
            <v>１；医療用酸素ガス及び各種ガス販売　医薬品販売業許可証（指定卸売医療用ガス類）　第二種医薬品製造販売業許可証等　仕入先　大陽日酸（株）岩谷産業（株）等２；在宅酸素濃縮装置　人工呼吸器　等レンタル　高度管理医療機器等販売業貸与業許可証等　仕入先　エアウォーターメディカル　ＩＭＩ等３；酸素湿潤器　痰吸引器　各種減圧弁　ボンベカート　等販売　仕入先　新鋭工業（株）　（株）エフエスユニ　等４；</v>
          </cell>
          <cell r="AF1888" t="str">
            <v>医療用酸素ガス及び各種ガス販売・在宅酸素濃縮装置及び人工呼吸器等のレンタル及び付随する医療機器販売</v>
          </cell>
        </row>
        <row r="1889">
          <cell r="B1889">
            <v>10040</v>
          </cell>
          <cell r="C1889" t="str">
            <v>(株)平山商会</v>
          </cell>
          <cell r="D1889" t="str">
            <v>078-351-1551</v>
          </cell>
          <cell r="E1889" t="str">
            <v>650-0027</v>
          </cell>
          <cell r="F1889" t="str">
            <v>兵庫県神戸市中央区中町通2-1-16</v>
          </cell>
          <cell r="G1889" t="str">
            <v>神戸市</v>
          </cell>
          <cell r="H1889" t="str">
            <v/>
          </cell>
          <cell r="I1889" t="str">
            <v>代表取締役 平山　一哉</v>
          </cell>
          <cell r="J1889" t="str">
            <v>本店</v>
          </cell>
          <cell r="K1889" t="str">
            <v>078-371-1819</v>
          </cell>
          <cell r="L1889" t="str">
            <v>info@kobe-hirayama.co.jp</v>
          </cell>
          <cell r="M1889" t="str">
            <v>ﾋﾗﾔﾏｼｮｳｶｲ</v>
          </cell>
          <cell r="N1889" t="str">
            <v>無</v>
          </cell>
          <cell r="O1889">
            <v>115</v>
          </cell>
          <cell r="P1889">
            <v>4</v>
          </cell>
          <cell r="Q1889">
            <v>2140003001905</v>
          </cell>
          <cell r="R1889">
            <v>790</v>
          </cell>
          <cell r="S1889">
            <v>1629</v>
          </cell>
          <cell r="T1889">
            <v>167012</v>
          </cell>
          <cell r="V1889" t="str">
            <v>dq541539</v>
          </cell>
          <cell r="W1889" t="str">
            <v>zl162080</v>
          </cell>
          <cell r="Y1889" t="str">
            <v>04，03，04，07，08，</v>
          </cell>
          <cell r="Z1889">
            <v>7</v>
          </cell>
          <cell r="AA1889">
            <v>8</v>
          </cell>
          <cell r="AB1889">
            <v>3</v>
          </cell>
          <cell r="AC1889">
            <v>4</v>
          </cell>
          <cell r="AD1889" t="str">
            <v/>
          </cell>
          <cell r="AE1889" t="str">
            <v>１；２；３；４；</v>
          </cell>
          <cell r="AF1889" t="str">
            <v>創業１９０４年以来信用と実績を積み重ねる　兵庫県庁はじめ各市町の要望に答える仕事を目指す</v>
          </cell>
        </row>
        <row r="1890">
          <cell r="B1890">
            <v>10041</v>
          </cell>
          <cell r="C1890" t="str">
            <v>(株)ヤマモト</v>
          </cell>
          <cell r="D1890" t="str">
            <v>078-414-8460</v>
          </cell>
          <cell r="E1890" t="str">
            <v>657-0056</v>
          </cell>
          <cell r="F1890" t="str">
            <v>兵庫県神戸市灘区千旦通2‐5‐11</v>
          </cell>
          <cell r="G1890" t="str">
            <v>神戸市</v>
          </cell>
          <cell r="H1890" t="str">
            <v>関西支店</v>
          </cell>
          <cell r="I1890" t="str">
            <v>支店長 平山　東海</v>
          </cell>
          <cell r="J1890" t="str">
            <v>静岡県富士宮市</v>
          </cell>
          <cell r="K1890" t="str">
            <v>078-414-8461</v>
          </cell>
          <cell r="L1890" t="str">
            <v>yamamoto@kabu-yamamoto.co.jp</v>
          </cell>
          <cell r="M1890" t="str">
            <v>ﾔﾏﾓﾄ</v>
          </cell>
          <cell r="N1890" t="str">
            <v>有</v>
          </cell>
          <cell r="O1890">
            <v>47</v>
          </cell>
          <cell r="P1890">
            <v>30</v>
          </cell>
          <cell r="Q1890">
            <v>8080101011897</v>
          </cell>
          <cell r="R1890">
            <v>10000</v>
          </cell>
          <cell r="S1890">
            <v>84027</v>
          </cell>
          <cell r="T1890">
            <v>813125</v>
          </cell>
          <cell r="V1890" t="str">
            <v>wv136000</v>
          </cell>
          <cell r="W1890" t="str">
            <v>pb105185</v>
          </cell>
          <cell r="Y1890" t="str">
            <v>68，</v>
          </cell>
          <cell r="Z1890">
            <v>80</v>
          </cell>
          <cell r="AA1890">
            <v>68</v>
          </cell>
          <cell r="AB1890" t="str">
            <v/>
          </cell>
          <cell r="AC1890" t="str">
            <v/>
          </cell>
          <cell r="AD1890" t="str">
            <v/>
          </cell>
          <cell r="AE1890" t="str">
            <v>１；斎場の残灰及び煤塵の処理２；産業廃棄物収集運搬業許可特別管理産業廃棄物収集運搬業許可３；４；</v>
          </cell>
          <cell r="AF1890" t="str">
            <v>斎場における残灰及び煤塵の処理</v>
          </cell>
        </row>
        <row r="1891">
          <cell r="B1891">
            <v>10042</v>
          </cell>
          <cell r="C1891" t="str">
            <v>(株)セラム</v>
          </cell>
          <cell r="D1891" t="str">
            <v>052-910-3533</v>
          </cell>
          <cell r="E1891" t="str">
            <v>462-0825</v>
          </cell>
          <cell r="F1891" t="str">
            <v>愛知県名古屋市北区大曽根1-26-23</v>
          </cell>
          <cell r="G1891" t="str">
            <v>名古屋市</v>
          </cell>
          <cell r="H1891" t="str">
            <v/>
          </cell>
          <cell r="I1891" t="str">
            <v>代表取締役 玉置　正樹</v>
          </cell>
          <cell r="J1891" t="str">
            <v>本店</v>
          </cell>
          <cell r="K1891" t="str">
            <v>052-910-6551</v>
          </cell>
          <cell r="L1891" t="str">
            <v>seramu.jouhou@seramu.co.jp</v>
          </cell>
          <cell r="M1891" t="str">
            <v>ｾﾗﾑ</v>
          </cell>
          <cell r="N1891" t="str">
            <v>無</v>
          </cell>
          <cell r="O1891">
            <v>18</v>
          </cell>
          <cell r="P1891">
            <v>1147</v>
          </cell>
          <cell r="Q1891">
            <v>6180001049880</v>
          </cell>
          <cell r="R1891">
            <v>25000</v>
          </cell>
          <cell r="S1891">
            <v>25471</v>
          </cell>
          <cell r="T1891">
            <v>3407010</v>
          </cell>
          <cell r="V1891" t="str">
            <v>mj156759</v>
          </cell>
          <cell r="W1891" t="str">
            <v>hu183729</v>
          </cell>
          <cell r="Y1891" t="str">
            <v>60，</v>
          </cell>
          <cell r="Z1891" t="str">
            <v/>
          </cell>
          <cell r="AA1891" t="str">
            <v/>
          </cell>
          <cell r="AB1891" t="str">
            <v/>
          </cell>
          <cell r="AC1891" t="str">
            <v/>
          </cell>
          <cell r="AD1891" t="str">
            <v/>
          </cell>
          <cell r="AE1891" t="str">
            <v>１；２；３；４；</v>
          </cell>
          <cell r="AF1891" t="str">
            <v>全国の国公立病院の医事業務請負を中心に病院経営のコンサルタント経営の合理化に努めております。経験豊富なスタッフにより、安定した精度の高いサービスを提供しています。また、介護事業部を設けており、介護事業所の運営からヘルパーの育成に至るまでトータルに取り組んでいます。</v>
          </cell>
        </row>
        <row r="1892">
          <cell r="B1892">
            <v>10043</v>
          </cell>
          <cell r="C1892" t="str">
            <v>光工業(株)</v>
          </cell>
          <cell r="D1892" t="str">
            <v>06-6776-8605</v>
          </cell>
          <cell r="E1892" t="str">
            <v>543-0001</v>
          </cell>
          <cell r="F1892" t="str">
            <v>大阪府大阪市天王寺区上本町9-6-15-2F-1</v>
          </cell>
          <cell r="G1892" t="str">
            <v>大阪市</v>
          </cell>
          <cell r="H1892" t="str">
            <v>大阪支店</v>
          </cell>
          <cell r="I1892" t="str">
            <v>支店長 楠見　恒雄</v>
          </cell>
          <cell r="J1892" t="str">
            <v>京都府京都市</v>
          </cell>
          <cell r="K1892" t="str">
            <v>06-6776-8606</v>
          </cell>
          <cell r="L1892" t="str">
            <v>hikari-o@atlas.plala.or.jp</v>
          </cell>
          <cell r="M1892" t="str">
            <v>ﾋｶﾘｺｳｷﾞｮｳ</v>
          </cell>
          <cell r="N1892" t="str">
            <v>有</v>
          </cell>
          <cell r="O1892">
            <v>61</v>
          </cell>
          <cell r="P1892">
            <v>67</v>
          </cell>
          <cell r="Q1892">
            <v>5130001015450</v>
          </cell>
          <cell r="R1892">
            <v>455000</v>
          </cell>
          <cell r="S1892">
            <v>1535801</v>
          </cell>
          <cell r="T1892">
            <v>3657808</v>
          </cell>
          <cell r="V1892" t="str">
            <v>ae343933</v>
          </cell>
          <cell r="W1892" t="str">
            <v>jb186143</v>
          </cell>
          <cell r="Y1892" t="str">
            <v>33，38，</v>
          </cell>
          <cell r="Z1892">
            <v>33</v>
          </cell>
          <cell r="AA1892">
            <v>38</v>
          </cell>
          <cell r="AB1892" t="str">
            <v/>
          </cell>
          <cell r="AC1892" t="str">
            <v/>
          </cell>
          <cell r="AD1892" t="str">
            <v/>
          </cell>
          <cell r="AE1892" t="str">
            <v>１；環境配慮型常温アスファルト舗装材（光アスコン）２；油吸着材（谷口商会）、吸水性土のう（ＩＥＪ）３；４；</v>
          </cell>
          <cell r="AF1892" t="str">
            <v>特にアスファルト舗装工事を得意とし、主要幹線道路、国道、高速道路において数々の施工実績がある。建設廃材の再資源化にも早くから取り組み、リサイクルプラントを稼働させている。また、環境に優しい環境配慮型常温アスファルト舗装材の開発・販売、油吸着材の販売にも力を入れている。</v>
          </cell>
        </row>
        <row r="1893">
          <cell r="B1893">
            <v>10047</v>
          </cell>
          <cell r="C1893" t="str">
            <v>近畿官公需被服(協)</v>
          </cell>
          <cell r="D1893" t="str">
            <v>06-6946-8938</v>
          </cell>
          <cell r="E1893" t="str">
            <v>540-0021</v>
          </cell>
          <cell r="F1893" t="str">
            <v>大阪府大阪市中央区大手通2-4-11</v>
          </cell>
          <cell r="G1893" t="str">
            <v>大阪市</v>
          </cell>
          <cell r="H1893" t="str">
            <v/>
          </cell>
          <cell r="I1893" t="str">
            <v>理事長 高木　明</v>
          </cell>
          <cell r="J1893" t="str">
            <v>本店</v>
          </cell>
          <cell r="K1893" t="str">
            <v>06-6946-8988</v>
          </cell>
          <cell r="L1893" t="str">
            <v>tanaka@k-kanju.jp</v>
          </cell>
          <cell r="M1893" t="str">
            <v>ｷﾝｷｶﾝｺｳｼﾞｭﾋﾌｸ</v>
          </cell>
          <cell r="N1893" t="str">
            <v>無</v>
          </cell>
          <cell r="O1893">
            <v>50</v>
          </cell>
          <cell r="P1893">
            <v>5</v>
          </cell>
          <cell r="Q1893">
            <v>8120005006907</v>
          </cell>
          <cell r="R1893">
            <v>300</v>
          </cell>
          <cell r="S1893">
            <v>13478</v>
          </cell>
          <cell r="T1893">
            <v>203255</v>
          </cell>
          <cell r="V1893" t="str">
            <v>pm491038</v>
          </cell>
          <cell r="W1893" t="str">
            <v>uw160344</v>
          </cell>
          <cell r="Y1893" t="str">
            <v>028，03，07，28，</v>
          </cell>
          <cell r="Z1893">
            <v>3</v>
          </cell>
          <cell r="AA1893">
            <v>7</v>
          </cell>
          <cell r="AB1893">
            <v>80</v>
          </cell>
          <cell r="AC1893">
            <v>28</v>
          </cell>
          <cell r="AD1893" t="str">
            <v/>
          </cell>
          <cell r="AE1893" t="str">
            <v>１；制服、事務服、作業服、防寒衣、白衣、調理衣、看護衣、Ｔシャツ、ポロシャツ、トレーナー、スレンダーパンツ、雨合羽２；舞台幕、暗幕、袖幕、日章旗、校旗、市旗３；着ぐるみ、ぬいぐるみ４；カーテン、ブラインド、ロールスクリーン</v>
          </cell>
          <cell r="AF1893" t="str">
            <v>繊維製品が主力ですが、近年は着ぐるみや舞台幕等の実績もつくり、幅広くニーズにお応えしております。</v>
          </cell>
        </row>
        <row r="1894">
          <cell r="B1894">
            <v>10048</v>
          </cell>
          <cell r="C1894" t="str">
            <v>ソレキア(株)</v>
          </cell>
          <cell r="D1894" t="str">
            <v>06-6949-0101</v>
          </cell>
          <cell r="E1894" t="str">
            <v>540-6137</v>
          </cell>
          <cell r="F1894" t="str">
            <v>大阪府大阪市中央区城見2-1-61</v>
          </cell>
          <cell r="G1894" t="str">
            <v>大阪市</v>
          </cell>
          <cell r="H1894" t="str">
            <v>大阪支店</v>
          </cell>
          <cell r="I1894" t="str">
            <v>支店長 新田　亨</v>
          </cell>
          <cell r="J1894" t="str">
            <v>東京都</v>
          </cell>
          <cell r="K1894" t="str">
            <v>06-6949-0105</v>
          </cell>
          <cell r="L1894" t="str">
            <v>shinobu@solekia.co.jp</v>
          </cell>
          <cell r="M1894" t="str">
            <v>ｿﾚｷｱ</v>
          </cell>
          <cell r="N1894" t="str">
            <v>有</v>
          </cell>
          <cell r="O1894">
            <v>60</v>
          </cell>
          <cell r="P1894">
            <v>800</v>
          </cell>
          <cell r="Q1894">
            <v>1010801004073</v>
          </cell>
          <cell r="R1894">
            <v>2293007</v>
          </cell>
          <cell r="S1894">
            <v>6146520</v>
          </cell>
          <cell r="T1894">
            <v>20799559</v>
          </cell>
          <cell r="V1894" t="str">
            <v>ce445557</v>
          </cell>
          <cell r="W1894" t="str">
            <v>re164210</v>
          </cell>
          <cell r="Y1894" t="str">
            <v>36，58，</v>
          </cell>
          <cell r="Z1894" t="str">
            <v/>
          </cell>
          <cell r="AA1894" t="str">
            <v/>
          </cell>
          <cell r="AB1894" t="str">
            <v/>
          </cell>
          <cell r="AC1894" t="str">
            <v/>
          </cell>
          <cell r="AD1894" t="str">
            <v/>
          </cell>
          <cell r="AE1894" t="str">
            <v>１；富士通株式会社（特）、東京特殊電線、キヤノン、ＩＯＤＡＴＥ、グリーンハウス２；バッファロー、トレンドマイクロ、エレコム、アドテツク３；セイコーエプソン、アライドテレシス４；</v>
          </cell>
          <cell r="AF1894" t="str">
            <v>セールスエンジニア・システムエンジニア・カストマエンジニアによる三位一体の総合力と地域密着型のきめ細かいサポートにより、お客様に幅広いソリューションと最良のサービスを提供しています。</v>
          </cell>
        </row>
        <row r="1895">
          <cell r="B1895">
            <v>10049</v>
          </cell>
          <cell r="C1895" t="str">
            <v>大中物産(株)</v>
          </cell>
          <cell r="D1895" t="str">
            <v>06-6448-3160</v>
          </cell>
          <cell r="E1895" t="str">
            <v>550-0002</v>
          </cell>
          <cell r="F1895" t="str">
            <v>大阪府大阪市西区江戸堀1-25-29</v>
          </cell>
          <cell r="G1895" t="str">
            <v>大阪市</v>
          </cell>
          <cell r="H1895" t="str">
            <v>大阪支店</v>
          </cell>
          <cell r="I1895" t="str">
            <v>支店長 小林　進</v>
          </cell>
          <cell r="J1895" t="str">
            <v>大阪府大阪市</v>
          </cell>
          <cell r="K1895" t="str">
            <v>06-6448-3180</v>
          </cell>
          <cell r="L1895" t="str">
            <v>masayo_goto@daichu.co.jp</v>
          </cell>
          <cell r="M1895" t="str">
            <v>ﾀﾞｲﾁｭｳﾌﾞｯｻﾝ</v>
          </cell>
          <cell r="N1895" t="str">
            <v>有</v>
          </cell>
          <cell r="O1895">
            <v>71</v>
          </cell>
          <cell r="P1895">
            <v>80</v>
          </cell>
          <cell r="Q1895">
            <v>7120001042007</v>
          </cell>
          <cell r="R1895">
            <v>44000</v>
          </cell>
          <cell r="S1895">
            <v>4896981</v>
          </cell>
          <cell r="T1895">
            <v>25040160</v>
          </cell>
          <cell r="V1895" t="str">
            <v>tq237754</v>
          </cell>
          <cell r="W1895" t="str">
            <v>vd105642</v>
          </cell>
          <cell r="Y1895" t="str">
            <v>10，</v>
          </cell>
          <cell r="Z1895">
            <v>10</v>
          </cell>
          <cell r="AA1895" t="str">
            <v/>
          </cell>
          <cell r="AB1895" t="str">
            <v/>
          </cell>
          <cell r="AC1895" t="str">
            <v/>
          </cell>
          <cell r="AD1895" t="str">
            <v/>
          </cell>
          <cell r="AE1895" t="str">
            <v>１；活性炭（株式会社クラレ：代）２；３；４；</v>
          </cell>
          <cell r="AF1895" t="str">
            <v>コークス　ピッチ　製鋼用黒鉛　電極　鉄鋼製品　化成品　工業薬品　活性炭　鉱さい　製鋼原料及び副原料　セメント原料及び副原料　建材原料及び副原料　製紙原料及び副原料　古紙　鉄スクラップ　耐火材　合金鉄　石膏　金属屋根瓦　石油製品　炭化設備　環境関連設備　他</v>
          </cell>
        </row>
        <row r="1896">
          <cell r="B1896">
            <v>10054</v>
          </cell>
          <cell r="C1896" t="str">
            <v>大幸道路管理(株)</v>
          </cell>
          <cell r="D1896" t="str">
            <v>078-671-6503</v>
          </cell>
          <cell r="E1896" t="str">
            <v>652-0833</v>
          </cell>
          <cell r="F1896" t="str">
            <v>兵庫県神戸市兵庫区島上町二丁目2-22-2F</v>
          </cell>
          <cell r="G1896" t="str">
            <v>神戸市</v>
          </cell>
          <cell r="H1896" t="str">
            <v/>
          </cell>
          <cell r="I1896" t="str">
            <v>代表取締役 田中　秀行</v>
          </cell>
          <cell r="J1896" t="str">
            <v>本店</v>
          </cell>
          <cell r="K1896" t="str">
            <v>078-671-6579</v>
          </cell>
          <cell r="L1896" t="str">
            <v>daikou@k3.dion.ne.jp</v>
          </cell>
          <cell r="M1896" t="str">
            <v>ﾀﾞｲｺｳﾄﾞｳﾛｶﾝﾘ</v>
          </cell>
          <cell r="N1896" t="str">
            <v>無</v>
          </cell>
          <cell r="O1896">
            <v>33</v>
          </cell>
          <cell r="P1896">
            <v>48</v>
          </cell>
          <cell r="Q1896">
            <v>8140001013434</v>
          </cell>
          <cell r="R1896">
            <v>20000</v>
          </cell>
          <cell r="S1896">
            <v>451834</v>
          </cell>
          <cell r="T1896">
            <v>2113915</v>
          </cell>
          <cell r="V1896" t="str">
            <v>rt160326</v>
          </cell>
          <cell r="W1896" t="str">
            <v>me171179</v>
          </cell>
          <cell r="Y1896" t="str">
            <v>53，55，68，79，</v>
          </cell>
          <cell r="Z1896">
            <v>79</v>
          </cell>
          <cell r="AA1896">
            <v>55</v>
          </cell>
          <cell r="AB1896" t="str">
            <v/>
          </cell>
          <cell r="AC1896" t="str">
            <v/>
          </cell>
          <cell r="AD1896" t="str">
            <v/>
          </cell>
          <cell r="AE1896" t="str">
            <v>１；自走式ＴＶカメラを所有し、各種管径に対応可能２；機械式路面清掃が可能３；４；</v>
          </cell>
          <cell r="AF1896" t="str">
            <v>下水道管渠の非開削工法による更生工法を主たる業務とする。また、自走式のＴＶカメラを所有し、各管径に応じた管内調査が可能です。</v>
          </cell>
        </row>
        <row r="1897">
          <cell r="B1897">
            <v>10055</v>
          </cell>
          <cell r="C1897" t="str">
            <v>イオンディライト(株)</v>
          </cell>
          <cell r="D1897" t="str">
            <v>06-6260-2098</v>
          </cell>
          <cell r="E1897" t="str">
            <v>542-0081</v>
          </cell>
          <cell r="F1897" t="str">
            <v>大阪府大阪市中央区南船場2-3-2</v>
          </cell>
          <cell r="G1897" t="str">
            <v>大阪市</v>
          </cell>
          <cell r="H1897" t="str">
            <v/>
          </cell>
          <cell r="I1897" t="str">
            <v>西日本統括 北林　譲二</v>
          </cell>
          <cell r="J1897" t="str">
            <v>本店</v>
          </cell>
          <cell r="K1897" t="str">
            <v>06-6260-2280</v>
          </cell>
          <cell r="L1897" t="str">
            <v>kankou05-mbox@aeondelight.jp</v>
          </cell>
          <cell r="M1897" t="str">
            <v>ｲｵﾝﾃﾞｨﾗｲﾄ</v>
          </cell>
          <cell r="N1897" t="str">
            <v>無</v>
          </cell>
          <cell r="O1897">
            <v>46</v>
          </cell>
          <cell r="P1897">
            <v>4155</v>
          </cell>
          <cell r="Q1897">
            <v>1120001081381</v>
          </cell>
          <cell r="R1897">
            <v>3238000</v>
          </cell>
          <cell r="S1897">
            <v>91128435</v>
          </cell>
          <cell r="T1897">
            <v>245351955</v>
          </cell>
          <cell r="V1897" t="str">
            <v>gn956996</v>
          </cell>
          <cell r="W1897" t="str">
            <v>xe174846</v>
          </cell>
          <cell r="Y1897" t="str">
            <v>045，45，46，47，49，51，53，54，</v>
          </cell>
          <cell r="Z1897">
            <v>46</v>
          </cell>
          <cell r="AA1897">
            <v>47</v>
          </cell>
          <cell r="AB1897">
            <v>54</v>
          </cell>
          <cell r="AC1897">
            <v>45</v>
          </cell>
          <cell r="AD1897" t="str">
            <v/>
          </cell>
          <cell r="AE1897" t="str">
            <v>１；２；３；４；</v>
          </cell>
          <cell r="AF1897" t="str">
            <v>ファシリティの活用に関するソリューションをご提案するマネジメントサービスから、設備管理、清掃、警備などのファシリティの運用に関するオペレーションサービスまでの多彩なサービスで、お客さまの課題解決に最適なソリューションをご提供します。</v>
          </cell>
        </row>
        <row r="1898">
          <cell r="B1898">
            <v>10056</v>
          </cell>
          <cell r="C1898" t="str">
            <v>(株)サンリーク</v>
          </cell>
          <cell r="D1898" t="str">
            <v>06-6395-6801</v>
          </cell>
          <cell r="E1898" t="str">
            <v>532-0003</v>
          </cell>
          <cell r="F1898" t="str">
            <v>大阪府大阪市淀川区宮原1-19-23</v>
          </cell>
          <cell r="G1898" t="str">
            <v>大阪市</v>
          </cell>
          <cell r="H1898" t="str">
            <v/>
          </cell>
          <cell r="I1898" t="str">
            <v>代表取締役 小東　雅彦</v>
          </cell>
          <cell r="J1898" t="str">
            <v>本店</v>
          </cell>
          <cell r="K1898" t="str">
            <v>06-6397-3821</v>
          </cell>
          <cell r="L1898" t="str">
            <v>sunleak@estate.ocn.ne.jp</v>
          </cell>
          <cell r="M1898" t="str">
            <v>ｻﾝﾘｰｸ</v>
          </cell>
          <cell r="N1898" t="str">
            <v>無</v>
          </cell>
          <cell r="O1898">
            <v>31</v>
          </cell>
          <cell r="P1898">
            <v>34</v>
          </cell>
          <cell r="Q1898">
            <v>8120001055536</v>
          </cell>
          <cell r="R1898">
            <v>13000</v>
          </cell>
          <cell r="S1898">
            <v>33972</v>
          </cell>
          <cell r="T1898">
            <v>298513</v>
          </cell>
          <cell r="V1898" t="str">
            <v>hh450235</v>
          </cell>
          <cell r="W1898" t="str">
            <v>ef152966</v>
          </cell>
          <cell r="Y1898" t="str">
            <v>41，79，</v>
          </cell>
          <cell r="Z1898">
            <v>79</v>
          </cell>
          <cell r="AA1898">
            <v>41</v>
          </cell>
          <cell r="AB1898" t="str">
            <v/>
          </cell>
          <cell r="AC1898" t="str">
            <v/>
          </cell>
          <cell r="AD1898" t="str">
            <v/>
          </cell>
          <cell r="AE1898" t="str">
            <v>１；上水道漏水調査、学校等施設漏水調査２；漏水調査使用機器販売：漏水探知器、鉄管探知器、非金属管探知器、ＢＯＸロケーター、磁気探知器、アクアモニター、ロガ型多点相関器、配水管監視装置、地中レーダー、構造物レーダー、音聴棒、等３；４；</v>
          </cell>
          <cell r="AF1898" t="str">
            <v>主な業務は全国の水道事業所による漏水調査業務で全体売上の８０％を占め、民間では伊丹空港やＪＦＥ・日立工場をはじめとした大規模施設や小中学校、マンションなどの漏水調査や配管位置探査も行っております。</v>
          </cell>
        </row>
        <row r="1899">
          <cell r="B1899">
            <v>10057</v>
          </cell>
          <cell r="C1899" t="str">
            <v>(株)兵庫技研</v>
          </cell>
          <cell r="D1899" t="str">
            <v>078-682-1007</v>
          </cell>
          <cell r="E1899" t="str">
            <v>652-0834</v>
          </cell>
          <cell r="F1899" t="str">
            <v>兵庫県神戸市兵庫区本町2-4-11</v>
          </cell>
          <cell r="G1899" t="str">
            <v>神戸市</v>
          </cell>
          <cell r="H1899" t="str">
            <v/>
          </cell>
          <cell r="I1899" t="str">
            <v>代表取締役 田中　丈二郎</v>
          </cell>
          <cell r="J1899" t="str">
            <v>本店</v>
          </cell>
          <cell r="K1899" t="str">
            <v>078-682-1008</v>
          </cell>
          <cell r="L1899" t="str">
            <v>giken@w7.dion.ne.jp</v>
          </cell>
          <cell r="M1899" t="str">
            <v>ﾋｮｳｺﾞｷﾞｹﾝ</v>
          </cell>
          <cell r="N1899" t="str">
            <v>無</v>
          </cell>
          <cell r="O1899">
            <v>15</v>
          </cell>
          <cell r="P1899">
            <v>16</v>
          </cell>
          <cell r="Q1899">
            <v>2140001013431</v>
          </cell>
          <cell r="R1899">
            <v>20000</v>
          </cell>
          <cell r="S1899">
            <v>173986</v>
          </cell>
          <cell r="T1899">
            <v>601691</v>
          </cell>
          <cell r="V1899" t="str">
            <v>rb438842</v>
          </cell>
          <cell r="W1899" t="str">
            <v>vp184575</v>
          </cell>
          <cell r="Y1899" t="str">
            <v>55，79，</v>
          </cell>
          <cell r="Z1899">
            <v>79</v>
          </cell>
          <cell r="AA1899">
            <v>55</v>
          </cell>
          <cell r="AB1899" t="str">
            <v/>
          </cell>
          <cell r="AC1899" t="str">
            <v/>
          </cell>
          <cell r="AD1899" t="str">
            <v/>
          </cell>
          <cell r="AE1899" t="str">
            <v>１；自走式テレビカメラシステム車による調査２；路面清掃車による道路清掃３；４；</v>
          </cell>
          <cell r="AF1899" t="str">
            <v>下水道管更生工事を得意とし、下水道管内テレビカメラ調査の受注も有り。</v>
          </cell>
        </row>
        <row r="1900">
          <cell r="B1900">
            <v>10058</v>
          </cell>
          <cell r="C1900" t="str">
            <v>水ｉｎｇエンジニアリング(株)</v>
          </cell>
          <cell r="D1900" t="str">
            <v>06-6309-7272</v>
          </cell>
          <cell r="E1900" t="str">
            <v>664-0831</v>
          </cell>
          <cell r="F1900" t="str">
            <v>大阪府大阪市淀川区西中島7-1-5 辰野新大阪ﾋﾞﾙ</v>
          </cell>
          <cell r="G1900" t="str">
            <v>大阪市</v>
          </cell>
          <cell r="H1900" t="str">
            <v>西日本支店</v>
          </cell>
          <cell r="I1900" t="str">
            <v>支店長 青木　宣雄</v>
          </cell>
          <cell r="J1900" t="str">
            <v>東京都</v>
          </cell>
          <cell r="K1900" t="str">
            <v>06-6390-6050</v>
          </cell>
          <cell r="L1900" t="str">
            <v>osaka@sec.swing-w.com</v>
          </cell>
          <cell r="M1900" t="str">
            <v>ｽｲﾝｸﾞｴﾝｼﾞﾆｱﾘﾝｸﾞ</v>
          </cell>
          <cell r="N1900" t="str">
            <v>有</v>
          </cell>
          <cell r="O1900">
            <v>41</v>
          </cell>
          <cell r="P1900">
            <v>843</v>
          </cell>
          <cell r="Q1900">
            <v>5010400000000</v>
          </cell>
          <cell r="R1900">
            <v>3000000</v>
          </cell>
          <cell r="S1900">
            <v>14863068</v>
          </cell>
          <cell r="T1900">
            <v>39773703</v>
          </cell>
          <cell r="V1900" t="str">
            <v>pp476915</v>
          </cell>
          <cell r="W1900" t="str">
            <v>td1３7341</v>
          </cell>
          <cell r="Y1900">
            <v>48</v>
          </cell>
          <cell r="Z1900">
            <v>48</v>
          </cell>
          <cell r="AA1900" t="str">
            <v/>
          </cell>
          <cell r="AB1900" t="str">
            <v/>
          </cell>
          <cell r="AC1900" t="str">
            <v/>
          </cell>
          <cell r="AD1900" t="str">
            <v/>
          </cell>
          <cell r="AE1900" t="str">
            <v>１；２；上下水道施設、環境衛生施設向け機器類３；４；</v>
          </cell>
          <cell r="AF1900" t="str">
            <v>環境衛生施設、公害防止プラント、設計施工、機器販売、副製品の販売、事業の企画・経営業務、コンサルタント業務、機能診断　各種建設工事</v>
          </cell>
        </row>
        <row r="1901">
          <cell r="B1901">
            <v>10059</v>
          </cell>
          <cell r="C1901" t="str">
            <v>長島鋳物(株)</v>
          </cell>
          <cell r="D1901" t="str">
            <v>072-752-2641</v>
          </cell>
          <cell r="E1901" t="str">
            <v>563-0043</v>
          </cell>
          <cell r="F1901" t="str">
            <v>大阪府池田市神田2-21-3</v>
          </cell>
          <cell r="G1901" t="str">
            <v>池田市</v>
          </cell>
          <cell r="H1901" t="str">
            <v>大阪営業所</v>
          </cell>
          <cell r="I1901" t="str">
            <v>大阪営業所長 丸山　勝弘</v>
          </cell>
          <cell r="J1901" t="str">
            <v>埼玉県川口市</v>
          </cell>
          <cell r="K1901" t="str">
            <v>072-752-8222</v>
          </cell>
          <cell r="L1901" t="str">
            <v>n1@nagashima-imono.co.jp</v>
          </cell>
          <cell r="M1901" t="str">
            <v>ﾅｶﾞｼﾏｲﾓﾉ</v>
          </cell>
          <cell r="N1901" t="str">
            <v>有</v>
          </cell>
          <cell r="O1901">
            <v>61</v>
          </cell>
          <cell r="P1901">
            <v>142</v>
          </cell>
          <cell r="Q1901">
            <v>2030001076448</v>
          </cell>
          <cell r="R1901">
            <v>28800</v>
          </cell>
          <cell r="S1901">
            <v>1478940</v>
          </cell>
          <cell r="T1901">
            <v>3678494</v>
          </cell>
          <cell r="V1901" t="str">
            <v>gt718013</v>
          </cell>
          <cell r="W1901" t="str">
            <v>hx153635</v>
          </cell>
          <cell r="Y1901" t="str">
            <v>33，38，</v>
          </cell>
          <cell r="Z1901">
            <v>33</v>
          </cell>
          <cell r="AA1901">
            <v>38</v>
          </cell>
          <cell r="AB1901" t="str">
            <v/>
          </cell>
          <cell r="AC1901" t="str">
            <v/>
          </cell>
          <cell r="AD1901" t="str">
            <v/>
          </cell>
          <cell r="AE1901" t="str">
            <v>１；鉄蓋２；災害用トイレ３；４；</v>
          </cell>
          <cell r="AF1901" t="str">
            <v>鋳物製造販売　鉄蓋、災害用トイレ</v>
          </cell>
        </row>
        <row r="1902">
          <cell r="B1902">
            <v>10061</v>
          </cell>
          <cell r="C1902" t="str">
            <v>(株)レンタルのニッケン</v>
          </cell>
          <cell r="D1902" t="str">
            <v>072-777-7750</v>
          </cell>
          <cell r="E1902" t="str">
            <v>664-0842</v>
          </cell>
          <cell r="F1902" t="str">
            <v>兵庫県伊丹市森本3-22</v>
          </cell>
          <cell r="G1902" t="str">
            <v>伊丹市</v>
          </cell>
          <cell r="H1902" t="str">
            <v>伊丹営業所</v>
          </cell>
          <cell r="I1902" t="str">
            <v>所長 吉田　学</v>
          </cell>
          <cell r="J1902" t="str">
            <v>東京都</v>
          </cell>
          <cell r="K1902" t="str">
            <v>072-777-7751</v>
          </cell>
          <cell r="L1902" t="str">
            <v>shibazakura@rental.co.jp</v>
          </cell>
          <cell r="M1902" t="str">
            <v>ﾚﾝﾀﾙﾉﾆｯｹﾝ</v>
          </cell>
          <cell r="N1902" t="str">
            <v>有</v>
          </cell>
          <cell r="O1902">
            <v>51</v>
          </cell>
          <cell r="P1902">
            <v>2109</v>
          </cell>
          <cell r="Q1902">
            <v>4010001032368</v>
          </cell>
          <cell r="R1902">
            <v>1225125</v>
          </cell>
          <cell r="S1902">
            <v>33741662</v>
          </cell>
          <cell r="T1902">
            <v>91255090</v>
          </cell>
          <cell r="V1902" t="str">
            <v>zn919031</v>
          </cell>
          <cell r="W1902" t="str">
            <v>ox102627</v>
          </cell>
          <cell r="Y1902" t="str">
            <v>024，23，24，40，42，44，63，</v>
          </cell>
          <cell r="Z1902">
            <v>63</v>
          </cell>
          <cell r="AA1902">
            <v>44</v>
          </cell>
          <cell r="AB1902">
            <v>23</v>
          </cell>
          <cell r="AC1902">
            <v>24</v>
          </cell>
          <cell r="AD1902" t="str">
            <v/>
          </cell>
          <cell r="AE1902" t="str">
            <v>１；イベント企画・会場設営２；許可：自家用自動車有償貸渡自動車、土木建設機械、工作機械、仮設建物、空調機器、測量・測定器、ＯＡ機器、イベント用品等３；軽・普通自動車、貨物車両仕入先：スズキ、三菱自動車工業、いすゞ自動車、日野自動車４；高所作業車仕入先：アイチコーポレーション、タダノ</v>
          </cell>
          <cell r="AF1902" t="str">
            <v>土木・建設関連機械を中心としたレンタル、自社商品開発・製造・修理</v>
          </cell>
        </row>
        <row r="1903">
          <cell r="B1903">
            <v>10063</v>
          </cell>
          <cell r="C1903" t="str">
            <v>(株)都市設計総合研究所</v>
          </cell>
          <cell r="D1903" t="str">
            <v>06-6363-2676</v>
          </cell>
          <cell r="E1903" t="str">
            <v>530-0047</v>
          </cell>
          <cell r="F1903" t="str">
            <v>大阪府大阪市北区西天満5-9-11</v>
          </cell>
          <cell r="G1903" t="str">
            <v>大阪市</v>
          </cell>
          <cell r="H1903" t="str">
            <v/>
          </cell>
          <cell r="I1903" t="str">
            <v>代表取締役 田中　正</v>
          </cell>
          <cell r="J1903" t="str">
            <v>本店</v>
          </cell>
          <cell r="K1903" t="str">
            <v>06-6363-1393</v>
          </cell>
          <cell r="L1903" t="str">
            <v>info@toshisekkei-so.co.jp</v>
          </cell>
          <cell r="M1903" t="str">
            <v>ﾄｼｾｯｹｲｿｳｺﾞｳｹﾝｷｭｳｼｮ</v>
          </cell>
          <cell r="N1903" t="str">
            <v>無</v>
          </cell>
          <cell r="O1903">
            <v>38</v>
          </cell>
          <cell r="P1903">
            <v>2</v>
          </cell>
          <cell r="Q1903">
            <v>7120001067920</v>
          </cell>
          <cell r="R1903">
            <v>28000</v>
          </cell>
          <cell r="S1903">
            <v>7490</v>
          </cell>
          <cell r="T1903">
            <v>8284</v>
          </cell>
          <cell r="V1903" t="str">
            <v>av361361</v>
          </cell>
          <cell r="W1903" t="str">
            <v>pg105012</v>
          </cell>
          <cell r="Y1903" t="str">
            <v>77，</v>
          </cell>
          <cell r="Z1903">
            <v>77</v>
          </cell>
          <cell r="AA1903">
            <v>80</v>
          </cell>
          <cell r="AB1903" t="str">
            <v/>
          </cell>
          <cell r="AC1903" t="str">
            <v/>
          </cell>
          <cell r="AD1903" t="str">
            <v/>
          </cell>
          <cell r="AE1903" t="str">
            <v>１；意識・実態・世論・市場等の社会経済調査分析、人口推計等の統計調査分析２；都市・地産地消・農業・景観・福祉・商工・観光等各種計画策定、ワークショップ等を用いた住民活動支援や特産品開発等による地域活性化支援等のまちづくりコンサルティング３；４；</v>
          </cell>
          <cell r="AF1903" t="str">
            <v>意識・実態・世論・交通関係・市場等の社会経済調査分析、人口推計等の統計調査分析。都市・地産地消・農業・景観・福祉・商工・観光等各種計画策定。ワークショップ等を用いた住民活動支援・特産品開発等の地域活性化支援等のまちづくりコンサルティング等の業務を行っております。</v>
          </cell>
        </row>
        <row r="1904">
          <cell r="B1904">
            <v>10064</v>
          </cell>
          <cell r="C1904" t="str">
            <v>日通商事(株)</v>
          </cell>
          <cell r="D1904" t="str">
            <v>06-6451-6781</v>
          </cell>
          <cell r="E1904" t="str">
            <v>530-0001</v>
          </cell>
          <cell r="F1904" t="str">
            <v>大阪府大阪市北区中津5-4-10</v>
          </cell>
          <cell r="G1904" t="str">
            <v>大阪市</v>
          </cell>
          <cell r="H1904" t="str">
            <v>大阪支店</v>
          </cell>
          <cell r="I1904" t="str">
            <v>支配人 日比　伸幸</v>
          </cell>
          <cell r="J1904" t="str">
            <v>東京都</v>
          </cell>
          <cell r="K1904" t="str">
            <v>06-6451-7401</v>
          </cell>
          <cell r="L1904" t="str">
            <v>y-imai@nittsushoji.co.jp</v>
          </cell>
          <cell r="M1904" t="str">
            <v>ﾆｯﾂｳｼｮｳｼﾞ</v>
          </cell>
          <cell r="N1904" t="str">
            <v>有</v>
          </cell>
          <cell r="O1904">
            <v>60</v>
          </cell>
          <cell r="P1904">
            <v>2324</v>
          </cell>
          <cell r="Q1904">
            <v>1010001025515</v>
          </cell>
          <cell r="R1904">
            <v>4000000</v>
          </cell>
          <cell r="S1904">
            <v>80210321</v>
          </cell>
          <cell r="T1904">
            <v>377401159</v>
          </cell>
          <cell r="V1904" t="str">
            <v>xk952552</v>
          </cell>
          <cell r="W1904" t="str">
            <v>dj164692</v>
          </cell>
          <cell r="Y1904" t="str">
            <v>015，11，15，26，38，44，</v>
          </cell>
          <cell r="Z1904">
            <v>44</v>
          </cell>
          <cell r="AA1904">
            <v>26</v>
          </cell>
          <cell r="AB1904">
            <v>11</v>
          </cell>
          <cell r="AC1904">
            <v>15</v>
          </cell>
          <cell r="AD1904" t="str">
            <v/>
          </cell>
          <cell r="AE1904" t="str">
            <v>１；ＯＡ機器・自動車・理化学機器・医療機器を中心にリース業務を行っております。許認可は、高度管理医療機器等販売業・貸与業許可証等を取得しています。２；大型トラック・フォークリフトの車検・点検・修理業を行っており、許認可は自動車分解整備事業認証書・指定自動車整備事業指定書を取得しております。３；軽油・重油等油脂類全般の販売を行っており、許認可は石油製品販売業届出・揮発油販売業者登録通知書を取得しております。４；段ボール、古文書箱等の各種包装資材を販売しております。</v>
          </cell>
          <cell r="AF1904" t="str">
            <v>日本通運株式会社のグループ企業で物流関連を主業とする総合商社です。取扱品目は、リース全般、車両整備、石油等油脂類の販売及び損害保険・生命保険の代理店業務を行っております。</v>
          </cell>
        </row>
        <row r="1905">
          <cell r="B1905">
            <v>10065</v>
          </cell>
          <cell r="C1905" t="str">
            <v>(株)西日本水道センター</v>
          </cell>
          <cell r="D1905" t="str">
            <v>06-6396-8118</v>
          </cell>
          <cell r="E1905" t="str">
            <v>532-0003</v>
          </cell>
          <cell r="F1905" t="str">
            <v>大阪府大阪市淀川区宮原2-10-9</v>
          </cell>
          <cell r="G1905" t="str">
            <v>大阪市</v>
          </cell>
          <cell r="H1905" t="str">
            <v>大阪支店</v>
          </cell>
          <cell r="I1905" t="str">
            <v>支店長 井上　啓</v>
          </cell>
          <cell r="J1905" t="str">
            <v>大阪府大阪市</v>
          </cell>
          <cell r="K1905" t="str">
            <v>06-6396-9711</v>
          </cell>
          <cell r="L1905" t="str">
            <v>n-suidou@tune.ocn.ne.jp</v>
          </cell>
          <cell r="M1905" t="str">
            <v>ﾆｼﾆﾎﾝｽｲﾄﾞｳｾﾝﾀｰ</v>
          </cell>
          <cell r="N1905" t="str">
            <v>有</v>
          </cell>
          <cell r="O1905">
            <v>15</v>
          </cell>
          <cell r="P1905">
            <v>31</v>
          </cell>
          <cell r="Q1905">
            <v>7120001105366</v>
          </cell>
          <cell r="R1905">
            <v>31000</v>
          </cell>
          <cell r="S1905">
            <v>37167</v>
          </cell>
          <cell r="T1905">
            <v>257708</v>
          </cell>
          <cell r="V1905" t="str">
            <v>yp112175</v>
          </cell>
          <cell r="W1905" t="str">
            <v>tx146189</v>
          </cell>
          <cell r="Y1905" t="str">
            <v>79，</v>
          </cell>
          <cell r="Z1905">
            <v>79</v>
          </cell>
          <cell r="AA1905" t="str">
            <v/>
          </cell>
          <cell r="AB1905" t="str">
            <v/>
          </cell>
          <cell r="AC1905" t="str">
            <v/>
          </cell>
          <cell r="AD1905" t="str">
            <v/>
          </cell>
          <cell r="AE1905" t="str">
            <v>１；漏水調査、水圧・流量測定２；３；４；</v>
          </cell>
          <cell r="AF1905" t="str">
            <v>当社は上水道の維持管理部門の漏水調査業務が主体です。特に公共的な業務であり、経験豊富な技術が必要不可欠であるため、日夜技術向上に努め、高度な調査資料を提供しております。また、水圧・流量測定も行っています。</v>
          </cell>
        </row>
        <row r="1906">
          <cell r="B1906">
            <v>10067</v>
          </cell>
          <cell r="C1906" t="str">
            <v>林六(株)</v>
          </cell>
          <cell r="D1906" t="str">
            <v>06-6262-3906</v>
          </cell>
          <cell r="E1906" t="str">
            <v>542-0081</v>
          </cell>
          <cell r="F1906" t="str">
            <v>大阪府大阪市中央区南船場4-11-28</v>
          </cell>
          <cell r="G1906" t="str">
            <v>大阪市</v>
          </cell>
          <cell r="H1906" t="str">
            <v/>
          </cell>
          <cell r="I1906" t="str">
            <v>代表取締役社長 朝倉　悟</v>
          </cell>
          <cell r="J1906" t="str">
            <v>本店</v>
          </cell>
          <cell r="K1906" t="str">
            <v>06-6120-9526</v>
          </cell>
          <cell r="L1906" t="str">
            <v>osaka3@hayashiroku.co.jp</v>
          </cell>
          <cell r="M1906" t="str">
            <v>ﾊﾔｼﾛｸ</v>
          </cell>
          <cell r="N1906" t="str">
            <v>無</v>
          </cell>
          <cell r="O1906">
            <v>72</v>
          </cell>
          <cell r="P1906">
            <v>77</v>
          </cell>
          <cell r="Q1906">
            <v>6120001087408</v>
          </cell>
          <cell r="R1906">
            <v>100000</v>
          </cell>
          <cell r="S1906">
            <v>7626928</v>
          </cell>
          <cell r="T1906">
            <v>20116136</v>
          </cell>
          <cell r="V1906" t="str">
            <v>rf600944</v>
          </cell>
          <cell r="W1906" t="str">
            <v>vf101236</v>
          </cell>
          <cell r="Y1906" t="str">
            <v>10，</v>
          </cell>
          <cell r="Z1906">
            <v>10</v>
          </cell>
          <cell r="AA1906">
            <v>80</v>
          </cell>
          <cell r="AB1906" t="str">
            <v/>
          </cell>
          <cell r="AC1906" t="str">
            <v/>
          </cell>
          <cell r="AD1906" t="str">
            <v/>
          </cell>
          <cell r="AE1906" t="str">
            <v>１；毒物劇物販売業２；非常用飲料水袋３；４；</v>
          </cell>
          <cell r="AF1906" t="str">
            <v>工業薬品、水処理薬品を中心に近畿地区各所の官公庁施設に納入実績があります。</v>
          </cell>
        </row>
        <row r="1907">
          <cell r="B1907">
            <v>10068</v>
          </cell>
          <cell r="C1907" t="str">
            <v>パーソルテンプスタッフ(株)</v>
          </cell>
          <cell r="D1907" t="str">
            <v>06-7166-9470</v>
          </cell>
          <cell r="E1907" t="str">
            <v>530-0011</v>
          </cell>
          <cell r="F1907" t="str">
            <v>大阪府大阪市北区大深町3-1</v>
          </cell>
          <cell r="H1907" t="str">
            <v>西日本ＯＳ事業本部</v>
          </cell>
          <cell r="I1907" t="str">
            <v>本部長 藤原　理絵</v>
          </cell>
          <cell r="J1907" t="str">
            <v>東京都</v>
          </cell>
          <cell r="K1907" t="str">
            <v>06-7176-9115</v>
          </cell>
          <cell r="L1907" t="str">
            <v>kenjisu@tempstaff.co.jp</v>
          </cell>
          <cell r="M1907" t="str">
            <v>ﾊﾟｰｿﾙﾃﾝﾌﾟｽﾀｯﾌ</v>
          </cell>
          <cell r="N1907" t="str">
            <v>有</v>
          </cell>
          <cell r="O1907">
            <v>45</v>
          </cell>
          <cell r="P1907">
            <v>4360</v>
          </cell>
          <cell r="Q1907">
            <v>1011001015010</v>
          </cell>
          <cell r="R1907">
            <v>2273285</v>
          </cell>
          <cell r="S1907">
            <v>46032445</v>
          </cell>
          <cell r="T1907">
            <v>280951056</v>
          </cell>
          <cell r="V1907" t="str">
            <v>yw680597</v>
          </cell>
          <cell r="W1907" t="str">
            <v>eh180243</v>
          </cell>
          <cell r="Y1907" t="str">
            <v>59，56，57，58，59，63，77，</v>
          </cell>
          <cell r="Z1907">
            <v>56</v>
          </cell>
          <cell r="AA1907">
            <v>80</v>
          </cell>
          <cell r="AB1907">
            <v>57</v>
          </cell>
          <cell r="AC1907">
            <v>59</v>
          </cell>
          <cell r="AD1907" t="str">
            <v/>
          </cell>
          <cell r="AE1907" t="str">
            <v>１；労働者派遣業務全般　保有する許認可：労働者派遣事業許可証、プライバシーマーク</v>
          </cell>
          <cell r="AF1907" t="str">
            <v>人材派遣業務全般、各種業務委託（各種窓口・端末操作・各種証明書発行業務）、データ入力、ＨＰ作成・運用業務、各種調査業務等、様々な官公庁・自治体ニーズに対応できる人材総合会社です。</v>
          </cell>
        </row>
        <row r="1908">
          <cell r="B1908">
            <v>10070</v>
          </cell>
          <cell r="C1908" t="str">
            <v>みずほ東芝リース(株)</v>
          </cell>
          <cell r="D1908" t="str">
            <v>03-5253-6760</v>
          </cell>
          <cell r="E1908" t="str">
            <v>105-0001</v>
          </cell>
          <cell r="F1908" t="str">
            <v>東京都港区虎ﾉ門1-2-6</v>
          </cell>
          <cell r="G1908" t="str">
            <v>東京都</v>
          </cell>
          <cell r="H1908" t="str">
            <v/>
          </cell>
          <cell r="I1908" t="str">
            <v>代表取締役 吉田　亨</v>
          </cell>
          <cell r="J1908" t="str">
            <v>本店</v>
          </cell>
          <cell r="K1908" t="str">
            <v>050-3730-6765</v>
          </cell>
          <cell r="L1908" t="str">
            <v>nyusatsu@toshiba-lease.co.jp</v>
          </cell>
          <cell r="M1908" t="str">
            <v>ｱｲﾋﾞｰｼﾞｪｰｴﾙﾄｳｼﾊﾞﾘｰｽ</v>
          </cell>
          <cell r="N1908" t="str">
            <v>無</v>
          </cell>
          <cell r="O1908">
            <v>20</v>
          </cell>
          <cell r="P1908">
            <v>252</v>
          </cell>
          <cell r="Q1908">
            <v>4010701026198</v>
          </cell>
          <cell r="R1908">
            <v>1520000</v>
          </cell>
          <cell r="S1908">
            <v>29640000</v>
          </cell>
          <cell r="T1908">
            <v>92302000</v>
          </cell>
          <cell r="V1908" t="str">
            <v>xc812496</v>
          </cell>
          <cell r="W1908" t="str">
            <v>es106083</v>
          </cell>
          <cell r="Y1908" t="str">
            <v>44，</v>
          </cell>
          <cell r="Z1908">
            <v>44</v>
          </cell>
          <cell r="AA1908" t="str">
            <v/>
          </cell>
          <cell r="AB1908" t="str">
            <v/>
          </cell>
          <cell r="AC1908" t="str">
            <v/>
          </cell>
          <cell r="AD1908" t="str">
            <v/>
          </cell>
          <cell r="AE1908" t="str">
            <v>１；２；３；４；</v>
          </cell>
          <cell r="AF1908" t="str">
            <v>メーカー系リース会社として永年培ってきた経験とノウハウに新たに銀行系リース会社の専門性を加え、各種設備機器等に対するリース賃貸借に関する様々な機能、提案を提供します。</v>
          </cell>
        </row>
        <row r="1909">
          <cell r="B1909">
            <v>10071</v>
          </cell>
          <cell r="C1909" t="str">
            <v>(株)メディテイク</v>
          </cell>
          <cell r="D1909" t="str">
            <v>072-825-7300</v>
          </cell>
          <cell r="E1909" t="str">
            <v>572-0822</v>
          </cell>
          <cell r="F1909" t="str">
            <v>大阪府寝屋川市木田元宮1丁目18番5号</v>
          </cell>
          <cell r="G1909" t="str">
            <v>寝屋川市</v>
          </cell>
          <cell r="H1909" t="str">
            <v/>
          </cell>
          <cell r="I1909" t="str">
            <v>代表取締役 竹本　則彦</v>
          </cell>
          <cell r="J1909" t="str">
            <v>本店</v>
          </cell>
          <cell r="K1909" t="str">
            <v>072-725-7301</v>
          </cell>
          <cell r="L1909" t="str">
            <v>m.yagi@medi-take.jp</v>
          </cell>
          <cell r="M1909" t="str">
            <v>ﾒﾃﾞｨﾃｲｸ</v>
          </cell>
          <cell r="N1909" t="str">
            <v>無</v>
          </cell>
          <cell r="O1909">
            <v>41</v>
          </cell>
          <cell r="P1909">
            <v>71</v>
          </cell>
          <cell r="Q1909">
            <v>5120001152096</v>
          </cell>
          <cell r="R1909">
            <v>99000</v>
          </cell>
          <cell r="S1909">
            <v>746050</v>
          </cell>
          <cell r="T1909">
            <v>6382023</v>
          </cell>
          <cell r="V1909" t="str">
            <v>wh431269</v>
          </cell>
          <cell r="W1909" t="str">
            <v>fb108148</v>
          </cell>
          <cell r="Y1909" t="str">
            <v/>
          </cell>
          <cell r="Z1909" t="str">
            <v/>
          </cell>
          <cell r="AA1909" t="str">
            <v/>
          </cell>
          <cell r="AB1909" t="str">
            <v/>
          </cell>
          <cell r="AC1909" t="str">
            <v/>
          </cell>
          <cell r="AD1909" t="str">
            <v/>
          </cell>
          <cell r="AE1909" t="str">
            <v>１；２；３；４；</v>
          </cell>
          <cell r="AF1909" t="str">
            <v>現在、インターベンション事業部、整形外科事業部、眼科事業部など、専門に特化した事業部と、医療機器全般を扱う医療施設事業部、大型医療機器を扱う病設事業部で営業活動を展開し、各医療機器の卸販売を行っている。</v>
          </cell>
        </row>
        <row r="1910">
          <cell r="B1910">
            <v>10072</v>
          </cell>
          <cell r="C1910" t="str">
            <v>アサヒプリテック(株)</v>
          </cell>
          <cell r="D1910" t="str">
            <v>078-412-3556</v>
          </cell>
          <cell r="E1910" t="str">
            <v>658-0024</v>
          </cell>
          <cell r="F1910" t="str">
            <v>兵庫県神戸市東灘区魚崎浜町21</v>
          </cell>
          <cell r="G1910" t="str">
            <v>神戸市</v>
          </cell>
          <cell r="H1910" t="str">
            <v>神戸営業所</v>
          </cell>
          <cell r="I1910" t="str">
            <v>神戸営業所長 八杉　昌昭</v>
          </cell>
          <cell r="J1910" t="str">
            <v>兵庫県神戸市</v>
          </cell>
          <cell r="K1910" t="str">
            <v>078-412-3562</v>
          </cell>
          <cell r="L1910" t="str">
            <v>osaka@asahipretec.com</v>
          </cell>
          <cell r="M1910" t="str">
            <v>ｱｻﾋﾌﾟﾘﾃｯｸ</v>
          </cell>
          <cell r="N1910" t="str">
            <v>有</v>
          </cell>
          <cell r="O1910">
            <v>66</v>
          </cell>
          <cell r="P1910">
            <v>780</v>
          </cell>
          <cell r="Q1910">
            <v>4140001019022</v>
          </cell>
          <cell r="R1910">
            <v>4480817</v>
          </cell>
          <cell r="S1910">
            <v>23607522</v>
          </cell>
          <cell r="T1910">
            <v>76837245</v>
          </cell>
          <cell r="V1910" t="str">
            <v>vy762650</v>
          </cell>
          <cell r="W1910" t="str">
            <v>ur115518</v>
          </cell>
          <cell r="Y1910" t="str">
            <v>68，</v>
          </cell>
          <cell r="Z1910">
            <v>68</v>
          </cell>
          <cell r="AA1910" t="str">
            <v/>
          </cell>
          <cell r="AB1910" t="str">
            <v/>
          </cell>
          <cell r="AC1910" t="str">
            <v/>
          </cell>
          <cell r="AD1910" t="str">
            <v/>
          </cell>
          <cell r="AE1910" t="str">
            <v>１；２；３；４；</v>
          </cell>
          <cell r="AF1910" t="str">
            <v>産業廃棄物の収集運搬、処分</v>
          </cell>
        </row>
        <row r="1911">
          <cell r="B1911">
            <v>10073</v>
          </cell>
          <cell r="C1911" t="str">
            <v>(株)キンキ酸器</v>
          </cell>
          <cell r="D1911" t="str">
            <v>078-903-4348</v>
          </cell>
          <cell r="E1911" t="str">
            <v>564-0053</v>
          </cell>
          <cell r="F1911" t="str">
            <v>兵庫県西宮市山口町下山口2-8-15</v>
          </cell>
          <cell r="G1911" t="str">
            <v>吹田市</v>
          </cell>
          <cell r="H1911" t="str">
            <v>阪神支店</v>
          </cell>
          <cell r="I1911" t="str">
            <v>支店長 江野村　好郁</v>
          </cell>
          <cell r="J1911" t="str">
            <v>本店</v>
          </cell>
          <cell r="K1911" t="str">
            <v>078-903-4350</v>
          </cell>
          <cell r="L1911" t="str">
            <v>enomura.y@kinkisanki.com</v>
          </cell>
          <cell r="M1911" t="str">
            <v>ｷﾝｷｻﾝｷ</v>
          </cell>
          <cell r="N1911" t="str">
            <v>無</v>
          </cell>
          <cell r="O1911">
            <v>62</v>
          </cell>
          <cell r="P1911">
            <v>80</v>
          </cell>
          <cell r="Q1911">
            <v>5120901006062</v>
          </cell>
          <cell r="R1911">
            <v>15100</v>
          </cell>
          <cell r="S1911">
            <v>647239</v>
          </cell>
          <cell r="T1911">
            <v>2556692</v>
          </cell>
          <cell r="V1911" t="str">
            <v>sa268403</v>
          </cell>
          <cell r="W1911" t="str">
            <v>cm187693</v>
          </cell>
          <cell r="Y1911" t="str">
            <v>048，9，39，44，48，</v>
          </cell>
          <cell r="Z1911">
            <v>9</v>
          </cell>
          <cell r="AA1911">
            <v>39</v>
          </cell>
          <cell r="AB1911">
            <v>44</v>
          </cell>
          <cell r="AC1911">
            <v>48</v>
          </cell>
          <cell r="AD1911" t="str">
            <v/>
          </cell>
          <cell r="AE1911" t="str">
            <v>１；医療用液体酸素、局方酸素ガス、局方亜酸化窒素、局方二酸化炭素、液体ヘリウム、滅菌ガス、標準ガス等２；酸素流量計、吸引器、人工呼吸器、他医療ガス関連機器３；在宅酸素濃縮器、人工呼吸器、カフティーポンプ等４；医療ガス設備保守点検、在宅酸素濃縮器保守点検等</v>
          </cell>
          <cell r="AF1911" t="str">
            <v>主に医療ガス、医療機器を取り扱っており、３６５日２４時間体制。各メーカーの商品を取り扱っておりますので、お客様のニーズに合うものをご提供致します。</v>
          </cell>
        </row>
        <row r="1912">
          <cell r="B1912">
            <v>10075</v>
          </cell>
          <cell r="C1912" t="str">
            <v>(株)ヤマダデンキ</v>
          </cell>
          <cell r="D1912" t="str">
            <v>027-345-8857</v>
          </cell>
          <cell r="E1912" t="str">
            <v>664-0831</v>
          </cell>
          <cell r="F1912" t="str">
            <v>兵庫県伊丹市北伊丹8-10-5</v>
          </cell>
          <cell r="G1912" t="str">
            <v>伊丹市</v>
          </cell>
          <cell r="H1912" t="str">
            <v>伊丹営業所</v>
          </cell>
          <cell r="I1912" t="str">
            <v>所長 伊勢　武司</v>
          </cell>
          <cell r="J1912" t="str">
            <v>群馬県高崎市</v>
          </cell>
          <cell r="K1912" t="str">
            <v>027-345-8825</v>
          </cell>
          <cell r="L1912" t="str">
            <v>jb-itami@tecc.co.jp</v>
          </cell>
          <cell r="M1912" t="str">
            <v/>
          </cell>
          <cell r="N1912" t="str">
            <v>有</v>
          </cell>
          <cell r="O1912">
            <v>45</v>
          </cell>
          <cell r="P1912">
            <v>19752</v>
          </cell>
          <cell r="Q1912">
            <v>4070001011201</v>
          </cell>
          <cell r="R1912">
            <v>71058843</v>
          </cell>
          <cell r="S1912">
            <v>585519000</v>
          </cell>
          <cell r="T1912">
            <v>1573873000</v>
          </cell>
          <cell r="V1912" t="str">
            <v>zx851170</v>
          </cell>
          <cell r="W1912" t="str">
            <v>nw100955</v>
          </cell>
          <cell r="Y1912" t="str">
            <v>35，36，</v>
          </cell>
          <cell r="Z1912">
            <v>35</v>
          </cell>
          <cell r="AA1912">
            <v>36</v>
          </cell>
          <cell r="AB1912" t="str">
            <v/>
          </cell>
          <cell r="AC1912" t="str">
            <v/>
          </cell>
          <cell r="AD1912" t="str">
            <v/>
          </cell>
          <cell r="AE1912" t="str">
            <v>１；（品目）テレビ、冷蔵庫、洗濯機、家庭用・業務用エアコン、家庭用、業務用ＬＥＤ照明器具、デジタルカメラ等。（メーカー）日立、東芝、三菱、パナソニック、ＳＯＮＹ、シャープ、ＪＶＣ、フナイ等２；（品目）家庭用・業務用パソコン、家庭用・業務用プリンター、プロジェクター、パソコンソフト等。（メーカー）ＮＥＣ、富士通、ＨＰ、Ｄｅｌｌ、マイクロソフト、エプソン、キャノン、沖、ブラザー等３；４；</v>
          </cell>
          <cell r="AF1912" t="str">
            <v>全国にネットワークのある家電量販店で法人向けの専門部署がございます。家電、ＯＡ機器、ＬＥＤ器具、空調設備、携帯端末、監視カメラ、ＰＣソフト等幅広いアイテムを取り扱っております。</v>
          </cell>
        </row>
        <row r="1913">
          <cell r="B1913">
            <v>10077</v>
          </cell>
          <cell r="C1913" t="str">
            <v>(株)かんこう</v>
          </cell>
          <cell r="D1913" t="str">
            <v>078-360-2530</v>
          </cell>
          <cell r="E1913" t="str">
            <v>650-0023</v>
          </cell>
          <cell r="F1913" t="str">
            <v>兵庫県神戸市中央区栄町通6-1-18</v>
          </cell>
          <cell r="G1913" t="str">
            <v>神戸市</v>
          </cell>
          <cell r="H1913" t="str">
            <v>神戸支店</v>
          </cell>
          <cell r="I1913" t="str">
            <v>支店長 後藤　昭義</v>
          </cell>
          <cell r="J1913" t="str">
            <v>大阪府大阪市</v>
          </cell>
          <cell r="K1913" t="str">
            <v>078-360-2540</v>
          </cell>
          <cell r="L1913" t="str">
            <v>e-honbu@kanko.cityis.co.jp</v>
          </cell>
          <cell r="M1913" t="str">
            <v>ｶﾝｺｳ</v>
          </cell>
          <cell r="N1913" t="str">
            <v>有</v>
          </cell>
          <cell r="O1913">
            <v>65</v>
          </cell>
          <cell r="P1913">
            <v>172</v>
          </cell>
          <cell r="Q1913">
            <v>1120001007221</v>
          </cell>
          <cell r="R1913">
            <v>50000</v>
          </cell>
          <cell r="S1913">
            <v>1203841</v>
          </cell>
          <cell r="T1913">
            <v>2902045</v>
          </cell>
          <cell r="V1913" t="str">
            <v>at901306</v>
          </cell>
          <cell r="W1913" t="str">
            <v>kv132304</v>
          </cell>
          <cell r="Y1913" t="str">
            <v>077，57，58，72，77，</v>
          </cell>
          <cell r="Z1913">
            <v>72</v>
          </cell>
          <cell r="AA1913">
            <v>58</v>
          </cell>
          <cell r="AB1913">
            <v>57</v>
          </cell>
          <cell r="AC1913">
            <v>77</v>
          </cell>
          <cell r="AD1913" t="str">
            <v>地形図製図印刷</v>
          </cell>
          <cell r="AE1913" t="str">
            <v>１；航空写真撮影、航空写真パネル作成、デジタルオルソ画像作成、航空写真モザイク作成、衛星写真、地形図作成２；プログラム開発、ＧＩＳソフト開発、システム開発、システム運用及び管理、ホームページ作成３；コンピュータマッピング、電子計算機使用による計算及び解析４；交通量調査、土壌汚染調査、騒音振動調査</v>
          </cell>
          <cell r="AF1913" t="str">
            <v>総合建設コンサルタントして、自社機による空中写真撮影により地形データを取得し各種台帳等のニーズに合った成果品作成まで一貫した社内生産体制を組んでいます。また、同じくニーズに合ったシステム・ソフト開発及びデータ入力、保守管理まで蓄積された技術で行う事ができます。</v>
          </cell>
        </row>
        <row r="1914">
          <cell r="B1914">
            <v>10078</v>
          </cell>
          <cell r="C1914" t="str">
            <v>富国工業(株)</v>
          </cell>
          <cell r="D1914" t="str">
            <v>0797-86-6066</v>
          </cell>
          <cell r="E1914" t="str">
            <v>669-1132</v>
          </cell>
          <cell r="F1914" t="str">
            <v>兵庫県西宮市名塩南台3-20-66</v>
          </cell>
          <cell r="G1914" t="str">
            <v>西宮市</v>
          </cell>
          <cell r="H1914" t="str">
            <v>西宮営業所</v>
          </cell>
          <cell r="I1914" t="str">
            <v>所長 森岡　賢二</v>
          </cell>
          <cell r="J1914" t="str">
            <v>兵庫県神戸市</v>
          </cell>
          <cell r="K1914" t="str">
            <v>0797-63-2157</v>
          </cell>
          <cell r="L1914" t="str">
            <v>traffic-dep@fukoku-kk.com</v>
          </cell>
          <cell r="M1914" t="str">
            <v>ﾌｺｸｺｳｷﾞｮｳ</v>
          </cell>
          <cell r="N1914" t="str">
            <v>有</v>
          </cell>
          <cell r="O1914">
            <v>52</v>
          </cell>
          <cell r="P1914">
            <v>25</v>
          </cell>
          <cell r="Q1914">
            <v>7140001015357</v>
          </cell>
          <cell r="R1914">
            <v>50000</v>
          </cell>
          <cell r="S1914">
            <v>829634</v>
          </cell>
          <cell r="T1914">
            <v>1301536</v>
          </cell>
          <cell r="V1914" t="str">
            <v>vc776464</v>
          </cell>
          <cell r="W1914" t="str">
            <v>mh183312</v>
          </cell>
          <cell r="Y1914" t="str">
            <v>30，31，32，33，34，</v>
          </cell>
          <cell r="Z1914">
            <v>30</v>
          </cell>
          <cell r="AA1914" t="str">
            <v/>
          </cell>
          <cell r="AB1914" t="str">
            <v/>
          </cell>
          <cell r="AC1914" t="str">
            <v/>
          </cell>
          <cell r="AD1914" t="str">
            <v/>
          </cell>
          <cell r="AE1914" t="str">
            <v>１；道路標識、ガードレール、防護柵、ポールコーン、遮音壁、交通安全施設用品２；３；４；</v>
          </cell>
          <cell r="AF1914" t="str">
            <v>当社は各種道路工事を行っており、県警の道路標識・道路標示工事や国土交通省、県下の各市町村等の工事を主に行っております。長年の実績と経験を積んだ技術者を持ち、かつ新しい技術も取り入れ　技術の向上を目指しております。また、交通安全施設資材の販売も行っております。</v>
          </cell>
        </row>
        <row r="1915">
          <cell r="B1915">
            <v>10079</v>
          </cell>
          <cell r="C1915" t="str">
            <v>ダイハツディーゼル(株)</v>
          </cell>
          <cell r="D1915" t="str">
            <v>06-6454-2345</v>
          </cell>
          <cell r="E1915" t="str">
            <v>531-0076</v>
          </cell>
          <cell r="F1915" t="str">
            <v>大阪府大阪市北区大淀中1-1-30</v>
          </cell>
          <cell r="G1915" t="str">
            <v>大阪市</v>
          </cell>
          <cell r="H1915" t="str">
            <v/>
          </cell>
          <cell r="I1915" t="str">
            <v>代表取締役 堀田　佳伸</v>
          </cell>
          <cell r="J1915" t="str">
            <v>本店</v>
          </cell>
          <cell r="K1915" t="str">
            <v>06-6151-2813</v>
          </cell>
          <cell r="L1915" t="str">
            <v>nyusatsuddk@dhtd.co.jp</v>
          </cell>
          <cell r="M1915" t="str">
            <v>ﾀﾞｲﾊﾂﾃﾞｨｰｾﾞﾙ</v>
          </cell>
          <cell r="N1915" t="str">
            <v>無</v>
          </cell>
          <cell r="O1915">
            <v>52</v>
          </cell>
          <cell r="P1915">
            <v>854</v>
          </cell>
          <cell r="Q1915">
            <v>3120001083145</v>
          </cell>
          <cell r="R1915">
            <v>2434300</v>
          </cell>
          <cell r="S1915">
            <v>32382270</v>
          </cell>
          <cell r="T1915">
            <v>49755113</v>
          </cell>
          <cell r="V1915" t="str">
            <v>mr802506</v>
          </cell>
          <cell r="W1915" t="str">
            <v>ce154424</v>
          </cell>
          <cell r="Y1915" t="str">
            <v>40，47，48，</v>
          </cell>
          <cell r="Z1915">
            <v>40</v>
          </cell>
          <cell r="AA1915">
            <v>47</v>
          </cell>
          <cell r="AB1915">
            <v>48</v>
          </cell>
          <cell r="AC1915" t="str">
            <v/>
          </cell>
          <cell r="AD1915" t="str">
            <v/>
          </cell>
          <cell r="AE1915" t="str">
            <v>１；ディーゼルエンジン、ガスタービン、ガスエンジン、内燃機関発電装置２；内燃機関発電装置保守点検３；上下水道ポンプ駆動内燃機関保守点検４；</v>
          </cell>
          <cell r="AF1915" t="str">
            <v>原動機の総合メーカーとして国内外の陸用向けには主にディーゼルエンジン、ガスタービンを、舶用向けにはディーゼルエンジンを多数生産しており、近年はガスエンジンも加えコージェネシステムも開発し、環境保全にも努めております。</v>
          </cell>
        </row>
        <row r="1916">
          <cell r="B1916">
            <v>10081</v>
          </cell>
          <cell r="C1916" t="str">
            <v>(株)大阪オートマティック・サービス</v>
          </cell>
          <cell r="D1916" t="str">
            <v>06-6792-0091</v>
          </cell>
          <cell r="E1916" t="str">
            <v>547-0041</v>
          </cell>
          <cell r="F1916" t="str">
            <v>大阪府大阪市平野区平野北1-5-6</v>
          </cell>
          <cell r="G1916" t="str">
            <v>大阪市</v>
          </cell>
          <cell r="H1916" t="str">
            <v/>
          </cell>
          <cell r="I1916" t="str">
            <v>代表取締役　 岩城　宏和</v>
          </cell>
          <cell r="J1916" t="str">
            <v>本店</v>
          </cell>
          <cell r="K1916" t="str">
            <v>06-6794-5132</v>
          </cell>
          <cell r="L1916" t="str">
            <v>sasano@kk-oas.co.jp</v>
          </cell>
          <cell r="M1916" t="str">
            <v>ｵｵｻｶｵ-ﾄﾏﾃｲﾂｸ･ｻ-ﾋﾞｽ</v>
          </cell>
          <cell r="N1916" t="str">
            <v>無</v>
          </cell>
          <cell r="O1916">
            <v>54</v>
          </cell>
          <cell r="P1916">
            <v>20</v>
          </cell>
          <cell r="Q1916">
            <v>4120001022135</v>
          </cell>
          <cell r="R1916">
            <v>30000</v>
          </cell>
          <cell r="S1916">
            <v>49213</v>
          </cell>
          <cell r="T1916">
            <v>409137</v>
          </cell>
          <cell r="V1916" t="str">
            <v>dm545667</v>
          </cell>
          <cell r="W1916" t="str">
            <v>nt183335</v>
          </cell>
          <cell r="Y1916" t="str">
            <v>14.32.44.80</v>
          </cell>
          <cell r="Z1916">
            <v>14</v>
          </cell>
          <cell r="AA1916">
            <v>80</v>
          </cell>
          <cell r="AB1916">
            <v>32</v>
          </cell>
          <cell r="AC1916">
            <v>44</v>
          </cell>
          <cell r="AD1916" t="str">
            <v/>
          </cell>
          <cell r="AE1916" t="str">
            <v>１；２；コインロッカー、フリーボックス、静脈認証式ロッカー、マイコンロッカー３；各種券売機、入退場ゲートシステム、各種両替機、計数機４；合成木材ディックウッド、公園資材、展望デッキ、シェルター、八つ橋、手摺</v>
          </cell>
          <cell r="AF1916" t="str">
            <v>コインロッカー、フリーボックス、静脈認証式ロッカー、マイコンロッカー、各種券売機、入退場ゲートシステム、各種両替機、計数機、合成木材ディックウッド、公園資材、展望デッキ、シェルター、八つ橋、手摺</v>
          </cell>
        </row>
        <row r="1917">
          <cell r="B1917">
            <v>10083</v>
          </cell>
          <cell r="C1917" t="str">
            <v>(株)マーク</v>
          </cell>
          <cell r="D1917" t="str">
            <v>0574-25-2755</v>
          </cell>
          <cell r="E1917" t="str">
            <v>505-0021</v>
          </cell>
          <cell r="F1917" t="str">
            <v>岐阜県美濃加茂市森山町3-12-1</v>
          </cell>
          <cell r="G1917" t="str">
            <v>美濃加茂市</v>
          </cell>
          <cell r="H1917" t="str">
            <v/>
          </cell>
          <cell r="I1917" t="str">
            <v>代表取締役 舩戸　和加</v>
          </cell>
          <cell r="J1917" t="str">
            <v>本店</v>
          </cell>
          <cell r="K1917" t="str">
            <v>0574-25-0430</v>
          </cell>
          <cell r="L1917" t="str">
            <v>mark@kk-mark.com</v>
          </cell>
          <cell r="M1917" t="str">
            <v>ﾏｰｸ</v>
          </cell>
          <cell r="N1917" t="str">
            <v>無</v>
          </cell>
          <cell r="O1917">
            <v>45</v>
          </cell>
          <cell r="P1917">
            <v>14</v>
          </cell>
          <cell r="Q1917">
            <v>7200001017280</v>
          </cell>
          <cell r="R1917">
            <v>10000</v>
          </cell>
          <cell r="S1917">
            <v>234372</v>
          </cell>
          <cell r="T1917">
            <v>189807</v>
          </cell>
          <cell r="V1917" t="str">
            <v>hp299832</v>
          </cell>
          <cell r="W1917" t="str">
            <v>gi184342</v>
          </cell>
          <cell r="Y1917" t="str">
            <v>07，66，</v>
          </cell>
          <cell r="Z1917">
            <v>66</v>
          </cell>
          <cell r="AA1917">
            <v>7</v>
          </cell>
          <cell r="AB1917">
            <v>80</v>
          </cell>
          <cell r="AC1917" t="str">
            <v/>
          </cell>
          <cell r="AD1917" t="str">
            <v/>
          </cell>
          <cell r="AE1917" t="str">
            <v>１；優れた耐候性や環境に配慮した板材を使用した、環境美化看板・ごみ集積所看板・交通防犯看板等の製作販売。フルカラーのマグネットシート・ステッカーの製作販売。２；フルカラー印刷ののぼり旗・腕章・タスキ・横断幕・懸垂幕・腕章・タスキ等の製造販売。３；救急医療情報キットの製造販売。４；</v>
          </cell>
          <cell r="AF1917" t="str">
            <v>環境美化看板、ごみ集積所看板、交通防犯看板、マグネットシート、のぼり旗、横断幕、懸垂幕、腕章、タスキ、ステッカー、救急医療情報キット等の製作販売</v>
          </cell>
        </row>
        <row r="1918">
          <cell r="B1918">
            <v>10086</v>
          </cell>
          <cell r="C1918" t="str">
            <v>富士ゼロックス兵庫(株)</v>
          </cell>
          <cell r="D1918" t="str">
            <v>078-232-3341</v>
          </cell>
          <cell r="E1918" t="str">
            <v>651-0083</v>
          </cell>
          <cell r="F1918" t="str">
            <v>兵庫県神戸市中央区浜辺通2-1-30</v>
          </cell>
          <cell r="G1918" t="str">
            <v>神戸市</v>
          </cell>
          <cell r="H1918" t="str">
            <v>営業統括部</v>
          </cell>
          <cell r="I1918" t="str">
            <v>営業統括部長 馬詰　和彦</v>
          </cell>
          <cell r="J1918" t="str">
            <v>兵庫県神戸市</v>
          </cell>
          <cell r="K1918" t="str">
            <v>078-251-7314</v>
          </cell>
          <cell r="L1918" t="str">
            <v>t.hashimoto@hgx.fujixerox.co.jp</v>
          </cell>
          <cell r="M1918" t="str">
            <v>ﾌｼﾞｾﾞﾛｯｸｽﾋｮｳｺﾞ</v>
          </cell>
          <cell r="N1918" t="str">
            <v>有</v>
          </cell>
          <cell r="O1918">
            <v>38</v>
          </cell>
          <cell r="P1918">
            <v>287</v>
          </cell>
          <cell r="Q1918">
            <v>1140001012335</v>
          </cell>
          <cell r="R1918">
            <v>30000</v>
          </cell>
          <cell r="S1918">
            <v>766494</v>
          </cell>
          <cell r="T1918">
            <v>11839412</v>
          </cell>
          <cell r="V1918" t="str">
            <v>zz757168</v>
          </cell>
          <cell r="W1918" t="str">
            <v>zn157788</v>
          </cell>
          <cell r="Y1918" t="str">
            <v>015，14，15，36，44，58，</v>
          </cell>
          <cell r="Z1918">
            <v>36</v>
          </cell>
          <cell r="AA1918">
            <v>44</v>
          </cell>
          <cell r="AB1918">
            <v>58</v>
          </cell>
          <cell r="AC1918">
            <v>15</v>
          </cell>
          <cell r="AD1918" t="str">
            <v/>
          </cell>
          <cell r="AE1918" t="str">
            <v>１；パソコン、周辺機器、複写機、プリンタの販売（※複写機、プリンタは富士ゼロックス製）２；富士ゼロックス製複写機の賃貸借及び保守３；システム商品の障害切り分け保守４；コピー用紙、改ざん防止用紙</v>
          </cell>
          <cell r="AF1918" t="str">
            <v>お客様の声を経営の基軸としお客様接点を財産として、お客様の要請や期待に答える活動、商品およびサービスを通して信頼される企業を目指しています。</v>
          </cell>
        </row>
        <row r="1919">
          <cell r="B1919">
            <v>10087</v>
          </cell>
          <cell r="C1919" t="str">
            <v>近鉄ビルサービス(株)</v>
          </cell>
          <cell r="D1919" t="str">
            <v>06-6211-2090</v>
          </cell>
          <cell r="E1919" t="str">
            <v>542-0076</v>
          </cell>
          <cell r="F1919" t="str">
            <v>大阪府大阪市中央区難波2-2-3</v>
          </cell>
          <cell r="G1919" t="str">
            <v>大阪市</v>
          </cell>
          <cell r="H1919" t="str">
            <v/>
          </cell>
          <cell r="I1919" t="str">
            <v>取締役社長 内藤　博行</v>
          </cell>
          <cell r="J1919" t="str">
            <v>本店</v>
          </cell>
          <cell r="K1919" t="str">
            <v>06-6211-2099</v>
          </cell>
          <cell r="L1919" t="str">
            <v>honten@kintetsu-bs.co.jp</v>
          </cell>
          <cell r="M1919" t="str">
            <v>ｷﾝﾃﾂﾋﾞﾙｻｰﾋﾞｽ</v>
          </cell>
          <cell r="N1919" t="str">
            <v>無</v>
          </cell>
          <cell r="O1919">
            <v>46</v>
          </cell>
          <cell r="P1919">
            <v>955</v>
          </cell>
          <cell r="Q1919">
            <v>7120001014708</v>
          </cell>
          <cell r="R1919">
            <v>100000</v>
          </cell>
          <cell r="S1919">
            <v>3181280</v>
          </cell>
          <cell r="T1919">
            <v>20214081</v>
          </cell>
          <cell r="V1919" t="str">
            <v>rp367628</v>
          </cell>
          <cell r="W1919" t="str">
            <v>si160117</v>
          </cell>
          <cell r="Y1919" t="str">
            <v>049，45，46，47，48，49，50，51，52，53，54，</v>
          </cell>
          <cell r="Z1919">
            <v>46</v>
          </cell>
          <cell r="AA1919">
            <v>47</v>
          </cell>
          <cell r="AB1919">
            <v>48</v>
          </cell>
          <cell r="AC1919">
            <v>49</v>
          </cell>
          <cell r="AD1919" t="str">
            <v/>
          </cell>
          <cell r="AE1919" t="str">
            <v>１；建築物環境衛生総合管理業　建築物飲料水貯水槽清掃業　建築物空気調和ダクト清掃業　建築物排水管清掃業　建築物ねずみ昆虫等防除業　建築物飲料水水質検査業　警備業２；３；４；</v>
          </cell>
          <cell r="AF1919" t="str">
            <v>弊社は建物総合管理業者として、建物の設備管理、清掃、警備を柱にし、これに附帯する環境衛生業務、修繕工事、その他様々な業務を請け負っております官公庁物件においても豊富な実績があります。</v>
          </cell>
        </row>
        <row r="1920">
          <cell r="B1920">
            <v>10089</v>
          </cell>
          <cell r="C1920" t="str">
            <v>東芝デジタルソリューションズ(株)</v>
          </cell>
          <cell r="D1920" t="str">
            <v>06-6455-2315</v>
          </cell>
          <cell r="E1920" t="str">
            <v>531-6133</v>
          </cell>
          <cell r="F1920" t="str">
            <v>大阪府大阪市北区大淀中1-1-30</v>
          </cell>
          <cell r="G1920" t="str">
            <v>大阪市</v>
          </cell>
          <cell r="H1920" t="str">
            <v>関西支社</v>
          </cell>
          <cell r="I1920" t="str">
            <v>支社長 滝澤　英俊</v>
          </cell>
          <cell r="J1920" t="str">
            <v>神奈川県川崎市</v>
          </cell>
          <cell r="K1920" t="str">
            <v>06-6455-2085</v>
          </cell>
          <cell r="L1920" t="str">
            <v>tsol-kansai@toshiba-sol.co.jp</v>
          </cell>
          <cell r="M1920" t="str">
            <v>ﾄｳｼﾊﾞﾃﾞｼﾞﾀﾙｿﾘｭｰｼｮﾝｽﾞ</v>
          </cell>
          <cell r="N1920" t="str">
            <v>有</v>
          </cell>
          <cell r="O1920">
            <v>17</v>
          </cell>
          <cell r="P1920">
            <v>4372</v>
          </cell>
          <cell r="Q1920">
            <v>7010401052137</v>
          </cell>
          <cell r="R1920">
            <v>23500000</v>
          </cell>
          <cell r="S1920">
            <v>40801449</v>
          </cell>
          <cell r="T1920">
            <v>122886656</v>
          </cell>
          <cell r="V1920" t="str">
            <v>mn845186</v>
          </cell>
          <cell r="W1920" t="str">
            <v>vr116367</v>
          </cell>
          <cell r="Y1920" t="str">
            <v>36，58，</v>
          </cell>
          <cell r="Z1920">
            <v>58</v>
          </cell>
          <cell r="AA1920">
            <v>36</v>
          </cell>
          <cell r="AB1920" t="str">
            <v/>
          </cell>
          <cell r="AC1920" t="str">
            <v/>
          </cell>
          <cell r="AD1920" t="str">
            <v/>
          </cell>
          <cell r="AE1920" t="str">
            <v>１；各種ソリューションの提供、システム開発から保守業務の提供、ＩｏＴ、ＡＩソリューションサービス事業２；パソコン・ＰＣ周辺機器の販売３；４；</v>
          </cell>
          <cell r="AF1920" t="str">
            <v>東芝グループの４つの主要事業の一つであるデジタルソリューション事業領域を担う会社として、ＩｏＴや人工知能ＡＩなど高度なデジタル技術を活用し、知識と経験を通じて、ビジネスを変革、社会へ新しい価値を創造しています。</v>
          </cell>
        </row>
        <row r="1921">
          <cell r="B1921">
            <v>10091</v>
          </cell>
          <cell r="C1921" t="str">
            <v>(株)ジンテック</v>
          </cell>
          <cell r="D1921" t="str">
            <v>078-927-1889</v>
          </cell>
          <cell r="E1921" t="str">
            <v>651-1302</v>
          </cell>
          <cell r="F1921" t="str">
            <v>兵庫県神戸市北区藤原台中町4丁目13-5</v>
          </cell>
          <cell r="G1921" t="str">
            <v>神戸市</v>
          </cell>
          <cell r="H1921" t="str">
            <v/>
          </cell>
          <cell r="I1921" t="str">
            <v>代表取締役 仁禮　照雄</v>
          </cell>
          <cell r="J1921" t="str">
            <v>本店</v>
          </cell>
          <cell r="K1921" t="str">
            <v>078-927-1899</v>
          </cell>
          <cell r="L1921" t="str">
            <v>jintec917@m5.gyao.ne.jp</v>
          </cell>
          <cell r="M1921" t="str">
            <v>ｼﾞﾝﾃｯｸ</v>
          </cell>
          <cell r="N1921" t="str">
            <v>無</v>
          </cell>
          <cell r="O1921">
            <v>12</v>
          </cell>
          <cell r="P1921">
            <v>15</v>
          </cell>
          <cell r="Q1921">
            <v>6140001030035</v>
          </cell>
          <cell r="R1921">
            <v>5000</v>
          </cell>
          <cell r="S1921">
            <v>79859</v>
          </cell>
          <cell r="T1921">
            <v>529465</v>
          </cell>
          <cell r="V1921" t="str">
            <v>un155806</v>
          </cell>
          <cell r="W1921" t="str">
            <v>ns184430</v>
          </cell>
          <cell r="Y1921" t="str">
            <v>55，79，</v>
          </cell>
          <cell r="Z1921">
            <v>79</v>
          </cell>
          <cell r="AA1921">
            <v>55</v>
          </cell>
          <cell r="AB1921" t="str">
            <v/>
          </cell>
          <cell r="AC1921" t="str">
            <v/>
          </cell>
          <cell r="AD1921" t="str">
            <v/>
          </cell>
          <cell r="AE1921" t="str">
            <v>１；２；道路・公園清掃に要する許可：産業廃棄物収集運搬業許可３；４；</v>
          </cell>
          <cell r="AF1921" t="str">
            <v>平成６年４月に開業し道路及び側溝清掃、下水道管内テレビカメラ調査・下水道清掃業務、下水道管更生工事を主に従事してきました。平成２０年９月に法人成りに伴い、現社名に変更しました。建設業は主に管更生工事を得意とし、実績を築いてきました。</v>
          </cell>
        </row>
        <row r="1922">
          <cell r="B1922">
            <v>10092</v>
          </cell>
          <cell r="C1922" t="str">
            <v>(株)文学館</v>
          </cell>
          <cell r="D1922" t="str">
            <v>072-772-3708</v>
          </cell>
          <cell r="E1922" t="str">
            <v>664-0858</v>
          </cell>
          <cell r="F1922" t="str">
            <v>兵庫県伊丹市西台1-1-1</v>
          </cell>
          <cell r="G1922" t="str">
            <v>伊丹市</v>
          </cell>
          <cell r="H1922" t="str">
            <v>伊丹ターミナル店</v>
          </cell>
          <cell r="I1922" t="str">
            <v>代表取締役 安東　興</v>
          </cell>
          <cell r="J1922" t="str">
            <v>大阪府豊中市</v>
          </cell>
          <cell r="K1922" t="str">
            <v>072-779-9080</v>
          </cell>
          <cell r="L1922" t="str">
            <v/>
          </cell>
          <cell r="M1922" t="str">
            <v>ﾌﾞﾝｶﾞｸｶﾝ</v>
          </cell>
          <cell r="N1922" t="str">
            <v>有</v>
          </cell>
          <cell r="O1922">
            <v>63</v>
          </cell>
          <cell r="P1922">
            <v>25</v>
          </cell>
          <cell r="Q1922">
            <v>1320900000000</v>
          </cell>
          <cell r="R1922">
            <v>50000</v>
          </cell>
          <cell r="S1922">
            <v>-730</v>
          </cell>
          <cell r="T1922">
            <v>260452</v>
          </cell>
          <cell r="V1922" t="str">
            <v>kg587867</v>
          </cell>
          <cell r="W1922" t="str">
            <v>qk135983</v>
          </cell>
          <cell r="Y1922" t="str">
            <v>13.14.15</v>
          </cell>
          <cell r="Z1922">
            <v>13</v>
          </cell>
          <cell r="AA1922">
            <v>14</v>
          </cell>
          <cell r="AB1922">
            <v>15</v>
          </cell>
          <cell r="AC1922" t="str">
            <v/>
          </cell>
          <cell r="AD1922" t="str">
            <v/>
          </cell>
          <cell r="AE1922" t="str">
            <v>１；２；一般書籍、雑誌、図書カード、辞書、専門書、学習参考書等各種出版物　日本出版販売、日教販、トーハン等３；文具、事務用品、印鑑、ゴム印等　新東光通商、パイロット、あづま商事４；コピー用紙等　新東光通商</v>
          </cell>
          <cell r="AF1922" t="str">
            <v>一般書籍、雑誌、学習教材、辞書、専門書、地図等幅広い書籍を扱っております。事務用品も長い販売実績があります。</v>
          </cell>
        </row>
        <row r="1923">
          <cell r="B1923">
            <v>10093</v>
          </cell>
          <cell r="C1923" t="str">
            <v>環境計測(株)</v>
          </cell>
          <cell r="D1923" t="str">
            <v>078-441-9706</v>
          </cell>
          <cell r="E1923" t="str">
            <v>658-0022</v>
          </cell>
          <cell r="F1923" t="str">
            <v>兵庫県神戸市東灘区深江南町3-8-5</v>
          </cell>
          <cell r="G1923" t="str">
            <v>神戸市</v>
          </cell>
          <cell r="H1923" t="str">
            <v>神戸サービスセンター神戸事業所</v>
          </cell>
          <cell r="I1923" t="str">
            <v>所長 有川　剛</v>
          </cell>
          <cell r="J1923" t="str">
            <v>京都府京都市</v>
          </cell>
          <cell r="K1923" t="str">
            <v>078-441-9707</v>
          </cell>
          <cell r="L1923" t="str">
            <v>eigyou@kankyou-keisoku.co.jp</v>
          </cell>
          <cell r="M1923" t="str">
            <v>ｶﾝｷｮｳｹｲｿｸ</v>
          </cell>
          <cell r="N1923" t="str">
            <v>有</v>
          </cell>
          <cell r="O1923">
            <v>47</v>
          </cell>
          <cell r="P1923">
            <v>163</v>
          </cell>
          <cell r="Q1923">
            <v>3130001014157</v>
          </cell>
          <cell r="R1923">
            <v>75000</v>
          </cell>
          <cell r="S1923">
            <v>388324</v>
          </cell>
          <cell r="T1923">
            <v>2372033</v>
          </cell>
          <cell r="V1923" t="str">
            <v>cc837929</v>
          </cell>
          <cell r="W1923" t="str">
            <v>sc111144</v>
          </cell>
          <cell r="Y1923" t="str">
            <v>010，10，41，42，44，48，57，58，</v>
          </cell>
          <cell r="Z1923">
            <v>48</v>
          </cell>
          <cell r="AA1923">
            <v>44</v>
          </cell>
          <cell r="AB1923">
            <v>58</v>
          </cell>
          <cell r="AC1923">
            <v>10</v>
          </cell>
          <cell r="AD1923" t="str">
            <v>８０その他　環境調査業務（大気、水質、騒音、振動、動植物）</v>
          </cell>
          <cell r="AE1923" t="str">
            <v>１；大気、水質等環境測定機器の保守管理・修理業務２；環境測定機のリース３；環境監視テレメータシステムの開発・保守４；環境測定機用薬品</v>
          </cell>
          <cell r="AF1923" t="str">
            <v>環境調査業務は現況調査、予測、評価、保全対策業務や大気、気象、水質、騒音振動、動植物、景観等の調査、微小粒子状物質成分分析。また環境測定装置の保守や修理業務。大気常時監視テレメータシステムの開発や改修・リース、測定装置の販売及び部品等の販売等を行っている。</v>
          </cell>
        </row>
        <row r="1924">
          <cell r="B1924">
            <v>10094</v>
          </cell>
          <cell r="C1924" t="str">
            <v>(株)赤尾</v>
          </cell>
          <cell r="D1924" t="str">
            <v>06-6532-4131</v>
          </cell>
          <cell r="E1924" t="str">
            <v>550-0013</v>
          </cell>
          <cell r="F1924" t="str">
            <v>大阪府大阪市西区新町4-13-1</v>
          </cell>
          <cell r="G1924" t="str">
            <v>大阪市</v>
          </cell>
          <cell r="H1924" t="str">
            <v>大阪営業部</v>
          </cell>
          <cell r="I1924" t="str">
            <v>取締役大阪営業部長 泉尾　繁春</v>
          </cell>
          <cell r="J1924" t="str">
            <v>大阪府大阪市</v>
          </cell>
          <cell r="K1924" t="str">
            <v>06-6536-7456</v>
          </cell>
          <cell r="L1924" t="str">
            <v>osaka@akao-co.co.jp</v>
          </cell>
          <cell r="M1924" t="str">
            <v>ｱｶｵ</v>
          </cell>
          <cell r="N1924" t="str">
            <v>有</v>
          </cell>
          <cell r="O1924">
            <v>121</v>
          </cell>
          <cell r="P1924">
            <v>132</v>
          </cell>
          <cell r="Q1924">
            <v>7120001040811</v>
          </cell>
          <cell r="R1924">
            <v>50000</v>
          </cell>
          <cell r="S1924">
            <v>2866241</v>
          </cell>
          <cell r="T1924">
            <v>10485622</v>
          </cell>
          <cell r="V1924" t="str">
            <v>hy579890</v>
          </cell>
          <cell r="W1924" t="str">
            <v>pg169121</v>
          </cell>
          <cell r="Y1924" t="str">
            <v>024，03，04，24，38，</v>
          </cell>
          <cell r="Z1924">
            <v>38</v>
          </cell>
          <cell r="AA1924">
            <v>3</v>
          </cell>
          <cell r="AB1924">
            <v>4</v>
          </cell>
          <cell r="AC1924">
            <v>24</v>
          </cell>
          <cell r="AD1924" t="str">
            <v/>
          </cell>
          <cell r="AE1924" t="str">
            <v>１；特／芦森工業（株）　医薬品販売業許可、銃砲刀剣類の販売許可、高圧ガス販売営業許可、高度管理医療機器等販売業賃貸業許可２；消防用制服・団服・活動服・作業服、防火衣、耐熱服、その他消防用服装一式３；４；</v>
          </cell>
          <cell r="AF1924" t="str">
            <v>消防用ジェットホースの全国総販売元　エミユブランドの消防服装製造販売　大型救助器具ホルマトロをオランダより輸入販売　救急医療器具取り扱い　その他消防用品一式取り扱い</v>
          </cell>
        </row>
        <row r="1925">
          <cell r="B1925">
            <v>10095</v>
          </cell>
          <cell r="C1925" t="str">
            <v>綜合警備保障(株)</v>
          </cell>
          <cell r="D1925" t="str">
            <v>06-6470-2500</v>
          </cell>
          <cell r="E1925" t="str">
            <v>661-0976</v>
          </cell>
          <cell r="F1925" t="str">
            <v>兵庫県尼崎市潮江1-3-43緑遊新都心ﾋﾞﾙ2Ｆ</v>
          </cell>
          <cell r="G1925" t="str">
            <v>尼崎市</v>
          </cell>
          <cell r="H1925" t="str">
            <v>阪神支社</v>
          </cell>
          <cell r="I1925" t="str">
            <v>支社長 上口　智之</v>
          </cell>
          <cell r="J1925" t="str">
            <v>東京都</v>
          </cell>
          <cell r="K1925" t="str">
            <v>06-6499-1100</v>
          </cell>
          <cell r="L1925" t="str">
            <v>hanshin-s@alsok.co.jp</v>
          </cell>
          <cell r="M1925" t="str">
            <v>ｿｳｺﾞｳｹｲﾋﾞﾎｼｮｳ</v>
          </cell>
          <cell r="N1925" t="str">
            <v>有</v>
          </cell>
          <cell r="O1925">
            <v>47</v>
          </cell>
          <cell r="P1925">
            <v>12005</v>
          </cell>
          <cell r="Q1925">
            <v>3010401016070</v>
          </cell>
          <cell r="R1925">
            <v>18675011</v>
          </cell>
          <cell r="S1925">
            <v>180363953</v>
          </cell>
          <cell r="T1925">
            <v>435982000</v>
          </cell>
          <cell r="V1925" t="str">
            <v>xy249868</v>
          </cell>
          <cell r="W1925" t="str">
            <v>wx100208</v>
          </cell>
          <cell r="Y1925" t="str">
            <v>049，35，38，39，44，45，46，47，48，49，51，52，54，60，</v>
          </cell>
          <cell r="Z1925">
            <v>45</v>
          </cell>
          <cell r="AA1925">
            <v>39</v>
          </cell>
          <cell r="AB1925">
            <v>80</v>
          </cell>
          <cell r="AC1925">
            <v>49</v>
          </cell>
          <cell r="AD1925" t="str">
            <v>ＰＣ／情報セキュリティ、エコ商品（ＬＥＤ・発電機）、入金機オンラインシステム、警備輸送　等</v>
          </cell>
          <cell r="AE1925" t="str">
            <v>１；警備業認定証・機械警備業務届出書２；高度管理医療機器等販売業／賃貸業許可証３；防犯カメラシステム・出入管理システム（竹中エンジニアリング他）　・介護用品（ＡＬＳＯＫあんしんケアサポート）・防災備蓄品（ミドリ安全）・ＬＥＤ（ヤマダ電機）防犯・防災・介護に関わる商品販売４；消防設備業届出書</v>
          </cell>
          <cell r="AF1925" t="str">
            <v>・警備業務（機械警備・常駐警備）・ＡＥＤ賃貸・消防点検及び改修工事　・販売（防犯カメラ、出入管理、住宅用火災警報器、ＡＥＤ、防災備蓄品等）　・建物綜合管理業務（清掃、各種点検等）　・警備輸送（入金機、現金、貴重品の輸送、両替等）その他</v>
          </cell>
        </row>
        <row r="1926">
          <cell r="B1926">
            <v>10099</v>
          </cell>
          <cell r="C1926" t="str">
            <v>(株)オーエンス</v>
          </cell>
          <cell r="D1926" t="str">
            <v>078-242-7020</v>
          </cell>
          <cell r="E1926" t="str">
            <v>654-0005</v>
          </cell>
          <cell r="F1926" t="str">
            <v>兵庫県神戸市中央区小野柄通4-1-22 ｱｰﾊﾞﾝｴｰｽ三宮ﾋﾞﾙ6階</v>
          </cell>
          <cell r="G1926" t="str">
            <v>神戸市</v>
          </cell>
          <cell r="H1926" t="str">
            <v>神戸支店</v>
          </cell>
          <cell r="I1926" t="str">
            <v>支店長　 辻　司</v>
          </cell>
          <cell r="J1926" t="str">
            <v>東京都</v>
          </cell>
          <cell r="K1926" t="str">
            <v>078-242-7090</v>
          </cell>
          <cell r="L1926" t="str">
            <v>kobe@o-ence.co.jp</v>
          </cell>
          <cell r="M1926" t="str">
            <v>ｵ-ｴﾝｽ</v>
          </cell>
          <cell r="N1926" t="str">
            <v>有</v>
          </cell>
          <cell r="O1926">
            <v>58</v>
          </cell>
          <cell r="P1926">
            <v>4840</v>
          </cell>
          <cell r="Q1926">
            <v>5010000000000</v>
          </cell>
          <cell r="R1926">
            <v>100000</v>
          </cell>
          <cell r="S1926">
            <v>1838358</v>
          </cell>
          <cell r="T1926">
            <v>18304190</v>
          </cell>
          <cell r="V1926" t="str">
            <v>qk843452</v>
          </cell>
          <cell r="W1926" t="str">
            <v>zu170003</v>
          </cell>
          <cell r="Y1926" t="str">
            <v>45.46.47.48.49.52.54</v>
          </cell>
          <cell r="Z1926">
            <v>46</v>
          </cell>
          <cell r="AA1926">
            <v>54</v>
          </cell>
          <cell r="AB1926">
            <v>48</v>
          </cell>
          <cell r="AC1926">
            <v>45</v>
          </cell>
          <cell r="AD1926" t="str">
            <v/>
          </cell>
          <cell r="AE1926" t="str">
            <v>１；２；３；４；</v>
          </cell>
          <cell r="AF1926" t="str">
            <v>建物総合管理を主業務として、官公庁の諸施設、病院、学校、民間施設の清掃、警備、設備等の維持管理等を行っており、又、公の健康福祉施設、スポーツ施設、温泉等の指定管理業務も併せて手掛けています。</v>
          </cell>
        </row>
        <row r="1927">
          <cell r="B1927">
            <v>10100</v>
          </cell>
          <cell r="C1927" t="str">
            <v>(株)ナカジマ</v>
          </cell>
          <cell r="D1927" t="str">
            <v>06-6723-5313</v>
          </cell>
          <cell r="E1927" t="str">
            <v>577-0802</v>
          </cell>
          <cell r="F1927" t="str">
            <v>大阪府東大阪市小阪本町2-13-17</v>
          </cell>
          <cell r="G1927" t="str">
            <v>東大阪市</v>
          </cell>
          <cell r="H1927" t="str">
            <v/>
          </cell>
          <cell r="I1927" t="str">
            <v>代表取締役 中嶋　寛</v>
          </cell>
          <cell r="J1927" t="str">
            <v>本店</v>
          </cell>
          <cell r="K1927" t="str">
            <v>06-6722-0745</v>
          </cell>
          <cell r="L1927" t="str">
            <v>nakajim1@muse.ocn.ne.jp</v>
          </cell>
          <cell r="M1927" t="str">
            <v>ﾅｶｼﾞﾏ</v>
          </cell>
          <cell r="N1927" t="str">
            <v>無</v>
          </cell>
          <cell r="O1927">
            <v>48</v>
          </cell>
          <cell r="P1927">
            <v>6</v>
          </cell>
          <cell r="Q1927">
            <v>5122001005515</v>
          </cell>
          <cell r="R1927">
            <v>10000</v>
          </cell>
          <cell r="S1927">
            <v>45443</v>
          </cell>
          <cell r="T1927">
            <v>170196</v>
          </cell>
          <cell r="V1927" t="str">
            <v>dp112875</v>
          </cell>
          <cell r="W1927" t="str">
            <v>rf189403</v>
          </cell>
          <cell r="Y1927" t="str">
            <v>08，03，04，07，08，</v>
          </cell>
          <cell r="Z1927">
            <v>3</v>
          </cell>
          <cell r="AA1927">
            <v>4</v>
          </cell>
          <cell r="AB1927">
            <v>7</v>
          </cell>
          <cell r="AC1927">
            <v>8</v>
          </cell>
          <cell r="AD1927" t="str">
            <v/>
          </cell>
          <cell r="AE1927" t="str">
            <v>１；制服　作業服　白衣　消防服　合羽　防寒服　靴下　事務服　２；鞄　手袋　帽子　アポロキャップ　鞄　軍手　３；旗　幟　襷　法被４；バッチ　トロフィー　楯　</v>
          </cell>
          <cell r="AF1927" t="str">
            <v>被服全般及びそれらに付随する商品の販売店。主に消防や役所、学校関係に販売を重視しております。</v>
          </cell>
        </row>
        <row r="1928">
          <cell r="B1928">
            <v>10101</v>
          </cell>
          <cell r="C1928" t="str">
            <v>(株)協立道路サービス</v>
          </cell>
          <cell r="D1928" t="str">
            <v>078-453-2727</v>
          </cell>
          <cell r="E1928" t="str">
            <v>658-0025</v>
          </cell>
          <cell r="F1928" t="str">
            <v>兵庫県神戸市東灘区魚崎南町4-16-21</v>
          </cell>
          <cell r="G1928" t="str">
            <v>神戸市</v>
          </cell>
          <cell r="H1928" t="str">
            <v/>
          </cell>
          <cell r="I1928" t="str">
            <v xml:space="preserve">代表取締役社長 惣前　尚郎 </v>
          </cell>
          <cell r="J1928" t="str">
            <v>本店</v>
          </cell>
          <cell r="K1928" t="str">
            <v>078-413-0134</v>
          </cell>
          <cell r="L1928" t="str">
            <v>kyouritu@arion.ocn.ne.jp</v>
          </cell>
          <cell r="M1928" t="str">
            <v>ｷｮｳﾘﾂﾄﾞｳﾛｻｰﾋﾞｽ</v>
          </cell>
          <cell r="N1928" t="str">
            <v>無</v>
          </cell>
          <cell r="O1928">
            <v>34</v>
          </cell>
          <cell r="P1928">
            <v>29</v>
          </cell>
          <cell r="Q1928">
            <v>8140001001364</v>
          </cell>
          <cell r="R1928">
            <v>40000</v>
          </cell>
          <cell r="S1928">
            <v>246337</v>
          </cell>
          <cell r="T1928">
            <v>849847</v>
          </cell>
          <cell r="V1928" t="str">
            <v>ka975535</v>
          </cell>
          <cell r="W1928" t="str">
            <v>ev179349</v>
          </cell>
          <cell r="Y1928" t="str">
            <v>079，53，55，68，79，</v>
          </cell>
          <cell r="Z1928">
            <v>55</v>
          </cell>
          <cell r="AA1928">
            <v>68</v>
          </cell>
          <cell r="AB1928">
            <v>80</v>
          </cell>
          <cell r="AC1928">
            <v>79</v>
          </cell>
          <cell r="AD1928" t="str">
            <v/>
          </cell>
          <cell r="AE1928" t="str">
            <v>１；路面清掃・人力清掃、雨水排水管施設機械清掃（ロードスイーパー３台、散水車２台、高圧洗浄車１台、汚泥吸引車２台）２；汚泥等収集運搬、兵庫県産業廃棄物収集運搬業許可（パッカー車１台、４ｔダンプ３台、３ｔダンプ１台）３；道路附属施設清掃（ガードレール、トンネル壁面、防護柵）４；下水管内テレビ調査及びライニングによる漏水防水業務</v>
          </cell>
          <cell r="AF1928" t="str">
            <v>路面清掃、側溝管渠清掃、街渠浚渫、交通安全施設工事（案内標識、ガードレール等の設置）、遮音壁工事（ポリカーボネート板、吸音板等の設置）、橋梁補修工事（伸縮継手補修工、排水管補修）、路面損傷復旧を得意とし、交通規制を伴う工事経験が豊富で、迅速かつ丁寧な仕事に努めています。</v>
          </cell>
        </row>
        <row r="1929">
          <cell r="B1929">
            <v>10102</v>
          </cell>
          <cell r="C1929" t="str">
            <v>極東開発工業(株)</v>
          </cell>
          <cell r="D1929" t="str">
            <v>0798-66-1012</v>
          </cell>
          <cell r="E1929" t="str">
            <v>663-8545</v>
          </cell>
          <cell r="F1929" t="str">
            <v>兵庫県西宮市甲子園口6-1-45</v>
          </cell>
          <cell r="G1929" t="str">
            <v>西宮市</v>
          </cell>
          <cell r="H1929" t="str">
            <v>関西支店</v>
          </cell>
          <cell r="I1929" t="str">
            <v>支店長　 藤波　充生</v>
          </cell>
          <cell r="J1929" t="str">
            <v>兵庫県西宮市</v>
          </cell>
          <cell r="K1929" t="str">
            <v>0798-65-7353</v>
          </cell>
          <cell r="L1929" t="str">
            <v>h-tamura@kyokuto.com</v>
          </cell>
          <cell r="M1929" t="str">
            <v>ｷﾖｸﾄｳｶｲﾊﾂｺｳｷﾞﾖｳ</v>
          </cell>
          <cell r="N1929" t="str">
            <v>有</v>
          </cell>
          <cell r="O1929">
            <v>63</v>
          </cell>
          <cell r="P1929">
            <v>1053</v>
          </cell>
          <cell r="Q1929">
            <v>7140000000000</v>
          </cell>
          <cell r="R1929">
            <v>11899867</v>
          </cell>
          <cell r="S1929">
            <v>60676387</v>
          </cell>
          <cell r="T1929">
            <v>56781959</v>
          </cell>
          <cell r="V1929" t="str">
            <v>fs141141</v>
          </cell>
          <cell r="W1929" t="str">
            <v>dp100977</v>
          </cell>
          <cell r="Y1929">
            <v>24.26</v>
          </cell>
          <cell r="Z1929">
            <v>24</v>
          </cell>
          <cell r="AA1929">
            <v>26</v>
          </cell>
          <cell r="AB1929" t="str">
            <v/>
          </cell>
          <cell r="AC1929" t="str">
            <v/>
          </cell>
          <cell r="AD1929" t="str">
            <v/>
          </cell>
          <cell r="AE1929" t="str">
            <v>１；２；塵芥収集車・ダンプ車・散水車・給水車・脱着コンテナ車等３；上記車両等に関わる車両用品・修理４；</v>
          </cell>
          <cell r="AF1929" t="str">
            <v>弊社は特殊車両（塵芥収集車・ダンプ車・脱着コンテナ車・給水車・散水車等）を得意としており、多くの自治体様及び民間企業様にご採用頂いています。</v>
          </cell>
        </row>
        <row r="1930">
          <cell r="B1930">
            <v>10104</v>
          </cell>
          <cell r="C1930" t="str">
            <v>東宝ビル管理(株)</v>
          </cell>
          <cell r="D1930" t="str">
            <v>06-6341-5231</v>
          </cell>
          <cell r="E1930" t="str">
            <v>530-0001</v>
          </cell>
          <cell r="F1930" t="str">
            <v>大阪府大阪市北区梅田1-3-1-700</v>
          </cell>
          <cell r="G1930" t="str">
            <v>大阪市</v>
          </cell>
          <cell r="H1930" t="str">
            <v/>
          </cell>
          <cell r="I1930" t="str">
            <v>代表取締役 松本　雅文</v>
          </cell>
          <cell r="J1930" t="str">
            <v>本店</v>
          </cell>
          <cell r="K1930" t="str">
            <v>06-6341-5247</v>
          </cell>
          <cell r="L1930" t="str">
            <v>tbm@toho-bm.co.jp</v>
          </cell>
          <cell r="M1930" t="str">
            <v>ﾄｳﾎｳﾋﾞﾙｶﾝﾘ</v>
          </cell>
          <cell r="N1930" t="str">
            <v>無</v>
          </cell>
          <cell r="O1930">
            <v>58</v>
          </cell>
          <cell r="P1930">
            <v>977.5</v>
          </cell>
          <cell r="Q1930">
            <v>6120001067707</v>
          </cell>
          <cell r="R1930">
            <v>400000</v>
          </cell>
          <cell r="S1930">
            <v>9893066</v>
          </cell>
          <cell r="T1930">
            <v>7925284</v>
          </cell>
          <cell r="V1930" t="str">
            <v>ep803985</v>
          </cell>
          <cell r="W1930" t="str">
            <v>jr161298</v>
          </cell>
          <cell r="Y1930" t="str">
            <v>049，45，46，47，48，49，50，52，54，</v>
          </cell>
          <cell r="Z1930">
            <v>54</v>
          </cell>
          <cell r="AA1930">
            <v>46</v>
          </cell>
          <cell r="AB1930">
            <v>47</v>
          </cell>
          <cell r="AC1930">
            <v>49</v>
          </cell>
          <cell r="AD1930" t="str">
            <v/>
          </cell>
          <cell r="AE1930" t="str">
            <v>１；２；３；４；</v>
          </cell>
          <cell r="AF1930" t="str">
            <v>１９６０年創業の東宝株式会社１００％出資の総合ビルメンテナンス会社です。大阪本社の他、西日本中心に事業を展開しております。北摂地域においても公共施設・病院・オフィスビル・商業施設等、数多くの大型物件の管理実績を誇り、お客様の信頼も厚いものと自負しております。</v>
          </cell>
        </row>
        <row r="1931">
          <cell r="B1931">
            <v>10105</v>
          </cell>
          <cell r="C1931" t="str">
            <v>福田白衣(株)</v>
          </cell>
          <cell r="D1931" t="str">
            <v>06-6325-0010</v>
          </cell>
          <cell r="E1931" t="str">
            <v>533-0014</v>
          </cell>
          <cell r="F1931" t="str">
            <v>大阪府大阪市東淀川区豊新1-5-24</v>
          </cell>
          <cell r="G1931" t="str">
            <v>大阪市</v>
          </cell>
          <cell r="H1931" t="str">
            <v>大阪支店</v>
          </cell>
          <cell r="I1931" t="str">
            <v>支店長 石垣　昌人</v>
          </cell>
          <cell r="J1931" t="str">
            <v>京都府京都市</v>
          </cell>
          <cell r="K1931" t="str">
            <v>06-6325-8240</v>
          </cell>
          <cell r="L1931" t="str">
            <v>info@hakui.net</v>
          </cell>
          <cell r="M1931" t="str">
            <v>ﾌｸﾀﾞﾊｸｲ</v>
          </cell>
          <cell r="N1931" t="str">
            <v>有</v>
          </cell>
          <cell r="O1931">
            <v>52</v>
          </cell>
          <cell r="P1931">
            <v>14</v>
          </cell>
          <cell r="Q1931">
            <v>7130001022321</v>
          </cell>
          <cell r="R1931">
            <v>12000</v>
          </cell>
          <cell r="S1931">
            <v>13793</v>
          </cell>
          <cell r="T1931">
            <v>757836</v>
          </cell>
          <cell r="V1931" t="str">
            <v>dp354245</v>
          </cell>
          <cell r="W1931" t="str">
            <v>qa159070</v>
          </cell>
          <cell r="Y1931" t="str">
            <v>028，03，04，06，28，</v>
          </cell>
          <cell r="Z1931">
            <v>3</v>
          </cell>
          <cell r="AA1931">
            <v>6</v>
          </cell>
          <cell r="AB1931">
            <v>4</v>
          </cell>
          <cell r="AC1931">
            <v>28</v>
          </cell>
          <cell r="AD1931" t="str">
            <v/>
          </cell>
          <cell r="AE1931" t="str">
            <v>１；ナガイレーベン、カゼン、住商モンブラン、サンペックイスト、チトセ、フォーク、アイトス、ヤギコーポレーション、自重堂、富士ゴムナース、マリアンヌ製靴、オンワード商事、トンボ、明石被服興業２；東洋紡、日清紡３；トムス４；川島織物</v>
          </cell>
          <cell r="AF1931" t="str">
            <v>医療用白衣の専門店で、医療分野のノウハウは関西一と自負しております。高齢社会に向けて、介護・介助等の老人ケア商品の取り扱いも多く、医療・老人ケアの分野での取引を特に希望します。</v>
          </cell>
        </row>
        <row r="1932">
          <cell r="B1932">
            <v>10106</v>
          </cell>
          <cell r="C1932" t="str">
            <v>長野ポンプ(株)</v>
          </cell>
          <cell r="D1932" t="str">
            <v>06-6330-7510</v>
          </cell>
          <cell r="E1932" t="str">
            <v>564-0051</v>
          </cell>
          <cell r="F1932" t="str">
            <v>大阪府吹田市豊津町1-31 由武ﾋﾞﾙ5階C号室</v>
          </cell>
          <cell r="G1932" t="str">
            <v>吹田市</v>
          </cell>
          <cell r="H1932" t="str">
            <v>大阪営業所</v>
          </cell>
          <cell r="I1932" t="str">
            <v>所長 東野　敏行</v>
          </cell>
          <cell r="J1932" t="str">
            <v>石川県金沢市</v>
          </cell>
          <cell r="K1932" t="str">
            <v>06-6330-7512</v>
          </cell>
          <cell r="L1932" t="str">
            <v>np.nyusatsu@naganopump.co.jp</v>
          </cell>
          <cell r="M1932" t="str">
            <v>ﾅｶﾞﾉﾎﾟﾝﾌﾟ</v>
          </cell>
          <cell r="N1932" t="str">
            <v>有</v>
          </cell>
          <cell r="O1932">
            <v>84</v>
          </cell>
          <cell r="P1932">
            <v>77</v>
          </cell>
          <cell r="Q1932">
            <v>2220001004793</v>
          </cell>
          <cell r="R1932">
            <v>27000</v>
          </cell>
          <cell r="S1932">
            <v>105710</v>
          </cell>
          <cell r="T1932">
            <v>2579881</v>
          </cell>
          <cell r="V1932" t="str">
            <v>qt953051</v>
          </cell>
          <cell r="W1932" t="str">
            <v>il149902</v>
          </cell>
          <cell r="Y1932" t="str">
            <v>24，38，39，</v>
          </cell>
          <cell r="Z1932">
            <v>24</v>
          </cell>
          <cell r="AA1932">
            <v>38</v>
          </cell>
          <cell r="AB1932">
            <v>39</v>
          </cell>
          <cell r="AC1932" t="str">
            <v/>
          </cell>
          <cell r="AD1932" t="str">
            <v/>
          </cell>
          <cell r="AE1932" t="str">
            <v>１；消防ポンプ自動車２；消防用ホース、消火器、消防ポンプ、空気呼吸器３；ＡＥＤ４；</v>
          </cell>
          <cell r="AF1932" t="str">
            <v>消防ポンプ自動車</v>
          </cell>
        </row>
        <row r="1933">
          <cell r="B1933">
            <v>10107</v>
          </cell>
          <cell r="C1933" t="str">
            <v>日本事務器(株)</v>
          </cell>
          <cell r="D1933" t="str">
            <v>050-3000-1711</v>
          </cell>
          <cell r="E1933" t="str">
            <v>650-0032</v>
          </cell>
          <cell r="F1933" t="str">
            <v>兵庫県神戸市中央区伊藤町111</v>
          </cell>
          <cell r="G1933" t="str">
            <v>神戸市</v>
          </cell>
          <cell r="H1933" t="str">
            <v>神戸支店</v>
          </cell>
          <cell r="I1933" t="str">
            <v>支店長 森口　恭次</v>
          </cell>
          <cell r="J1933" t="str">
            <v>東京都</v>
          </cell>
          <cell r="K1933" t="str">
            <v>078-391-2171</v>
          </cell>
          <cell r="L1933" t="str">
            <v>azuma@njc.co.jp</v>
          </cell>
          <cell r="M1933" t="str">
            <v>ﾆｯﾎﾟﾝｼﾞﾑｷ</v>
          </cell>
          <cell r="N1933" t="str">
            <v>有</v>
          </cell>
          <cell r="O1933">
            <v>94</v>
          </cell>
          <cell r="P1933">
            <v>910</v>
          </cell>
          <cell r="Q1933">
            <v>6011001058120</v>
          </cell>
          <cell r="R1933">
            <v>360000</v>
          </cell>
          <cell r="S1933">
            <v>11569057</v>
          </cell>
          <cell r="T1933">
            <v>25639416</v>
          </cell>
          <cell r="V1933" t="str">
            <v>az506233</v>
          </cell>
          <cell r="W1933" t="str">
            <v>qj159687</v>
          </cell>
          <cell r="Y1933" t="str">
            <v>36，58，</v>
          </cell>
          <cell r="Z1933">
            <v>36</v>
          </cell>
          <cell r="AA1933">
            <v>58</v>
          </cell>
          <cell r="AB1933" t="str">
            <v/>
          </cell>
          <cell r="AC1933" t="str">
            <v/>
          </cell>
          <cell r="AD1933" t="str">
            <v/>
          </cell>
          <cell r="AE1933" t="str">
            <v>１；サーバ・パソコン等ＯＡ機器、関連周辺機器、用品全般の販売２；ソフトウェアの設計・開発及びそれに伴う保守等の付帯サービス（自社）３；４；</v>
          </cell>
          <cell r="AF1933" t="str">
            <v>ハードウェア、ＯＳやプラットフォームソフト、ネットワークなどのＩＴインフラ構築からセキュリティなどをトータルにサポートしています。また、システムを導入するだけでなく、稼動後の運用・保守、再構築まできめ細かなサポートを提供しています。</v>
          </cell>
        </row>
        <row r="1934">
          <cell r="B1934">
            <v>10108</v>
          </cell>
          <cell r="C1934" t="str">
            <v>東邦薬品(株)</v>
          </cell>
          <cell r="D1934" t="str">
            <v>0798-31-6992</v>
          </cell>
          <cell r="E1934" t="str">
            <v>663-8132</v>
          </cell>
          <cell r="F1934" t="str">
            <v>兵庫県西宮市東鳴尾町1-6-20</v>
          </cell>
          <cell r="G1934" t="str">
            <v>西宮市</v>
          </cell>
          <cell r="H1934" t="str">
            <v>兵庫営業部</v>
          </cell>
          <cell r="I1934" t="str">
            <v>営業部長　 門田　禎之</v>
          </cell>
          <cell r="J1934" t="str">
            <v>東京都</v>
          </cell>
          <cell r="K1934" t="str">
            <v>0798-44-1717</v>
          </cell>
          <cell r="L1934" t="str">
            <v/>
          </cell>
          <cell r="M1934" t="str">
            <v>ﾄｳﾎｳﾔｸﾋﾝ</v>
          </cell>
          <cell r="N1934" t="str">
            <v>有</v>
          </cell>
          <cell r="O1934">
            <v>9</v>
          </cell>
          <cell r="P1934">
            <v>3680</v>
          </cell>
          <cell r="Q1934">
            <v>10901023507</v>
          </cell>
          <cell r="R1934">
            <v>300000</v>
          </cell>
          <cell r="S1934">
            <v>59585245</v>
          </cell>
          <cell r="T1934">
            <v>1150817047</v>
          </cell>
          <cell r="V1934" t="str">
            <v>zj944786</v>
          </cell>
          <cell r="W1934" t="str">
            <v>ｒa114867</v>
          </cell>
          <cell r="Y1934">
            <v>9</v>
          </cell>
          <cell r="Z1934" t="str">
            <v/>
          </cell>
          <cell r="AA1934" t="str">
            <v/>
          </cell>
          <cell r="AB1934" t="str">
            <v/>
          </cell>
          <cell r="AC1934" t="str">
            <v/>
          </cell>
          <cell r="AD1934" t="str">
            <v/>
          </cell>
          <cell r="AE1934" t="str">
            <v>１；２；３；４；</v>
          </cell>
          <cell r="AF1934" t="str">
            <v>医療用医薬品を中心とした卸売業</v>
          </cell>
        </row>
        <row r="1935">
          <cell r="B1935">
            <v>10109</v>
          </cell>
          <cell r="C1935" t="str">
            <v>パナソニック産機システムズ(株)</v>
          </cell>
          <cell r="D1935" t="str">
            <v>06-6125-2630</v>
          </cell>
          <cell r="E1935" t="str">
            <v>541-0059</v>
          </cell>
          <cell r="F1935" t="str">
            <v>大阪府大阪市中央区博労町1-3-10</v>
          </cell>
          <cell r="G1935" t="str">
            <v>大阪市</v>
          </cell>
          <cell r="H1935" t="str">
            <v>近畿支店</v>
          </cell>
          <cell r="I1935" t="str">
            <v>常務執行役員支店長　 出口　雅典</v>
          </cell>
          <cell r="J1935" t="str">
            <v>東京都</v>
          </cell>
          <cell r="K1935" t="str">
            <v>06-6125-2636</v>
          </cell>
          <cell r="L1935" t="str">
            <v/>
          </cell>
          <cell r="M1935" t="str">
            <v>ﾊﾟﾅｿﾆﾂｸｻﾝｷｼｽﾃﾑｽﾞ</v>
          </cell>
          <cell r="N1935" t="str">
            <v>有</v>
          </cell>
          <cell r="O1935">
            <v>9</v>
          </cell>
          <cell r="P1935">
            <v>1600</v>
          </cell>
          <cell r="Q1935">
            <v>8010501032913</v>
          </cell>
          <cell r="R1935">
            <v>301000</v>
          </cell>
          <cell r="S1935">
            <v>13808</v>
          </cell>
          <cell r="T1935">
            <v>159016</v>
          </cell>
          <cell r="V1935" t="str">
            <v>dx645055</v>
          </cell>
          <cell r="W1935" t="str">
            <v>qz152247</v>
          </cell>
          <cell r="Y1935">
            <v>47</v>
          </cell>
          <cell r="Z1935">
            <v>47</v>
          </cell>
          <cell r="AA1935" t="str">
            <v/>
          </cell>
          <cell r="AB1935" t="str">
            <v/>
          </cell>
          <cell r="AC1935" t="str">
            <v/>
          </cell>
          <cell r="AD1935" t="str">
            <v/>
          </cell>
          <cell r="AE1935" t="str">
            <v>１；２；３；４；</v>
          </cell>
          <cell r="AF1935" t="str">
            <v>業務用設備機器・システムの販売・施工・サービス</v>
          </cell>
        </row>
        <row r="1936">
          <cell r="B1936">
            <v>10110</v>
          </cell>
          <cell r="C1936" t="str">
            <v>(株)日本漏防コンサルタント</v>
          </cell>
          <cell r="D1936" t="str">
            <v>06-6326-7787</v>
          </cell>
          <cell r="E1936" t="str">
            <v>533-0033</v>
          </cell>
          <cell r="F1936" t="str">
            <v>大阪府大阪市東淀川区東中島1-17-5</v>
          </cell>
          <cell r="G1936" t="str">
            <v>大阪市</v>
          </cell>
          <cell r="H1936" t="str">
            <v>大阪営業所</v>
          </cell>
          <cell r="I1936" t="str">
            <v>所長 副島　修一</v>
          </cell>
          <cell r="J1936" t="str">
            <v>徳島県徳島市</v>
          </cell>
          <cell r="K1936" t="str">
            <v>06-6326-7797</v>
          </cell>
          <cell r="L1936" t="str">
            <v>nrc1@knh.biglobe.ne.jp</v>
          </cell>
          <cell r="M1936" t="str">
            <v>ﾆﾎﾝﾛｳﾎﾞｳｺﾝｻﾙﾝﾀﾝﾄ</v>
          </cell>
          <cell r="N1936" t="str">
            <v>有</v>
          </cell>
          <cell r="O1936">
            <v>14</v>
          </cell>
          <cell r="P1936">
            <v>26</v>
          </cell>
          <cell r="Q1936">
            <v>5480001003577</v>
          </cell>
          <cell r="R1936">
            <v>20000</v>
          </cell>
          <cell r="S1936">
            <v>128617</v>
          </cell>
          <cell r="T1936">
            <v>353626</v>
          </cell>
          <cell r="V1936" t="str">
            <v>yf920691</v>
          </cell>
          <cell r="W1936" t="str">
            <v>xi179213</v>
          </cell>
          <cell r="Y1936" t="str">
            <v>79，</v>
          </cell>
          <cell r="Z1936">
            <v>79</v>
          </cell>
          <cell r="AA1936" t="str">
            <v/>
          </cell>
          <cell r="AB1936" t="str">
            <v/>
          </cell>
          <cell r="AC1936" t="str">
            <v/>
          </cell>
          <cell r="AD1936" t="str">
            <v>機械器具等保有状況調書（別途添付）、プライバシーマーク保有</v>
          </cell>
          <cell r="AE1936" t="str">
            <v>１；上水道漏水調査、水圧測定、流量測定、洗管調査２；３；４；</v>
          </cell>
          <cell r="AF1936" t="str">
            <v>上水道漏水調査、水圧測定、流量測定、洗管調査</v>
          </cell>
        </row>
        <row r="1937">
          <cell r="B1937">
            <v>10112</v>
          </cell>
          <cell r="C1937" t="str">
            <v>(株)三水コンサルタント</v>
          </cell>
          <cell r="D1937" t="str">
            <v>078-734-4740</v>
          </cell>
          <cell r="E1937" t="str">
            <v>654-0005</v>
          </cell>
          <cell r="F1937" t="str">
            <v>兵庫県神戸市須磨区川上町3-1-12</v>
          </cell>
          <cell r="G1937" t="str">
            <v>神戸市</v>
          </cell>
          <cell r="H1937" t="str">
            <v>神戸事務所</v>
          </cell>
          <cell r="I1937" t="str">
            <v>所長 三村　仁志</v>
          </cell>
          <cell r="J1937" t="str">
            <v>大阪府大阪市</v>
          </cell>
          <cell r="K1937" t="str">
            <v>078-734-4741</v>
          </cell>
          <cell r="L1937" t="str">
            <v>sansui-osaka@3wcon.co.jp</v>
          </cell>
          <cell r="M1937" t="str">
            <v>ｻﾝｽｲｺﾝｻﾙﾀﾝﾄ</v>
          </cell>
          <cell r="N1937" t="str">
            <v>有</v>
          </cell>
          <cell r="O1937">
            <v>44</v>
          </cell>
          <cell r="P1937">
            <v>141</v>
          </cell>
          <cell r="Q1937">
            <v>7120001064604</v>
          </cell>
          <cell r="R1937">
            <v>39000</v>
          </cell>
          <cell r="S1937">
            <v>542297</v>
          </cell>
          <cell r="T1937">
            <v>3546466</v>
          </cell>
          <cell r="V1937" t="str">
            <v>yr522139</v>
          </cell>
          <cell r="W1937" t="str">
            <v>ja170030</v>
          </cell>
          <cell r="Y1937" t="str">
            <v>58，79，</v>
          </cell>
          <cell r="Z1937">
            <v>79</v>
          </cell>
          <cell r="AA1937">
            <v>58</v>
          </cell>
          <cell r="AB1937" t="str">
            <v/>
          </cell>
          <cell r="AC1937" t="str">
            <v/>
          </cell>
          <cell r="AD1937" t="str">
            <v/>
          </cell>
          <cell r="AE1937" t="str">
            <v>１；下水道管の更新・更生に伴う管路状況調査や、不明水の浸入を分析する流量調査業務等２；ＧＩＳシステムを用いた上下水道台帳システムの更新や、上下水道施設の維持管理に寄与する設備台帳システムの構築等３；４；</v>
          </cell>
          <cell r="AF1937" t="str">
            <v>建設コンサルタントとして、主に上下水道分野・廃棄物処理施設についての調査・計画・実施設計業務全般について得意としております。１．下水処理場・ポンプ場・下水道管渠の実施設計や診断及び計画業務　２．し尿処理施設やごみ処理施設の整備計画等を希望致します。</v>
          </cell>
        </row>
        <row r="1938">
          <cell r="B1938">
            <v>10113</v>
          </cell>
          <cell r="C1938" t="str">
            <v>三谷コンピュータ(株)</v>
          </cell>
          <cell r="D1938" t="str">
            <v>0776-67-8005</v>
          </cell>
          <cell r="E1938" t="str">
            <v>910-0393</v>
          </cell>
          <cell r="F1938" t="str">
            <v>福井県坂井市丸岡町熊堂3-7-1-13</v>
          </cell>
          <cell r="G1938" t="str">
            <v>坂井市</v>
          </cell>
          <cell r="H1938" t="str">
            <v/>
          </cell>
          <cell r="I1938" t="str">
            <v>代表取締役社長 後　淳也</v>
          </cell>
          <cell r="J1938" t="str">
            <v>本店</v>
          </cell>
          <cell r="K1938" t="str">
            <v>0776-67-8024</v>
          </cell>
          <cell r="L1938" t="str">
            <v>ps-nyusatsu@mtn.co.jp</v>
          </cell>
          <cell r="M1938" t="str">
            <v>ﾐﾀﾆｺﾝﾋﾟｭｰﾀ</v>
          </cell>
          <cell r="N1938" t="str">
            <v>無</v>
          </cell>
          <cell r="O1938">
            <v>49</v>
          </cell>
          <cell r="P1938">
            <v>135</v>
          </cell>
          <cell r="Q1938">
            <v>4210001004017</v>
          </cell>
          <cell r="R1938">
            <v>112243</v>
          </cell>
          <cell r="S1938">
            <v>3615651</v>
          </cell>
          <cell r="T1938">
            <v>3114311</v>
          </cell>
          <cell r="V1938" t="str">
            <v>rr474724</v>
          </cell>
          <cell r="W1938" t="str">
            <v>xk177554</v>
          </cell>
          <cell r="Y1938" t="str">
            <v>036，36，44，58，74，</v>
          </cell>
          <cell r="Z1938">
            <v>58</v>
          </cell>
          <cell r="AA1938">
            <v>44</v>
          </cell>
          <cell r="AB1938">
            <v>74</v>
          </cell>
          <cell r="AC1938">
            <v>36</v>
          </cell>
          <cell r="AD1938" t="str">
            <v/>
          </cell>
          <cell r="AE1938" t="str">
            <v>１；ソフトウエア開発の請負業務・パッケージソフトウエアの開発２；ＯＡ機器リース３；フォーム印刷４；パソコン、ＯＡ周辺機器</v>
          </cell>
          <cell r="AF1938" t="str">
            <v>ソフトウエア開発の請負業務、パッケージソフトウエア開発</v>
          </cell>
        </row>
        <row r="1939">
          <cell r="B1939">
            <v>10114</v>
          </cell>
          <cell r="C1939" t="str">
            <v>マツダ(株)</v>
          </cell>
          <cell r="D1939" t="str">
            <v>078-851-2213</v>
          </cell>
          <cell r="E1939" t="str">
            <v>658-0042</v>
          </cell>
          <cell r="F1939" t="str">
            <v>兵庫県神戸市東灘区住吉浜町17-8</v>
          </cell>
          <cell r="G1939" t="str">
            <v>神戸市</v>
          </cell>
          <cell r="H1939" t="str">
            <v/>
          </cell>
          <cell r="I1939" t="str">
            <v>代表取締役 松田　禎一</v>
          </cell>
          <cell r="J1939" t="str">
            <v>本店</v>
          </cell>
          <cell r="K1939" t="str">
            <v>078-811-5224</v>
          </cell>
          <cell r="L1939" t="str">
            <v>hiroshima@matsudasan.com</v>
          </cell>
          <cell r="M1939" t="str">
            <v>ﾏﾂﾀﾞ</v>
          </cell>
          <cell r="N1939" t="str">
            <v>無</v>
          </cell>
          <cell r="O1939">
            <v>50</v>
          </cell>
          <cell r="P1939">
            <v>183</v>
          </cell>
          <cell r="Q1939">
            <v>5140001025036</v>
          </cell>
          <cell r="R1939">
            <v>95000</v>
          </cell>
          <cell r="S1939">
            <v>731791</v>
          </cell>
          <cell r="T1939">
            <v>3096932</v>
          </cell>
          <cell r="V1939" t="str">
            <v>qd195129</v>
          </cell>
          <cell r="W1939" t="str">
            <v>pa153974</v>
          </cell>
          <cell r="Y1939" t="str">
            <v>68，69，</v>
          </cell>
          <cell r="Z1939">
            <v>69</v>
          </cell>
          <cell r="AA1939">
            <v>68</v>
          </cell>
          <cell r="AB1939" t="str">
            <v/>
          </cell>
          <cell r="AC1939" t="str">
            <v/>
          </cell>
          <cell r="AD1939" t="str">
            <v/>
          </cell>
          <cell r="AE1939" t="str">
            <v>１；近隣市での資源行政回収。官公庁関係の機密書類運搬・裁断処理にも実績がございます。２；市内に伊丹工場を所有しており、お客様の多様なご要望にも臨機応変に対応しております。３；４；</v>
          </cell>
          <cell r="AF1939" t="str">
            <v>当社は古紙・プラスチックを主としたリサイクル業者として、古物に新たな生命を吹き込む喜びを感じながら、日々の活動に取り組んでおります。行政回収においては、神戸、西宮、伊丹、尼崎各市で市民の皆様のために日々努力しております。</v>
          </cell>
        </row>
        <row r="1940">
          <cell r="B1940">
            <v>10115</v>
          </cell>
          <cell r="C1940" t="str">
            <v>ＮＥＣキャピタルソリューション(株)</v>
          </cell>
          <cell r="D1940" t="str">
            <v>078-322-1031</v>
          </cell>
          <cell r="E1940" t="str">
            <v>650-0031</v>
          </cell>
          <cell r="F1940" t="str">
            <v>兵庫県神戸市中央区東町126</v>
          </cell>
          <cell r="G1940" t="str">
            <v>神戸市</v>
          </cell>
          <cell r="H1940" t="str">
            <v/>
          </cell>
          <cell r="I1940" t="str">
            <v>神戸営業所長 渡邉　祐史</v>
          </cell>
          <cell r="J1940" t="str">
            <v>東京都</v>
          </cell>
          <cell r="K1940" t="str">
            <v>078-322-1826</v>
          </cell>
          <cell r="L1940" t="str">
            <v>hyogo-nyusatsu@ml.necap.co.jp</v>
          </cell>
          <cell r="M1940" t="str">
            <v>ｴﾇｲｰｼｰｷｬﾋﾟﾀﾙｿﾘｭｰｼｮﾝ</v>
          </cell>
          <cell r="N1940" t="str">
            <v>有</v>
          </cell>
          <cell r="O1940">
            <v>40</v>
          </cell>
          <cell r="P1940">
            <v>662</v>
          </cell>
          <cell r="Q1940">
            <v>8010401021784</v>
          </cell>
          <cell r="R1940">
            <v>3776880</v>
          </cell>
          <cell r="S1940">
            <v>84847788</v>
          </cell>
          <cell r="T1940">
            <v>184922871</v>
          </cell>
          <cell r="V1940" t="str">
            <v>mf703012</v>
          </cell>
          <cell r="W1940" t="str">
            <v>hm185625</v>
          </cell>
          <cell r="Y1940" t="str">
            <v>44，57，58，</v>
          </cell>
          <cell r="Z1940">
            <v>44</v>
          </cell>
          <cell r="AA1940">
            <v>58</v>
          </cell>
          <cell r="AB1940">
            <v>57</v>
          </cell>
          <cell r="AC1940" t="str">
            <v/>
          </cell>
          <cell r="AD1940" t="str">
            <v/>
          </cell>
          <cell r="AE1940" t="str">
            <v>１；情報処理用機器、通信用機器、事務用機器、理化学用機器　他２；システム開発業務、運用保守　他（日本電気（株）他）３；情報処理業務、データ処理業務　他（日本電気（株）他）４；</v>
          </cell>
          <cell r="AF1940" t="str">
            <v>各地域にて環境・エネルギー問題、少子高齢化や地域活性化等の社会的課題を抱えている中、地方自治体、地域金融機関、地域有力企業との連携によりエネルギー・農業・ヘルスケア・観光の側面から解決策としてＩＣＴ機器は勿論のこと金融以外を含めたサービス提供を行い社会価値向上を目指します</v>
          </cell>
        </row>
        <row r="1941">
          <cell r="B1941">
            <v>10117</v>
          </cell>
          <cell r="C1941" t="str">
            <v>ウチダエスコ(株)</v>
          </cell>
          <cell r="D1941" t="str">
            <v>03-5639-2221</v>
          </cell>
          <cell r="E1941" t="str">
            <v>135-0042</v>
          </cell>
          <cell r="F1941" t="str">
            <v>東京都江東区木場5-8-40</v>
          </cell>
          <cell r="G1941" t="str">
            <v>東京都</v>
          </cell>
          <cell r="H1941" t="str">
            <v/>
          </cell>
          <cell r="I1941" t="str">
            <v>代表取締役 江口　英則</v>
          </cell>
          <cell r="J1941" t="str">
            <v>本店</v>
          </cell>
          <cell r="K1941" t="str">
            <v>03-5639-2208</v>
          </cell>
          <cell r="L1941" t="str">
            <v>shingo_nagasawa@esco.co.jp</v>
          </cell>
          <cell r="M1941" t="str">
            <v>ｳﾁﾀﾞｴｽｺ</v>
          </cell>
          <cell r="N1941" t="str">
            <v>無</v>
          </cell>
          <cell r="O1941">
            <v>24</v>
          </cell>
          <cell r="P1941">
            <v>524</v>
          </cell>
          <cell r="Q1941">
            <v>4010601027461</v>
          </cell>
          <cell r="R1941">
            <v>334000</v>
          </cell>
          <cell r="S1941">
            <v>4761937</v>
          </cell>
          <cell r="T1941">
            <v>13036764</v>
          </cell>
          <cell r="V1941" t="str">
            <v>rx361072</v>
          </cell>
          <cell r="W1941" t="str">
            <v>fa168671</v>
          </cell>
          <cell r="Y1941" t="str">
            <v>014，12，14，15，27，35，36，58，</v>
          </cell>
          <cell r="Z1941">
            <v>36</v>
          </cell>
          <cell r="AA1941">
            <v>27</v>
          </cell>
          <cell r="AB1941">
            <v>80</v>
          </cell>
          <cell r="AC1941">
            <v>14</v>
          </cell>
          <cell r="AD1941" t="str">
            <v>トナー（リサイクル含む）カートリッジは、情報通信機器に含めています。</v>
          </cell>
          <cell r="AE1941" t="str">
            <v>１；ダイワボウ情報システム、内田洋行、デル、キヤノンマーケティングジャパン、エプソン販売２；内田洋行３；パソコン、サーバー、プリンターの設置、保守（修理）、ネットワーク構築４；内田洋行</v>
          </cell>
          <cell r="AF1941" t="str">
            <v>内装工事から電気通信工事までワンストップで対応できます。小規模ＬＡＮから広域ネットワーク構築、サポートします。併せてＰＣおよび周辺機器の販売・保守（修理）に対応します。また、トナーリサイクルシステムは手間が掛からず高品質な商品を提供し、大幅なコストダウンも実現できます。</v>
          </cell>
        </row>
        <row r="1942">
          <cell r="B1942">
            <v>10119</v>
          </cell>
          <cell r="C1942" t="str">
            <v>(株)此花医療器商会</v>
          </cell>
          <cell r="D1942" t="str">
            <v>06-6461-2961</v>
          </cell>
          <cell r="E1942" t="str">
            <v>554-0001</v>
          </cell>
          <cell r="F1942" t="str">
            <v>大阪府大阪市此花区高見3-4-3</v>
          </cell>
          <cell r="G1942" t="str">
            <v>大阪市</v>
          </cell>
          <cell r="H1942" t="str">
            <v/>
          </cell>
          <cell r="I1942" t="str">
            <v>代表取締役 塩田　肇</v>
          </cell>
          <cell r="J1942" t="str">
            <v>本店</v>
          </cell>
          <cell r="K1942" t="str">
            <v>06-6463-7090</v>
          </cell>
          <cell r="L1942" t="str">
            <v>konohanashiota@leto.eonet.ne.jp</v>
          </cell>
          <cell r="M1942" t="str">
            <v>ｺﾉﾊﾅｲﾘｮｳｷｼｮｳｶｲ</v>
          </cell>
          <cell r="N1942" t="str">
            <v>無</v>
          </cell>
          <cell r="O1942">
            <v>71</v>
          </cell>
          <cell r="P1942">
            <v>4</v>
          </cell>
          <cell r="Q1942">
            <v>3120001026335</v>
          </cell>
          <cell r="R1942">
            <v>10000</v>
          </cell>
          <cell r="S1942">
            <v>35810</v>
          </cell>
          <cell r="T1942">
            <v>100119</v>
          </cell>
          <cell r="V1942" t="str">
            <v>gf449148</v>
          </cell>
          <cell r="W1942" t="str">
            <v>dq145815</v>
          </cell>
          <cell r="Y1942" t="str">
            <v>9，39，</v>
          </cell>
          <cell r="Z1942">
            <v>39</v>
          </cell>
          <cell r="AA1942">
            <v>9</v>
          </cell>
          <cell r="AB1942" t="str">
            <v/>
          </cell>
          <cell r="AC1942" t="str">
            <v/>
          </cell>
          <cell r="AD1942" t="str">
            <v/>
          </cell>
          <cell r="AE1942" t="str">
            <v>１；２；３；４；</v>
          </cell>
          <cell r="AF1942" t="str">
            <v/>
          </cell>
        </row>
        <row r="1943">
          <cell r="B1943">
            <v>10120</v>
          </cell>
          <cell r="C1943" t="str">
            <v>京都工業(株)</v>
          </cell>
          <cell r="D1943" t="str">
            <v>075-641-8278</v>
          </cell>
          <cell r="E1943" t="str">
            <v>612-0007</v>
          </cell>
          <cell r="F1943" t="str">
            <v>京都府京都市伏見区深草下横縄町15</v>
          </cell>
          <cell r="G1943" t="str">
            <v>京都市</v>
          </cell>
          <cell r="H1943" t="str">
            <v/>
          </cell>
          <cell r="I1943" t="str">
            <v>代表取締役 吉川　晃</v>
          </cell>
          <cell r="J1943" t="str">
            <v>本店</v>
          </cell>
          <cell r="K1943" t="str">
            <v>075-643-4282</v>
          </cell>
          <cell r="L1943" t="str">
            <v>kyokou@apricot.ocn.ne.jp</v>
          </cell>
          <cell r="M1943" t="str">
            <v>ｷｮｳﾄｺｳｷﾞｮｳ</v>
          </cell>
          <cell r="N1943" t="str">
            <v>無</v>
          </cell>
          <cell r="O1943">
            <v>133</v>
          </cell>
          <cell r="P1943">
            <v>48</v>
          </cell>
          <cell r="Q1943">
            <v>2130001016204</v>
          </cell>
          <cell r="R1943">
            <v>10000</v>
          </cell>
          <cell r="S1943">
            <v>224524</v>
          </cell>
          <cell r="T1943">
            <v>314158</v>
          </cell>
          <cell r="V1943" t="str">
            <v>fc177378</v>
          </cell>
          <cell r="W1943" t="str">
            <v>jy135426</v>
          </cell>
          <cell r="Y1943" t="str">
            <v>57，</v>
          </cell>
          <cell r="Z1943" t="str">
            <v/>
          </cell>
          <cell r="AA1943" t="str">
            <v/>
          </cell>
          <cell r="AB1943" t="str">
            <v/>
          </cell>
          <cell r="AC1943" t="str">
            <v/>
          </cell>
          <cell r="AD1943" t="str">
            <v/>
          </cell>
          <cell r="AE1943" t="str">
            <v>１；２；３；４；</v>
          </cell>
          <cell r="AF1943" t="str">
            <v>主たる営業内容：データエントリー、イメージエントリー、システム開発・運用管理、スキャニングファイリング、ＯＣＲ処理、データ集計・グラフ作成</v>
          </cell>
        </row>
        <row r="1944">
          <cell r="B1944">
            <v>10121</v>
          </cell>
          <cell r="C1944" t="str">
            <v>安全産業(株)</v>
          </cell>
          <cell r="D1944" t="str">
            <v>072-777-0555</v>
          </cell>
          <cell r="E1944" t="str">
            <v>664-0855</v>
          </cell>
          <cell r="F1944" t="str">
            <v>兵庫県伊丹市御願塚4-10-18</v>
          </cell>
          <cell r="G1944" t="str">
            <v>伊丹市</v>
          </cell>
          <cell r="H1944" t="str">
            <v/>
          </cell>
          <cell r="I1944" t="str">
            <v>代表取締役 遠山　純</v>
          </cell>
          <cell r="J1944" t="str">
            <v>本店</v>
          </cell>
          <cell r="K1944" t="str">
            <v>072-770-9383</v>
          </cell>
          <cell r="L1944" t="str">
            <v>anzensan@kih.biglobe.ne.jp</v>
          </cell>
          <cell r="M1944" t="str">
            <v>ｱﾝｾﾞﾝｻﾝｷﾞｮｳ</v>
          </cell>
          <cell r="N1944" t="str">
            <v>無</v>
          </cell>
          <cell r="O1944">
            <v>46</v>
          </cell>
          <cell r="P1944">
            <v>9</v>
          </cell>
          <cell r="Q1944">
            <v>8140001077941</v>
          </cell>
          <cell r="R1944">
            <v>10000</v>
          </cell>
          <cell r="S1944">
            <v>7656</v>
          </cell>
          <cell r="T1944">
            <v>96128</v>
          </cell>
          <cell r="V1944" t="str">
            <v>mm745645</v>
          </cell>
          <cell r="W1944" t="str">
            <v>at142140</v>
          </cell>
          <cell r="Y1944" t="str">
            <v>38，49，68，</v>
          </cell>
          <cell r="Z1944">
            <v>49</v>
          </cell>
          <cell r="AA1944">
            <v>38</v>
          </cell>
          <cell r="AB1944">
            <v>68</v>
          </cell>
          <cell r="AC1944" t="str">
            <v/>
          </cell>
          <cell r="AD1944" t="str">
            <v/>
          </cell>
          <cell r="AE1944" t="str">
            <v>１；２；３；消火器の廃棄処分４；</v>
          </cell>
          <cell r="AF1944" t="str">
            <v>消防用設備保守点検業務及び消防用設備工事を行い消防防災関連商品の販売又消火器等の廃棄処分も行っています。</v>
          </cell>
        </row>
        <row r="1945">
          <cell r="B1945">
            <v>10122</v>
          </cell>
          <cell r="C1945" t="str">
            <v>安全産業(株)</v>
          </cell>
          <cell r="D1945" t="str">
            <v>052-908-0020</v>
          </cell>
          <cell r="E1945" t="str">
            <v>530-0011</v>
          </cell>
          <cell r="F1945" t="str">
            <v>愛知県名古屋市緑区滝ﾉ水5-1310</v>
          </cell>
          <cell r="G1945" t="str">
            <v>名古屋市</v>
          </cell>
          <cell r="H1945" t="str">
            <v/>
          </cell>
          <cell r="I1945" t="str">
            <v>代表取締役　 西村　竹松</v>
          </cell>
          <cell r="J1945" t="str">
            <v>本店</v>
          </cell>
          <cell r="K1945" t="str">
            <v>052-908-0030</v>
          </cell>
          <cell r="L1945" t="str">
            <v>assist@hc-net.co.jp</v>
          </cell>
          <cell r="M1945" t="str">
            <v>ｱｼｽﾄ</v>
          </cell>
          <cell r="N1945" t="str">
            <v>無</v>
          </cell>
          <cell r="O1945">
            <v>26</v>
          </cell>
          <cell r="P1945">
            <v>45</v>
          </cell>
          <cell r="Q1945">
            <v>1180000000000</v>
          </cell>
          <cell r="R1945">
            <v>10000</v>
          </cell>
          <cell r="S1945">
            <v>101283</v>
          </cell>
          <cell r="T1945">
            <v>313321</v>
          </cell>
          <cell r="V1945" t="str">
            <v>gn751648</v>
          </cell>
          <cell r="W1945" t="str">
            <v>tr118298</v>
          </cell>
          <cell r="Y1945" t="str">
            <v>57.58.73.77.80</v>
          </cell>
          <cell r="Z1945">
            <v>77</v>
          </cell>
          <cell r="AA1945">
            <v>80</v>
          </cell>
          <cell r="AB1945">
            <v>57</v>
          </cell>
          <cell r="AC1945">
            <v>58</v>
          </cell>
          <cell r="AD1945" t="str">
            <v/>
          </cell>
          <cell r="AE1945" t="str">
            <v>１；２；保健福祉に係る調査（二次予防事業対象者把握事業、子育て支援に関するニーズ調査、各種ニーズ調査、アンケート調査）３；保健福祉に係る計画策定（次世代育成支援対策計画策定、子ども・子育て支援事業計画策定、高齢者保健福祉計画策定、高齢者介護保険事業計画策定、）・介護予防事業・特定健診未受診者受診勧奨事業４；保健福祉に係る電算業務（健康診査電算事務）</v>
          </cell>
          <cell r="AF1945" t="str">
            <v>保健福祉に係る調査・計画策定及び電算業務　介護予防事業・特定健診未受診者受診勧奨事業等</v>
          </cell>
        </row>
        <row r="1946">
          <cell r="B1946">
            <v>10123</v>
          </cell>
          <cell r="C1946" t="str">
            <v>関西日立(株)</v>
          </cell>
          <cell r="D1946" t="str">
            <v>06-4256-7414</v>
          </cell>
          <cell r="E1946" t="str">
            <v>550-0001</v>
          </cell>
          <cell r="F1946" t="str">
            <v>大阪府大阪市西区土佐堀1-3-7</v>
          </cell>
          <cell r="G1946" t="str">
            <v>大阪市</v>
          </cell>
          <cell r="H1946" t="str">
            <v/>
          </cell>
          <cell r="I1946" t="str">
            <v>代表取締役 橋詰　秀彦</v>
          </cell>
          <cell r="J1946" t="str">
            <v>本店</v>
          </cell>
          <cell r="K1946" t="str">
            <v>06-4256-7415</v>
          </cell>
          <cell r="L1946" t="str">
            <v>bidding@ml.kansaihitachi.co.jp</v>
          </cell>
          <cell r="M1946" t="str">
            <v>ｶﾝｻｲﾋﾀﾁ</v>
          </cell>
          <cell r="N1946" t="str">
            <v>無</v>
          </cell>
          <cell r="O1946">
            <v>44</v>
          </cell>
          <cell r="P1946">
            <v>203</v>
          </cell>
          <cell r="Q1946">
            <v>4120001027010</v>
          </cell>
          <cell r="R1946">
            <v>389000</v>
          </cell>
          <cell r="S1946">
            <v>2986690</v>
          </cell>
          <cell r="T1946">
            <v>20232840</v>
          </cell>
          <cell r="V1946" t="str">
            <v>ca356718</v>
          </cell>
          <cell r="W1946" t="str">
            <v>il107701</v>
          </cell>
          <cell r="Y1946" t="str">
            <v>048，36，40，42，47，48，</v>
          </cell>
          <cell r="Z1946">
            <v>47</v>
          </cell>
          <cell r="AA1946">
            <v>42</v>
          </cell>
          <cell r="AB1946">
            <v>40</v>
          </cell>
          <cell r="AC1946">
            <v>48</v>
          </cell>
          <cell r="AD1946" t="str">
            <v/>
          </cell>
          <cell r="AE1946" t="str">
            <v>１；電気設備２；工業用計測機器３；空気圧縮機４；ポンプ設備</v>
          </cell>
          <cell r="AF1946" t="str">
            <v/>
          </cell>
        </row>
        <row r="1947">
          <cell r="B1947">
            <v>10124</v>
          </cell>
          <cell r="C1947" t="str">
            <v>(株)三商</v>
          </cell>
          <cell r="D1947" t="str">
            <v>0798-36-1871</v>
          </cell>
          <cell r="E1947" t="str">
            <v>662-0934</v>
          </cell>
          <cell r="F1947" t="str">
            <v>兵庫県西宮市西宮浜1-16</v>
          </cell>
          <cell r="G1947" t="str">
            <v>西宮市</v>
          </cell>
          <cell r="H1947" t="str">
            <v>神戸営業所</v>
          </cell>
          <cell r="I1947" t="str">
            <v>所長 久保　智愛</v>
          </cell>
          <cell r="J1947" t="str">
            <v>東京都</v>
          </cell>
          <cell r="K1947" t="str">
            <v>0798-36-1895</v>
          </cell>
          <cell r="L1947" t="str">
            <v>kubo@sansho.ecnet.jp</v>
          </cell>
          <cell r="M1947" t="str">
            <v>ｻﾝｼｮｳ</v>
          </cell>
          <cell r="N1947" t="str">
            <v>有</v>
          </cell>
          <cell r="O1947">
            <v>60</v>
          </cell>
          <cell r="P1947">
            <v>91</v>
          </cell>
          <cell r="Q1947">
            <v>9010001044193</v>
          </cell>
          <cell r="R1947">
            <v>31500</v>
          </cell>
          <cell r="S1947">
            <v>322310</v>
          </cell>
          <cell r="T1947">
            <v>3050344</v>
          </cell>
          <cell r="V1947" t="str">
            <v>xx846122</v>
          </cell>
          <cell r="W1947" t="str">
            <v>rv186848</v>
          </cell>
          <cell r="Y1947" t="str">
            <v>22，53，</v>
          </cell>
          <cell r="Z1947">
            <v>53</v>
          </cell>
          <cell r="AA1947">
            <v>22</v>
          </cell>
          <cell r="AB1947" t="str">
            <v/>
          </cell>
          <cell r="AC1947" t="str">
            <v/>
          </cell>
          <cell r="AD1947" t="str">
            <v/>
          </cell>
          <cell r="AE1947" t="str">
            <v>１；松くい虫防除樹幹注入剤施工、薬剤散布による雑草防除及び除草２；除草、殺菌、殺虫剤、土壌改良剤納品　日産化学、バイエルクロップサイエンス、 丸和バイオケミカル、エムシー緑化等代理店及び特約店３；４；</v>
          </cell>
          <cell r="AF1947" t="str">
            <v>植栽、樹木保護（松くい虫防除等）、雑草防除の総合緑地管理工事を中心とし、それに関連する薬剤及び緑化資材の販売。薬剤は、農薬取締法に基づき登録している一流メーカーの剤を全国ネットで販売。また、群馬県より玉村ゴルフ場の指定管理業者に選定され管理業務を行っております。</v>
          </cell>
        </row>
        <row r="1948">
          <cell r="B1948">
            <v>10125</v>
          </cell>
          <cell r="C1948" t="str">
            <v>キャノンメディカルファイナンス(株)</v>
          </cell>
          <cell r="D1948" t="str">
            <v>03-6371-4591</v>
          </cell>
          <cell r="E1948" t="str">
            <v>530-0011</v>
          </cell>
          <cell r="F1948" t="str">
            <v>東京都中央区日本橋人形町2-14-10</v>
          </cell>
          <cell r="G1948" t="str">
            <v>東京都</v>
          </cell>
          <cell r="H1948" t="str">
            <v/>
          </cell>
          <cell r="I1948" t="str">
            <v>代表取締役　 関　尚平</v>
          </cell>
          <cell r="J1948" t="str">
            <v>本店</v>
          </cell>
          <cell r="K1948" t="str">
            <v>03-6371-1970</v>
          </cell>
          <cell r="L1948" t="str">
            <v>katsuyuki2.takeuchi@medical.canon</v>
          </cell>
          <cell r="M1948" t="str">
            <v>ｷﾔﾉﾝﾒﾃﾞｲｶﾙﾌｱｲﾅﾝｽ</v>
          </cell>
          <cell r="N1948" t="str">
            <v>無</v>
          </cell>
          <cell r="O1948">
            <v>48</v>
          </cell>
          <cell r="P1948">
            <v>41</v>
          </cell>
          <cell r="Q1948">
            <v>3010000000000</v>
          </cell>
          <cell r="R1948">
            <v>120000</v>
          </cell>
          <cell r="S1948" t="str">
            <v/>
          </cell>
          <cell r="T1948" t="str">
            <v/>
          </cell>
          <cell r="V1948" t="str">
            <v>du839796</v>
          </cell>
          <cell r="W1948" t="str">
            <v>bm141028</v>
          </cell>
          <cell r="Y1948" t="str">
            <v/>
          </cell>
          <cell r="Z1948" t="str">
            <v/>
          </cell>
          <cell r="AA1948" t="str">
            <v/>
          </cell>
          <cell r="AB1948" t="str">
            <v/>
          </cell>
          <cell r="AC1948" t="str">
            <v/>
          </cell>
          <cell r="AD1948" t="str">
            <v/>
          </cell>
          <cell r="AE1948" t="str">
            <v>１；２；３；４；</v>
          </cell>
          <cell r="AF1948" t="str">
            <v/>
          </cell>
        </row>
        <row r="1949">
          <cell r="B1949">
            <v>10126</v>
          </cell>
          <cell r="C1949" t="str">
            <v>三菱ＵＦＪリース(株)</v>
          </cell>
          <cell r="D1949" t="str">
            <v>06-6209-3774</v>
          </cell>
          <cell r="E1949" t="str">
            <v>541-0044</v>
          </cell>
          <cell r="F1949" t="str">
            <v>大阪府大阪市中央区伏見町4-1-1</v>
          </cell>
          <cell r="G1949" t="str">
            <v>大阪市</v>
          </cell>
          <cell r="H1949" t="str">
            <v>大阪セクター営業部</v>
          </cell>
          <cell r="I1949" t="str">
            <v>執行役員大阪セクター営業部長 鈴木　裕之</v>
          </cell>
          <cell r="J1949" t="str">
            <v>東京都</v>
          </cell>
          <cell r="K1949" t="str">
            <v>06-6209-3723</v>
          </cell>
          <cell r="L1949" t="str">
            <v>teruaki.ohara@lf.mufg.jp</v>
          </cell>
          <cell r="M1949" t="str">
            <v>ﾐﾂﾋﾞｼﾕｰｴﾌｼﾞｪｲﾘｰｽ</v>
          </cell>
          <cell r="N1949" t="str">
            <v>有</v>
          </cell>
          <cell r="O1949">
            <v>47</v>
          </cell>
          <cell r="P1949">
            <v>1805</v>
          </cell>
          <cell r="Q1949">
            <v>4010001049866</v>
          </cell>
          <cell r="R1949">
            <v>33196047</v>
          </cell>
          <cell r="S1949">
            <v>438861807</v>
          </cell>
          <cell r="T1949">
            <v>469586100</v>
          </cell>
          <cell r="V1949" t="str">
            <v>gq360632</v>
          </cell>
          <cell r="W1949" t="str">
            <v>kx144110</v>
          </cell>
          <cell r="Y1949" t="str">
            <v>44，</v>
          </cell>
          <cell r="Z1949" t="str">
            <v/>
          </cell>
          <cell r="AA1949" t="str">
            <v/>
          </cell>
          <cell r="AB1949" t="str">
            <v/>
          </cell>
          <cell r="AC1949" t="str">
            <v/>
          </cell>
          <cell r="AD1949" t="str">
            <v/>
          </cell>
          <cell r="AE1949" t="str">
            <v>１；２；３；４；</v>
          </cell>
          <cell r="AF1949" t="str">
            <v>コンピュータ・印刷機・医療機器・ＯＡ機器をはじめとする全ての動産（除く消耗品）のリース業務</v>
          </cell>
        </row>
        <row r="1950">
          <cell r="B1950">
            <v>10128</v>
          </cell>
          <cell r="C1950" t="str">
            <v>英和(株)</v>
          </cell>
          <cell r="D1950" t="str">
            <v>06-6539-4804</v>
          </cell>
          <cell r="E1950" t="str">
            <v>550-0014</v>
          </cell>
          <cell r="F1950" t="str">
            <v>大阪府大阪市西区北堀江4-1-7</v>
          </cell>
          <cell r="G1950" t="str">
            <v>大阪市</v>
          </cell>
          <cell r="H1950" t="str">
            <v/>
          </cell>
          <cell r="I1950" t="str">
            <v>代表取締役 阿部　健治</v>
          </cell>
          <cell r="J1950" t="str">
            <v>本店</v>
          </cell>
          <cell r="K1950" t="str">
            <v>06-6539-4834</v>
          </cell>
          <cell r="L1950" t="str">
            <v>tujii@eiwa-net.co.jp</v>
          </cell>
          <cell r="M1950" t="str">
            <v>ｴｲﾜ</v>
          </cell>
          <cell r="N1950" t="str">
            <v>無</v>
          </cell>
          <cell r="O1950">
            <v>47</v>
          </cell>
          <cell r="P1950">
            <v>345</v>
          </cell>
          <cell r="Q1950">
            <v>6120001041612</v>
          </cell>
          <cell r="R1950">
            <v>1533400</v>
          </cell>
          <cell r="S1950">
            <v>9059474</v>
          </cell>
          <cell r="T1950">
            <v>32301096</v>
          </cell>
          <cell r="V1950" t="str">
            <v>yd962421</v>
          </cell>
          <cell r="W1950" t="str">
            <v>yq185584</v>
          </cell>
          <cell r="Y1950" t="str">
            <v>41，42，</v>
          </cell>
          <cell r="Z1950" t="str">
            <v/>
          </cell>
          <cell r="AA1950" t="str">
            <v/>
          </cell>
          <cell r="AB1950" t="str">
            <v/>
          </cell>
          <cell r="AC1950" t="str">
            <v/>
          </cell>
          <cell r="AD1950" t="str">
            <v/>
          </cell>
          <cell r="AE1950" t="str">
            <v>１；代長野計器（株）、代東京計器（株）、代（株）エムシステム技研２；代長野計器（株）、代東京計器（株）　（株）小野測器３；４；</v>
          </cell>
          <cell r="AF1950" t="str">
            <v>上下水道の計装整備（流量計及び水位計等）の納入及び設置工事を希望します。</v>
          </cell>
        </row>
        <row r="1951">
          <cell r="B1951">
            <v>10129</v>
          </cell>
          <cell r="C1951" t="str">
            <v>(株)ダイモン</v>
          </cell>
          <cell r="D1951" t="str">
            <v>078-922-3660</v>
          </cell>
          <cell r="E1951" t="str">
            <v>651-2132</v>
          </cell>
          <cell r="F1951" t="str">
            <v>兵庫県神戸市西区森友4-73</v>
          </cell>
          <cell r="G1951" t="str">
            <v>神戸市</v>
          </cell>
          <cell r="H1951" t="str">
            <v>神戸営業所</v>
          </cell>
          <cell r="I1951" t="str">
            <v>営業所長 沖原　登理</v>
          </cell>
          <cell r="J1951" t="str">
            <v>山口県防府市</v>
          </cell>
          <cell r="K1951" t="str">
            <v>078-922-3670</v>
          </cell>
          <cell r="L1951" t="str">
            <v>mkhashidzume@dmn.co.jp</v>
          </cell>
          <cell r="M1951" t="str">
            <v>ﾀﾞｲﾓﾝ</v>
          </cell>
          <cell r="N1951" t="str">
            <v>有</v>
          </cell>
          <cell r="O1951">
            <v>74</v>
          </cell>
          <cell r="P1951">
            <v>70</v>
          </cell>
          <cell r="Q1951">
            <v>4250001002082</v>
          </cell>
          <cell r="R1951">
            <v>67500</v>
          </cell>
          <cell r="S1951">
            <v>919577</v>
          </cell>
          <cell r="T1951">
            <v>2557187</v>
          </cell>
          <cell r="V1951" t="str">
            <v>ht252827</v>
          </cell>
          <cell r="W1951" t="str">
            <v>um117650</v>
          </cell>
          <cell r="Y1951" t="str">
            <v>30，33，</v>
          </cell>
          <cell r="Z1951">
            <v>33</v>
          </cell>
          <cell r="AA1951">
            <v>30</v>
          </cell>
          <cell r="AB1951" t="str">
            <v/>
          </cell>
          <cell r="AC1951" t="str">
            <v/>
          </cell>
          <cell r="AD1951" t="str">
            <v/>
          </cell>
          <cell r="AE1951" t="str">
            <v>１；上下水道用鉄蓋類及び下桝類２；上下水道用鉄蓋類及び下桝類３；４；</v>
          </cell>
          <cell r="AF1951" t="str">
            <v>環境問題も視野に入れ、リサイクル可能なダクタイル鋳鉄製弁桝（Ｄ－Ｕｎｉｔ）などの製品開発も進めています。</v>
          </cell>
        </row>
        <row r="1952">
          <cell r="B1952">
            <v>10130</v>
          </cell>
          <cell r="C1952" t="str">
            <v>(株)廣済堂</v>
          </cell>
          <cell r="D1952" t="str">
            <v>06-6855-1100</v>
          </cell>
          <cell r="E1952" t="str">
            <v>560-8567</v>
          </cell>
          <cell r="F1952" t="str">
            <v>大阪府蛍池西町2-2-1</v>
          </cell>
          <cell r="G1952" t="str">
            <v>大阪府</v>
          </cell>
          <cell r="H1952" t="str">
            <v/>
          </cell>
          <cell r="I1952" t="str">
            <v>代表取締役 根岸　千尋</v>
          </cell>
          <cell r="J1952" t="str">
            <v>東京都</v>
          </cell>
          <cell r="K1952" t="str">
            <v>06-6855-1324</v>
          </cell>
          <cell r="L1952" t="str">
            <v>nagatomi.satoshi@kosaido.co.jp</v>
          </cell>
          <cell r="M1952" t="str">
            <v>ｺｳｻｲﾄﾞｳ</v>
          </cell>
          <cell r="N1952" t="str">
            <v>有</v>
          </cell>
          <cell r="O1952">
            <v>69</v>
          </cell>
          <cell r="P1952">
            <v>936</v>
          </cell>
          <cell r="Q1952">
            <v>7010401009665</v>
          </cell>
          <cell r="R1952">
            <v>1000000</v>
          </cell>
          <cell r="S1952">
            <v>4584780</v>
          </cell>
          <cell r="T1952">
            <v>24926003</v>
          </cell>
          <cell r="V1952" t="str">
            <v>nt192826</v>
          </cell>
          <cell r="W1952" t="str">
            <v>sd188461</v>
          </cell>
          <cell r="Y1952" t="str">
            <v>058，57，58，63，64，73，</v>
          </cell>
          <cell r="Z1952">
            <v>73</v>
          </cell>
          <cell r="AA1952">
            <v>63</v>
          </cell>
          <cell r="AB1952">
            <v>64</v>
          </cell>
          <cell r="AC1952">
            <v>58</v>
          </cell>
          <cell r="AD1952" t="str">
            <v/>
          </cell>
          <cell r="AE1952" t="str">
            <v>１；２；３；４；</v>
          </cell>
          <cell r="AF1952" t="str">
            <v>企画から印刷、製本までの総合印刷。映画、ＤＶＤなど映像制作。イベントの企画運営や会場展示。ホームページ制作、システム構築。</v>
          </cell>
        </row>
        <row r="1953">
          <cell r="B1953">
            <v>10131</v>
          </cell>
          <cell r="C1953" t="str">
            <v>(株)ジーエス・ユアサフィールディングス</v>
          </cell>
          <cell r="D1953" t="str">
            <v>06-6882-0001</v>
          </cell>
          <cell r="E1953" t="str">
            <v>530-0043</v>
          </cell>
          <cell r="F1953" t="str">
            <v>大阪府大阪市北区天満1-6-11</v>
          </cell>
          <cell r="G1953" t="str">
            <v>大阪市</v>
          </cell>
          <cell r="H1953" t="str">
            <v>関西支店</v>
          </cell>
          <cell r="I1953" t="str">
            <v>支店長 山田　伸一</v>
          </cell>
          <cell r="J1953" t="str">
            <v>東京都</v>
          </cell>
          <cell r="K1953" t="str">
            <v>06-6882-0002</v>
          </cell>
          <cell r="L1953" t="str">
            <v>akinori.yoshida@jp.gs-yuasa.com</v>
          </cell>
          <cell r="M1953" t="str">
            <v>ｼﾞｰｴｽﾕｱｻﾌｨｰﾙﾃﾞｨﾝｸﾞｽ</v>
          </cell>
          <cell r="N1953" t="str">
            <v>有</v>
          </cell>
          <cell r="O1953">
            <v>59</v>
          </cell>
          <cell r="P1953">
            <v>294</v>
          </cell>
          <cell r="Q1953">
            <v>4010801012255</v>
          </cell>
          <cell r="R1953">
            <v>54500</v>
          </cell>
          <cell r="S1953">
            <v>6247678</v>
          </cell>
          <cell r="T1953">
            <v>21198602</v>
          </cell>
          <cell r="V1953" t="str">
            <v>px811763</v>
          </cell>
          <cell r="W1953" t="str">
            <v>hl107341</v>
          </cell>
          <cell r="Y1953" t="str">
            <v>47，</v>
          </cell>
          <cell r="Z1953">
            <v>80</v>
          </cell>
          <cell r="AA1953">
            <v>47</v>
          </cell>
          <cell r="AB1953" t="str">
            <v/>
          </cell>
          <cell r="AC1953" t="str">
            <v/>
          </cell>
          <cell r="AD1953" t="str">
            <v/>
          </cell>
          <cell r="AE1953" t="str">
            <v>１；直流電源装置・交流無停電装置・鉛蓄電池・アルカリ蓄電池・小型蓄電池・特殊蓄電池２；電気設備保守点検３；４；</v>
          </cell>
          <cell r="AF1953" t="str">
            <v>各種蓄電池、整流器、変換器および通信機器の機械機器・装置の搬入、据付調整工事、立会検査保守、修理、充電及び技術サービス。自家発電装置及び部品販売、修理及び通信機器並びにこれらの部品、付属品販売。（直流・交流無停電電源装置、鉛・アルカリ・小型・特殊蓄電池）</v>
          </cell>
        </row>
        <row r="1954">
          <cell r="B1954">
            <v>10133</v>
          </cell>
          <cell r="C1954" t="str">
            <v>(株)現代けんこう出版</v>
          </cell>
          <cell r="D1954" t="str">
            <v>03-3846-1088</v>
          </cell>
          <cell r="E1954" t="str">
            <v>130-0026</v>
          </cell>
          <cell r="F1954" t="str">
            <v>東京都墨田区両国1-12-8</v>
          </cell>
          <cell r="G1954" t="str">
            <v>東京都</v>
          </cell>
          <cell r="H1954" t="str">
            <v/>
          </cell>
          <cell r="I1954" t="str">
            <v>代表取締役 砂田　昌彦</v>
          </cell>
          <cell r="J1954" t="str">
            <v>本店</v>
          </cell>
          <cell r="K1954" t="str">
            <v>03-3846-1189</v>
          </cell>
          <cell r="L1954" t="str">
            <v>info@gendaikenko.co.jp</v>
          </cell>
          <cell r="M1954" t="str">
            <v>ｹﾞﾝﾀﾞｲｹﾝｺｳｼｭｯﾊﾟﾝ</v>
          </cell>
          <cell r="N1954" t="str">
            <v>無</v>
          </cell>
          <cell r="O1954">
            <v>31</v>
          </cell>
          <cell r="P1954">
            <v>23</v>
          </cell>
          <cell r="Q1954">
            <v>2010601010650</v>
          </cell>
          <cell r="R1954">
            <v>20000</v>
          </cell>
          <cell r="S1954">
            <v>265001</v>
          </cell>
          <cell r="T1954">
            <v>702922</v>
          </cell>
          <cell r="V1954" t="str">
            <v>zu711199</v>
          </cell>
          <cell r="W1954" t="str">
            <v>gn129525</v>
          </cell>
          <cell r="Y1954" t="str">
            <v>063，13，63，73，74，76，</v>
          </cell>
          <cell r="Z1954">
            <v>73</v>
          </cell>
          <cell r="AA1954">
            <v>13</v>
          </cell>
          <cell r="AB1954">
            <v>80</v>
          </cell>
          <cell r="AC1954">
            <v>63</v>
          </cell>
          <cell r="AD1954" t="str">
            <v/>
          </cell>
          <cell r="AE1954" t="str">
            <v>１；介護保険ガイドブック、パンフレット、リーフレット、ポスターなど２；介護保険冊子、国保啓発冊子、特定保健指導関連冊子、メンタル冊子など３；特定健診、保健指導事業、介護予防事業、健康促進事業などの企画運営４；講演会・講習会の企画・運営</v>
          </cell>
          <cell r="AF1954" t="str">
            <v>印刷：わかりやすい、読みやすい、美しい印刷物を提供。特に介護保険以後・　国保の制度周知パンフレットは定評いただいています。役務：講演会・講習会を軸に保健指導事業等を展開。経年にわたり身体度の　記録・集計をし、成果報告まで。</v>
          </cell>
        </row>
        <row r="1955">
          <cell r="B1955">
            <v>10136</v>
          </cell>
          <cell r="C1955" t="str">
            <v>富士鉄工(株)</v>
          </cell>
          <cell r="D1955" t="str">
            <v>06-6962-1131</v>
          </cell>
          <cell r="E1955" t="str">
            <v>536-0014</v>
          </cell>
          <cell r="F1955" t="str">
            <v>大阪府大阪市城東区鴫野西2-12-4</v>
          </cell>
          <cell r="G1955" t="str">
            <v>大阪市</v>
          </cell>
          <cell r="H1955" t="str">
            <v/>
          </cell>
          <cell r="I1955" t="str">
            <v>代表取締役 山下　広繁</v>
          </cell>
          <cell r="J1955" t="str">
            <v>本店</v>
          </cell>
          <cell r="K1955" t="str">
            <v>06-6969-5220</v>
          </cell>
          <cell r="L1955" t="str">
            <v>fuji-iw@lime.ocn.ne.jp</v>
          </cell>
          <cell r="M1955" t="str">
            <v>ﾌｼﾞﾃｯｺｳ</v>
          </cell>
          <cell r="N1955" t="str">
            <v>無</v>
          </cell>
          <cell r="O1955">
            <v>60</v>
          </cell>
          <cell r="P1955">
            <v>12</v>
          </cell>
          <cell r="Q1955">
            <v>2120001016122</v>
          </cell>
          <cell r="R1955">
            <v>30000</v>
          </cell>
          <cell r="S1955">
            <v>172598</v>
          </cell>
          <cell r="T1955">
            <v>223218</v>
          </cell>
          <cell r="V1955" t="str">
            <v>zs109307</v>
          </cell>
          <cell r="W1955" t="str">
            <v>ai157722</v>
          </cell>
          <cell r="Y1955" t="str">
            <v>33，79，</v>
          </cell>
          <cell r="Z1955">
            <v>33</v>
          </cell>
          <cell r="AA1955">
            <v>79</v>
          </cell>
          <cell r="AB1955" t="str">
            <v/>
          </cell>
          <cell r="AC1955" t="str">
            <v/>
          </cell>
          <cell r="AD1955" t="str">
            <v/>
          </cell>
          <cell r="AE1955" t="str">
            <v>１；水道用仕切弁・消火栓・空気弁・補修弁などの水道用弁栓類や修繕用部品の納入。２；上水道における不断水内視鏡カメラによる管路内調査。３；４；</v>
          </cell>
          <cell r="AF1955" t="str">
            <v>昭和３３年、創業以来、仕切弁、消火栓、空気弁、補修弁他の水道用弁栓類に特化し、品質向上に努めてまいりました。この品目での貴市との取引を希望いたします。</v>
          </cell>
        </row>
        <row r="1956">
          <cell r="B1956">
            <v>10137</v>
          </cell>
          <cell r="C1956" t="str">
            <v>ジャパンメッセンジャーサービス(株)</v>
          </cell>
          <cell r="D1956" t="str">
            <v>072-775-3302</v>
          </cell>
          <cell r="E1956" t="str">
            <v>664-0899</v>
          </cell>
          <cell r="F1956" t="str">
            <v>兵庫県伊丹市大鹿6-68</v>
          </cell>
          <cell r="G1956" t="str">
            <v>伊丹市</v>
          </cell>
          <cell r="H1956" t="str">
            <v/>
          </cell>
          <cell r="I1956" t="str">
            <v>代表取締役 金築　励</v>
          </cell>
          <cell r="J1956" t="str">
            <v>本店</v>
          </cell>
          <cell r="K1956" t="str">
            <v>072-772-4755</v>
          </cell>
          <cell r="L1956" t="str">
            <v>jmsitami@trust.ocn.ne.jp</v>
          </cell>
          <cell r="M1956" t="str">
            <v>ｼﾞｬﾊﾟﾝﾒｯｾﾝｼﾞｬｰｻｰﾋﾞｽ</v>
          </cell>
          <cell r="N1956" t="str">
            <v>無</v>
          </cell>
          <cell r="O1956">
            <v>33</v>
          </cell>
          <cell r="P1956">
            <v>66</v>
          </cell>
          <cell r="Q1956">
            <v>5140001078463</v>
          </cell>
          <cell r="R1956">
            <v>10000</v>
          </cell>
          <cell r="S1956">
            <v>62063</v>
          </cell>
          <cell r="T1956">
            <v>372273</v>
          </cell>
          <cell r="V1956" t="str">
            <v>qv686369</v>
          </cell>
          <cell r="W1956" t="str">
            <v>se151390</v>
          </cell>
          <cell r="Y1956" t="str">
            <v>44，67，</v>
          </cell>
          <cell r="Z1956">
            <v>67</v>
          </cell>
          <cell r="AA1956">
            <v>80</v>
          </cell>
          <cell r="AB1956">
            <v>44</v>
          </cell>
          <cell r="AC1956" t="str">
            <v/>
          </cell>
          <cell r="AD1956" t="str">
            <v/>
          </cell>
          <cell r="AE1956" t="str">
            <v>１；特定信書便認可プライバシーマーク２；広報いたみ各戸配布業務履行中３；ペッパー貸出４；</v>
          </cell>
          <cell r="AF1956" t="str">
            <v>特定信書便の認可を持ち、プライバシーマークを含めまして、他の自治体様の本庁様からの逓送便を数多く履行させて頂いております。</v>
          </cell>
        </row>
        <row r="1957">
          <cell r="B1957">
            <v>10138</v>
          </cell>
          <cell r="C1957" t="str">
            <v>(株)サンダ</v>
          </cell>
          <cell r="D1957" t="str">
            <v>078-230-8130</v>
          </cell>
          <cell r="E1957" t="str">
            <v>651-0073</v>
          </cell>
          <cell r="F1957" t="str">
            <v>兵庫県神戸市中央区脇浜海岸通2-88</v>
          </cell>
          <cell r="G1957" t="str">
            <v>神戸市</v>
          </cell>
          <cell r="H1957" t="str">
            <v>神戸支店</v>
          </cell>
          <cell r="I1957" t="str">
            <v>支店長 三田　龍次</v>
          </cell>
          <cell r="J1957" t="str">
            <v>大阪府堺市</v>
          </cell>
          <cell r="K1957" t="str">
            <v>078-230-8130</v>
          </cell>
          <cell r="L1957" t="str">
            <v>y.tanaka@sanda-g.co.jp</v>
          </cell>
          <cell r="M1957" t="str">
            <v>ｻﾝﾀﾞ</v>
          </cell>
          <cell r="N1957" t="str">
            <v>有</v>
          </cell>
          <cell r="O1957">
            <v>46</v>
          </cell>
          <cell r="P1957">
            <v>13</v>
          </cell>
          <cell r="Q1957">
            <v>6120101002910</v>
          </cell>
          <cell r="R1957">
            <v>48000</v>
          </cell>
          <cell r="S1957">
            <v>180566</v>
          </cell>
          <cell r="T1957">
            <v>1176745</v>
          </cell>
          <cell r="V1957" t="str">
            <v>kw498908</v>
          </cell>
          <cell r="W1957" t="str">
            <v>cu108060</v>
          </cell>
          <cell r="Y1957" t="str">
            <v>051，51，55，68，79，</v>
          </cell>
          <cell r="Z1957">
            <v>79</v>
          </cell>
          <cell r="AA1957">
            <v>55</v>
          </cell>
          <cell r="AB1957">
            <v>68</v>
          </cell>
          <cell r="AC1957">
            <v>51</v>
          </cell>
          <cell r="AD1957" t="str">
            <v/>
          </cell>
          <cell r="AE1957" t="str">
            <v>１；下水管渠ＴＶ調査　目視調査を希望します　ＴＶカメラ調査車を自社保有しておりますので、緊急時など迅速な施工対応が可能です２；路面清掃車　散水車　４ｔダンプを自社で保有しております　国土交通省、大阪府、大阪市、堺市阪神高速など府下一円での実績があります３；産業廃棄物収集運搬業許可（兵庫県　大阪府　奈良県　和歌山県を取得）４；建築物飲料水貯水槽清掃業許可（大阪府貯第３－５８号）平成２４年４月２８日取得</v>
          </cell>
          <cell r="AF1957" t="str">
            <v>下水道維持管理業務（清掃　調査　修全）を特に希望します各種工法協会に加盟（ＡＳＳ　ＦＦＴ　ＥＸダービー　ＰＦＬ　ＳＷ）カメラ車、管更生施工車など自社にて保有しており、迅速な対応が可能です　その他、舗装道機械清掃、貯水槽清掃、産廃収集運搬などが主な営業種目です　</v>
          </cell>
        </row>
        <row r="1958">
          <cell r="B1958">
            <v>10139</v>
          </cell>
          <cell r="C1958" t="str">
            <v>(株)ソラスト</v>
          </cell>
          <cell r="D1958" t="str">
            <v>078-221-7010</v>
          </cell>
          <cell r="E1958" t="str">
            <v>651-0088</v>
          </cell>
          <cell r="F1958" t="str">
            <v>兵庫県神戸市中央区小野柄通7-1-1日本生命三宮駅前ﾋﾞﾙ7F</v>
          </cell>
          <cell r="G1958" t="str">
            <v>東京都</v>
          </cell>
          <cell r="H1958" t="str">
            <v>神戸支社</v>
          </cell>
          <cell r="I1958" t="str">
            <v>支社長 酒井　政次</v>
          </cell>
          <cell r="J1958" t="str">
            <v>本店</v>
          </cell>
          <cell r="K1958" t="str">
            <v>078-261-2208</v>
          </cell>
          <cell r="L1958" t="str">
            <v>kondo.yoshinori@solasto.co.jp</v>
          </cell>
          <cell r="M1958" t="str">
            <v>ｿﾗｽﾄ</v>
          </cell>
          <cell r="N1958" t="str">
            <v>無</v>
          </cell>
          <cell r="O1958">
            <v>50</v>
          </cell>
          <cell r="P1958">
            <v>26704</v>
          </cell>
          <cell r="Q1958">
            <v>3010001032864</v>
          </cell>
          <cell r="R1958">
            <v>553220</v>
          </cell>
          <cell r="S1958">
            <v>12045955</v>
          </cell>
          <cell r="T1958">
            <v>70172127</v>
          </cell>
          <cell r="V1958" t="str">
            <v>uw555923</v>
          </cell>
          <cell r="W1958" t="str">
            <v>fo144255</v>
          </cell>
          <cell r="Y1958" t="str">
            <v>058，56，57，58，60，</v>
          </cell>
          <cell r="Z1958">
            <v>60</v>
          </cell>
          <cell r="AA1958">
            <v>57</v>
          </cell>
          <cell r="AB1958">
            <v>56</v>
          </cell>
          <cell r="AC1958">
            <v>58</v>
          </cell>
          <cell r="AD1958" t="str">
            <v/>
          </cell>
          <cell r="AE1958" t="str">
            <v>１；医療機関における医事委託業務（受付、会計、保険請求、文書管理、診療情報管理、電話交換業務等）の履行２；医事電算業務（各種マスター管理、電子管理システム、ヘルプデスク等）３；医事関連人材派遣業務（医師事務補助、病棟クラーク等）、一般労働者派遣事業許可証（般１３‐０１０４９２）、有料職業紹介事業許可証（１３‐ユ‐０１０３８０）４；電子カルテ・医事システムに関わる医事データのメンテナンス（保守）業務等</v>
          </cell>
          <cell r="AF1958" t="str">
            <v>医事関連業務委託及び人材派遣、医事コンサルティング、医事システム支援等、医事関連分野における総合的なサービスの提供を展開しています。</v>
          </cell>
        </row>
        <row r="1959">
          <cell r="B1959">
            <v>10140</v>
          </cell>
          <cell r="C1959" t="str">
            <v>(株)さくらケーシーエス</v>
          </cell>
          <cell r="D1959" t="str">
            <v>078-391-6571</v>
          </cell>
          <cell r="E1959" t="str">
            <v>650-0036</v>
          </cell>
          <cell r="F1959" t="str">
            <v>兵庫県神戸市中央区播磨町21番1</v>
          </cell>
          <cell r="G1959" t="str">
            <v>神戸市</v>
          </cell>
          <cell r="H1959" t="str">
            <v/>
          </cell>
          <cell r="I1959" t="str">
            <v>取締役社長 神原　忠明</v>
          </cell>
          <cell r="J1959" t="str">
            <v>本店</v>
          </cell>
          <cell r="K1959" t="str">
            <v>078-391-7843</v>
          </cell>
          <cell r="L1959" t="str">
            <v>e-kouei@kcs.co.jp</v>
          </cell>
          <cell r="M1959" t="str">
            <v>ｻｸﾗｹｰｼｰｴｽ</v>
          </cell>
          <cell r="N1959" t="str">
            <v>無</v>
          </cell>
          <cell r="O1959">
            <v>50</v>
          </cell>
          <cell r="P1959">
            <v>1063</v>
          </cell>
          <cell r="Q1959">
            <v>3140001007886</v>
          </cell>
          <cell r="R1959">
            <v>2054600</v>
          </cell>
          <cell r="S1959">
            <v>14408176</v>
          </cell>
          <cell r="T1959">
            <v>20740197</v>
          </cell>
          <cell r="V1959" t="str">
            <v>hv600073</v>
          </cell>
          <cell r="W1959" t="str">
            <v>ze110079</v>
          </cell>
          <cell r="Y1959" t="str">
            <v>044，36，44，57，58，</v>
          </cell>
          <cell r="Z1959">
            <v>58</v>
          </cell>
          <cell r="AA1959">
            <v>36</v>
          </cell>
          <cell r="AB1959">
            <v>57</v>
          </cell>
          <cell r="AC1959">
            <v>44</v>
          </cell>
          <cell r="AD1959" t="str">
            <v/>
          </cell>
          <cell r="AE1959" t="str">
            <v>１；自社開発２；富士通、エプソン、キヤノンマーケティングジャパン、富士ゼロックス３；自社開発４；パソコン、サーバコンピュータ</v>
          </cell>
          <cell r="AF1959" t="str">
            <v>自治体向け基幹・周辺システム・内部情報・水道システム等の開発、導入、クラウドサービス提供。それらにかかわる機器販売。</v>
          </cell>
        </row>
        <row r="1960">
          <cell r="B1960">
            <v>10141</v>
          </cell>
          <cell r="C1960" t="str">
            <v>(株)ホープ</v>
          </cell>
          <cell r="D1960" t="str">
            <v>079-252-0399</v>
          </cell>
          <cell r="E1960" t="str">
            <v>671-0253</v>
          </cell>
          <cell r="F1960" t="str">
            <v>兵庫県姫路市花田町一本松字牛塚1-1</v>
          </cell>
          <cell r="G1960" t="str">
            <v>姫路市</v>
          </cell>
          <cell r="H1960" t="str">
            <v/>
          </cell>
          <cell r="I1960" t="str">
            <v>代表取締役 切原　慎治</v>
          </cell>
          <cell r="J1960" t="str">
            <v>本店</v>
          </cell>
          <cell r="K1960" t="str">
            <v>079-252-1599</v>
          </cell>
          <cell r="L1960" t="str">
            <v>y-matsuo@e-hope.co.jp</v>
          </cell>
          <cell r="M1960" t="str">
            <v>ﾎｰﾌﾟ</v>
          </cell>
          <cell r="N1960" t="str">
            <v>無</v>
          </cell>
          <cell r="O1960">
            <v>35</v>
          </cell>
          <cell r="P1960">
            <v>554</v>
          </cell>
          <cell r="Q1960">
            <v>7140001061519</v>
          </cell>
          <cell r="R1960">
            <v>50000</v>
          </cell>
          <cell r="S1960">
            <v>2860857</v>
          </cell>
          <cell r="T1960">
            <v>3099082</v>
          </cell>
          <cell r="V1960" t="str">
            <v>zn958286</v>
          </cell>
          <cell r="W1960" t="str">
            <v>qa163261</v>
          </cell>
          <cell r="Y1960" t="str">
            <v>56，67，</v>
          </cell>
          <cell r="Z1960">
            <v>67</v>
          </cell>
          <cell r="AA1960">
            <v>56</v>
          </cell>
          <cell r="AB1960" t="str">
            <v/>
          </cell>
          <cell r="AC1960" t="str">
            <v/>
          </cell>
          <cell r="AD1960" t="str">
            <v/>
          </cell>
          <cell r="AE1960" t="str">
            <v>１；自家用自動車運行管理業務２；運転士派遣３；４；</v>
          </cell>
          <cell r="AF1960" t="str">
            <v>自家用自動車管理業　運転士派遣業</v>
          </cell>
        </row>
        <row r="1961">
          <cell r="B1961">
            <v>10142</v>
          </cell>
          <cell r="C1961" t="str">
            <v>(株)兵庫蓄電池</v>
          </cell>
          <cell r="D1961" t="str">
            <v>078-731-1934</v>
          </cell>
          <cell r="E1961" t="str">
            <v>653-0052</v>
          </cell>
          <cell r="F1961" t="str">
            <v>兵庫県神戸市長田区海運町8-6-14</v>
          </cell>
          <cell r="G1961" t="str">
            <v>神戸市</v>
          </cell>
          <cell r="H1961" t="str">
            <v/>
          </cell>
          <cell r="I1961" t="str">
            <v>代表取締役 西岡　康裕</v>
          </cell>
          <cell r="J1961" t="str">
            <v>本店</v>
          </cell>
          <cell r="K1961" t="str">
            <v>078-731-1967</v>
          </cell>
          <cell r="L1961" t="str">
            <v>hyochiku@mvh.biglobe.ne.jp</v>
          </cell>
          <cell r="M1961" t="str">
            <v>ﾋｮｳｺﾞﾁｸﾃﾞﾝﾁ</v>
          </cell>
          <cell r="N1961" t="str">
            <v>無</v>
          </cell>
          <cell r="O1961">
            <v>38</v>
          </cell>
          <cell r="P1961">
            <v>12</v>
          </cell>
          <cell r="Q1961">
            <v>6140001017214</v>
          </cell>
          <cell r="R1961">
            <v>20000</v>
          </cell>
          <cell r="S1961">
            <v>591704</v>
          </cell>
          <cell r="T1961">
            <v>695178</v>
          </cell>
          <cell r="V1961" t="str">
            <v>gk795535</v>
          </cell>
          <cell r="W1961" t="str">
            <v>hf151785</v>
          </cell>
          <cell r="Y1961" t="str">
            <v>34，47，</v>
          </cell>
          <cell r="Z1961">
            <v>47</v>
          </cell>
          <cell r="AA1961">
            <v>34</v>
          </cell>
          <cell r="AB1961" t="str">
            <v/>
          </cell>
          <cell r="AC1961" t="str">
            <v/>
          </cell>
          <cell r="AD1961" t="str">
            <v/>
          </cell>
          <cell r="AE1961" t="str">
            <v>１；各種無停電電源装置の保守・管理・修理に対応します。２；(株)GSユアサ製品の、すべてに対応します。３；４；</v>
          </cell>
          <cell r="AF1961" t="str">
            <v>(株)GSユアサの兵庫県代理店です。同社製品のすべてに対応致します。創業時より各種無停電電源装置の販売・設置・交換・維持管理を主に行っております。この分野での入札を特に希望します。</v>
          </cell>
        </row>
        <row r="1962">
          <cell r="B1962">
            <v>10143</v>
          </cell>
          <cell r="C1962" t="str">
            <v>(株)三笑堂</v>
          </cell>
          <cell r="D1962" t="str">
            <v>06-6889-1010</v>
          </cell>
          <cell r="E1962" t="str">
            <v>532-0031</v>
          </cell>
          <cell r="F1962" t="str">
            <v>大阪府大阪市淀川区加島1-56-12</v>
          </cell>
          <cell r="G1962" t="str">
            <v>大阪市</v>
          </cell>
          <cell r="H1962" t="str">
            <v>新大阪支店</v>
          </cell>
          <cell r="I1962" t="str">
            <v>支店長 青木　謙治</v>
          </cell>
          <cell r="J1962" t="str">
            <v>京都府京都市</v>
          </cell>
          <cell r="K1962" t="str">
            <v>06-6889-1113</v>
          </cell>
          <cell r="L1962" t="str">
            <v>takahashi@sanshodoh.co.jp</v>
          </cell>
          <cell r="M1962" t="str">
            <v>ｻﾝｼｮｳﾄﾞｳ</v>
          </cell>
          <cell r="N1962" t="str">
            <v>有</v>
          </cell>
          <cell r="O1962">
            <v>89</v>
          </cell>
          <cell r="P1962">
            <v>906</v>
          </cell>
          <cell r="Q1962">
            <v>6130001010748</v>
          </cell>
          <cell r="R1962">
            <v>60000</v>
          </cell>
          <cell r="S1962">
            <v>7419917</v>
          </cell>
          <cell r="T1962">
            <v>51268890</v>
          </cell>
          <cell r="V1962" t="str">
            <v>uj680146</v>
          </cell>
          <cell r="W1962" t="str">
            <v>dz166012</v>
          </cell>
          <cell r="Y1962" t="str">
            <v>080，06，9，10，14，15，27，36，39，41，42，44，</v>
          </cell>
          <cell r="Z1962">
            <v>39</v>
          </cell>
          <cell r="AA1962">
            <v>9</v>
          </cell>
          <cell r="AB1962">
            <v>44</v>
          </cell>
          <cell r="AC1962">
            <v>80</v>
          </cell>
          <cell r="AD1962" t="str">
            <v>ＡＥＤ・滅菌消毒剤・マスク・インフルエンザ検査キット・ノロウイルス抗原検査キットも扱っています</v>
          </cell>
          <cell r="AE1962" t="str">
            <v>１；（代）株ユヤマ・日本光電関西（株）・（株）島津製作所・酒井医療（株）・東芝メディカル（株）・日立メディコ（株）　等２；（代）テルモ（株）・（代）住友ベークライト（株）・（代）東レ・メディカル（株）・（代）ニプロファーマ（株）等３；自社・（株）サリス・三井住友ファイナス（株）等４；ＳＰＤ（病院内での物品管理）自社・（株）メディカルサポート等</v>
          </cell>
          <cell r="AF1962" t="str">
            <v>弊社は昭和４年の創業以来「医療・介護を通じて社会に貢献すること」をテーマに医療機器や医療用消耗品・医薬品・介護用品・理化学機器等を扱う専門商社として地域に密着した企業活動を行ってきております。医療機器の保守管理やＳＰＤ／レンタルも扱っています。</v>
          </cell>
        </row>
        <row r="1963">
          <cell r="B1963">
            <v>10144</v>
          </cell>
          <cell r="C1963" t="str">
            <v>日進化成(株)</v>
          </cell>
          <cell r="D1963" t="str">
            <v>0798-22-6321</v>
          </cell>
          <cell r="E1963" t="str">
            <v>662-0934</v>
          </cell>
          <cell r="F1963" t="str">
            <v>兵庫県西宮市西宮浜1-1-5</v>
          </cell>
          <cell r="G1963" t="str">
            <v>西宮市</v>
          </cell>
          <cell r="H1963" t="str">
            <v>神戸営業所</v>
          </cell>
          <cell r="I1963" t="str">
            <v>所長 藤岡　圭一</v>
          </cell>
          <cell r="J1963" t="str">
            <v>東京都</v>
          </cell>
          <cell r="K1963" t="str">
            <v>0798-22-6525</v>
          </cell>
          <cell r="L1963" t="str">
            <v>kouno@nissin-kasei.co.jp</v>
          </cell>
          <cell r="M1963" t="str">
            <v>ﾆｯｼﾝｶｾｲ</v>
          </cell>
          <cell r="N1963" t="str">
            <v>有</v>
          </cell>
          <cell r="O1963">
            <v>45</v>
          </cell>
          <cell r="P1963">
            <v>153</v>
          </cell>
          <cell r="Q1963">
            <v>9011101015836</v>
          </cell>
          <cell r="R1963">
            <v>48000</v>
          </cell>
          <cell r="S1963">
            <v>3391155</v>
          </cell>
          <cell r="T1963">
            <v>10433633</v>
          </cell>
          <cell r="V1963" t="str">
            <v>wu731811</v>
          </cell>
          <cell r="W1963" t="str">
            <v>lf174236</v>
          </cell>
          <cell r="Y1963" t="str">
            <v>31，32，33，</v>
          </cell>
          <cell r="Z1963">
            <v>33</v>
          </cell>
          <cell r="AA1963">
            <v>32</v>
          </cell>
          <cell r="AB1963" t="str">
            <v/>
          </cell>
          <cell r="AC1963" t="str">
            <v/>
          </cell>
          <cell r="AD1963" t="str">
            <v/>
          </cell>
          <cell r="AE1963" t="str">
            <v>１；アスファルト常温合材（ストックファルト）全天候型アスファルト常温合材（ストックファルトＤＸ）高強度型アスファルト常温合材（ストックファルトＤ）２；常温塗布式カラー舗装材（カラーマックス）３；４；</v>
          </cell>
          <cell r="AF1963" t="str">
            <v>物品では自社製造の常温合材を販売しており、各市役所に納めています。工事では自社配合の材料及び自社施工班を有し、樹脂系滑り止め舗装をはじめ各種カラー舗装材の施工を幅広く実施しており、各道路や民間商業施設等で多くの実績を上げています。</v>
          </cell>
        </row>
        <row r="1964">
          <cell r="B1964">
            <v>10145</v>
          </cell>
          <cell r="C1964" t="str">
            <v>(株)エヌ・ティ・ティ・データ</v>
          </cell>
          <cell r="D1964" t="str">
            <v>03-5546-8202</v>
          </cell>
          <cell r="E1964" t="str">
            <v>135-6033</v>
          </cell>
          <cell r="F1964" t="str">
            <v>東京都江東区豊洲3-3-3</v>
          </cell>
          <cell r="G1964" t="str">
            <v>東京都</v>
          </cell>
          <cell r="H1964" t="str">
            <v/>
          </cell>
          <cell r="I1964" t="str">
            <v>代表取締役社長 本間　洋</v>
          </cell>
          <cell r="J1964" t="str">
            <v>本店</v>
          </cell>
          <cell r="K1964" t="str">
            <v>03-5546-2005</v>
          </cell>
          <cell r="L1964" t="str">
            <v>saljimu_kankocho@am.nttdata.co.jp</v>
          </cell>
          <cell r="M1964" t="str">
            <v>ｴﾇﾃｨﾃｨﾃﾞｰﾀ</v>
          </cell>
          <cell r="N1964" t="str">
            <v>無</v>
          </cell>
          <cell r="O1964">
            <v>30</v>
          </cell>
          <cell r="P1964">
            <v>11265</v>
          </cell>
          <cell r="Q1964">
            <v>9010601021385</v>
          </cell>
          <cell r="R1964">
            <v>142520000</v>
          </cell>
          <cell r="S1964">
            <v>889014000</v>
          </cell>
          <cell r="T1964">
            <v>886115000</v>
          </cell>
          <cell r="V1964" t="str">
            <v>hh660125</v>
          </cell>
          <cell r="W1964" t="str">
            <v>mm129674</v>
          </cell>
          <cell r="Y1964" t="str">
            <v>080，36，44，58，</v>
          </cell>
          <cell r="Z1964">
            <v>58</v>
          </cell>
          <cell r="AA1964">
            <v>36</v>
          </cell>
          <cell r="AB1964">
            <v>44</v>
          </cell>
          <cell r="AC1964">
            <v>80</v>
          </cell>
          <cell r="AD1964" t="str">
            <v/>
          </cell>
          <cell r="AE1964" t="str">
            <v>１；２；３；４；コンビニ収納代行業務</v>
          </cell>
          <cell r="AF1964" t="str">
            <v>システムインテグレーション・ネットワークシステムサービスとそれに係る一切の事業を行っています。</v>
          </cell>
        </row>
        <row r="1965">
          <cell r="B1965">
            <v>10146</v>
          </cell>
          <cell r="C1965" t="str">
            <v>(株)中央ポンプ製作所</v>
          </cell>
          <cell r="D1965" t="str">
            <v>06-6909-2351</v>
          </cell>
          <cell r="E1965" t="str">
            <v>570-0005</v>
          </cell>
          <cell r="F1965" t="str">
            <v>大阪府守口市八雲中町3-13-71</v>
          </cell>
          <cell r="G1965" t="str">
            <v>守口市</v>
          </cell>
          <cell r="H1965" t="str">
            <v/>
          </cell>
          <cell r="I1965" t="str">
            <v>代表取締役 竹中　慎一</v>
          </cell>
          <cell r="J1965" t="str">
            <v>本店</v>
          </cell>
          <cell r="K1965" t="str">
            <v>06-6909-2370</v>
          </cell>
          <cell r="L1965" t="str">
            <v>cyuoh@sannet.ne.jp</v>
          </cell>
          <cell r="M1965" t="str">
            <v>ﾁｭｳｵｳﾎﾟﾝﾌﾟｾｲｻｸｼｮ</v>
          </cell>
          <cell r="N1965" t="str">
            <v>無</v>
          </cell>
          <cell r="O1965">
            <v>52</v>
          </cell>
          <cell r="P1965">
            <v>10</v>
          </cell>
          <cell r="Q1965">
            <v>1120001156233</v>
          </cell>
          <cell r="R1965">
            <v>30000</v>
          </cell>
          <cell r="S1965">
            <v>6197</v>
          </cell>
          <cell r="T1965">
            <v>140939</v>
          </cell>
          <cell r="V1965" t="str">
            <v>cr839824</v>
          </cell>
          <cell r="W1965" t="str">
            <v>uw132883</v>
          </cell>
          <cell r="Y1965" t="str">
            <v>40，</v>
          </cell>
          <cell r="Z1965">
            <v>40</v>
          </cell>
          <cell r="AA1965" t="str">
            <v/>
          </cell>
          <cell r="AB1965" t="str">
            <v/>
          </cell>
          <cell r="AC1965" t="str">
            <v/>
          </cell>
          <cell r="AD1965" t="str">
            <v/>
          </cell>
          <cell r="AE1965" t="str">
            <v>１；深井戸用水中モーターポンプ　水中タービンポンプ　その他ポンプ２；３；４；</v>
          </cell>
          <cell r="AF1965" t="str">
            <v>深井戸用水中モーターポンプ製造、販売及び設置工事</v>
          </cell>
        </row>
        <row r="1966">
          <cell r="B1966">
            <v>10147</v>
          </cell>
          <cell r="C1966" t="str">
            <v>東京センチュリー(株)</v>
          </cell>
          <cell r="D1966" t="str">
            <v>06-6263-2504</v>
          </cell>
          <cell r="E1966" t="str">
            <v>541-0053</v>
          </cell>
          <cell r="F1966" t="str">
            <v>大阪府大阪市中央区本町3-5-7</v>
          </cell>
          <cell r="G1966" t="str">
            <v>大阪市</v>
          </cell>
          <cell r="H1966" t="str">
            <v>大阪営業部</v>
          </cell>
          <cell r="I1966" t="str">
            <v>大阪営業部長 臼井 正治</v>
          </cell>
          <cell r="J1966" t="str">
            <v>東京都</v>
          </cell>
          <cell r="K1966" t="str">
            <v>06-6263-2534</v>
          </cell>
          <cell r="L1966" t="str">
            <v>recep-go@tokyocentury.co.jp</v>
          </cell>
          <cell r="M1966" t="str">
            <v>ﾄｳｷｮｳｾﾝﾁｭﾘｰ</v>
          </cell>
          <cell r="N1966" t="str">
            <v>有</v>
          </cell>
          <cell r="O1966">
            <v>49</v>
          </cell>
          <cell r="P1966">
            <v>1027</v>
          </cell>
          <cell r="Q1966">
            <v>6010401015821</v>
          </cell>
          <cell r="R1966">
            <v>34231045</v>
          </cell>
          <cell r="S1966">
            <v>288015138</v>
          </cell>
          <cell r="T1966">
            <v>482859197</v>
          </cell>
          <cell r="V1966" t="str">
            <v>ft106779</v>
          </cell>
          <cell r="W1966" t="str">
            <v>zp108372</v>
          </cell>
          <cell r="Y1966" t="str">
            <v>44，</v>
          </cell>
          <cell r="Z1966">
            <v>44</v>
          </cell>
          <cell r="AA1966" t="str">
            <v/>
          </cell>
          <cell r="AB1966" t="str">
            <v/>
          </cell>
          <cell r="AC1966" t="str">
            <v/>
          </cell>
          <cell r="AD1966" t="str">
            <v/>
          </cell>
          <cell r="AE1966" t="str">
            <v>１；電子計算機及び関連機器、事務機器、通信機器、建設機械、産業機器、医療機器、あらゆる機器・設備の賃貸・リース２；３；４；</v>
          </cell>
          <cell r="AF1966" t="str">
            <v>電子計算機及び関連機器、事務機器、通信機器、建設機械、産業機器、医療機器、あらゆる機器・設備の賃貸・リース</v>
          </cell>
        </row>
        <row r="1967">
          <cell r="B1967">
            <v>10149</v>
          </cell>
          <cell r="C1967" t="str">
            <v>コーベベビー(株)</v>
          </cell>
          <cell r="D1967" t="str">
            <v>078-854-3011</v>
          </cell>
          <cell r="E1967" t="str">
            <v>658-0053</v>
          </cell>
          <cell r="F1967" t="str">
            <v>兵庫県神戸市東灘区住吉宮町2-19-21</v>
          </cell>
          <cell r="G1967" t="str">
            <v>神戸市</v>
          </cell>
          <cell r="H1967" t="str">
            <v/>
          </cell>
          <cell r="I1967" t="str">
            <v>代表取締役 荒巻　道洋</v>
          </cell>
          <cell r="J1967" t="str">
            <v>本店</v>
          </cell>
          <cell r="K1967" t="str">
            <v>078-854-3050</v>
          </cell>
          <cell r="L1967" t="str">
            <v>info@kobe-baby.co.jp</v>
          </cell>
          <cell r="M1967" t="str">
            <v>ｺｰﾍﾞﾍﾞﾋﾞｰ</v>
          </cell>
          <cell r="N1967" t="str">
            <v>無</v>
          </cell>
          <cell r="O1967">
            <v>60</v>
          </cell>
          <cell r="P1967">
            <v>473</v>
          </cell>
          <cell r="Q1967">
            <v>3140001001476</v>
          </cell>
          <cell r="R1967">
            <v>99000</v>
          </cell>
          <cell r="S1967">
            <v>1683695</v>
          </cell>
          <cell r="T1967">
            <v>5724032</v>
          </cell>
          <cell r="V1967" t="str">
            <v>ju532507</v>
          </cell>
          <cell r="W1967" t="str">
            <v>ot107199</v>
          </cell>
          <cell r="Y1967" t="str">
            <v>028，28，39，44，62，</v>
          </cell>
          <cell r="Z1967">
            <v>44</v>
          </cell>
          <cell r="AA1967">
            <v>39</v>
          </cell>
          <cell r="AB1967">
            <v>62</v>
          </cell>
          <cell r="AC1967">
            <v>28</v>
          </cell>
          <cell r="AD1967" t="str">
            <v/>
          </cell>
          <cell r="AE1967" t="str">
            <v>１；布おむつ、肌着、カバー、タオル類等リネンリース２；紙おむつ、介護用品販売　代　Ｐ＆Ｇ、第一衛材（株）、王子ネピア（株）、ユニ・チャーム（株）、大王製紙（株）、（株）リブドゥコーポレーション３；寝具、及び私物洗濯等クリーニング４；カーテン・ブラインド・暗幕等　シンコー（株）、サンゲツ</v>
          </cell>
          <cell r="AF1967" t="str">
            <v>布おしめ、肌着、カバー、タオル類等リネンリース、紙おむつ・介護用品等販売、カーテン・ブラインド・暗幕等販売及びリース、寝具及び私物洗濯等クリーニング</v>
          </cell>
        </row>
        <row r="1968">
          <cell r="B1968">
            <v>10150</v>
          </cell>
          <cell r="C1968" t="str">
            <v>ヤンマーエネルギーシステム(株)</v>
          </cell>
          <cell r="D1968" t="str">
            <v>06-4960-8158</v>
          </cell>
          <cell r="E1968" t="str">
            <v>661-0976</v>
          </cell>
          <cell r="F1968" t="str">
            <v>兵庫県尼崎市潮江1-3-30</v>
          </cell>
          <cell r="G1968" t="str">
            <v>尼崎市</v>
          </cell>
          <cell r="H1968" t="str">
            <v>大阪支社</v>
          </cell>
          <cell r="I1968" t="str">
            <v>執行役員大阪支社長 新見　雅徳</v>
          </cell>
          <cell r="J1968" t="str">
            <v>大阪府大阪市</v>
          </cell>
          <cell r="K1968" t="str">
            <v>06-4960-8159</v>
          </cell>
          <cell r="L1968" t="str">
            <v/>
          </cell>
          <cell r="M1968" t="str">
            <v>ﾔﾝﾏｰｴﾈﾙｷﾞｰｼｽﾃﾑ</v>
          </cell>
          <cell r="N1968" t="str">
            <v>有</v>
          </cell>
          <cell r="O1968">
            <v>14</v>
          </cell>
          <cell r="P1968">
            <v>817</v>
          </cell>
          <cell r="Q1968">
            <v>7120001103691</v>
          </cell>
          <cell r="R1968">
            <v>90000</v>
          </cell>
          <cell r="S1968">
            <v>21028630</v>
          </cell>
          <cell r="T1968">
            <v>66632524</v>
          </cell>
          <cell r="V1968" t="str">
            <v>kp496903</v>
          </cell>
          <cell r="W1968" t="str">
            <v>no155899</v>
          </cell>
          <cell r="Y1968" t="str">
            <v>040，40，43，47，48，</v>
          </cell>
          <cell r="Z1968">
            <v>47</v>
          </cell>
          <cell r="AA1968">
            <v>48</v>
          </cell>
          <cell r="AB1968">
            <v>43</v>
          </cell>
          <cell r="AC1968">
            <v>40</v>
          </cell>
          <cell r="AD1968" t="str">
            <v/>
          </cell>
          <cell r="AE1968" t="str">
            <v>１；ヤンマー製防災用発電機関保守点検整備２；ヤンマー製発電機関、ポンプ駆動用機関、ガスヒートポンプエアコンの保守点検整備３；ヤンマー製発電機関及びその部品販売４；ヤンマー製ポンプ駆動用機関及びその部品販売</v>
          </cell>
          <cell r="AF1968" t="str">
            <v>当社は、コージェネレーションシステム、非常用発電装置、ポンプ駆動用エンジン、ガスヒートポンプエアコン、太陽光発電システム等のエネルギーシステム機器を、開発・製造・販売・施工・メンテナンスまで一貫体制での事業展開を行っております。</v>
          </cell>
        </row>
        <row r="1969">
          <cell r="B1969">
            <v>10151</v>
          </cell>
          <cell r="C1969" t="str">
            <v>新拓警備(株)</v>
          </cell>
          <cell r="D1969" t="str">
            <v>072-770-4700</v>
          </cell>
          <cell r="E1969" t="str">
            <v>664-0842</v>
          </cell>
          <cell r="F1969" t="str">
            <v>兵庫県伊丹市森本2-52-6</v>
          </cell>
          <cell r="G1969" t="str">
            <v>伊丹市</v>
          </cell>
          <cell r="H1969" t="str">
            <v/>
          </cell>
          <cell r="I1969" t="str">
            <v>代表取締役　 金山　弘子</v>
          </cell>
          <cell r="J1969" t="str">
            <v>本店</v>
          </cell>
          <cell r="K1969" t="str">
            <v>072-770-4700</v>
          </cell>
          <cell r="L1969" t="str">
            <v>shintaku-001@amail.plala.or.jp</v>
          </cell>
          <cell r="M1969" t="str">
            <v>ｼﾝﾀｸｹｲﾋﾞ</v>
          </cell>
          <cell r="N1969" t="str">
            <v>無</v>
          </cell>
          <cell r="O1969">
            <v>36</v>
          </cell>
          <cell r="P1969">
            <v>32</v>
          </cell>
          <cell r="Q1969">
            <v>3140000000000</v>
          </cell>
          <cell r="R1969">
            <v>10000000</v>
          </cell>
          <cell r="S1969">
            <v>929</v>
          </cell>
          <cell r="T1969">
            <v>20482</v>
          </cell>
          <cell r="V1969" t="str">
            <v>tg273460</v>
          </cell>
          <cell r="W1969" t="str">
            <v>sn185967</v>
          </cell>
          <cell r="Y1969">
            <v>45.46</v>
          </cell>
          <cell r="Z1969">
            <v>45</v>
          </cell>
          <cell r="AA1969">
            <v>46</v>
          </cell>
          <cell r="AB1969" t="str">
            <v/>
          </cell>
          <cell r="AC1969" t="str">
            <v/>
          </cell>
          <cell r="AD1969" t="str">
            <v/>
          </cell>
          <cell r="AE1969" t="str">
            <v>１；２；兵庫県公安委員会　認定書　第６３０００８４６号３；兵庫県公安委員会　認定書　第６３０００８４６号４；</v>
          </cell>
          <cell r="AF1969" t="str">
            <v>学校、事務所、工場、居宅、商店、遊技場及びこれに準ずる不動産の管理並びに警備とその保障。重要書類、有価証券、貨幣、貴金属の輸送及び管理警備とその保障。建設工事における交通の安全に関する業務。駐車場誘導警備。</v>
          </cell>
        </row>
        <row r="1970">
          <cell r="B1970">
            <v>10153</v>
          </cell>
          <cell r="C1970" t="str">
            <v>日立キャピタル(株)</v>
          </cell>
          <cell r="D1970" t="str">
            <v>06-7668-0880</v>
          </cell>
          <cell r="E1970" t="str">
            <v>532-0003</v>
          </cell>
          <cell r="F1970" t="str">
            <v>大阪府大阪市淀川区3-3-31</v>
          </cell>
          <cell r="G1970" t="str">
            <v>大阪市</v>
          </cell>
          <cell r="H1970" t="str">
            <v>法人事業本部関西法人支店</v>
          </cell>
          <cell r="I1970" t="str">
            <v>支店長 和田　聰</v>
          </cell>
          <cell r="J1970" t="str">
            <v>東京都</v>
          </cell>
          <cell r="K1970" t="str">
            <v>0120-629-756</v>
          </cell>
          <cell r="L1970" t="str">
            <v/>
          </cell>
          <cell r="M1970" t="str">
            <v>ﾋﾀﾁｷｬﾋﾟﾀﾙ</v>
          </cell>
          <cell r="N1970" t="str">
            <v>有</v>
          </cell>
          <cell r="O1970">
            <v>68</v>
          </cell>
          <cell r="P1970">
            <v>1160</v>
          </cell>
          <cell r="Q1970">
            <v>6010401024970</v>
          </cell>
          <cell r="R1970">
            <v>9983683</v>
          </cell>
          <cell r="S1970">
            <v>241472000</v>
          </cell>
          <cell r="T1970">
            <v>40793000</v>
          </cell>
          <cell r="V1970" t="str">
            <v>dp385814</v>
          </cell>
          <cell r="W1970" t="str">
            <v>dn128526</v>
          </cell>
          <cell r="Y1970" t="str">
            <v>44，</v>
          </cell>
          <cell r="Z1970">
            <v>44</v>
          </cell>
          <cell r="AA1970" t="str">
            <v/>
          </cell>
          <cell r="AB1970" t="str">
            <v/>
          </cell>
          <cell r="AC1970" t="str">
            <v/>
          </cell>
          <cell r="AD1970" t="str">
            <v/>
          </cell>
          <cell r="AE1970" t="str">
            <v>１；２；３；４；</v>
          </cell>
          <cell r="AF1970" t="str">
            <v>複合機、印刷機、事務機器、OA機器、情報通信機器、医療機器、精密機器等のリースを得意としています。</v>
          </cell>
        </row>
        <row r="1971">
          <cell r="B1971">
            <v>10154</v>
          </cell>
          <cell r="C1971" t="str">
            <v>ニッタン(株)</v>
          </cell>
          <cell r="D1971" t="str">
            <v>06-4256-4580</v>
          </cell>
          <cell r="E1971" t="str">
            <v>541-0053</v>
          </cell>
          <cell r="F1971" t="str">
            <v>大阪府大阪市中央区本町2-1-6</v>
          </cell>
          <cell r="G1971" t="str">
            <v>大阪市</v>
          </cell>
          <cell r="H1971" t="str">
            <v>関西支社</v>
          </cell>
          <cell r="I1971" t="str">
            <v>支社長 柳川　浩</v>
          </cell>
          <cell r="J1971" t="str">
            <v>東京都</v>
          </cell>
          <cell r="K1971" t="str">
            <v>06-4256-4596</v>
          </cell>
          <cell r="L1971" t="str">
            <v>soumu@nittan.com</v>
          </cell>
          <cell r="M1971" t="str">
            <v>ﾆｯﾀﾝ</v>
          </cell>
          <cell r="N1971" t="str">
            <v>有</v>
          </cell>
          <cell r="O1971">
            <v>62</v>
          </cell>
          <cell r="P1971">
            <v>821</v>
          </cell>
          <cell r="Q1971">
            <v>3011001017236</v>
          </cell>
          <cell r="R1971">
            <v>2302500</v>
          </cell>
          <cell r="S1971">
            <v>15792742</v>
          </cell>
          <cell r="T1971">
            <v>34171942</v>
          </cell>
          <cell r="V1971" t="str">
            <v>fk605663</v>
          </cell>
          <cell r="W1971" t="str">
            <v>kj110261</v>
          </cell>
          <cell r="Y1971" t="str">
            <v>38，49，</v>
          </cell>
          <cell r="Z1971">
            <v>49</v>
          </cell>
          <cell r="AA1971">
            <v>38</v>
          </cell>
          <cell r="AB1971" t="str">
            <v/>
          </cell>
          <cell r="AC1971" t="str">
            <v/>
          </cell>
          <cell r="AD1971" t="str">
            <v/>
          </cell>
          <cell r="AE1971" t="str">
            <v>１；２；３；４；</v>
          </cell>
          <cell r="AF1971" t="str">
            <v>技術、生産製造、販売、工事施工、保守管理の一貫性のもと、色々な規模・用途に合わせ必要な防災ニーズに柔軟に対応し、きめ細かなサービス活動を展開している。</v>
          </cell>
        </row>
        <row r="1972">
          <cell r="B1972">
            <v>10157</v>
          </cell>
          <cell r="C1972" t="str">
            <v>(株)ワンビシアーカイブズ</v>
          </cell>
          <cell r="D1972" t="str">
            <v>06-6232-2400</v>
          </cell>
          <cell r="E1972" t="str">
            <v>541-0048</v>
          </cell>
          <cell r="F1972" t="str">
            <v>大阪府大阪市中央区瓦町2-2-7</v>
          </cell>
          <cell r="G1972" t="str">
            <v>大阪市</v>
          </cell>
          <cell r="H1972" t="str">
            <v>大阪支店</v>
          </cell>
          <cell r="I1972" t="str">
            <v>支店長 川口　渉</v>
          </cell>
          <cell r="J1972" t="str">
            <v>東京都</v>
          </cell>
          <cell r="K1972" t="str">
            <v>06-6232-2403</v>
          </cell>
          <cell r="L1972" t="str">
            <v>shoyama@wanbishi.co.jp</v>
          </cell>
          <cell r="M1972" t="str">
            <v>ﾜﾝﾋﾞｼｱｰｶｲﾌﾞｽﾞ</v>
          </cell>
          <cell r="N1972" t="str">
            <v>有</v>
          </cell>
          <cell r="O1972">
            <v>52</v>
          </cell>
          <cell r="P1972">
            <v>796</v>
          </cell>
          <cell r="Q1972">
            <v>4010401065760</v>
          </cell>
          <cell r="R1972">
            <v>4000000</v>
          </cell>
          <cell r="S1972">
            <v>30991353</v>
          </cell>
          <cell r="T1972">
            <v>22744229</v>
          </cell>
          <cell r="V1972" t="str">
            <v>rv495222</v>
          </cell>
          <cell r="W1972" t="str">
            <v>zs107683</v>
          </cell>
          <cell r="Y1972" t="str">
            <v>067，14，57，67，</v>
          </cell>
          <cell r="Z1972">
            <v>80</v>
          </cell>
          <cell r="AA1972">
            <v>14</v>
          </cell>
          <cell r="AB1972">
            <v>57</v>
          </cell>
          <cell r="AC1972">
            <v>67</v>
          </cell>
          <cell r="AD1972" t="str">
            <v/>
          </cell>
          <cell r="AE1972" t="str">
            <v>１；倉庫業許可証・区域貨物自動車運送事業免許状・トランクルーム認定証２；３；４；</v>
          </cell>
          <cell r="AF1972" t="str">
            <v>情報資産管理のリーディングカンパニー。書類の保管・活用・電子化・公文書管理サポ―ト、オンラインバックアップ、書類の機密末梢処理、文書管理コンサルティング＆アウトソーシングなどのサービスを提供</v>
          </cell>
        </row>
        <row r="1973">
          <cell r="B1973">
            <v>10158</v>
          </cell>
          <cell r="C1973" t="str">
            <v>日本ユニシス(株)</v>
          </cell>
          <cell r="D1973" t="str">
            <v>06-7178-0137</v>
          </cell>
          <cell r="E1973" t="str">
            <v>530-0011</v>
          </cell>
          <cell r="F1973" t="str">
            <v>大阪府大阪市北区大深町3-1</v>
          </cell>
          <cell r="G1973" t="str">
            <v>大阪市</v>
          </cell>
          <cell r="H1973" t="str">
            <v>関西支社</v>
          </cell>
          <cell r="I1973" t="str">
            <v>執行役員支社長 兵働　広記</v>
          </cell>
          <cell r="J1973" t="str">
            <v>東京都</v>
          </cell>
          <cell r="K1973" t="str">
            <v>06-6372-1758</v>
          </cell>
          <cell r="L1973" t="str">
            <v>kansai-kanko-box@ml.unisys.co.jp</v>
          </cell>
          <cell r="M1973" t="str">
            <v>ﾆﾎﾝﾕﾆｼｽ</v>
          </cell>
          <cell r="N1973" t="str">
            <v>有</v>
          </cell>
          <cell r="O1973">
            <v>60</v>
          </cell>
          <cell r="P1973">
            <v>4418</v>
          </cell>
          <cell r="Q1973">
            <v>2010601029542</v>
          </cell>
          <cell r="R1973">
            <v>5483176</v>
          </cell>
          <cell r="S1973">
            <v>86253000</v>
          </cell>
          <cell r="T1973">
            <v>167808000</v>
          </cell>
          <cell r="V1973" t="str">
            <v>pa559712</v>
          </cell>
          <cell r="W1973" t="str">
            <v>an120128</v>
          </cell>
          <cell r="Y1973" t="str">
            <v>044，36，44，57，58，</v>
          </cell>
          <cell r="Z1973">
            <v>58</v>
          </cell>
          <cell r="AA1973">
            <v>57</v>
          </cell>
          <cell r="AB1973">
            <v>36</v>
          </cell>
          <cell r="AC1973">
            <v>44</v>
          </cell>
          <cell r="AD1973" t="str">
            <v/>
          </cell>
          <cell r="AE1973" t="str">
            <v>１；ソフトウェア・システム開発、各種システム関連サービス、保守サービス等２；アウトソーシング、クラウドサービス３；汎用コンピュータ、サーバー、パソコン、周辺機器、ネットワーク機器、ソフトウェアの販売（主な仕入先：ユニシス・コーポレーション、株式会社日立製作所）４；汎用コンピュータ、サーバー、パソコン、周辺機器、ネットワーク機器、ソフトウェアの賃貸（主な仕入先：ユニシス・コーポレーション、株式会社日立製作所）</v>
          </cell>
          <cell r="AF1973" t="str">
            <v>クラウドやアウトソーシングなどのサービスビジネス、コンピュータシステムやネットワークシステムの販売・賃貸及び保守サービス、ソフトウェア・システムの開発と各種システム関連サービスの提供</v>
          </cell>
        </row>
        <row r="1974">
          <cell r="B1974">
            <v>10159</v>
          </cell>
          <cell r="C1974" t="str">
            <v>大和建物サービス(株)</v>
          </cell>
          <cell r="D1974" t="str">
            <v>06-6413-0522</v>
          </cell>
          <cell r="E1974" t="str">
            <v>660-0861</v>
          </cell>
          <cell r="F1974" t="str">
            <v>兵庫県尼崎市御園町24</v>
          </cell>
          <cell r="G1974" t="str">
            <v>尼崎市</v>
          </cell>
          <cell r="H1974" t="str">
            <v/>
          </cell>
          <cell r="I1974" t="str">
            <v>代表取締役 鷲田　丘枝</v>
          </cell>
          <cell r="J1974" t="str">
            <v>本店</v>
          </cell>
          <cell r="K1974" t="str">
            <v>06-6413-0524</v>
          </cell>
          <cell r="L1974" t="str">
            <v>info@daiwa-bs.co.jp</v>
          </cell>
          <cell r="M1974" t="str">
            <v>ﾀﾞｲﾜﾀﾃﾓﾉｻｰﾋﾞｽ</v>
          </cell>
          <cell r="N1974" t="str">
            <v>無</v>
          </cell>
          <cell r="O1974">
            <v>54</v>
          </cell>
          <cell r="P1974">
            <v>45</v>
          </cell>
          <cell r="Q1974">
            <v>9140001049782</v>
          </cell>
          <cell r="R1974">
            <v>25000</v>
          </cell>
          <cell r="S1974">
            <v>104849</v>
          </cell>
          <cell r="T1974">
            <v>416900</v>
          </cell>
          <cell r="V1974" t="str">
            <v>da538616</v>
          </cell>
          <cell r="W1974" t="str">
            <v>hq159421</v>
          </cell>
          <cell r="Y1974" t="str">
            <v>047，45，46，47，51，52，54，</v>
          </cell>
          <cell r="Z1974">
            <v>54</v>
          </cell>
          <cell r="AA1974">
            <v>45</v>
          </cell>
          <cell r="AB1974">
            <v>46</v>
          </cell>
          <cell r="AC1974">
            <v>47</v>
          </cell>
          <cell r="AD1974" t="str">
            <v>ＩＳＯ　９００１・ＩＳＯ　１４００１・プライバシーマーク登録</v>
          </cell>
          <cell r="AE1974" t="str">
            <v>１；建築物環境衛生総合管理業登録証明書・医療関連サービスマーク認定証２；警備業認定証３；４；</v>
          </cell>
          <cell r="AF1974" t="str">
            <v>昭和４３年より兵庫県尼崎市で設立し、主な近畿地区の官公庁の清掃・警備・設備管理業務を行っております。地域密着型の総合管理業務を行っております。</v>
          </cell>
        </row>
        <row r="1975">
          <cell r="B1975">
            <v>10160</v>
          </cell>
          <cell r="C1975" t="str">
            <v>水三島紙工(株)</v>
          </cell>
          <cell r="D1975" t="str">
            <v>06-6932-1261</v>
          </cell>
          <cell r="E1975" t="str">
            <v>536-0006</v>
          </cell>
          <cell r="F1975" t="str">
            <v>大阪府大阪市城東区野江1-16-4</v>
          </cell>
          <cell r="G1975" t="str">
            <v>大阪市</v>
          </cell>
          <cell r="H1975" t="str">
            <v/>
          </cell>
          <cell r="I1975" t="str">
            <v>代表取締役社長 藤原　信治</v>
          </cell>
          <cell r="J1975" t="str">
            <v>本店</v>
          </cell>
          <cell r="K1975" t="str">
            <v>06-6935-2055</v>
          </cell>
          <cell r="L1975" t="str">
            <v/>
          </cell>
          <cell r="M1975" t="str">
            <v>ﾐｽﾞﾐｼﾏｼｺｳ</v>
          </cell>
          <cell r="N1975" t="str">
            <v>無</v>
          </cell>
          <cell r="O1975">
            <v>86</v>
          </cell>
          <cell r="P1975">
            <v>130</v>
          </cell>
          <cell r="Q1975">
            <v>2120001016320</v>
          </cell>
          <cell r="R1975">
            <v>78650</v>
          </cell>
          <cell r="S1975">
            <v>482674</v>
          </cell>
          <cell r="T1975">
            <v>3178890</v>
          </cell>
          <cell r="V1975" t="str">
            <v>bm952636</v>
          </cell>
          <cell r="W1975" t="str">
            <v>qc111505</v>
          </cell>
          <cell r="Y1975" t="str">
            <v/>
          </cell>
          <cell r="Z1975" t="str">
            <v/>
          </cell>
          <cell r="AA1975" t="str">
            <v/>
          </cell>
          <cell r="AB1975" t="str">
            <v/>
          </cell>
          <cell r="AC1975" t="str">
            <v/>
          </cell>
          <cell r="AD1975" t="str">
            <v/>
          </cell>
          <cell r="AE1975" t="str">
            <v>１；２；３；４；</v>
          </cell>
          <cell r="AF1975" t="str">
            <v/>
          </cell>
        </row>
        <row r="1976">
          <cell r="B1976">
            <v>10161</v>
          </cell>
          <cell r="C1976" t="str">
            <v>(有)ハマダ防災</v>
          </cell>
          <cell r="D1976" t="str">
            <v>072-771-2219</v>
          </cell>
          <cell r="E1976" t="str">
            <v>664-0002</v>
          </cell>
          <cell r="F1976" t="str">
            <v>兵庫県伊丹市荻野6-44-8</v>
          </cell>
          <cell r="G1976" t="str">
            <v>伊丹市</v>
          </cell>
          <cell r="H1976" t="str">
            <v/>
          </cell>
          <cell r="I1976" t="str">
            <v>代表取締役　 濱田　学</v>
          </cell>
          <cell r="J1976" t="str">
            <v>本店</v>
          </cell>
          <cell r="K1976" t="str">
            <v>072-771-2229</v>
          </cell>
          <cell r="L1976" t="str">
            <v>hamada91@royal.ocn.ne.jp</v>
          </cell>
          <cell r="M1976" t="str">
            <v>ﾊﾏﾀﾞﾎﾞｳｻｲ</v>
          </cell>
          <cell r="N1976" t="str">
            <v>無</v>
          </cell>
          <cell r="O1976">
            <v>21</v>
          </cell>
          <cell r="P1976">
            <v>8</v>
          </cell>
          <cell r="Q1976">
            <v>4140002063886</v>
          </cell>
          <cell r="R1976">
            <v>3000</v>
          </cell>
          <cell r="S1976">
            <v>-17732</v>
          </cell>
          <cell r="T1976">
            <v>113262</v>
          </cell>
          <cell r="V1976" t="str">
            <v>cn156643</v>
          </cell>
          <cell r="W1976" t="str">
            <v>zu157911</v>
          </cell>
          <cell r="Y1976">
            <v>38.49</v>
          </cell>
          <cell r="Z1976" t="str">
            <v/>
          </cell>
          <cell r="AA1976" t="str">
            <v/>
          </cell>
          <cell r="AB1976" t="str">
            <v/>
          </cell>
          <cell r="AC1976" t="str">
            <v/>
          </cell>
          <cell r="AD1976" t="str">
            <v/>
          </cell>
          <cell r="AE1976" t="str">
            <v>１；２；３；４；</v>
          </cell>
          <cell r="AF1976" t="str">
            <v>消防施設の点検保守・工事</v>
          </cell>
        </row>
        <row r="1977">
          <cell r="B1977">
            <v>10162</v>
          </cell>
          <cell r="C1977" t="str">
            <v>グリーンホスピタルサプライ(株)</v>
          </cell>
          <cell r="D1977" t="str">
            <v>06-6369-2296</v>
          </cell>
          <cell r="E1977" t="str">
            <v>565-0853</v>
          </cell>
          <cell r="F1977" t="str">
            <v>大阪府吹田市春日3-20-8</v>
          </cell>
          <cell r="G1977" t="str">
            <v>吹田市</v>
          </cell>
          <cell r="H1977" t="str">
            <v/>
          </cell>
          <cell r="I1977" t="str">
            <v>代表取締役社長 小川　宏隆</v>
          </cell>
          <cell r="J1977" t="str">
            <v>本店</v>
          </cell>
          <cell r="K1977" t="str">
            <v>06-6369-2235</v>
          </cell>
          <cell r="L1977" t="str">
            <v>oosaka-tps@xvh.biglobe.ne.jp</v>
          </cell>
          <cell r="M1977" t="str">
            <v>ｸﾞﾘｰﾝﾎｽﾋﾟﾀﾙｻﾌﾟﾗｲ</v>
          </cell>
          <cell r="N1977" t="str">
            <v>無</v>
          </cell>
          <cell r="O1977">
            <v>26</v>
          </cell>
          <cell r="P1977">
            <v>195</v>
          </cell>
          <cell r="Q1977">
            <v>9120901017329</v>
          </cell>
          <cell r="R1977">
            <v>90000</v>
          </cell>
          <cell r="S1977">
            <v>33513315</v>
          </cell>
          <cell r="T1977">
            <v>91727579</v>
          </cell>
          <cell r="V1977" t="str">
            <v>jx703059</v>
          </cell>
          <cell r="W1977" t="str">
            <v>ua160220</v>
          </cell>
          <cell r="Y1977" t="str">
            <v>080，03，06，9，14，27，29，35，36，37，39，41，</v>
          </cell>
          <cell r="Z1977">
            <v>39</v>
          </cell>
          <cell r="AA1977">
            <v>9</v>
          </cell>
          <cell r="AB1977">
            <v>6</v>
          </cell>
          <cell r="AC1977">
            <v>80</v>
          </cell>
          <cell r="AD1977" t="str">
            <v/>
          </cell>
          <cell r="AE1977" t="str">
            <v>１；医用画像診断機器・附属品類、ＭＥ機器、手術室関連機器・設備、中央材料室関連機器（滅菌装置等）、医療用ベッド、車椅子、リハビリ機器、特殊浴槽、その他医療用機器全般２；医療用具全般、各種衛生材料（マスク・ガーゼ・紙おむつ他）３；４；医療機器等保守点検業務</v>
          </cell>
          <cell r="AF1977" t="str">
            <v>二つの事業を通じて、医療機関等の医療環境づくりの全てをプロデュースします。１．トータルパックプロデュース事業：コンサルティングから医療機器・医療設備の設備・メンテナンスまでをトータルサポート　２．メディカルサプライ事業：診療材料及び医療用消耗品等の販売</v>
          </cell>
        </row>
        <row r="1978">
          <cell r="B1978">
            <v>10163</v>
          </cell>
          <cell r="C1978" t="str">
            <v>ナフス(株)</v>
          </cell>
          <cell r="D1978" t="str">
            <v>06-6791-8962</v>
          </cell>
          <cell r="E1978" t="str">
            <v>544-0015</v>
          </cell>
          <cell r="F1978" t="str">
            <v>大阪府大阪市生野区巽南5-4-26</v>
          </cell>
          <cell r="G1978" t="str">
            <v>大阪市</v>
          </cell>
          <cell r="H1978" t="str">
            <v/>
          </cell>
          <cell r="I1978" t="str">
            <v>代表取締役 濱田　茂</v>
          </cell>
          <cell r="J1978" t="str">
            <v>本店</v>
          </cell>
          <cell r="K1978" t="str">
            <v>06-6791-8762</v>
          </cell>
          <cell r="L1978" t="str">
            <v>k-tanaka@naniwa-food.co.jp</v>
          </cell>
          <cell r="M1978" t="str">
            <v>ﾅﾌｽ</v>
          </cell>
          <cell r="N1978" t="str">
            <v>無</v>
          </cell>
          <cell r="O1978">
            <v>54</v>
          </cell>
          <cell r="P1978">
            <v>486</v>
          </cell>
          <cell r="Q1978">
            <v>3120001018373</v>
          </cell>
          <cell r="R1978">
            <v>50000</v>
          </cell>
          <cell r="S1978">
            <v>270637</v>
          </cell>
          <cell r="T1978">
            <v>1458126</v>
          </cell>
          <cell r="V1978" t="str">
            <v>fm907932</v>
          </cell>
          <cell r="W1978" t="str">
            <v>ql137262</v>
          </cell>
          <cell r="Y1978" t="str">
            <v/>
          </cell>
          <cell r="Z1978" t="str">
            <v/>
          </cell>
          <cell r="AA1978" t="str">
            <v/>
          </cell>
          <cell r="AB1978" t="str">
            <v/>
          </cell>
          <cell r="AC1978" t="str">
            <v/>
          </cell>
          <cell r="AD1978" t="str">
            <v/>
          </cell>
          <cell r="AE1978" t="str">
            <v>１；２；３；４；</v>
          </cell>
          <cell r="AF1978" t="str">
            <v>学校、保育所、福祉施設等受託給食</v>
          </cell>
        </row>
        <row r="1979">
          <cell r="B1979">
            <v>10165</v>
          </cell>
          <cell r="C1979" t="str">
            <v>(株)吉田生物研究所</v>
          </cell>
          <cell r="D1979" t="str">
            <v>075-581-0835</v>
          </cell>
          <cell r="E1979" t="str">
            <v>607-8454</v>
          </cell>
          <cell r="F1979" t="str">
            <v>京都府京都市山科区厨子奥苗代元町31</v>
          </cell>
          <cell r="G1979" t="str">
            <v>京都市</v>
          </cell>
          <cell r="H1979" t="str">
            <v/>
          </cell>
          <cell r="I1979" t="str">
            <v>代表取締役 吉田　秀男</v>
          </cell>
          <cell r="J1979" t="str">
            <v>本店</v>
          </cell>
          <cell r="K1979" t="str">
            <v>075-581-1809</v>
          </cell>
          <cell r="L1979" t="str">
            <v>info@yoshidabio.co.jp</v>
          </cell>
          <cell r="M1979" t="str">
            <v>ﾖｼﾀﾞｾｲﾌﾞﾂｹﾝｷｭｳｼｮ</v>
          </cell>
          <cell r="N1979" t="str">
            <v>無</v>
          </cell>
          <cell r="O1979">
            <v>31</v>
          </cell>
          <cell r="P1979">
            <v>18</v>
          </cell>
          <cell r="Q1979">
            <v>3130001013514</v>
          </cell>
          <cell r="R1979">
            <v>10000</v>
          </cell>
          <cell r="S1979">
            <v>1027976</v>
          </cell>
          <cell r="T1979">
            <v>187490</v>
          </cell>
          <cell r="V1979" t="str">
            <v>nq953926</v>
          </cell>
          <cell r="W1979" t="str">
            <v>da148737</v>
          </cell>
          <cell r="Y1979" t="str">
            <v/>
          </cell>
          <cell r="Z1979" t="str">
            <v/>
          </cell>
          <cell r="AA1979" t="str">
            <v/>
          </cell>
          <cell r="AB1979" t="str">
            <v/>
          </cell>
          <cell r="AC1979" t="str">
            <v/>
          </cell>
          <cell r="AD1979" t="str">
            <v/>
          </cell>
          <cell r="AE1979" t="str">
            <v>１；重要文化財・埋蔵・伝世文化財保存処理及び修復業務（※木質木材の保存処理方法の特許有）、自然科学分析業務、文化財等レプリカ製作、展示保管用ケース製作２；３；４；</v>
          </cell>
          <cell r="AF1979" t="str">
            <v>重要文化財・埋蔵・伝世文化財保存処理及び修復業務、文化財自然科学分析、文化財等レプリカ製作、展示保管用ケース製作等</v>
          </cell>
        </row>
        <row r="1980">
          <cell r="B1980">
            <v>10167</v>
          </cell>
          <cell r="C1980" t="str">
            <v>(株)内田洋行</v>
          </cell>
          <cell r="D1980" t="str">
            <v>06-6920-2742</v>
          </cell>
          <cell r="E1980" t="str">
            <v>540-8520</v>
          </cell>
          <cell r="F1980" t="str">
            <v>大阪府大阪市中央区和泉町2-2-2</v>
          </cell>
          <cell r="G1980" t="str">
            <v>大阪市</v>
          </cell>
          <cell r="H1980" t="str">
            <v>大阪支店</v>
          </cell>
          <cell r="I1980" t="str">
            <v>執行役員大阪支店長 岡野　清吾</v>
          </cell>
          <cell r="J1980" t="str">
            <v>東京都</v>
          </cell>
          <cell r="K1980" t="str">
            <v>06-6920-2796</v>
          </cell>
          <cell r="L1980" t="str">
            <v>kokyo.w@uchida.co.jp</v>
          </cell>
          <cell r="M1980" t="str">
            <v>ｳﾁﾀﾞﾖｳｺｳ</v>
          </cell>
          <cell r="N1980" t="str">
            <v>有</v>
          </cell>
          <cell r="O1980">
            <v>108</v>
          </cell>
          <cell r="P1980">
            <v>1461</v>
          </cell>
          <cell r="Q1980">
            <v>1010001034730</v>
          </cell>
          <cell r="R1980">
            <v>5000000</v>
          </cell>
          <cell r="S1980">
            <v>22073586</v>
          </cell>
          <cell r="T1980">
            <v>92370914</v>
          </cell>
          <cell r="V1980" t="str">
            <v>ds481615</v>
          </cell>
          <cell r="W1980" t="str">
            <v>fx169938</v>
          </cell>
          <cell r="Y1980" t="str">
            <v>027，14，27，36，58，</v>
          </cell>
          <cell r="Z1980">
            <v>36</v>
          </cell>
          <cell r="AA1980">
            <v>58</v>
          </cell>
          <cell r="AB1980">
            <v>14</v>
          </cell>
          <cell r="AC1980">
            <v>27</v>
          </cell>
          <cell r="AD1980" t="str">
            <v/>
          </cell>
          <cell r="AE1980" t="str">
            <v>１；富士通・エプソン　など２；各種自治体向けのシステムの構築・保守・運用支援。ホームページ作成。ネットワーク整備　など３；自社製品　など４；自社製品　など</v>
          </cell>
          <cell r="AF1980" t="str">
            <v>財務会計・人事給与・契約管理・文書管理等の各種システムの開発・運用支援及び保守。それに伴うＯＡ機器や事務機器等の販売やネットワーク整備、ホームページ作成　など。</v>
          </cell>
        </row>
        <row r="1981">
          <cell r="B1981">
            <v>10168</v>
          </cell>
          <cell r="C1981" t="str">
            <v>(株)関西計画技術研究所</v>
          </cell>
          <cell r="D1981" t="str">
            <v>06-6942-6852</v>
          </cell>
          <cell r="E1981" t="str">
            <v>540-0032</v>
          </cell>
          <cell r="F1981" t="str">
            <v>大阪府大阪市中央区天満橋京町1番26号</v>
          </cell>
          <cell r="G1981" t="str">
            <v>大阪市</v>
          </cell>
          <cell r="H1981" t="str">
            <v/>
          </cell>
          <cell r="I1981" t="str">
            <v>代表取締役 上野　泉</v>
          </cell>
          <cell r="J1981" t="str">
            <v>本店</v>
          </cell>
          <cell r="K1981" t="str">
            <v>06-6942-6853</v>
          </cell>
          <cell r="L1981" t="str">
            <v>info@kansai-planning.co.jp</v>
          </cell>
          <cell r="M1981" t="str">
            <v>ｶﾝｻｲｹｲｶｸｷﾞｼﾞｭﾂｹﾝｷｭｳｼｮ</v>
          </cell>
          <cell r="N1981" t="str">
            <v>無</v>
          </cell>
          <cell r="O1981">
            <v>36</v>
          </cell>
          <cell r="P1981">
            <v>8</v>
          </cell>
          <cell r="Q1981">
            <v>6120001077326</v>
          </cell>
          <cell r="R1981">
            <v>12000</v>
          </cell>
          <cell r="S1981">
            <v>15801</v>
          </cell>
          <cell r="T1981">
            <v>63515</v>
          </cell>
          <cell r="V1981" t="str">
            <v>jm707116</v>
          </cell>
          <cell r="W1981" t="str">
            <v>xo139189</v>
          </cell>
          <cell r="Y1981" t="str">
            <v>57，77，</v>
          </cell>
          <cell r="Z1981">
            <v>80</v>
          </cell>
          <cell r="AA1981">
            <v>77</v>
          </cell>
          <cell r="AB1981">
            <v>57</v>
          </cell>
          <cell r="AC1981" t="str">
            <v/>
          </cell>
          <cell r="AD1981" t="str">
            <v/>
          </cell>
          <cell r="AE1981" t="str">
            <v>１；健康・保健・医療・福祉・教育・スポーツ・労働・産業振興・観光・情報化など、様々な計画策定２；健康・保健・医療・福祉・教育・スポーツ・労働・産業振興・観光・情報化など、アンケート調査等の業務３；データ入力、データ処理４；</v>
          </cell>
          <cell r="AF1981" t="str">
            <v>設立以来、健康・保健・医療・福祉・教育・スポーツ・労働・産業振興・観光・情報化など、様々な分野における調査・研究に取り組むことで、幅広い視点から地域の課題解決につながる提案をさせていただいています。</v>
          </cell>
        </row>
        <row r="1982">
          <cell r="B1982">
            <v>10169</v>
          </cell>
          <cell r="C1982" t="str">
            <v>(株)ジャスティス・サポート</v>
          </cell>
          <cell r="D1982" t="str">
            <v>072-787-6888</v>
          </cell>
          <cell r="E1982" t="str">
            <v>664-0836</v>
          </cell>
          <cell r="F1982" t="str">
            <v>兵庫県伊丹市北本町1-312</v>
          </cell>
          <cell r="G1982" t="str">
            <v>伊丹市</v>
          </cell>
          <cell r="H1982" t="str">
            <v/>
          </cell>
          <cell r="I1982" t="str">
            <v>代表取締役 小畑　ゆかり</v>
          </cell>
          <cell r="J1982" t="str">
            <v>本店</v>
          </cell>
          <cell r="K1982" t="str">
            <v>072-785-9696</v>
          </cell>
          <cell r="L1982" t="str">
            <v>justis.kobata.t@rondo.ocn.ne.jp</v>
          </cell>
          <cell r="M1982" t="str">
            <v>ｼﾞｬｽﾃｨｽ･ｻﾎﾟｰﾄ</v>
          </cell>
          <cell r="N1982" t="str">
            <v>無</v>
          </cell>
          <cell r="O1982">
            <v>19</v>
          </cell>
          <cell r="P1982">
            <v>144</v>
          </cell>
          <cell r="Q1982">
            <v>9140001080746</v>
          </cell>
          <cell r="R1982">
            <v>10000</v>
          </cell>
          <cell r="S1982">
            <v>-24976</v>
          </cell>
          <cell r="T1982">
            <v>607174</v>
          </cell>
          <cell r="V1982" t="str">
            <v>sv401582</v>
          </cell>
          <cell r="W1982" t="str">
            <v>hg197993</v>
          </cell>
          <cell r="Y1982" t="str">
            <v>046，44，45，46，47，48，49，50，53，54，55，</v>
          </cell>
          <cell r="Z1982">
            <v>45</v>
          </cell>
          <cell r="AA1982">
            <v>54</v>
          </cell>
          <cell r="AB1982">
            <v>55</v>
          </cell>
          <cell r="AC1982">
            <v>46</v>
          </cell>
          <cell r="AD1982" t="str">
            <v/>
          </cell>
          <cell r="AE1982" t="str">
            <v>１；警備業認定証２；建物清掃業登録証３；４；</v>
          </cell>
          <cell r="AF1982" t="str">
            <v>警備業務（有人）施設、保安、交通、清掃業務、有料道路及びイベント等に於ける料金徴収管理業務、コインパーキング管理業務等を幅広く手掛けております。</v>
          </cell>
        </row>
        <row r="1983">
          <cell r="B1983">
            <v>10170</v>
          </cell>
          <cell r="C1983" t="str">
            <v>(株)水道産業新聞社</v>
          </cell>
          <cell r="D1983" t="str">
            <v>06-6373-3603</v>
          </cell>
          <cell r="E1983" t="str">
            <v>531-0072</v>
          </cell>
          <cell r="F1983" t="str">
            <v>大阪府大阪市北区豊崎2-7-9</v>
          </cell>
          <cell r="G1983" t="str">
            <v>大阪市</v>
          </cell>
          <cell r="H1983" t="str">
            <v/>
          </cell>
          <cell r="I1983" t="str">
            <v>代表取締役 西原　一裕</v>
          </cell>
          <cell r="J1983" t="str">
            <v>本店</v>
          </cell>
          <cell r="K1983" t="str">
            <v>06-6373-3633</v>
          </cell>
          <cell r="L1983" t="str">
            <v>kikaku@suidosangyo.jp</v>
          </cell>
          <cell r="M1983" t="str">
            <v>ｽｲﾄﾞｳｻﾝｷﾞｮｳｼﾝﾌﾞﾝｼｬ</v>
          </cell>
          <cell r="N1983" t="str">
            <v>無</v>
          </cell>
          <cell r="O1983">
            <v>63</v>
          </cell>
          <cell r="P1983">
            <v>32</v>
          </cell>
          <cell r="Q1983">
            <v>5120001065389</v>
          </cell>
          <cell r="R1983">
            <v>40000</v>
          </cell>
          <cell r="S1983">
            <v>107762</v>
          </cell>
          <cell r="T1983">
            <v>418898</v>
          </cell>
          <cell r="V1983" t="str">
            <v>ht536485</v>
          </cell>
          <cell r="W1983" t="str">
            <v>vx101869</v>
          </cell>
          <cell r="Y1983" t="str">
            <v>058，07，08，13，58，63，64，70，72，73，</v>
          </cell>
          <cell r="Z1983">
            <v>73</v>
          </cell>
          <cell r="AA1983">
            <v>64</v>
          </cell>
          <cell r="AB1983">
            <v>63</v>
          </cell>
          <cell r="AC1983">
            <v>58</v>
          </cell>
          <cell r="AD1983" t="str">
            <v>イベント啓発用懸垂幕、横断幕、のぼり、記念品等企画製作。商品、建物、航空写真撮影（ドローン撮影含む）。水道産業新聞及び上下水道関連の出版物編集発行。</v>
          </cell>
          <cell r="AE1983" t="str">
            <v>１；宣伝用印刷物（パンフレット、リーフレット、ポスター、シール、広報紙、記念誌等）企画製作。２；宣伝用ＤＶＤ、スライド、映画等企画製作。３；上下水道関係のイベント、記念式典等企画運営及び展示ブース、パネル、模型等企画製作。４；ホームページ等企画製作。</v>
          </cell>
          <cell r="AF1983" t="str">
            <v>宣伝用印刷物（パンフレット、リーフレット、ポスター、シール、広報紙、記念誌等）企画製作。宣伝用ＤＶＤ、スライド、ホームページ等企画製作。上下水道関係のイベント、記念式典等企画運営及び展示ブース、パネル、啓発用品等企画製作。商品、建物、航空写真撮影（ドローン撮影含む）。</v>
          </cell>
        </row>
        <row r="1984">
          <cell r="B1984">
            <v>10174</v>
          </cell>
          <cell r="C1984" t="str">
            <v>(株)サンスイ</v>
          </cell>
          <cell r="D1984" t="str">
            <v>06-6375-2881</v>
          </cell>
          <cell r="E1984" t="str">
            <v>530-0012</v>
          </cell>
          <cell r="F1984" t="str">
            <v>大阪府大阪市北区芝田2-5-14</v>
          </cell>
          <cell r="G1984" t="str">
            <v>大阪市</v>
          </cell>
          <cell r="H1984" t="str">
            <v>大阪支店</v>
          </cell>
          <cell r="I1984" t="str">
            <v>支店長 守谷　修司</v>
          </cell>
          <cell r="J1984" t="str">
            <v>東京都</v>
          </cell>
          <cell r="K1984" t="str">
            <v>06-6375-2882</v>
          </cell>
          <cell r="L1984" t="str">
            <v>section@guitar.ocn.ne.jp</v>
          </cell>
          <cell r="M1984" t="str">
            <v>ｻﾝｽｲ</v>
          </cell>
          <cell r="N1984" t="str">
            <v>有</v>
          </cell>
          <cell r="O1984">
            <v>15</v>
          </cell>
          <cell r="P1984">
            <v>46</v>
          </cell>
          <cell r="Q1984">
            <v>8010701014868</v>
          </cell>
          <cell r="R1984">
            <v>30000</v>
          </cell>
          <cell r="S1984">
            <v>183415</v>
          </cell>
          <cell r="T1984">
            <v>712486</v>
          </cell>
          <cell r="V1984" t="str">
            <v>xh887836</v>
          </cell>
          <cell r="W1984" t="str">
            <v>zu199999</v>
          </cell>
          <cell r="Y1984" t="str">
            <v>79，</v>
          </cell>
          <cell r="Z1984">
            <v>79</v>
          </cell>
          <cell r="AA1984">
            <v>80</v>
          </cell>
          <cell r="AB1984" t="str">
            <v/>
          </cell>
          <cell r="AC1984" t="str">
            <v/>
          </cell>
          <cell r="AD1984" t="str">
            <v/>
          </cell>
          <cell r="AE1984" t="str">
            <v>１；上水道の漏水調査２；上水道管洗浄作業３；４；</v>
          </cell>
          <cell r="AF1984" t="str">
            <v>上水道の漏水調査、上水道管洗浄作業、水圧測定が主体の業務です。</v>
          </cell>
        </row>
        <row r="1985">
          <cell r="B1985">
            <v>10175</v>
          </cell>
          <cell r="C1985" t="str">
            <v>日本光電工業(株)</v>
          </cell>
          <cell r="D1985" t="str">
            <v>050-3820-7035</v>
          </cell>
          <cell r="E1985" t="str">
            <v>532-0003</v>
          </cell>
          <cell r="F1985" t="str">
            <v>大阪府大阪市淀川区宮原3-5-36新大阪ﾄﾗｽﾄﾀﾜｰ6Ｆ</v>
          </cell>
          <cell r="G1985" t="str">
            <v>大阪市</v>
          </cell>
          <cell r="H1985" t="str">
            <v>関西支社</v>
          </cell>
          <cell r="I1985" t="str">
            <v>支社長 麻　浩則</v>
          </cell>
          <cell r="J1985" t="str">
            <v>東京都</v>
          </cell>
          <cell r="K1985" t="str">
            <v>06-6399-6525</v>
          </cell>
          <cell r="L1985" t="str">
            <v/>
          </cell>
          <cell r="M1985" t="str">
            <v>ﾆﾎﾝｺｳﾃﾞﾝｺｳｷﾞﾖｳ</v>
          </cell>
          <cell r="N1985" t="str">
            <v>有</v>
          </cell>
          <cell r="O1985">
            <v>67</v>
          </cell>
          <cell r="P1985">
            <v>3358</v>
          </cell>
          <cell r="Q1985">
            <v>2011101016254</v>
          </cell>
          <cell r="R1985">
            <v>7544731</v>
          </cell>
          <cell r="S1985">
            <v>101755000</v>
          </cell>
          <cell r="T1985">
            <v>146525000</v>
          </cell>
          <cell r="V1985" t="str">
            <v>wy867969</v>
          </cell>
          <cell r="W1985" t="str">
            <v>hj199901</v>
          </cell>
          <cell r="Y1985" t="str">
            <v>09，9，39，44，49，</v>
          </cell>
          <cell r="Z1985">
            <v>39</v>
          </cell>
          <cell r="AA1985">
            <v>49</v>
          </cell>
          <cell r="AB1985">
            <v>44</v>
          </cell>
          <cell r="AC1985">
            <v>9</v>
          </cell>
          <cell r="AD1985" t="str">
            <v/>
          </cell>
          <cell r="AE1985" t="str">
            <v>１；生体情報モニタ・物忘れ相談プログラム・脳波計・心電計・ＡＥＤ・除細動器・人口呼吸器・ペースメーカ等　高度管理医療機器等販売業貸与業許可２；医療機器の保守点検　医療機器修理業許可３；医療機器のリース・レンタル　高度管理医療機器等販売業貸与業許可４；検査試薬・医療用消耗品等　医薬品販売業許可（特定品目（体外診））</v>
          </cell>
          <cell r="AF1985" t="str">
            <v>生体情報モニタ・心電計・脳波計・ペースメーカ・人口呼吸器・除細動器などの医療機器の販売、賃貸、修理および保守や、コンピュータおよびコンピュータソフトウェアの販売、賃貸、修理および保守をおこなっております。</v>
          </cell>
        </row>
        <row r="1986">
          <cell r="B1986">
            <v>10176</v>
          </cell>
          <cell r="C1986" t="str">
            <v>ナフス南(株)</v>
          </cell>
          <cell r="D1986" t="str">
            <v>06-6791-8962</v>
          </cell>
          <cell r="E1986" t="str">
            <v>551-0031</v>
          </cell>
          <cell r="F1986" t="str">
            <v>大阪府大阪市大正区泉尾7-1-17</v>
          </cell>
          <cell r="G1986" t="str">
            <v>大阪市</v>
          </cell>
          <cell r="H1986" t="str">
            <v/>
          </cell>
          <cell r="I1986" t="str">
            <v>代表取締役 濱田　武</v>
          </cell>
          <cell r="J1986" t="str">
            <v>本店</v>
          </cell>
          <cell r="K1986" t="str">
            <v>06-6553-1055</v>
          </cell>
          <cell r="L1986" t="str">
            <v>k-tanaka@naniwa-food.co.jp</v>
          </cell>
          <cell r="M1986" t="str">
            <v>ﾅﾌｽﾐﾅﾐ</v>
          </cell>
          <cell r="N1986" t="str">
            <v>無</v>
          </cell>
          <cell r="O1986">
            <v>54</v>
          </cell>
          <cell r="P1986">
            <v>237</v>
          </cell>
          <cell r="Q1986">
            <v>8120001027931</v>
          </cell>
          <cell r="R1986">
            <v>30000</v>
          </cell>
          <cell r="S1986">
            <v>97707</v>
          </cell>
          <cell r="T1986">
            <v>711549</v>
          </cell>
          <cell r="V1986" t="str">
            <v>xz179930</v>
          </cell>
          <cell r="W1986" t="str">
            <v>lp193769</v>
          </cell>
          <cell r="Y1986" t="str">
            <v/>
          </cell>
          <cell r="Z1986" t="str">
            <v/>
          </cell>
          <cell r="AA1986" t="str">
            <v/>
          </cell>
          <cell r="AB1986" t="str">
            <v/>
          </cell>
          <cell r="AC1986" t="str">
            <v/>
          </cell>
          <cell r="AD1986" t="str">
            <v/>
          </cell>
          <cell r="AE1986" t="str">
            <v>１；２；３；４；</v>
          </cell>
          <cell r="AF1986" t="str">
            <v>学校、保育所、福祉施設等受託給食・弁当給食</v>
          </cell>
        </row>
        <row r="1987">
          <cell r="B1987">
            <v>10177</v>
          </cell>
          <cell r="C1987" t="str">
            <v>グローリー(株)</v>
          </cell>
          <cell r="D1987" t="str">
            <v>078-271-3001</v>
          </cell>
          <cell r="E1987" t="str">
            <v>651-0086</v>
          </cell>
          <cell r="F1987" t="str">
            <v>兵庫県神戸市中央区磯上通4-1-6</v>
          </cell>
          <cell r="G1987" t="str">
            <v>神戸市</v>
          </cell>
          <cell r="H1987" t="str">
            <v>神戸営業所</v>
          </cell>
          <cell r="I1987" t="str">
            <v>所長 妹尾　修</v>
          </cell>
          <cell r="J1987" t="str">
            <v>兵庫県姫路市</v>
          </cell>
          <cell r="K1987" t="str">
            <v>078-271-3018</v>
          </cell>
          <cell r="L1987" t="str">
            <v>nakayama.kouichi@mail.glory.co.jp</v>
          </cell>
          <cell r="M1987" t="str">
            <v>ｸﾞﾛｰﾘｰ</v>
          </cell>
          <cell r="N1987" t="str">
            <v>有</v>
          </cell>
          <cell r="O1987">
            <v>74</v>
          </cell>
          <cell r="P1987">
            <v>3484</v>
          </cell>
          <cell r="Q1987">
            <v>5140001058614</v>
          </cell>
          <cell r="R1987">
            <v>12892947</v>
          </cell>
          <cell r="S1987">
            <v>175358106</v>
          </cell>
          <cell r="T1987">
            <v>227361000</v>
          </cell>
          <cell r="V1987" t="str">
            <v>qw526935</v>
          </cell>
          <cell r="W1987" t="str">
            <v>bg179968</v>
          </cell>
          <cell r="Y1987" t="str">
            <v>14，16，</v>
          </cell>
          <cell r="Z1987">
            <v>16</v>
          </cell>
          <cell r="AA1987">
            <v>80</v>
          </cell>
          <cell r="AB1987">
            <v>14</v>
          </cell>
          <cell r="AC1987" t="str">
            <v/>
          </cell>
          <cell r="AD1987" t="str">
            <v/>
          </cell>
          <cell r="AE1987" t="str">
            <v>１；投票用紙分類機・投票用紙計数機・投票用紙交付機・投票用紙開封機２；貨幣計算機・硬貨選別機・入出金機・窓口番号受付機・券売機・両替機・販売機（たばこ・カード）・レジ釣銭機・監視カメラ３；メーリングマシン・印紙税納付計器・契印機・認証機・鍵管理機４；</v>
          </cell>
          <cell r="AF1987" t="str">
            <v>グローリーは国産初の硬貨計数機、たばこ自動販売機を開発以来、様々な分野において人々の暮らしを便利にそして快適にする製品を生み出してきました。今後も「認識・識別」「メカトロ」技術をさらに進化させ「安心して暮らせる社会」を実現します。</v>
          </cell>
        </row>
        <row r="1988">
          <cell r="B1988">
            <v>10179</v>
          </cell>
          <cell r="C1988" t="str">
            <v>不二化学薬品(株)</v>
          </cell>
          <cell r="D1988" t="str">
            <v>06-6499-3191</v>
          </cell>
          <cell r="E1988" t="str">
            <v>661-0964</v>
          </cell>
          <cell r="F1988" t="str">
            <v>兵庫県尼崎市神崎町21-29</v>
          </cell>
          <cell r="G1988" t="str">
            <v>尼崎市</v>
          </cell>
          <cell r="H1988" t="str">
            <v>尼崎西営業所</v>
          </cell>
          <cell r="I1988" t="str">
            <v>営業所長 村上　孝博</v>
          </cell>
          <cell r="J1988" t="str">
            <v>大阪府大阪市</v>
          </cell>
          <cell r="K1988" t="str">
            <v>06-6499-3122</v>
          </cell>
          <cell r="L1988" t="str">
            <v>yukio.okano@fuji-chemicals.co.jp</v>
          </cell>
          <cell r="M1988" t="str">
            <v>ﾌｼﾞｶｶﾞｸﾔｸﾋﾝ</v>
          </cell>
          <cell r="N1988" t="str">
            <v>有</v>
          </cell>
          <cell r="O1988">
            <v>66</v>
          </cell>
          <cell r="P1988">
            <v>160</v>
          </cell>
          <cell r="Q1988">
            <v>3120001069862</v>
          </cell>
          <cell r="R1988">
            <v>50000</v>
          </cell>
          <cell r="S1988">
            <v>4184152</v>
          </cell>
          <cell r="T1988">
            <v>20877251</v>
          </cell>
          <cell r="V1988" t="str">
            <v>pk613375</v>
          </cell>
          <cell r="W1988" t="str">
            <v>vz145023</v>
          </cell>
          <cell r="Y1988" t="str">
            <v>042，9，10，41，42，</v>
          </cell>
          <cell r="Z1988">
            <v>9</v>
          </cell>
          <cell r="AA1988">
            <v>10</v>
          </cell>
          <cell r="AB1988">
            <v>41</v>
          </cell>
          <cell r="AC1988">
            <v>42</v>
          </cell>
          <cell r="AD1988" t="str">
            <v/>
          </cell>
          <cell r="AE1988" t="str">
            <v>１；取扱品目：実験試薬・医薬品原料・臨床検査薬　【許認可】医薬品販売業許可　【仕入先】富士フイルム和光純薬（株）〈代理店〉・日本ベクトンディッキンソン（株）２；取扱品目：工業薬品　【許認可】毒物劇物一般販売業　【仕入先】富士フイルム和光純薬（株）〈代理店〉・要薬品（株）３；取扱品目：理化学機器　【許認可】高度管理医療機器等販売業許可、医療機器修理業許可　【仕入先】（株）相互理化学硝子製作所〈販売店〉・ザルトリウス（株）〈代理店〉４；取扱品目：精密・計測機器　【許認可】高度管理医療機器等販売業許可、医療機器修理業許可　【仕入先】ザルトリウス（株）〈代理店〉・（株）相互理化学硝子製作所〈代理店〉</v>
          </cell>
          <cell r="AF1988" t="str">
            <v>試薬・臨床試薬・研究用高純度試薬及び特殊化学薬品・理化学機器及び器材・医薬バルク製品・製剤用原料・食品加工用素材・栄養補助食品・工業用薬品・各種触媒・上記品目の販売・委受託製造の斡旋・輸入及び輸出業務</v>
          </cell>
        </row>
        <row r="1989">
          <cell r="B1989">
            <v>10180</v>
          </cell>
          <cell r="C1989" t="str">
            <v>(株)教映社</v>
          </cell>
          <cell r="D1989" t="str">
            <v>06-6951-9650</v>
          </cell>
          <cell r="E1989" t="str">
            <v>535-0002</v>
          </cell>
          <cell r="F1989" t="str">
            <v>大阪府大阪市旭区大宮4-15-6</v>
          </cell>
          <cell r="G1989" t="str">
            <v>大阪市</v>
          </cell>
          <cell r="H1989" t="str">
            <v/>
          </cell>
          <cell r="I1989" t="str">
            <v>代表取締役 佐藤　一男</v>
          </cell>
          <cell r="J1989" t="str">
            <v>本店</v>
          </cell>
          <cell r="K1989" t="str">
            <v>06-6951-7747</v>
          </cell>
          <cell r="L1989" t="str">
            <v>natori@kyoeisha.com</v>
          </cell>
          <cell r="M1989" t="str">
            <v>ｷｮｳｴｲｼｬ</v>
          </cell>
          <cell r="N1989" t="str">
            <v>無</v>
          </cell>
          <cell r="O1989">
            <v>51</v>
          </cell>
          <cell r="P1989">
            <v>172</v>
          </cell>
          <cell r="Q1989">
            <v>1120001000341</v>
          </cell>
          <cell r="R1989">
            <v>59700</v>
          </cell>
          <cell r="S1989">
            <v>2847731</v>
          </cell>
          <cell r="T1989">
            <v>4457676</v>
          </cell>
          <cell r="V1989" t="str">
            <v>pk155360</v>
          </cell>
          <cell r="W1989" t="str">
            <v>he109990</v>
          </cell>
          <cell r="Y1989" t="str">
            <v>070，12，35，36，50，58，70，</v>
          </cell>
          <cell r="Z1989">
            <v>12</v>
          </cell>
          <cell r="AA1989">
            <v>36</v>
          </cell>
          <cell r="AB1989">
            <v>35</v>
          </cell>
          <cell r="AC1989">
            <v>70</v>
          </cell>
          <cell r="AD1989" t="str">
            <v>展示室等の映像表示システムのコントロール用ソフト開発、議事室のスクリーン・暗幕・映像音響機器の操作コントロールソフトの開発、映像をＶＨＳ・ＤＶＤ・ＢＤ等で制作、多数のダビングに対応</v>
          </cell>
          <cell r="AE1989" t="str">
            <v>１；液晶プロジェクター・書画カメラ・スクリーン・ディスプレイ・マイク・スピーカー・アンプ等視聴覚機器、機器収納ラック・取付金具・ＣＡＬＬシステム等の語学演習機・上記機器の取付・設置・調整２；パソコン・サーバー・プリンタ・外付けＨＤＤ・マウス・キーボード・机・収納ラック・プリンター用インク３；液晶テレビ・ＢＤ／ＤＶＤレコーダー・ビデオカメラ・ラジカセ・ＩＣレコーダー・ポータブルオーディオ等デジタル家電４；デジタルカメラ・デジタル一眼レフカメラ・三脚・記録メディア等の関連品</v>
          </cell>
          <cell r="AF1989" t="str">
            <v>液晶プロジェクター、書画カメラ、ディスプレイ、スクリーン等映像機器、アンプ・マイク・スピーカー等音響機器、パソコン・プリンター及び周辺機器、テレビ・ＢＤレコーダー等家庭用デジタル機器、上記商品全般の販売・設置・調整・修理業務</v>
          </cell>
        </row>
        <row r="1990">
          <cell r="B1990">
            <v>10182</v>
          </cell>
          <cell r="C1990" t="str">
            <v>ＮＥＣネッツエスアイ(株)</v>
          </cell>
          <cell r="D1990" t="str">
            <v>078-392-7051</v>
          </cell>
          <cell r="E1990" t="str">
            <v>650-0031</v>
          </cell>
          <cell r="F1990" t="str">
            <v>兵庫県神戸市中央区東町126</v>
          </cell>
          <cell r="G1990" t="str">
            <v>神戸市</v>
          </cell>
          <cell r="H1990" t="str">
            <v>神戸支店</v>
          </cell>
          <cell r="I1990" t="str">
            <v>支店長 森川　彰彦</v>
          </cell>
          <cell r="J1990" t="str">
            <v>東京都</v>
          </cell>
          <cell r="K1990" t="str">
            <v>078-392-7052</v>
          </cell>
          <cell r="L1990" t="str">
            <v>nesicnyuusatsu@ml.nesic.com</v>
          </cell>
          <cell r="M1990" t="str">
            <v>ｴﾇｲｰｼｰﾈｯﾂｴｽｱｲ</v>
          </cell>
          <cell r="N1990" t="str">
            <v>有</v>
          </cell>
          <cell r="O1990">
            <v>63</v>
          </cell>
          <cell r="P1990">
            <v>5019</v>
          </cell>
          <cell r="Q1990">
            <v>6010001135680</v>
          </cell>
          <cell r="R1990">
            <v>13122268</v>
          </cell>
          <cell r="S1990">
            <v>100538716</v>
          </cell>
          <cell r="T1990">
            <v>216634916</v>
          </cell>
          <cell r="V1990" t="str">
            <v>dv656135</v>
          </cell>
          <cell r="W1990" t="str">
            <v>qk191396</v>
          </cell>
          <cell r="Y1990" t="str">
            <v>059，36，50，58，59，</v>
          </cell>
          <cell r="Z1990">
            <v>36</v>
          </cell>
          <cell r="AA1990">
            <v>50</v>
          </cell>
          <cell r="AB1990">
            <v>58</v>
          </cell>
          <cell r="AC1990">
            <v>59</v>
          </cell>
          <cell r="AD1990" t="str">
            <v/>
          </cell>
          <cell r="AE1990" t="str">
            <v>１；電話機、電子交換機、無線機、デジタル放送装置、移動通信装置、インターネット関連機器、パーソナルコンピュータ、ＰＣサーバ、各種周辺端末機器、ソフトウェア２；電話交換設備保守、その他通信設備保守３；システム開発・運用４；翻訳、通訳</v>
          </cell>
          <cell r="AF1990" t="str">
            <v>ネットワークをコアとするＩＣＴシステムに関する企画・コンサルティングや設計・構築などの提供、および日本全国にわたるサポートサービス拠点による２４時間３６５日対応の保守・運用、監視サービスならびにアウトソーシングサービスの提供を行っています。</v>
          </cell>
        </row>
        <row r="1991">
          <cell r="B1991">
            <v>10184</v>
          </cell>
          <cell r="C1991" t="str">
            <v>(株)関西総合研究所</v>
          </cell>
          <cell r="D1991" t="str">
            <v>06-6945-5871</v>
          </cell>
          <cell r="E1991" t="str">
            <v>540-0016</v>
          </cell>
          <cell r="F1991" t="str">
            <v>大阪府大阪市中央区内本町1-1-10</v>
          </cell>
          <cell r="G1991" t="str">
            <v>大阪市</v>
          </cell>
          <cell r="H1991" t="str">
            <v/>
          </cell>
          <cell r="I1991" t="str">
            <v>代表取締役 宮本　三恵子</v>
          </cell>
          <cell r="J1991" t="str">
            <v>本店</v>
          </cell>
          <cell r="K1991" t="str">
            <v>06-6945-5899</v>
          </cell>
          <cell r="L1991" t="str">
            <v>info@21kids.co.jp</v>
          </cell>
          <cell r="M1991" t="str">
            <v>ｶﾝｻｲｿｳｺﾞｳｹﾝｷｭｳｼｮ</v>
          </cell>
          <cell r="N1991" t="str">
            <v>無</v>
          </cell>
          <cell r="O1991">
            <v>35</v>
          </cell>
          <cell r="P1991">
            <v>8</v>
          </cell>
          <cell r="Q1991">
            <v>7120001077647</v>
          </cell>
          <cell r="R1991">
            <v>38000</v>
          </cell>
          <cell r="S1991">
            <v>82601</v>
          </cell>
          <cell r="T1991">
            <v>52917</v>
          </cell>
          <cell r="V1991" t="str">
            <v>xk911567</v>
          </cell>
          <cell r="W1991" t="str">
            <v>wv119938</v>
          </cell>
          <cell r="Y1991" t="str">
            <v>77，</v>
          </cell>
          <cell r="Z1991">
            <v>80</v>
          </cell>
          <cell r="AA1991">
            <v>77</v>
          </cell>
          <cell r="AB1991" t="str">
            <v/>
          </cell>
          <cell r="AC1991" t="str">
            <v/>
          </cell>
          <cell r="AD1991" t="str">
            <v/>
          </cell>
          <cell r="AE1991" t="str">
            <v>１；行政計画策定に係る業務（地域福祉計画、障害福祉計画、観光関連計画など）、住民主体のまちづくり係る業務（自治組織支援、まちづくり支援業務など）、産官学連携に係る業務など２；市民意識調査、施設利用調査、事業所ニーズ調査など３；４；</v>
          </cell>
          <cell r="AF1991" t="str">
            <v>行政計画策定に係る業務（各種計画策定、アンケート調査など）　住民主体のまちづくりに係る業務（自治組織支援業務、地域の将来ビジョン策定支援など）　にぎわいのある地域づくりに係る業務（観光関連計画、地域活性化の推進）　産官学の連携に係る業務（大学との連携など）</v>
          </cell>
        </row>
        <row r="1992">
          <cell r="B1992">
            <v>10185</v>
          </cell>
          <cell r="C1992" t="str">
            <v>(株)宮本工業所</v>
          </cell>
          <cell r="D1992" t="str">
            <v>076-441-2201</v>
          </cell>
          <cell r="E1992" t="str">
            <v>930-8512</v>
          </cell>
          <cell r="F1992" t="str">
            <v>富山県富山市奥田新町12-3</v>
          </cell>
          <cell r="G1992" t="str">
            <v>富山市</v>
          </cell>
          <cell r="H1992" t="str">
            <v/>
          </cell>
          <cell r="I1992" t="str">
            <v>代表取締役 宮本　芳樹</v>
          </cell>
          <cell r="J1992" t="str">
            <v>本店</v>
          </cell>
          <cell r="K1992" t="str">
            <v>076-441-6645</v>
          </cell>
          <cell r="L1992" t="str">
            <v>osaka-s@miyamoto-k.co.jp</v>
          </cell>
          <cell r="M1992" t="str">
            <v>ﾐﾔﾓﾄｺｳｷﾞｮｳｼｮ</v>
          </cell>
          <cell r="N1992" t="str">
            <v>無</v>
          </cell>
          <cell r="O1992">
            <v>66</v>
          </cell>
          <cell r="P1992">
            <v>283</v>
          </cell>
          <cell r="Q1992">
            <v>8230001003186</v>
          </cell>
          <cell r="R1992">
            <v>50000</v>
          </cell>
          <cell r="S1992">
            <v>13081678</v>
          </cell>
          <cell r="T1992">
            <v>11385843</v>
          </cell>
          <cell r="V1992" t="str">
            <v>cc834744</v>
          </cell>
          <cell r="W1992" t="str">
            <v>ld137893</v>
          </cell>
          <cell r="Y1992" t="str">
            <v/>
          </cell>
          <cell r="Z1992">
            <v>80</v>
          </cell>
          <cell r="AA1992" t="str">
            <v/>
          </cell>
          <cell r="AB1992" t="str">
            <v/>
          </cell>
          <cell r="AC1992" t="str">
            <v/>
          </cell>
          <cell r="AD1992" t="str">
            <v/>
          </cell>
          <cell r="AE1992" t="str">
            <v>１；斎場備品及び消耗品２；３；４；</v>
          </cell>
          <cell r="AF1992" t="str">
            <v>工業炉の技術を火葬炉に活かし、無臭無煙化は当然として、遺体の尊厳性、省エネルギーにも優れた火葬炉を製作、火葬炉設備の建築に伴う備品及び消耗品の販売を致しております。</v>
          </cell>
        </row>
        <row r="1993">
          <cell r="B1993">
            <v>10186</v>
          </cell>
          <cell r="C1993" t="str">
            <v>(株)五輪</v>
          </cell>
          <cell r="D1993" t="str">
            <v>076-442-0133</v>
          </cell>
          <cell r="E1993" t="str">
            <v>930-0857</v>
          </cell>
          <cell r="F1993" t="str">
            <v>富山県富山市奥田新町12-3</v>
          </cell>
          <cell r="G1993" t="str">
            <v>富山市</v>
          </cell>
          <cell r="H1993" t="str">
            <v/>
          </cell>
          <cell r="I1993" t="str">
            <v>代表取締役 宮本　岳司朗</v>
          </cell>
          <cell r="J1993" t="str">
            <v>本店</v>
          </cell>
          <cell r="K1993" t="str">
            <v>076-442-9183</v>
          </cell>
          <cell r="L1993" t="str">
            <v>osaka@gorin-m.co.jp</v>
          </cell>
          <cell r="M1993" t="str">
            <v>ｺﾞﾘﾝ</v>
          </cell>
          <cell r="N1993" t="str">
            <v>無</v>
          </cell>
          <cell r="O1993">
            <v>38</v>
          </cell>
          <cell r="P1993">
            <v>281</v>
          </cell>
          <cell r="Q1993">
            <v>6230001000961</v>
          </cell>
          <cell r="R1993">
            <v>20000</v>
          </cell>
          <cell r="S1993">
            <v>3217396</v>
          </cell>
          <cell r="T1993">
            <v>4230945</v>
          </cell>
          <cell r="V1993" t="str">
            <v>ye852705</v>
          </cell>
          <cell r="W1993" t="str">
            <v>tg193998</v>
          </cell>
          <cell r="Y1993" t="str">
            <v/>
          </cell>
          <cell r="Z1993" t="str">
            <v/>
          </cell>
          <cell r="AA1993" t="str">
            <v/>
          </cell>
          <cell r="AB1993" t="str">
            <v/>
          </cell>
          <cell r="AC1993" t="str">
            <v/>
          </cell>
          <cell r="AD1993" t="str">
            <v/>
          </cell>
          <cell r="AE1993" t="str">
            <v>１；火葬業務委託（斎場の運営及び管理）２；３；４；</v>
          </cell>
          <cell r="AF1993" t="str">
            <v>希望業種（火葬業務委託）日本全国へ拠点を確立している五輪では、それぞれに実績豊富な専門スタッフを配備して、地域の情報を常に取り入れた、きめ細かい管理を行っております。</v>
          </cell>
        </row>
        <row r="1994">
          <cell r="B1994">
            <v>10187</v>
          </cell>
          <cell r="C1994" t="str">
            <v>富士電機(株)</v>
          </cell>
          <cell r="D1994" t="str">
            <v>06-7166-7300</v>
          </cell>
          <cell r="E1994" t="str">
            <v>530-0011</v>
          </cell>
          <cell r="F1994" t="str">
            <v>大阪府大阪市北区大深町3-1</v>
          </cell>
          <cell r="G1994" t="str">
            <v>大阪市</v>
          </cell>
          <cell r="H1994" t="str">
            <v>関西支社</v>
          </cell>
          <cell r="I1994" t="str">
            <v>支社長 久米　穂高</v>
          </cell>
          <cell r="J1994" t="str">
            <v>東京都</v>
          </cell>
          <cell r="K1994" t="str">
            <v>06-7166-7399</v>
          </cell>
          <cell r="L1994" t="str">
            <v/>
          </cell>
          <cell r="M1994" t="str">
            <v>ﾌｼﾞﾃﾞﾝｷ</v>
          </cell>
          <cell r="N1994" t="str">
            <v>有</v>
          </cell>
          <cell r="O1994">
            <v>61</v>
          </cell>
          <cell r="P1994">
            <v>11770</v>
          </cell>
          <cell r="Q1994">
            <v>9020001071492</v>
          </cell>
          <cell r="R1994">
            <v>47586067</v>
          </cell>
          <cell r="S1994">
            <v>252408754</v>
          </cell>
          <cell r="T1994">
            <v>571101121</v>
          </cell>
          <cell r="V1994" t="str">
            <v>bm768216</v>
          </cell>
          <cell r="W1994" t="str">
            <v>rn167336</v>
          </cell>
          <cell r="Y1994" t="str">
            <v>27，28，34，</v>
          </cell>
          <cell r="Z1994">
            <v>47</v>
          </cell>
          <cell r="AA1994">
            <v>41</v>
          </cell>
          <cell r="AB1994">
            <v>46</v>
          </cell>
          <cell r="AC1994">
            <v>58</v>
          </cell>
          <cell r="AD1994" t="str">
            <v>受変電設備、発電機、配電設備等</v>
          </cell>
          <cell r="AE1994" t="str">
            <v>１；２；３；４；</v>
          </cell>
          <cell r="AF1994" t="str">
            <v>特別高・低圧変電設備・監視制御設備・計測機器等の施工及び製造販売保守</v>
          </cell>
        </row>
        <row r="1995">
          <cell r="B1995">
            <v>10188</v>
          </cell>
          <cell r="C1995" t="str">
            <v>(株)村上建装</v>
          </cell>
          <cell r="D1995" t="str">
            <v>078-341-5650</v>
          </cell>
          <cell r="E1995" t="str">
            <v>650-0013</v>
          </cell>
          <cell r="F1995" t="str">
            <v>兵庫県神戸市中央区花隈町13-11</v>
          </cell>
          <cell r="G1995" t="str">
            <v>神戸市</v>
          </cell>
          <cell r="H1995" t="str">
            <v/>
          </cell>
          <cell r="I1995" t="str">
            <v>代表取締役 村上　肇</v>
          </cell>
          <cell r="J1995" t="str">
            <v>本店</v>
          </cell>
          <cell r="K1995" t="str">
            <v>078-382-1018</v>
          </cell>
          <cell r="L1995" t="str">
            <v>info@murakamikensou.jp</v>
          </cell>
          <cell r="M1995" t="str">
            <v>ﾑﾗｶﾐｹﾝｿｳ</v>
          </cell>
          <cell r="N1995" t="str">
            <v>無</v>
          </cell>
          <cell r="O1995">
            <v>36</v>
          </cell>
          <cell r="P1995">
            <v>8</v>
          </cell>
          <cell r="Q1995">
            <v>2140001011245</v>
          </cell>
          <cell r="R1995">
            <v>37000</v>
          </cell>
          <cell r="S1995">
            <v>-12554</v>
          </cell>
          <cell r="T1995">
            <v>76221</v>
          </cell>
          <cell r="V1995" t="str">
            <v>pu110007</v>
          </cell>
          <cell r="W1995" t="str">
            <v>gz198398</v>
          </cell>
          <cell r="Y1995" t="str">
            <v>27，28，34，</v>
          </cell>
          <cell r="Z1995">
            <v>34</v>
          </cell>
          <cell r="AA1995">
            <v>28</v>
          </cell>
          <cell r="AB1995" t="str">
            <v/>
          </cell>
          <cell r="AC1995" t="str">
            <v/>
          </cell>
          <cell r="AD1995" t="str">
            <v>一級畳技能士・一級表具技能士・一級建築施工管理士・二級建築士・インテリアコーディネーター等常駐しております。</v>
          </cell>
          <cell r="AE1995" t="str">
            <v>１；２；３；４；</v>
          </cell>
          <cell r="AF1995" t="str">
            <v>内装仕上げ工事に属する畳・襖・クロス・カーペット・カーテン・ブラインド等の各技術者の他、塗装工・大工職と常駐しており、建設リフォーム工事はほとんど直営で施工できることが強みです。</v>
          </cell>
        </row>
        <row r="1996">
          <cell r="B1996">
            <v>10190</v>
          </cell>
          <cell r="C1996" t="str">
            <v>ＯＥＳアクアフオーコ(株)</v>
          </cell>
          <cell r="D1996" t="str">
            <v>0796-29-5210</v>
          </cell>
          <cell r="E1996" t="str">
            <v>668-0831</v>
          </cell>
          <cell r="F1996" t="str">
            <v>兵庫県豊岡市神美台157-76</v>
          </cell>
          <cell r="G1996" t="str">
            <v>豊岡市</v>
          </cell>
          <cell r="H1996" t="str">
            <v/>
          </cell>
          <cell r="I1996" t="str">
            <v>代表取締役 鈴木　寛</v>
          </cell>
          <cell r="J1996" t="str">
            <v>本店</v>
          </cell>
          <cell r="K1996" t="str">
            <v>0796-29-5212</v>
          </cell>
          <cell r="L1996" t="str">
            <v>azusa@acquafuoco.co.jp</v>
          </cell>
          <cell r="M1996" t="str">
            <v>ｵｰｲｰｴｽｱｸｱﾌｵｰｺ</v>
          </cell>
          <cell r="N1996" t="str">
            <v>無</v>
          </cell>
          <cell r="O1996">
            <v>43</v>
          </cell>
          <cell r="P1996">
            <v>113</v>
          </cell>
          <cell r="Q1996">
            <v>7120001109334</v>
          </cell>
          <cell r="R1996">
            <v>30000</v>
          </cell>
          <cell r="S1996">
            <v>344278</v>
          </cell>
          <cell r="T1996">
            <v>2316390</v>
          </cell>
          <cell r="V1996" t="str">
            <v>wq529114</v>
          </cell>
          <cell r="W1996" t="str">
            <v>uo111987</v>
          </cell>
          <cell r="Y1996" t="str">
            <v>040，10，40，48，</v>
          </cell>
          <cell r="Z1996">
            <v>80</v>
          </cell>
          <cell r="AA1996">
            <v>48</v>
          </cell>
          <cell r="AB1996">
            <v>10</v>
          </cell>
          <cell r="AC1996">
            <v>40</v>
          </cell>
          <cell r="AD1996" t="str">
            <v/>
          </cell>
          <cell r="AE1996" t="str">
            <v>１；上下水道処理施設ごみ処理施設等衛生処理施設の運転操作管理保守点検業務　下水道処理施設維持管理業者登録（6）処21-170２；下水道処理施設維持管理業者登録(6)処26-170３；代　水ing株式会社４；水中ポンプ類　代　株式会社荏原製作所</v>
          </cell>
          <cell r="AF1996" t="str">
            <v>水処理設備等プラント設備の機械器具設置工事・水道施設工事・清掃施設工事・運転維持管理・保守点検等を得意分野とし永年の経験とノウハウを持つ技術者を抱えております。</v>
          </cell>
        </row>
        <row r="1997">
          <cell r="B1997">
            <v>10191</v>
          </cell>
          <cell r="C1997" t="str">
            <v>大工園設備工業(株)</v>
          </cell>
          <cell r="D1997" t="str">
            <v>0798-64-7176</v>
          </cell>
          <cell r="E1997" t="str">
            <v>663-8113</v>
          </cell>
          <cell r="F1997" t="str">
            <v>兵庫県西宮市甲子園口6-7-14</v>
          </cell>
          <cell r="G1997" t="str">
            <v>西宮市</v>
          </cell>
          <cell r="H1997" t="str">
            <v>西宮営業所</v>
          </cell>
          <cell r="I1997" t="str">
            <v>所長 井關　三穂</v>
          </cell>
          <cell r="J1997" t="str">
            <v>兵庫県神戸市</v>
          </cell>
          <cell r="K1997" t="str">
            <v>0798-64-9188</v>
          </cell>
          <cell r="L1997" t="str">
            <v>daikuzono1@nike.eonet.ne.jp</v>
          </cell>
          <cell r="M1997" t="str">
            <v>ﾀﾞｲｸｿﾞﾉｾﾂﾋﾞｺｳｷﾞｮｳ</v>
          </cell>
          <cell r="N1997" t="str">
            <v>有</v>
          </cell>
          <cell r="O1997">
            <v>42</v>
          </cell>
          <cell r="P1997">
            <v>18</v>
          </cell>
          <cell r="Q1997">
            <v>6140001024169</v>
          </cell>
          <cell r="R1997">
            <v>20000</v>
          </cell>
          <cell r="S1997">
            <v>302095</v>
          </cell>
          <cell r="T1997">
            <v>471729</v>
          </cell>
          <cell r="V1997" t="str">
            <v>su777380</v>
          </cell>
          <cell r="W1997" t="str">
            <v>tv139090</v>
          </cell>
          <cell r="Y1997" t="str">
            <v>55，79，</v>
          </cell>
          <cell r="Z1997">
            <v>79</v>
          </cell>
          <cell r="AA1997">
            <v>55</v>
          </cell>
          <cell r="AB1997" t="str">
            <v/>
          </cell>
          <cell r="AC1997" t="str">
            <v/>
          </cell>
          <cell r="AD1997" t="str">
            <v/>
          </cell>
          <cell r="AE1997" t="str">
            <v>１；下水道調査・下水道管清掃・管内テレビカメラ車・高圧洗浄車・強力吸引車・給水車２；道路・側溝・街渠・人力清掃・散水車３；４；</v>
          </cell>
          <cell r="AF1997" t="str">
            <v>下水道管渠等の総合メンテナンスを主とし、下水道管清掃及び下水道管内テレビカメラ調査から下水管更生工事まですべて自社にて施工できます。</v>
          </cell>
        </row>
        <row r="1998">
          <cell r="B1998">
            <v>10192</v>
          </cell>
          <cell r="C1998" t="str">
            <v>新明和アクアテクサービス(株)</v>
          </cell>
          <cell r="D1998" t="str">
            <v>0797-25-1171</v>
          </cell>
          <cell r="E1998" t="str">
            <v>659-0022</v>
          </cell>
          <cell r="F1998" t="str">
            <v>兵庫県芦屋市打出町7-18</v>
          </cell>
          <cell r="G1998" t="str">
            <v>芦屋市</v>
          </cell>
          <cell r="H1998" t="str">
            <v>関西センター</v>
          </cell>
          <cell r="I1998" t="str">
            <v>所長 片山　剛次</v>
          </cell>
          <cell r="J1998" t="str">
            <v>本店</v>
          </cell>
          <cell r="K1998" t="str">
            <v>0797-25-1178</v>
          </cell>
          <cell r="L1998" t="str">
            <v>ikeda.nl@shinmaywa.co.jp</v>
          </cell>
          <cell r="M1998" t="str">
            <v>ｼﾝﾒｲﾜｱｸｱﾃｸｻｰﾋﾞｽ</v>
          </cell>
          <cell r="N1998" t="str">
            <v>無</v>
          </cell>
          <cell r="O1998">
            <v>15</v>
          </cell>
          <cell r="P1998">
            <v>101</v>
          </cell>
          <cell r="Q1998">
            <v>9140001029181</v>
          </cell>
          <cell r="R1998">
            <v>90000</v>
          </cell>
          <cell r="S1998">
            <v>2481309</v>
          </cell>
          <cell r="T1998">
            <v>3883658</v>
          </cell>
          <cell r="V1998" t="str">
            <v>af919516</v>
          </cell>
          <cell r="W1998" t="str">
            <v>qe189378</v>
          </cell>
          <cell r="Y1998" t="str">
            <v>48，</v>
          </cell>
          <cell r="Z1998">
            <v>48</v>
          </cell>
          <cell r="AA1998">
            <v>80</v>
          </cell>
          <cell r="AB1998" t="str">
            <v/>
          </cell>
          <cell r="AC1998" t="str">
            <v/>
          </cell>
          <cell r="AD1998" t="str">
            <v/>
          </cell>
          <cell r="AE1998" t="str">
            <v>１；ポンプ及び水処理関連機器等回転機関連製品の保守、修理、点検２；ポンプ、水中ミキサー、水中エアレータ、スクリーンブロワの販売３；４；</v>
          </cell>
          <cell r="AF1998" t="str">
            <v>ポンプメーカーの新明和工業（株）との連携により、水処理関連機器を知り尽くした技術陣が細心の注意を払ってマンホールポンプ、排水ポンプ及び水処理関連機器の販売、保守、点検、修理、据付工事をいたします。</v>
          </cell>
        </row>
        <row r="1999">
          <cell r="B1999">
            <v>10193</v>
          </cell>
          <cell r="C1999" t="str">
            <v>(株)伊藤伊大阪</v>
          </cell>
          <cell r="D1999" t="str">
            <v>072-980-6550</v>
          </cell>
          <cell r="E1999" t="str">
            <v>579-8013</v>
          </cell>
          <cell r="F1999" t="str">
            <v>大阪府東大阪市西石切町1-11-30</v>
          </cell>
          <cell r="G1999" t="str">
            <v>東大阪市</v>
          </cell>
          <cell r="H1999" t="str">
            <v/>
          </cell>
          <cell r="I1999" t="str">
            <v>代表取締役 星　夏樹</v>
          </cell>
          <cell r="J1999" t="str">
            <v>本店</v>
          </cell>
          <cell r="K1999" t="str">
            <v>072-987-5220</v>
          </cell>
          <cell r="L1999" t="str">
            <v>info@itoi-s-k.com</v>
          </cell>
          <cell r="M1999" t="str">
            <v>ｲﾄｲｵｵｻｶ</v>
          </cell>
          <cell r="N1999" t="str">
            <v>無</v>
          </cell>
          <cell r="O1999">
            <v>17</v>
          </cell>
          <cell r="P1999">
            <v>5</v>
          </cell>
          <cell r="Q1999">
            <v>2122001009386</v>
          </cell>
          <cell r="R1999">
            <v>25000</v>
          </cell>
          <cell r="S1999">
            <v>25587</v>
          </cell>
          <cell r="T1999">
            <v>96335</v>
          </cell>
          <cell r="V1999" t="str">
            <v>mj604559</v>
          </cell>
          <cell r="W1999" t="str">
            <v>qj198789</v>
          </cell>
          <cell r="Y1999" t="str">
            <v>013，13，14，27，57，76，</v>
          </cell>
          <cell r="Z1999">
            <v>27</v>
          </cell>
          <cell r="AA1999">
            <v>76</v>
          </cell>
          <cell r="AB1999">
            <v>57</v>
          </cell>
          <cell r="AC1999">
            <v>13</v>
          </cell>
          <cell r="AD1999" t="str">
            <v/>
          </cell>
          <cell r="AE1999" t="str">
            <v>１；図書館用家具（書架・カウンター・テーブル・椅子・雑誌架・展示ケース・ＤＶＤ架等）及び図書館用品２；図書用シール・ラベル等３；図書館関連データ作成及び入力４；</v>
          </cell>
          <cell r="AF1999" t="str">
            <v>図書館用メーカーとして、公共図書館・学校図書館・幼稚園・その他公共施設全般に、家具・印刷物・文具・書籍関連まで幅広く取り扱っております。</v>
          </cell>
        </row>
        <row r="2000">
          <cell r="B2000">
            <v>10194</v>
          </cell>
          <cell r="C2000" t="str">
            <v>日本ステリ(株)</v>
          </cell>
          <cell r="D2000" t="str">
            <v>06-6344-3513</v>
          </cell>
          <cell r="E2000" t="str">
            <v>101-0054</v>
          </cell>
          <cell r="F2000" t="str">
            <v>東京都千代田区神田錦町1-19-1</v>
          </cell>
          <cell r="G2000" t="str">
            <v>千代田区</v>
          </cell>
          <cell r="I2000" t="str">
            <v>代表取締役社長 酒井　一也</v>
          </cell>
          <cell r="J2000" t="str">
            <v>東京都</v>
          </cell>
          <cell r="K2000" t="str">
            <v>06-6344-3523</v>
          </cell>
          <cell r="L2000" t="str">
            <v>denshi-osaka@nihonstery.com</v>
          </cell>
          <cell r="M2000" t="str">
            <v>ﾆﾎﾝｽﾃﾘ</v>
          </cell>
          <cell r="N2000" t="str">
            <v>有</v>
          </cell>
          <cell r="O2000">
            <v>31</v>
          </cell>
          <cell r="P2000">
            <v>4694</v>
          </cell>
          <cell r="Q2000">
            <v>6010001033793</v>
          </cell>
          <cell r="R2000">
            <v>240000</v>
          </cell>
          <cell r="S2000">
            <v>2804061</v>
          </cell>
          <cell r="T2000">
            <v>18424924</v>
          </cell>
          <cell r="V2000" t="str">
            <v>mz787627</v>
          </cell>
          <cell r="W2000" t="str">
            <v>xr190033</v>
          </cell>
          <cell r="Y2000" t="str">
            <v/>
          </cell>
          <cell r="Z2000" t="str">
            <v/>
          </cell>
          <cell r="AA2000" t="str">
            <v/>
          </cell>
          <cell r="AB2000" t="str">
            <v/>
          </cell>
          <cell r="AC2000" t="str">
            <v/>
          </cell>
          <cell r="AD2000" t="str">
            <v/>
          </cell>
          <cell r="AE2000" t="str">
            <v>１；医療関連サービスマーク認定証『院外滅菌消毒業務』２；３；４；</v>
          </cell>
          <cell r="AF2000" t="str">
            <v>学校検診器具、病院で使用される医療器材を自社滅菌センター及び院内で受託滅菌しております。滅菌事業を核とした専門性の高いサービスを提供することにより、顧客の様々なニーズにお応えし、医療の質に貢献いたします。</v>
          </cell>
        </row>
        <row r="2001">
          <cell r="B2001">
            <v>10195</v>
          </cell>
          <cell r="C2001" t="str">
            <v>大興制服(株)</v>
          </cell>
          <cell r="D2001" t="str">
            <v>06-6674-3801</v>
          </cell>
          <cell r="E2001" t="str">
            <v>558-0047</v>
          </cell>
          <cell r="F2001" t="str">
            <v>大阪府大阪市住吉区千躰2-7-25</v>
          </cell>
          <cell r="G2001" t="str">
            <v>大阪市</v>
          </cell>
          <cell r="H2001" t="str">
            <v/>
          </cell>
          <cell r="I2001" t="str">
            <v>代表取締役 今崎　功</v>
          </cell>
          <cell r="J2001" t="str">
            <v>本店</v>
          </cell>
          <cell r="K2001" t="str">
            <v>06-6674-3803</v>
          </cell>
          <cell r="L2001" t="str">
            <v>daiko-osaka@chive.ocn.ne.jp</v>
          </cell>
          <cell r="M2001" t="str">
            <v>ﾀﾞｲｺｳｾｲﾌｸ</v>
          </cell>
          <cell r="N2001" t="str">
            <v>無</v>
          </cell>
          <cell r="O2001">
            <v>42</v>
          </cell>
          <cell r="P2001">
            <v>10</v>
          </cell>
          <cell r="Q2001">
            <v>6120001033080</v>
          </cell>
          <cell r="R2001">
            <v>10000</v>
          </cell>
          <cell r="S2001">
            <v>15280</v>
          </cell>
          <cell r="T2001">
            <v>414644</v>
          </cell>
          <cell r="V2001" t="str">
            <v>pw642340</v>
          </cell>
          <cell r="W2001" t="str">
            <v>rp163173</v>
          </cell>
          <cell r="Y2001" t="str">
            <v>03，04，07，38，</v>
          </cell>
          <cell r="Z2001">
            <v>3</v>
          </cell>
          <cell r="AA2001">
            <v>4</v>
          </cell>
          <cell r="AB2001">
            <v>38</v>
          </cell>
          <cell r="AC2001" t="str">
            <v/>
          </cell>
          <cell r="AD2001" t="str">
            <v/>
          </cell>
          <cell r="AE2001" t="str">
            <v>１；作業服、防寒服、雨合羽、制服、事務服、消防制服、防災服２；手袋、帽子、靴下３；ヘルメット、安全帯、防火服４；</v>
          </cell>
          <cell r="AF2001" t="str">
            <v>当社は主に官公庁を取引先とし、被服全般の取り扱いをして居ります。特に力を入れているのは、消防・防災に関わる特殊な繊維製品も得意として居ります。また、雨合羽やヘルメット・安全靴も取り揃えてます。</v>
          </cell>
        </row>
        <row r="2002">
          <cell r="B2002">
            <v>10196</v>
          </cell>
          <cell r="C2002" t="str">
            <v>(株)日本システムブレーンズ</v>
          </cell>
          <cell r="D2002" t="str">
            <v>03-3861-1121</v>
          </cell>
          <cell r="E2002" t="str">
            <v>111-0053</v>
          </cell>
          <cell r="F2002" t="str">
            <v>東京都台東区浅草橋一丁目9番16号</v>
          </cell>
          <cell r="G2002" t="str">
            <v>東京都</v>
          </cell>
          <cell r="H2002" t="str">
            <v/>
          </cell>
          <cell r="I2002" t="str">
            <v>代表取締役 齊藤　隆洋</v>
          </cell>
          <cell r="J2002" t="str">
            <v>本店</v>
          </cell>
          <cell r="K2002" t="str">
            <v>03-3861-1170</v>
          </cell>
          <cell r="L2002" t="str">
            <v>regist@nsb.jp</v>
          </cell>
          <cell r="M2002" t="str">
            <v>ﾆﾎﾝｼｽﾃﾑﾌﾞﾚｰﾝｽﾞ</v>
          </cell>
          <cell r="N2002" t="str">
            <v>無</v>
          </cell>
          <cell r="O2002">
            <v>36</v>
          </cell>
          <cell r="P2002">
            <v>33</v>
          </cell>
          <cell r="Q2002">
            <v>4010501010476</v>
          </cell>
          <cell r="R2002">
            <v>49000</v>
          </cell>
          <cell r="S2002">
            <v>1244017</v>
          </cell>
          <cell r="T2002">
            <v>525369</v>
          </cell>
          <cell r="V2002" t="str">
            <v>my740580</v>
          </cell>
          <cell r="W2002" t="str">
            <v>ta175036</v>
          </cell>
          <cell r="Y2002" t="str">
            <v>58，</v>
          </cell>
          <cell r="Z2002" t="str">
            <v/>
          </cell>
          <cell r="AA2002" t="str">
            <v/>
          </cell>
          <cell r="AB2002" t="str">
            <v/>
          </cell>
          <cell r="AC2002" t="str">
            <v/>
          </cell>
          <cell r="AD2002" t="str">
            <v/>
          </cell>
          <cell r="AE2002" t="str">
            <v>１；２；３；４；</v>
          </cell>
          <cell r="AF2002" t="str">
            <v>基幹系システム開発（自治体向け保育・幼稚園・学童保育・児童手当・児童扶養手当・幼稚園就園奨励費・医療費助成等福祉業務）</v>
          </cell>
        </row>
        <row r="2003">
          <cell r="B2003">
            <v>10197</v>
          </cell>
          <cell r="C2003" t="str">
            <v>(株)オフィス・オルタナティブ</v>
          </cell>
          <cell r="D2003" t="str">
            <v>06-6585-0662</v>
          </cell>
          <cell r="E2003" t="str">
            <v>530-0041</v>
          </cell>
          <cell r="F2003" t="str">
            <v>大阪府大阪市北区天神橋2‐北2‐25</v>
          </cell>
          <cell r="G2003" t="str">
            <v>大阪市</v>
          </cell>
          <cell r="H2003" t="str">
            <v/>
          </cell>
          <cell r="I2003" t="str">
            <v>代表取締役 平岡　直子</v>
          </cell>
          <cell r="J2003" t="str">
            <v>本店</v>
          </cell>
          <cell r="K2003" t="str">
            <v>06-6585-0689</v>
          </cell>
          <cell r="L2003" t="str">
            <v>al@co.email.ne.jp</v>
          </cell>
          <cell r="M2003" t="str">
            <v>ｵﾌｨｽ ｵﾙﾀﾅﾃｨﾌﾞ</v>
          </cell>
          <cell r="N2003" t="str">
            <v>無</v>
          </cell>
          <cell r="O2003">
            <v>27</v>
          </cell>
          <cell r="P2003">
            <v>5</v>
          </cell>
          <cell r="Q2003">
            <v>9120001076671</v>
          </cell>
          <cell r="R2003">
            <v>10000</v>
          </cell>
          <cell r="S2003">
            <v>10001</v>
          </cell>
          <cell r="T2003">
            <v>45632</v>
          </cell>
          <cell r="V2003" t="str">
            <v>um777976</v>
          </cell>
          <cell r="W2003" t="str">
            <v>xw167553</v>
          </cell>
          <cell r="Y2003" t="str">
            <v>73，77，</v>
          </cell>
          <cell r="Z2003">
            <v>77</v>
          </cell>
          <cell r="AA2003">
            <v>80</v>
          </cell>
          <cell r="AB2003">
            <v>73</v>
          </cell>
          <cell r="AC2003" t="str">
            <v/>
          </cell>
          <cell r="AD2003" t="str">
            <v/>
          </cell>
          <cell r="AE2003" t="str">
            <v>１；意識調査・実態調査の企画・集計・分析２；施策立案・計画策定のサポート、ワークショップ・講座の企画・運営３；啓発冊子・情報誌の企画・デザイン・編集・印刷４；</v>
          </cell>
          <cell r="AF2003" t="str">
            <v>意識調査・実態調査の企画・集計・分析、計画策定（男女共同参画、人権、まちづくり、保健・福祉、子育て、教育等）のコンサルティング、ワークショップ・講座等の企画・運営、啓発冊子等の企画・デザインを行います。得意分野は男女共同参画です。</v>
          </cell>
        </row>
        <row r="2004">
          <cell r="B2004">
            <v>10198</v>
          </cell>
          <cell r="C2004" t="str">
            <v>(株)エムティアイ</v>
          </cell>
          <cell r="D2004" t="str">
            <v>06-6462-2181</v>
          </cell>
          <cell r="E2004" t="str">
            <v>554-0051</v>
          </cell>
          <cell r="F2004" t="str">
            <v>大阪府大阪市此花区酉島2-2-8</v>
          </cell>
          <cell r="G2004" t="str">
            <v>大阪市</v>
          </cell>
          <cell r="H2004" t="str">
            <v/>
          </cell>
          <cell r="I2004" t="str">
            <v>代表取締役 髙井　伸一</v>
          </cell>
          <cell r="J2004" t="str">
            <v>本店</v>
          </cell>
          <cell r="K2004" t="str">
            <v>06-6462-2210</v>
          </cell>
          <cell r="L2004" t="str">
            <v>info@mti-web.co.jp</v>
          </cell>
          <cell r="M2004" t="str">
            <v>ｴﾑﾃｨｱｲ</v>
          </cell>
          <cell r="N2004" t="str">
            <v>無</v>
          </cell>
          <cell r="O2004">
            <v>23</v>
          </cell>
          <cell r="P2004">
            <v>7</v>
          </cell>
          <cell r="Q2004">
            <v>2120001026138</v>
          </cell>
          <cell r="R2004">
            <v>10000</v>
          </cell>
          <cell r="S2004">
            <v>-20174</v>
          </cell>
          <cell r="T2004">
            <v>57825</v>
          </cell>
          <cell r="V2004" t="str">
            <v>rq237509</v>
          </cell>
          <cell r="W2004" t="str">
            <v>xe117561</v>
          </cell>
          <cell r="Y2004" t="str">
            <v>46，</v>
          </cell>
          <cell r="Z2004" t="str">
            <v/>
          </cell>
          <cell r="AA2004" t="str">
            <v/>
          </cell>
          <cell r="AB2004" t="str">
            <v/>
          </cell>
          <cell r="AC2004" t="str">
            <v/>
          </cell>
          <cell r="AD2004" t="str">
            <v/>
          </cell>
          <cell r="AE2004" t="str">
            <v>１；舞台吊物設備保守点検業務２；３；４；</v>
          </cell>
          <cell r="AF2004" t="str">
            <v>舞台吊物設備及び諸幕設備、映写機及び映写スクリーン設備、床迫上げ、スライディング開閉天井設備、据付、保守、修理等</v>
          </cell>
        </row>
        <row r="2005">
          <cell r="B2005">
            <v>10199</v>
          </cell>
          <cell r="C2005" t="str">
            <v>(株)ライフライン</v>
          </cell>
          <cell r="D2005" t="str">
            <v>072-490-3533</v>
          </cell>
          <cell r="E2005" t="str">
            <v>598-0046</v>
          </cell>
          <cell r="F2005" t="str">
            <v>大阪府泉佐野市羽倉崎2-1-33-603</v>
          </cell>
          <cell r="G2005" t="str">
            <v>泉佐野市</v>
          </cell>
          <cell r="H2005" t="str">
            <v>関西営業所</v>
          </cell>
          <cell r="I2005" t="str">
            <v>営業所長 山田　知生</v>
          </cell>
          <cell r="J2005" t="str">
            <v>長崎県長崎市</v>
          </cell>
          <cell r="K2005" t="str">
            <v>072-490-3534</v>
          </cell>
          <cell r="L2005" t="str">
            <v>life-line@mxb.cncm.ne.jp</v>
          </cell>
          <cell r="M2005" t="str">
            <v>ﾗｲﾌﾗｲﾝ</v>
          </cell>
          <cell r="N2005" t="str">
            <v>有</v>
          </cell>
          <cell r="O2005">
            <v>16</v>
          </cell>
          <cell r="P2005">
            <v>13</v>
          </cell>
          <cell r="Q2005">
            <v>2310001003076</v>
          </cell>
          <cell r="R2005">
            <v>15000</v>
          </cell>
          <cell r="S2005">
            <v>26362</v>
          </cell>
          <cell r="T2005">
            <v>116421</v>
          </cell>
          <cell r="V2005" t="str">
            <v>wr533465</v>
          </cell>
          <cell r="W2005" t="str">
            <v>vd196633</v>
          </cell>
          <cell r="Y2005" t="str">
            <v>57，58，79，</v>
          </cell>
          <cell r="Z2005">
            <v>79</v>
          </cell>
          <cell r="AA2005">
            <v>58</v>
          </cell>
          <cell r="AB2005">
            <v>57</v>
          </cell>
          <cell r="AC2005" t="str">
            <v/>
          </cell>
          <cell r="AD2005" t="str">
            <v/>
          </cell>
          <cell r="AE2005" t="str">
            <v>１；上水道漏水調査２；３；４；</v>
          </cell>
          <cell r="AF2005" t="str">
            <v>上水道漏水調査・システム開発等</v>
          </cell>
        </row>
        <row r="2006">
          <cell r="B2006">
            <v>10200</v>
          </cell>
          <cell r="C2006" t="str">
            <v>富士通リース(株)</v>
          </cell>
          <cell r="D2006" t="str">
            <v>078-361-2948</v>
          </cell>
          <cell r="E2006" t="str">
            <v>650-0044</v>
          </cell>
          <cell r="F2006" t="str">
            <v>兵庫県神戸市中央区東川崎町1-7-4</v>
          </cell>
          <cell r="G2006" t="str">
            <v>神戸市</v>
          </cell>
          <cell r="H2006" t="str">
            <v>神戸支店</v>
          </cell>
          <cell r="I2006" t="str">
            <v>支店長 渡辺　功美</v>
          </cell>
          <cell r="J2006" t="str">
            <v>東京都</v>
          </cell>
          <cell r="K2006" t="str">
            <v>078-361-2968</v>
          </cell>
          <cell r="L2006" t="str">
            <v>flc-koube@dl.jp.fujitsu.com</v>
          </cell>
          <cell r="M2006" t="str">
            <v>ﾌｼﾞﾂｳﾘｰｽ</v>
          </cell>
          <cell r="N2006" t="str">
            <v>有</v>
          </cell>
          <cell r="O2006">
            <v>40</v>
          </cell>
          <cell r="P2006">
            <v>147</v>
          </cell>
          <cell r="Q2006">
            <v>2010001128507</v>
          </cell>
          <cell r="R2006">
            <v>1000000</v>
          </cell>
          <cell r="S2006">
            <v>46841318</v>
          </cell>
          <cell r="T2006">
            <v>123313123</v>
          </cell>
          <cell r="V2006" t="str">
            <v>uh572179</v>
          </cell>
          <cell r="W2006" t="str">
            <v>ih166665</v>
          </cell>
          <cell r="Y2006" t="str">
            <v>44，</v>
          </cell>
          <cell r="Z2006">
            <v>44</v>
          </cell>
          <cell r="AA2006" t="str">
            <v/>
          </cell>
          <cell r="AB2006" t="str">
            <v/>
          </cell>
          <cell r="AC2006" t="str">
            <v/>
          </cell>
          <cell r="AD2006" t="str">
            <v/>
          </cell>
          <cell r="AE2006" t="str">
            <v>１；情報処理機器（ホストコンピュータ、クライアントサーバ等）、通信機器、複写機、医療機器等の賃貸・リース２；３；４；</v>
          </cell>
          <cell r="AF2006" t="str">
            <v>情報処理機器（ホストコンピュータ、クライアントサーバ等）、通信機器、複写機、医療機器等の賃貸・リース</v>
          </cell>
        </row>
        <row r="2007">
          <cell r="B2007">
            <v>10201</v>
          </cell>
          <cell r="C2007" t="str">
            <v>(株)東京法規出版</v>
          </cell>
          <cell r="D2007" t="str">
            <v>03-5977-0300</v>
          </cell>
          <cell r="E2007" t="str">
            <v>113-0021</v>
          </cell>
          <cell r="F2007" t="str">
            <v>東京都文京区本駒込2-29-22</v>
          </cell>
          <cell r="G2007" t="str">
            <v>東京都</v>
          </cell>
          <cell r="H2007" t="str">
            <v/>
          </cell>
          <cell r="I2007" t="str">
            <v>代表取締役 菅　国典</v>
          </cell>
          <cell r="J2007" t="str">
            <v>本店</v>
          </cell>
          <cell r="K2007" t="str">
            <v>03-5977-0311</v>
          </cell>
          <cell r="L2007" t="str">
            <v>thsinformation@tkhs.co.jp</v>
          </cell>
          <cell r="M2007" t="str">
            <v>ﾄｳｷｮｳﾎｳｷｼｭｯﾊﾟﾝ</v>
          </cell>
          <cell r="N2007" t="str">
            <v>無</v>
          </cell>
          <cell r="O2007">
            <v>33</v>
          </cell>
          <cell r="P2007">
            <v>89</v>
          </cell>
          <cell r="Q2007">
            <v>1010001005285</v>
          </cell>
          <cell r="R2007">
            <v>30000</v>
          </cell>
          <cell r="S2007">
            <v>1246957</v>
          </cell>
          <cell r="T2007">
            <v>3141145</v>
          </cell>
          <cell r="V2007" t="str">
            <v>zg244192</v>
          </cell>
          <cell r="W2007" t="str">
            <v>ga199696</v>
          </cell>
          <cell r="Y2007" t="str">
            <v>08，05，08，13，38，39，58，59，65，72，73，74，76，</v>
          </cell>
          <cell r="Z2007">
            <v>73</v>
          </cell>
          <cell r="AA2007">
            <v>65</v>
          </cell>
          <cell r="AB2007">
            <v>13</v>
          </cell>
          <cell r="AC2007">
            <v>8</v>
          </cell>
          <cell r="AD2007" t="str">
            <v/>
          </cell>
          <cell r="AE2007" t="str">
            <v>１；保健衛生、介護保険、国保、防災、消費者行政、社会福祉等に関する啓蒙啓発用冊子、リーフレット、ポスター、カレンダー等２；広報誌、機関誌等の企画・編集・制作業務３；健康教育関連図書、マナーブック、副読本４；啓蒙啓発用、ＰＲ、イベント用物品及び各種記念品（クリアファイル、タオル、ボールペン、時計、カタログギフト等）</v>
          </cell>
          <cell r="AF2007" t="str">
            <v>保健衛生、介護保険、国保、防災、消費者行政等に関する啓蒙啓発用冊子、リーフレット、ポスター、カレンダー等の企画・販売。書籍の販売。広報誌等の企画・編集・制作業務及び翻訳業務。医療機器・保健指導用機器備品の企画・販売。啓蒙啓発用、ＰＲ、イベント用物品の企画・販売。</v>
          </cell>
        </row>
        <row r="2008">
          <cell r="B2008">
            <v>10203</v>
          </cell>
          <cell r="C2008" t="str">
            <v>武田興業(株)</v>
          </cell>
          <cell r="D2008" t="str">
            <v>072-851-2511</v>
          </cell>
          <cell r="E2008" t="str">
            <v>573-1115</v>
          </cell>
          <cell r="F2008" t="str">
            <v>大阪府枚方市東船橋1-1</v>
          </cell>
          <cell r="G2008" t="str">
            <v>枚方市</v>
          </cell>
          <cell r="H2008" t="str">
            <v/>
          </cell>
          <cell r="I2008" t="str">
            <v>代表取締役 武田 基由</v>
          </cell>
          <cell r="J2008" t="str">
            <v>本店</v>
          </cell>
          <cell r="K2008" t="str">
            <v>072-851-2526</v>
          </cell>
          <cell r="L2008" t="str">
            <v>honsya@takeda-kougyo.com</v>
          </cell>
          <cell r="M2008" t="str">
            <v>ﾀｹﾀﾞｺｳｷﾞｮｳ</v>
          </cell>
          <cell r="N2008" t="str">
            <v>無</v>
          </cell>
          <cell r="O2008">
            <v>44</v>
          </cell>
          <cell r="P2008">
            <v>14</v>
          </cell>
          <cell r="Q2008">
            <v>7120001149925</v>
          </cell>
          <cell r="R2008">
            <v>30000</v>
          </cell>
          <cell r="S2008">
            <v>44666</v>
          </cell>
          <cell r="T2008">
            <v>222597</v>
          </cell>
          <cell r="V2008" t="str">
            <v>pc140266</v>
          </cell>
          <cell r="W2008" t="str">
            <v>ｒz199733</v>
          </cell>
          <cell r="Y2008" t="str">
            <v>068，53，55，68，79，</v>
          </cell>
          <cell r="Z2008">
            <v>79</v>
          </cell>
          <cell r="AA2008">
            <v>55</v>
          </cell>
          <cell r="AB2008">
            <v>53</v>
          </cell>
          <cell r="AC2008">
            <v>68</v>
          </cell>
          <cell r="AD2008" t="str">
            <v/>
          </cell>
          <cell r="AE2008" t="str">
            <v>１；本管ＴＶカメラ調査車　取付管ＴＶカメラ調査車　下水道管路管理業２；高圧洗浄車　強力吸引車３；除草　樹木剪定４；産業廃棄物収集運搬業（兵庫県知事許可）</v>
          </cell>
          <cell r="AF2008" t="str">
            <v>下水道管路の清掃、調査、補修及び更生・改築をトータルで施工できる企業です。</v>
          </cell>
        </row>
        <row r="2009">
          <cell r="B2009">
            <v>10204</v>
          </cell>
          <cell r="C2009" t="str">
            <v>ジョンソンコントロールズ(株)</v>
          </cell>
          <cell r="D2009" t="str">
            <v>06-4560-7000</v>
          </cell>
          <cell r="E2009" t="str">
            <v>545-6027</v>
          </cell>
          <cell r="F2009" t="str">
            <v>大阪府大阪市阿倍野区阿倍野筋1-1-43</v>
          </cell>
          <cell r="G2009" t="str">
            <v>大阪市</v>
          </cell>
          <cell r="H2009" t="str">
            <v>大阪支店</v>
          </cell>
          <cell r="I2009" t="str">
            <v>支店長 小玉　尚文</v>
          </cell>
          <cell r="J2009" t="str">
            <v>東京都</v>
          </cell>
          <cell r="K2009" t="str">
            <v>06-6623-5133</v>
          </cell>
          <cell r="L2009" t="str">
            <v>BE_Asia_JPN_Osaka_Service_Bid_INF@jci.com</v>
          </cell>
          <cell r="M2009" t="str">
            <v>ｼﾞｮﾝｿﾝｺﾝﾄﾛｰﾙｽﾞ</v>
          </cell>
          <cell r="N2009" t="str">
            <v>有</v>
          </cell>
          <cell r="O2009">
            <v>45</v>
          </cell>
          <cell r="P2009">
            <v>1289</v>
          </cell>
          <cell r="Q2009">
            <v>8011001046081</v>
          </cell>
          <cell r="R2009">
            <v>1100000</v>
          </cell>
          <cell r="S2009">
            <v>11965752</v>
          </cell>
          <cell r="T2009">
            <v>43807912</v>
          </cell>
          <cell r="V2009" t="str">
            <v>ge500293</v>
          </cell>
          <cell r="W2009" t="str">
            <v>if193935</v>
          </cell>
          <cell r="Y2009" t="str">
            <v>042，41，42，46，47，48，</v>
          </cell>
          <cell r="Z2009">
            <v>47</v>
          </cell>
          <cell r="AA2009">
            <v>48</v>
          </cell>
          <cell r="AB2009">
            <v>46</v>
          </cell>
          <cell r="AC2009">
            <v>42</v>
          </cell>
          <cell r="AD2009" t="str">
            <v>自社製品、空調用自動制御機器、中央監視盤、冷凍機</v>
          </cell>
          <cell r="AE2009" t="str">
            <v>１；自社製品、建設業許可　電気工事　国土交通大臣　許可　特－２７　第３９９３号、管工事　大臣　許可　特－２７　第３９９３号２；自社製品、建設業許可　電気工事　国土交通大臣　許可　特－２７　第３９９３号、管工事　大臣　許可　特－２７　第３９９３号３；自社製品、建設業許可　電気工事　国土交通大臣　許可　特－２７　第３９９３号、管工事　大臣　許可　特－２７　第３９９３号４；自社製品、空調用自動制御機器、中央監視盤、冷凍機</v>
          </cell>
          <cell r="AF2009" t="str">
            <v>１）空気調和自動制御システム、工業用冷凍機、舶用冷凍機及び舶用空調機の設計・施工・メンテナンス全般（２）中央監視装置制御システムの設計・施工・メンテナンス全般（３）空気調和自動制御機器の製造、及び販売（４）各種制御盤の製造、及び販売（５）企業資産の総合的運用管理業務</v>
          </cell>
        </row>
        <row r="2010">
          <cell r="B2010">
            <v>10205</v>
          </cell>
          <cell r="C2010" t="str">
            <v>三和エレベータサービス(株)</v>
          </cell>
          <cell r="D2010" t="str">
            <v>075-221-3860</v>
          </cell>
          <cell r="E2010" t="str">
            <v>604-0813</v>
          </cell>
          <cell r="F2010" t="str">
            <v>京都府京都市中京区間之町通二条上る夷町575</v>
          </cell>
          <cell r="G2010" t="str">
            <v>京都市</v>
          </cell>
          <cell r="H2010" t="str">
            <v/>
          </cell>
          <cell r="I2010" t="str">
            <v>代表取締役 池田　篤</v>
          </cell>
          <cell r="J2010" t="str">
            <v>本店</v>
          </cell>
          <cell r="K2010" t="str">
            <v>075-221-3861</v>
          </cell>
          <cell r="L2010" t="str">
            <v>eigyo-bu@sanwaelevator.jp</v>
          </cell>
          <cell r="M2010" t="str">
            <v>ｻﾝﾜｴﾚﾍﾞｰﾀｻｰﾋﾞｽ</v>
          </cell>
          <cell r="N2010" t="str">
            <v>無</v>
          </cell>
          <cell r="O2010">
            <v>52</v>
          </cell>
          <cell r="P2010">
            <v>50</v>
          </cell>
          <cell r="Q2010">
            <v>8130001003072</v>
          </cell>
          <cell r="R2010">
            <v>30000</v>
          </cell>
          <cell r="S2010">
            <v>811190</v>
          </cell>
          <cell r="T2010">
            <v>978376</v>
          </cell>
          <cell r="V2010" t="str">
            <v>mr234414</v>
          </cell>
          <cell r="W2010" t="str">
            <v>ｒu186951</v>
          </cell>
          <cell r="Y2010" t="str">
            <v>48，</v>
          </cell>
          <cell r="Z2010" t="str">
            <v/>
          </cell>
          <cell r="AA2010" t="str">
            <v/>
          </cell>
          <cell r="AB2010" t="str">
            <v/>
          </cell>
          <cell r="AC2010" t="str">
            <v/>
          </cell>
          <cell r="AD2010" t="str">
            <v/>
          </cell>
          <cell r="AE2010" t="str">
            <v>１；２；３；４；</v>
          </cell>
          <cell r="AF2010" t="str">
            <v>お客様への安定した技術・サービスの提供をモット―としています。独自の技術であらゆるメーカーの製品をメンテナンス致します。地域に密着したきめこまやかな個別対応だからこその安心と納得があります。</v>
          </cell>
        </row>
        <row r="2011">
          <cell r="B2011">
            <v>10206</v>
          </cell>
          <cell r="C2011" t="str">
            <v>ＪＵＫＩ(株)</v>
          </cell>
          <cell r="D2011" t="str">
            <v>042-357-2324</v>
          </cell>
          <cell r="E2011" t="str">
            <v>206-8551</v>
          </cell>
          <cell r="F2011" t="str">
            <v>東京都多摩市鶴牧2-11-1</v>
          </cell>
          <cell r="G2011" t="str">
            <v>多摩市</v>
          </cell>
          <cell r="H2011" t="str">
            <v/>
          </cell>
          <cell r="I2011" t="str">
            <v>代表取締役社長 清原　晃</v>
          </cell>
          <cell r="J2011" t="str">
            <v>本店</v>
          </cell>
          <cell r="K2011" t="str">
            <v>042-357-2325</v>
          </cell>
          <cell r="L2011" t="str">
            <v>aa.celavi@ml.juki.com</v>
          </cell>
          <cell r="M2011" t="str">
            <v>ｼﾞｭｰｷ</v>
          </cell>
          <cell r="N2011" t="str">
            <v>無</v>
          </cell>
          <cell r="O2011">
            <v>80</v>
          </cell>
          <cell r="P2011">
            <v>988</v>
          </cell>
          <cell r="Q2011">
            <v>8013401006169</v>
          </cell>
          <cell r="R2011">
            <v>18044000</v>
          </cell>
          <cell r="S2011">
            <v>29172000</v>
          </cell>
          <cell r="T2011">
            <v>49487000</v>
          </cell>
          <cell r="V2011" t="str">
            <v>ta881448</v>
          </cell>
          <cell r="W2011" t="str">
            <v>fw189593</v>
          </cell>
          <cell r="Y2011" t="str">
            <v>36，</v>
          </cell>
          <cell r="Z2011">
            <v>36</v>
          </cell>
          <cell r="AA2011" t="str">
            <v/>
          </cell>
          <cell r="AB2011" t="str">
            <v/>
          </cell>
          <cell r="AC2011" t="str">
            <v/>
          </cell>
          <cell r="AD2011" t="str">
            <v/>
          </cell>
          <cell r="AE2011" t="str">
            <v>１；データエントリーマシン２；３；４；</v>
          </cell>
          <cell r="AF2011" t="str">
            <v>データエントリマシンを主とする電子計算機周辺装置の販売及びその保守点検業務。</v>
          </cell>
        </row>
        <row r="2012">
          <cell r="B2012">
            <v>10207</v>
          </cell>
          <cell r="C2012" t="str">
            <v>(有)東阪アメニティ</v>
          </cell>
          <cell r="D2012" t="str">
            <v>06-6721-7688</v>
          </cell>
          <cell r="E2012" t="str">
            <v>577-0806</v>
          </cell>
          <cell r="F2012" t="str">
            <v>大阪府東大阪市上小阪1-8-14</v>
          </cell>
          <cell r="G2012" t="str">
            <v>東大阪市</v>
          </cell>
          <cell r="H2012" t="str">
            <v/>
          </cell>
          <cell r="I2012" t="str">
            <v>代表取締役 川上　鋼也</v>
          </cell>
          <cell r="J2012" t="str">
            <v>本店</v>
          </cell>
          <cell r="K2012" t="str">
            <v>06-6721-4466</v>
          </cell>
          <cell r="L2012" t="str">
            <v>touhan-amenity@ia1.itkeeper.ne.jp</v>
          </cell>
          <cell r="M2012" t="str">
            <v>ﾄｳﾊﾝｱﾒﾆﾃｨ</v>
          </cell>
          <cell r="N2012" t="str">
            <v>無</v>
          </cell>
          <cell r="O2012">
            <v>22</v>
          </cell>
          <cell r="P2012">
            <v>9</v>
          </cell>
          <cell r="Q2012">
            <v>6122002003376</v>
          </cell>
          <cell r="R2012">
            <v>20000</v>
          </cell>
          <cell r="S2012">
            <v>72337</v>
          </cell>
          <cell r="T2012">
            <v>160228</v>
          </cell>
          <cell r="V2012" t="str">
            <v>cr180442</v>
          </cell>
          <cell r="W2012" t="str">
            <v>eq116697</v>
          </cell>
          <cell r="Y2012" t="str">
            <v>79，</v>
          </cell>
          <cell r="Z2012">
            <v>79</v>
          </cell>
          <cell r="AA2012" t="str">
            <v/>
          </cell>
          <cell r="AB2012" t="str">
            <v/>
          </cell>
          <cell r="AC2012" t="str">
            <v/>
          </cell>
          <cell r="AD2012" t="str">
            <v/>
          </cell>
          <cell r="AE2012" t="str">
            <v>１；下水道管渠補修・管更生工事の経験に基づき、補修・改善をスムーズに設計出来る様な調査を提案出来ると思います。２；３；４；</v>
          </cell>
          <cell r="AF2012" t="str">
            <v>下水道の管更生工事・管内障害物除去・清掃ＴＶカメラ調査を得意としています。工法としてはＦＦＴ－Ｓ工法を得意としています。ＴＶカメラ調査は、管内補修・管更生工の豊富な経験から的確な補修対策を提案していけると思います。</v>
          </cell>
        </row>
        <row r="2013">
          <cell r="B2013">
            <v>10208</v>
          </cell>
          <cell r="C2013" t="str">
            <v>(株)福島製作所</v>
          </cell>
          <cell r="D2013" t="str">
            <v>06-6368-5750</v>
          </cell>
          <cell r="E2013" t="str">
            <v>564-0052</v>
          </cell>
          <cell r="F2013" t="str">
            <v>大阪府吹田市広芝町5-37</v>
          </cell>
          <cell r="G2013" t="str">
            <v>吹田市</v>
          </cell>
          <cell r="H2013" t="str">
            <v>大阪営業所</v>
          </cell>
          <cell r="I2013" t="str">
            <v>大阪営業所所長 佐藤　功</v>
          </cell>
          <cell r="J2013" t="str">
            <v>福島県福島市</v>
          </cell>
          <cell r="K2013" t="str">
            <v>06-6368-5751</v>
          </cell>
          <cell r="L2013" t="str">
            <v>kawasaki@fukusei.co.jp</v>
          </cell>
          <cell r="M2013" t="str">
            <v>ﾌｸｼﾏｾｲｻｸｼｮ</v>
          </cell>
          <cell r="N2013" t="str">
            <v>有</v>
          </cell>
          <cell r="O2013">
            <v>53</v>
          </cell>
          <cell r="P2013">
            <v>198</v>
          </cell>
          <cell r="Q2013">
            <v>9380001001430</v>
          </cell>
          <cell r="R2013">
            <v>490000</v>
          </cell>
          <cell r="S2013">
            <v>4316088</v>
          </cell>
          <cell r="T2013">
            <v>4548507</v>
          </cell>
          <cell r="V2013" t="str">
            <v>gg939337</v>
          </cell>
          <cell r="W2013" t="str">
            <v>db167399</v>
          </cell>
          <cell r="Y2013" t="str">
            <v/>
          </cell>
          <cell r="Z2013" t="str">
            <v/>
          </cell>
          <cell r="AA2013" t="str">
            <v/>
          </cell>
          <cell r="AB2013" t="str">
            <v/>
          </cell>
          <cell r="AC2013" t="str">
            <v/>
          </cell>
          <cell r="AD2013" t="str">
            <v/>
          </cell>
          <cell r="AE2013" t="str">
            <v>１；電動油圧式グラブバケット２；３；４；</v>
          </cell>
          <cell r="AF2013" t="str">
            <v>一回の荷役作業に置いて、メカニカル方式に比べ数倍の掴み量が有り、荷役時間が大幅に短縮でき、天井走行クレーンとの組合せで各地の都市塵芥焼却場での活躍を続けております。</v>
          </cell>
        </row>
        <row r="2014">
          <cell r="B2014">
            <v>10209</v>
          </cell>
          <cell r="C2014" t="str">
            <v>(株)大和速記情報センター</v>
          </cell>
          <cell r="D2014" t="str">
            <v>06-6222-1210</v>
          </cell>
          <cell r="E2014" t="str">
            <v>　</v>
          </cell>
          <cell r="F2014" t="str">
            <v>大阪府大阪市中央区道修町1-7-1</v>
          </cell>
          <cell r="G2014" t="str">
            <v>大阪市</v>
          </cell>
          <cell r="H2014" t="str">
            <v>関西営業所長</v>
          </cell>
          <cell r="I2014" t="str">
            <v>関西営業所長 菊池　修一</v>
          </cell>
          <cell r="J2014" t="str">
            <v>東京都</v>
          </cell>
          <cell r="K2014" t="str">
            <v>06-6222-1280</v>
          </cell>
          <cell r="L2014" t="str">
            <v>info@yamatosokki.co.jp</v>
          </cell>
          <cell r="M2014" t="str">
            <v/>
          </cell>
          <cell r="N2014" t="str">
            <v>有</v>
          </cell>
          <cell r="O2014">
            <v>65</v>
          </cell>
          <cell r="P2014">
            <v>89</v>
          </cell>
          <cell r="Q2014" t="str">
            <v/>
          </cell>
          <cell r="R2014">
            <v>50000</v>
          </cell>
          <cell r="S2014">
            <v>530245</v>
          </cell>
          <cell r="T2014">
            <v>1091883</v>
          </cell>
          <cell r="V2014" t="str">
            <v>by772516</v>
          </cell>
          <cell r="W2014" t="str">
            <v>qs113232</v>
          </cell>
          <cell r="Y2014" t="str">
            <v>80，58，</v>
          </cell>
          <cell r="Z2014">
            <v>58</v>
          </cell>
          <cell r="AA2014">
            <v>80</v>
          </cell>
          <cell r="AB2014" t="str">
            <v/>
          </cell>
          <cell r="AC2014" t="str">
            <v/>
          </cell>
          <cell r="AD2014" t="str">
            <v/>
          </cell>
          <cell r="AE2014" t="str">
            <v>１；２；３；４；</v>
          </cell>
          <cell r="AF2014" t="str">
            <v>会議録作成、速記、テープ起こし、議会映像配信、会議録策検索システム</v>
          </cell>
        </row>
        <row r="2015">
          <cell r="B2015">
            <v>10210</v>
          </cell>
          <cell r="C2015" t="str">
            <v>丸茂電機(株)</v>
          </cell>
          <cell r="D2015" t="str">
            <v>06-6312-1913</v>
          </cell>
          <cell r="E2015" t="str">
            <v>530-0047</v>
          </cell>
          <cell r="F2015" t="str">
            <v>大阪府大阪市北区西天満4-11-23</v>
          </cell>
          <cell r="G2015" t="str">
            <v>大阪市</v>
          </cell>
          <cell r="H2015" t="str">
            <v>大阪営業所</v>
          </cell>
          <cell r="I2015" t="str">
            <v>所長 松葉　博文</v>
          </cell>
          <cell r="J2015" t="str">
            <v>東京都</v>
          </cell>
          <cell r="K2015" t="str">
            <v>06-6315-0604</v>
          </cell>
          <cell r="L2015" t="str">
            <v>sales@marumo.co.jp</v>
          </cell>
          <cell r="M2015" t="str">
            <v>ﾏﾙﾓﾃﾞﾝｷ</v>
          </cell>
          <cell r="N2015" t="str">
            <v>有</v>
          </cell>
          <cell r="O2015">
            <v>99</v>
          </cell>
          <cell r="P2015">
            <v>197</v>
          </cell>
          <cell r="Q2015">
            <v>8010001029410</v>
          </cell>
          <cell r="R2015">
            <v>95000</v>
          </cell>
          <cell r="S2015">
            <v>8996138</v>
          </cell>
          <cell r="T2015">
            <v>6468884</v>
          </cell>
          <cell r="V2015" t="str">
            <v>ua947761</v>
          </cell>
          <cell r="W2015" t="str">
            <v>uz196359</v>
          </cell>
          <cell r="Y2015" t="str">
            <v>35，</v>
          </cell>
          <cell r="Z2015" t="str">
            <v/>
          </cell>
          <cell r="AA2015" t="str">
            <v/>
          </cell>
          <cell r="AB2015" t="str">
            <v/>
          </cell>
          <cell r="AC2015" t="str">
            <v/>
          </cell>
          <cell r="AD2015" t="str">
            <v/>
          </cell>
          <cell r="AE2015" t="str">
            <v>１；舞台照明機器（スポットライト、調光器、効果器）・自社製２；３；４；</v>
          </cell>
          <cell r="AF2015" t="str">
            <v>舞台照明設備専業メーカー</v>
          </cell>
        </row>
        <row r="2016">
          <cell r="B2016">
            <v>10211</v>
          </cell>
          <cell r="C2016" t="str">
            <v>阪急コミューターバスマネジメント(株)</v>
          </cell>
          <cell r="D2016" t="str">
            <v>06-6152-8939</v>
          </cell>
          <cell r="E2016" t="str">
            <v>561-0832</v>
          </cell>
          <cell r="F2016" t="str">
            <v>大阪府豊中市本町1-1-1</v>
          </cell>
          <cell r="G2016" t="str">
            <v>豊中市</v>
          </cell>
          <cell r="H2016" t="str">
            <v/>
          </cell>
          <cell r="I2016" t="str">
            <v>代表取締役 和田　拓郎</v>
          </cell>
          <cell r="J2016" t="str">
            <v>本店</v>
          </cell>
          <cell r="K2016" t="str">
            <v>06-6152-8940</v>
          </cell>
          <cell r="L2016" t="str">
            <v>takashi-umeda.hcm@hankyu-bus.jp</v>
          </cell>
          <cell r="M2016" t="str">
            <v>ﾊﾝｷｭｳｺﾐｭｰﾀｰﾊﾞｽﾏﾈｼﾞﾒﾝﾄ</v>
          </cell>
          <cell r="N2016" t="str">
            <v>無</v>
          </cell>
          <cell r="O2016">
            <v>22</v>
          </cell>
          <cell r="P2016">
            <v>93</v>
          </cell>
          <cell r="Q2016">
            <v>1120901019670</v>
          </cell>
          <cell r="R2016">
            <v>30000</v>
          </cell>
          <cell r="S2016">
            <v>965903</v>
          </cell>
          <cell r="T2016">
            <v>1342794</v>
          </cell>
          <cell r="V2016" t="str">
            <v>bq522867</v>
          </cell>
          <cell r="W2016" t="str">
            <v>zl187399</v>
          </cell>
          <cell r="Y2016" t="str">
            <v>56，67，</v>
          </cell>
          <cell r="Z2016">
            <v>67</v>
          </cell>
          <cell r="AA2016">
            <v>56</v>
          </cell>
          <cell r="AB2016" t="str">
            <v/>
          </cell>
          <cell r="AC2016" t="str">
            <v/>
          </cell>
          <cell r="AD2016" t="str">
            <v/>
          </cell>
          <cell r="AE2016" t="str">
            <v>１；自家用自動車運行管理請負　自家用自動車（福祉・学校他各種送迎バス及び公用車）の運行管理全般（運転士手配、車両管理（点検・整備等）、事故処理他）を請負わせていただきます。２；運転士手配　一般労働者派遣事業許可証　派２７－１０００１７３；４；</v>
          </cell>
          <cell r="AF2016" t="str">
            <v>自家用自動車運行管理請負　自家用自動車（福祉・学校他各種送迎バス及び公用車）の運行管理請負（運転士手配、車両管理（点検・整備等）、事故処理他）を請負わせていただきます。</v>
          </cell>
        </row>
        <row r="2017">
          <cell r="B2017">
            <v>10214</v>
          </cell>
          <cell r="C2017" t="str">
            <v>三協電業(株)</v>
          </cell>
          <cell r="D2017" t="str">
            <v>078-927-7868</v>
          </cell>
          <cell r="E2017" t="str">
            <v>673-0029</v>
          </cell>
          <cell r="F2017" t="str">
            <v>兵庫県明石市大道町2‐10‐22</v>
          </cell>
          <cell r="G2017" t="str">
            <v>明石市</v>
          </cell>
          <cell r="H2017" t="str">
            <v/>
          </cell>
          <cell r="I2017" t="str">
            <v>代表取締役 松井　利和</v>
          </cell>
          <cell r="J2017" t="str">
            <v>本店</v>
          </cell>
          <cell r="K2017" t="str">
            <v>078-927-7891</v>
          </cell>
          <cell r="L2017" t="str">
            <v>info@sankyo-dengyo.co.jp</v>
          </cell>
          <cell r="M2017" t="str">
            <v>ｻﾝｷｮｳﾃﾞﾝｷﾞｮｳ</v>
          </cell>
          <cell r="N2017" t="str">
            <v>無</v>
          </cell>
          <cell r="O2017">
            <v>48</v>
          </cell>
          <cell r="P2017">
            <v>5</v>
          </cell>
          <cell r="Q2017">
            <v>1140001034899</v>
          </cell>
          <cell r="R2017">
            <v>10000</v>
          </cell>
          <cell r="S2017">
            <v>57816</v>
          </cell>
          <cell r="T2017">
            <v>88766</v>
          </cell>
          <cell r="V2017" t="str">
            <v>qe168009</v>
          </cell>
          <cell r="W2017" t="str">
            <v>wa191398</v>
          </cell>
          <cell r="Y2017" t="str">
            <v>41，42，</v>
          </cell>
          <cell r="Z2017">
            <v>41</v>
          </cell>
          <cell r="AA2017">
            <v>42</v>
          </cell>
          <cell r="AB2017" t="str">
            <v/>
          </cell>
          <cell r="AC2017" t="str">
            <v/>
          </cell>
          <cell r="AD2017" t="str">
            <v/>
          </cell>
          <cell r="AE2017" t="str">
            <v>１；大気汚染計測器（紀本電子工業製品取扱）２；気象観測機器（風向風速計　雨量計　湿度計　日射計　放射収支計　紫外線計　等）３；４；</v>
          </cell>
          <cell r="AF2017" t="str">
            <v>川崎重工業、三菱重工業定期年期検査の潜水艦入渠の際、機関部計器の点検整備施工指定業者(温度計　圧力計　回転計　制御機器　指示電気計器等）　ジャパンマリンユナイテッド定期年期検査の艦船入渠の際主に指示電気計器の点検整備　気象庁の認定測定業者(気圧計）</v>
          </cell>
        </row>
        <row r="2018">
          <cell r="B2018">
            <v>10215</v>
          </cell>
          <cell r="C2018" t="str">
            <v>(株)システムリサーチ</v>
          </cell>
          <cell r="D2018" t="str">
            <v>078-325-5110</v>
          </cell>
          <cell r="E2018" t="str">
            <v>650-0032</v>
          </cell>
          <cell r="F2018" t="str">
            <v>兵庫県神戸市中央区伊藤町121</v>
          </cell>
          <cell r="G2018" t="str">
            <v>神戸市</v>
          </cell>
          <cell r="H2018" t="str">
            <v>神戸支店</v>
          </cell>
          <cell r="I2018" t="str">
            <v>支店長 尾崎　尊見</v>
          </cell>
          <cell r="J2018" t="str">
            <v>兵庫県豊岡市</v>
          </cell>
          <cell r="K2018" t="str">
            <v>078-325-5088</v>
          </cell>
          <cell r="L2018" t="str">
            <v>soumu@sr-co.co.jp</v>
          </cell>
          <cell r="M2018" t="str">
            <v>ｼｽﾃﾑﾘｻｰﾁ</v>
          </cell>
          <cell r="N2018" t="str">
            <v>有</v>
          </cell>
          <cell r="O2018">
            <v>33</v>
          </cell>
          <cell r="P2018">
            <v>118</v>
          </cell>
          <cell r="Q2018">
            <v>1140001056258</v>
          </cell>
          <cell r="R2018">
            <v>60000</v>
          </cell>
          <cell r="S2018">
            <v>312467</v>
          </cell>
          <cell r="T2018">
            <v>2376418</v>
          </cell>
          <cell r="V2018" t="str">
            <v>tv523923</v>
          </cell>
          <cell r="W2018" t="str">
            <v>qm197565</v>
          </cell>
          <cell r="Y2018" t="str">
            <v>056，36，39，44，56，57，58，</v>
          </cell>
          <cell r="Z2018">
            <v>58</v>
          </cell>
          <cell r="AA2018">
            <v>36</v>
          </cell>
          <cell r="AB2018">
            <v>57</v>
          </cell>
          <cell r="AC2018">
            <v>56</v>
          </cell>
          <cell r="AD2018" t="str">
            <v>高度管理医療機器等販売業許可（許可番号：００１９０７０００５７）、プライバシーマーク、ＮＥＣ情報サービス事業グループ</v>
          </cell>
          <cell r="AE2018" t="str">
            <v>１；２；日本電気株式会社（特）３；４；一般労働者派遣事業（許可番号：般２８－３００２７７）</v>
          </cell>
          <cell r="AF2018" t="str">
            <v>コンピューターシステムとネットワークで効率的で快適なオフィスを提案いたします。業務に係わる大幅な改善を実現し、合理化、省力化、迅速化の推進はもとより、マルチメディアを駆使してサービスの質的向上を図ります。</v>
          </cell>
        </row>
        <row r="2019">
          <cell r="B2019">
            <v>10216</v>
          </cell>
          <cell r="C2019" t="str">
            <v>大鳥産業(株)</v>
          </cell>
          <cell r="D2019" t="str">
            <v>06-6231-2925</v>
          </cell>
          <cell r="E2019" t="str">
            <v>541-0046</v>
          </cell>
          <cell r="F2019" t="str">
            <v>大阪府大阪市中央区平野町4丁目6番4号</v>
          </cell>
          <cell r="G2019" t="str">
            <v>大阪市</v>
          </cell>
          <cell r="H2019" t="str">
            <v/>
          </cell>
          <cell r="I2019" t="str">
            <v>取締役社長 鳥生　啓治</v>
          </cell>
          <cell r="J2019" t="str">
            <v>本店</v>
          </cell>
          <cell r="K2019" t="str">
            <v>06-6231-2928</v>
          </cell>
          <cell r="L2019" t="str">
            <v>ohtori@poplar.ocn.ne.jp</v>
          </cell>
          <cell r="M2019" t="str">
            <v>ｵｵﾄﾘｻﾝｷﾞｮｳ</v>
          </cell>
          <cell r="N2019" t="str">
            <v>無</v>
          </cell>
          <cell r="O2019">
            <v>84</v>
          </cell>
          <cell r="P2019">
            <v>10</v>
          </cell>
          <cell r="Q2019">
            <v>5120001076188</v>
          </cell>
          <cell r="R2019">
            <v>10000</v>
          </cell>
          <cell r="S2019">
            <v>225600</v>
          </cell>
          <cell r="T2019">
            <v>1152035</v>
          </cell>
          <cell r="V2019" t="str">
            <v>vr167446</v>
          </cell>
          <cell r="W2019" t="str">
            <v>dq199391</v>
          </cell>
          <cell r="Y2019" t="str">
            <v/>
          </cell>
          <cell r="Z2019" t="str">
            <v/>
          </cell>
          <cell r="AA2019" t="str">
            <v/>
          </cell>
          <cell r="AB2019" t="str">
            <v/>
          </cell>
          <cell r="AC2019" t="str">
            <v/>
          </cell>
          <cell r="AD2019" t="str">
            <v/>
          </cell>
          <cell r="AE2019" t="str">
            <v>１；（株）大阪ソーダ代、古河ケミカルズ（株）代、南海化学（株）代２；３；４；</v>
          </cell>
          <cell r="AF2019" t="str">
            <v>官公庁の浄水場、下水処理場、清掃工場等でご使用になる化学工業薬品を販売し、近畿圏を中心に数多くの実績を有し、官公庁専属の営業社員がメーカーの代理店として担当します。</v>
          </cell>
        </row>
        <row r="2020">
          <cell r="B2020">
            <v>10217</v>
          </cell>
          <cell r="C2020" t="str">
            <v>世界産業(株)</v>
          </cell>
          <cell r="D2020" t="str">
            <v>072-466-8000</v>
          </cell>
          <cell r="E2020" t="str">
            <v>598-0035</v>
          </cell>
          <cell r="F2020" t="str">
            <v>大阪府泉佐野市南中樫井473-1</v>
          </cell>
          <cell r="G2020" t="str">
            <v>泉佐野市</v>
          </cell>
          <cell r="H2020" t="str">
            <v/>
          </cell>
          <cell r="I2020" t="str">
            <v>代表取締役 榎並　巧二</v>
          </cell>
          <cell r="J2020" t="str">
            <v>本店</v>
          </cell>
          <cell r="K2020" t="str">
            <v>072-490-3388</v>
          </cell>
          <cell r="L2020" t="str">
            <v>ikemoto@sekaisangyou.co.jp</v>
          </cell>
          <cell r="M2020" t="str">
            <v>ｾｶｲｻﾝｷﾞｮｳ</v>
          </cell>
          <cell r="N2020" t="str">
            <v>無</v>
          </cell>
          <cell r="O2020">
            <v>49</v>
          </cell>
          <cell r="P2020">
            <v>135</v>
          </cell>
          <cell r="Q2020">
            <v>2120101039799</v>
          </cell>
          <cell r="R2020">
            <v>50000</v>
          </cell>
          <cell r="S2020">
            <v>173435</v>
          </cell>
          <cell r="T2020">
            <v>4834630</v>
          </cell>
          <cell r="V2020" t="str">
            <v>gy620050</v>
          </cell>
          <cell r="W2020" t="str">
            <v>md197619</v>
          </cell>
          <cell r="Y2020" t="str">
            <v/>
          </cell>
          <cell r="Z2020">
            <v>80</v>
          </cell>
          <cell r="AA2020" t="str">
            <v/>
          </cell>
          <cell r="AB2020" t="str">
            <v/>
          </cell>
          <cell r="AC2020" t="str">
            <v/>
          </cell>
          <cell r="AD2020" t="str">
            <v/>
          </cell>
          <cell r="AE2020" t="str">
            <v>１；環境（上下水道・ごみ等）処理設備維持管理業務２；３；４；</v>
          </cell>
          <cell r="AF2020" t="str">
            <v/>
          </cell>
        </row>
        <row r="2021">
          <cell r="B2021">
            <v>10219</v>
          </cell>
          <cell r="C2021" t="str">
            <v>(株)セプレ２４</v>
          </cell>
          <cell r="D2021" t="str">
            <v>078-327-0024</v>
          </cell>
          <cell r="E2021" t="str">
            <v>650-0011</v>
          </cell>
          <cell r="F2021" t="str">
            <v>兵庫県神戸市中央区下山手通2-13-3</v>
          </cell>
          <cell r="G2021" t="str">
            <v>神戸市</v>
          </cell>
          <cell r="H2021" t="str">
            <v/>
          </cell>
          <cell r="I2021" t="str">
            <v>代表取締役 岡　弘一</v>
          </cell>
          <cell r="J2021" t="str">
            <v>本店</v>
          </cell>
          <cell r="K2021" t="str">
            <v>078-327-0875</v>
          </cell>
          <cell r="L2021" t="str">
            <v>h.nagayama@sepre24.co.jp</v>
          </cell>
          <cell r="M2021" t="str">
            <v>ｾﾌﾟﾚﾆｼﾞｭｳﾖﾝ</v>
          </cell>
          <cell r="N2021" t="str">
            <v>無</v>
          </cell>
          <cell r="O2021">
            <v>51</v>
          </cell>
          <cell r="P2021">
            <v>270</v>
          </cell>
          <cell r="Q2021">
            <v>4140001008850</v>
          </cell>
          <cell r="R2021">
            <v>25000</v>
          </cell>
          <cell r="S2021">
            <v>41268</v>
          </cell>
          <cell r="T2021">
            <v>918056</v>
          </cell>
          <cell r="V2021" t="str">
            <v>jb740200</v>
          </cell>
          <cell r="W2021" t="str">
            <v>dq169678</v>
          </cell>
          <cell r="Y2021" t="str">
            <v>056，45，49，54，56，</v>
          </cell>
          <cell r="Z2021">
            <v>45</v>
          </cell>
          <cell r="AA2021">
            <v>49</v>
          </cell>
          <cell r="AB2021">
            <v>54</v>
          </cell>
          <cell r="AC2021">
            <v>56</v>
          </cell>
          <cell r="AD2021" t="str">
            <v/>
          </cell>
          <cell r="AE2021" t="str">
            <v>１；常駐警備、巡回警備、イベント開催時の雑踏警備、監視システム使用による機械警備、交通誘導警備２；施設内の消防設備保守点検、改修等３；マンション、公民館等の建物清掃業務４；電話通報の受付・転送、派遣先社員の車両による搬送</v>
          </cell>
          <cell r="AF2021" t="str">
            <v>兵庫県下で最も創業暦があり、官公庁、上場企業、学校法人を中心とした常駐・施設・イベント・機械・交通誘導警備業務を実施している。須磨海岸（神戸市）において、マナー条例指導業務の実施を通じ、市町村の条例遵守啓発活動にも積極的に参画させていただいている。</v>
          </cell>
        </row>
        <row r="2022">
          <cell r="B2022">
            <v>10220</v>
          </cell>
          <cell r="C2022" t="str">
            <v>(株)城山</v>
          </cell>
          <cell r="D2022" t="str">
            <v>079-253-7110</v>
          </cell>
          <cell r="E2022" t="str">
            <v>671-0219</v>
          </cell>
          <cell r="F2022" t="str">
            <v>兵庫県姫路市飾東町豊国289-1</v>
          </cell>
          <cell r="G2022" t="str">
            <v>姫路市</v>
          </cell>
          <cell r="H2022" t="str">
            <v/>
          </cell>
          <cell r="I2022" t="str">
            <v>代表取締役 安藤　和正</v>
          </cell>
          <cell r="J2022" t="str">
            <v>本店</v>
          </cell>
          <cell r="K2022" t="str">
            <v>079-251-2011</v>
          </cell>
          <cell r="L2022" t="str">
            <v>nyusatsu@shiroyama.co.jp</v>
          </cell>
          <cell r="M2022" t="str">
            <v>ｼﾛﾔﾏ</v>
          </cell>
          <cell r="N2022" t="str">
            <v>無</v>
          </cell>
          <cell r="O2022">
            <v>33</v>
          </cell>
          <cell r="P2022">
            <v>348</v>
          </cell>
          <cell r="Q2022">
            <v>3140001059515</v>
          </cell>
          <cell r="R2022">
            <v>50000</v>
          </cell>
          <cell r="S2022">
            <v>1573641</v>
          </cell>
          <cell r="T2022">
            <v>16657302</v>
          </cell>
          <cell r="V2022" t="str">
            <v>ts394663</v>
          </cell>
          <cell r="W2022" t="str">
            <v>ｒg199893</v>
          </cell>
          <cell r="Y2022" t="str">
            <v>038，14，36，38，44，50，58，</v>
          </cell>
          <cell r="Z2022">
            <v>36</v>
          </cell>
          <cell r="AA2022">
            <v>44</v>
          </cell>
          <cell r="AB2022">
            <v>50</v>
          </cell>
          <cell r="AC2022">
            <v>38</v>
          </cell>
          <cell r="AD2022" t="str">
            <v/>
          </cell>
          <cell r="AE2022" t="str">
            <v>１；業務用無線機・携帯電話等通信機器全般・放送機器２；無線機・携帯電話のレンタル・リース３；無線機用通信機器の保守点検４；防災無線・緊急用無線機他</v>
          </cell>
          <cell r="AF2022" t="str">
            <v>販売商品は各種業務用無線機、監視カメラ、セキュリティ、ＯＡ機器、無線放送設備などで、各市町村に納入実績があります。無線機ではレンタルでも多く利用頂いています。また工事では無線機・セキュリティ装置・電話・ファクシミリ・コピー機等の電気通信機器の据付、屋内電気工事を扱います。</v>
          </cell>
        </row>
        <row r="2023">
          <cell r="B2023">
            <v>10221</v>
          </cell>
          <cell r="C2023" t="str">
            <v>(株)阪神設備工業所</v>
          </cell>
          <cell r="D2023" t="str">
            <v>06-6487-3930</v>
          </cell>
          <cell r="E2023" t="str">
            <v>660-0833</v>
          </cell>
          <cell r="F2023" t="str">
            <v>兵庫県尼崎市南初島町10-149</v>
          </cell>
          <cell r="G2023" t="str">
            <v>尼崎市</v>
          </cell>
          <cell r="H2023" t="str">
            <v/>
          </cell>
          <cell r="I2023" t="str">
            <v>代表取締役 岡本　史明</v>
          </cell>
          <cell r="J2023" t="str">
            <v>本店</v>
          </cell>
          <cell r="K2023" t="str">
            <v>06-6487-3925</v>
          </cell>
          <cell r="L2023" t="str">
            <v>ogita@hanshinsetsubi.co.jp</v>
          </cell>
          <cell r="M2023" t="str">
            <v>ﾊﾝｼﾝｾﾂﾋﾞｺｳｷﾞｮｳｼｮ</v>
          </cell>
          <cell r="N2023" t="str">
            <v>無</v>
          </cell>
          <cell r="O2023">
            <v>50</v>
          </cell>
          <cell r="P2023">
            <v>18</v>
          </cell>
          <cell r="Q2023">
            <v>3140001050696</v>
          </cell>
          <cell r="R2023">
            <v>20000</v>
          </cell>
          <cell r="S2023">
            <v>293551</v>
          </cell>
          <cell r="T2023">
            <v>762932</v>
          </cell>
          <cell r="V2023" t="str">
            <v>dz920740</v>
          </cell>
          <cell r="W2023" t="str">
            <v>ie135958</v>
          </cell>
          <cell r="Y2023" t="str">
            <v>48，</v>
          </cell>
          <cell r="Z2023" t="str">
            <v/>
          </cell>
          <cell r="AA2023" t="str">
            <v/>
          </cell>
          <cell r="AB2023" t="str">
            <v/>
          </cell>
          <cell r="AC2023" t="str">
            <v/>
          </cell>
          <cell r="AD2023" t="str">
            <v/>
          </cell>
          <cell r="AE2023" t="str">
            <v>１；冷暖房空調設備、給排水設備、ダクト設備の保守・メンテナンスをとくに希望します。２；３；４；</v>
          </cell>
          <cell r="AF2023" t="str">
            <v>当社は、昭和４３年９月の創立以来、空調設備、給排水設備、ダクト設備の設置から維持メンテナンスまで、高い技術力を備えた専門業者として多くの実績をあげています。また、兵庫県や尼崎市をはじめ、多数の公共施設での実績も積んでいます。</v>
          </cell>
        </row>
        <row r="2024">
          <cell r="B2024">
            <v>10222</v>
          </cell>
          <cell r="C2024" t="str">
            <v>日本道路興運(株)</v>
          </cell>
          <cell r="D2024" t="str">
            <v>06-6764-4861</v>
          </cell>
          <cell r="E2024" t="str">
            <v>540-0005</v>
          </cell>
          <cell r="F2024" t="str">
            <v>大阪府大阪市中央区上町A-12</v>
          </cell>
          <cell r="G2024" t="str">
            <v>大阪市</v>
          </cell>
          <cell r="H2024" t="str">
            <v>大阪支店</v>
          </cell>
          <cell r="I2024" t="str">
            <v>支店長 辻本　吉廣</v>
          </cell>
          <cell r="J2024" t="str">
            <v>東京都</v>
          </cell>
          <cell r="K2024" t="str">
            <v>06-6764-6420</v>
          </cell>
          <cell r="L2024" t="str">
            <v>osaka@nihondorokoun.co.jp</v>
          </cell>
          <cell r="M2024" t="str">
            <v>ﾆﾎﾝﾄﾞｳﾛｺｳｳﾝ</v>
          </cell>
          <cell r="N2024" t="str">
            <v>有</v>
          </cell>
          <cell r="O2024">
            <v>53</v>
          </cell>
          <cell r="P2024">
            <v>1868</v>
          </cell>
          <cell r="Q2024">
            <v>7011101016571</v>
          </cell>
          <cell r="R2024">
            <v>50000</v>
          </cell>
          <cell r="S2024">
            <v>22996881</v>
          </cell>
          <cell r="T2024">
            <v>9146695</v>
          </cell>
          <cell r="V2024" t="str">
            <v>vz318795</v>
          </cell>
          <cell r="W2024" t="str">
            <v>bz133963</v>
          </cell>
          <cell r="Y2024" t="str">
            <v>67，</v>
          </cell>
          <cell r="Z2024">
            <v>67</v>
          </cell>
          <cell r="AA2024" t="str">
            <v/>
          </cell>
          <cell r="AB2024" t="str">
            <v/>
          </cell>
          <cell r="AC2024" t="str">
            <v/>
          </cell>
          <cell r="AD2024" t="str">
            <v/>
          </cell>
          <cell r="AE2024" t="str">
            <v>１；２；３；４；</v>
          </cell>
          <cell r="AF2024" t="str">
            <v>車両運行管理</v>
          </cell>
        </row>
        <row r="2025">
          <cell r="B2025">
            <v>10223</v>
          </cell>
          <cell r="C2025" t="str">
            <v>(株)ジェイ・サイエンス関西</v>
          </cell>
          <cell r="D2025" t="str">
            <v>06-6338-8901</v>
          </cell>
          <cell r="E2025" t="str">
            <v>564-0062</v>
          </cell>
          <cell r="F2025" t="str">
            <v>大阪府吹田市垂水町3-21-24</v>
          </cell>
          <cell r="G2025" t="str">
            <v>吹田市</v>
          </cell>
          <cell r="H2025" t="str">
            <v>大阪支店</v>
          </cell>
          <cell r="I2025" t="str">
            <v>取締役支店長　 八木　正浩</v>
          </cell>
          <cell r="J2025" t="str">
            <v>大阪府吹田市</v>
          </cell>
          <cell r="K2025" t="str">
            <v>06-6380-0943</v>
          </cell>
          <cell r="L2025" t="str">
            <v>o-sugimoto@js-k.com</v>
          </cell>
          <cell r="M2025" t="str">
            <v>ｼﾞｴｲ.ｻｲｴﾝｽｶﾝｻｲ</v>
          </cell>
          <cell r="N2025" t="str">
            <v>有</v>
          </cell>
          <cell r="O2025">
            <v>126</v>
          </cell>
          <cell r="P2025">
            <v>27</v>
          </cell>
          <cell r="Q2025">
            <v>1120900000000</v>
          </cell>
          <cell r="R2025">
            <v>50000</v>
          </cell>
          <cell r="S2025">
            <v>214596</v>
          </cell>
          <cell r="T2025">
            <v>1573375</v>
          </cell>
          <cell r="V2025" t="str">
            <v>mn855210</v>
          </cell>
          <cell r="W2025" t="str">
            <v>lq116531</v>
          </cell>
          <cell r="Y2025">
            <v>41.42</v>
          </cell>
          <cell r="Z2025" t="str">
            <v/>
          </cell>
          <cell r="AA2025" t="str">
            <v/>
          </cell>
          <cell r="AB2025" t="str">
            <v/>
          </cell>
          <cell r="AC2025" t="str">
            <v/>
          </cell>
          <cell r="AD2025" t="str">
            <v/>
          </cell>
          <cell r="AE2025" t="str">
            <v>１；２；理化学分析機器３；４；</v>
          </cell>
          <cell r="AF2025" t="str">
            <v>１８９２年の創業以来、分析機器の総合商社として社会に貢献してきました。主な取引先として公的研究機関や民間の研究所等であり分析という基礎研究に力を注ぎ、より一層社会に貢献したいと考えております。</v>
          </cell>
        </row>
        <row r="2026">
          <cell r="B2026">
            <v>10224</v>
          </cell>
          <cell r="C2026" t="str">
            <v>水道機工(株)</v>
          </cell>
          <cell r="D2026" t="str">
            <v>06-6821-3505</v>
          </cell>
          <cell r="E2026" t="str">
            <v>564-0063</v>
          </cell>
          <cell r="F2026" t="str">
            <v>大阪府吹田市江坂町1-23-26</v>
          </cell>
          <cell r="G2026" t="str">
            <v>吹田市</v>
          </cell>
          <cell r="H2026" t="str">
            <v>大阪支店</v>
          </cell>
          <cell r="I2026" t="str">
            <v>支店長 上村　剛弘</v>
          </cell>
          <cell r="J2026" t="str">
            <v>東京都</v>
          </cell>
          <cell r="K2026" t="str">
            <v>06-6821-3506</v>
          </cell>
          <cell r="L2026" t="str">
            <v/>
          </cell>
          <cell r="M2026" t="str">
            <v>ｽｲﾄﾞｳｷｺｳ</v>
          </cell>
          <cell r="N2026" t="str">
            <v>有</v>
          </cell>
          <cell r="O2026">
            <v>59</v>
          </cell>
          <cell r="P2026">
            <v>247</v>
          </cell>
          <cell r="Q2026">
            <v>5010901005975</v>
          </cell>
          <cell r="R2026">
            <v>1947661</v>
          </cell>
          <cell r="S2026">
            <v>10958000</v>
          </cell>
          <cell r="T2026">
            <v>17715000</v>
          </cell>
          <cell r="V2026" t="str">
            <v>ra932755</v>
          </cell>
          <cell r="W2026" t="str">
            <v>sd193595</v>
          </cell>
          <cell r="Y2026" t="str">
            <v/>
          </cell>
          <cell r="Z2026">
            <v>80</v>
          </cell>
          <cell r="AA2026" t="str">
            <v/>
          </cell>
          <cell r="AB2026" t="str">
            <v/>
          </cell>
          <cell r="AC2026" t="str">
            <v/>
          </cell>
          <cell r="AD2026" t="str">
            <v/>
          </cell>
          <cell r="AE2026" t="str">
            <v>１；上下水道施設の運転管理・保守点検２；３；４；</v>
          </cell>
          <cell r="AF2026" t="str">
            <v>水道施設工事、機械器具設置工事、清掃施設工事、土木工事一式、上下水道施設の運転管理・保守管理、水処理機器、水処理薬品</v>
          </cell>
        </row>
        <row r="2027">
          <cell r="B2027">
            <v>10225</v>
          </cell>
          <cell r="C2027" t="str">
            <v>(株)グリーンエコ</v>
          </cell>
          <cell r="D2027" t="str">
            <v>06-6484-5571</v>
          </cell>
          <cell r="E2027" t="str">
            <v>542-0081</v>
          </cell>
          <cell r="F2027" t="str">
            <v>大阪府大阪市中央区南船場1-17-11</v>
          </cell>
          <cell r="G2027" t="str">
            <v>大阪市</v>
          </cell>
          <cell r="H2027" t="str">
            <v/>
          </cell>
          <cell r="I2027" t="str">
            <v>代表取締役 岡村　雅明</v>
          </cell>
          <cell r="J2027" t="str">
            <v>本店</v>
          </cell>
          <cell r="K2027" t="str">
            <v>06-6484-5573</v>
          </cell>
          <cell r="L2027" t="str">
            <v>greeneco-k@wine.ocn.ne.jp</v>
          </cell>
          <cell r="M2027" t="str">
            <v>ｸﾞﾘｰﾝｴｺ</v>
          </cell>
          <cell r="N2027" t="str">
            <v>無</v>
          </cell>
          <cell r="O2027">
            <v>23</v>
          </cell>
          <cell r="P2027">
            <v>18</v>
          </cell>
          <cell r="Q2027">
            <v>2120001115147</v>
          </cell>
          <cell r="R2027">
            <v>10000</v>
          </cell>
          <cell r="S2027">
            <v>28075</v>
          </cell>
          <cell r="T2027">
            <v>216982</v>
          </cell>
          <cell r="V2027" t="str">
            <v>cn775186</v>
          </cell>
          <cell r="W2027" t="str">
            <v>ld175883</v>
          </cell>
          <cell r="Y2027" t="str">
            <v>57，77，</v>
          </cell>
          <cell r="Z2027">
            <v>77</v>
          </cell>
          <cell r="AA2027">
            <v>80</v>
          </cell>
          <cell r="AB2027">
            <v>57</v>
          </cell>
          <cell r="AC2027" t="str">
            <v/>
          </cell>
          <cell r="AD2027" t="str">
            <v/>
          </cell>
          <cell r="AE2027" t="str">
            <v>１；世論・意識・市場・経済・廃棄物実態・都市計画・交通量等調査・分析２；計画策定（福祉健康育成・産業・観光振興・文化・スポーツ・地域計画等）３；データ入力・集計・分析・将来推計等電算業務４；</v>
          </cell>
          <cell r="AF2027" t="str">
            <v>計画策定（福祉健康育成・産業・観光振興・文化・スポーツ・地域計画等）、世論・意識・市場・経済等調査、廃棄物実態・都市計画・交通量等調査・分析、水質・土壌汚染等環境調査・分析、データ入力・集計・分析・将来推計等電算業務、建築一般・意匠・建築積算・調査・耐震診断等</v>
          </cell>
        </row>
        <row r="2028">
          <cell r="B2028">
            <v>10226</v>
          </cell>
          <cell r="C2028" t="str">
            <v>(株)フレックス</v>
          </cell>
          <cell r="D2028" t="str">
            <v>0798-37-3701</v>
          </cell>
          <cell r="E2028" t="str">
            <v>662-0947</v>
          </cell>
          <cell r="F2028" t="str">
            <v>兵庫県西宮市宮前町8-36</v>
          </cell>
          <cell r="G2028" t="str">
            <v>西宮市</v>
          </cell>
          <cell r="H2028" t="str">
            <v/>
          </cell>
          <cell r="I2028" t="str">
            <v>代表取締役 石川　信重</v>
          </cell>
          <cell r="J2028" t="str">
            <v>本店</v>
          </cell>
          <cell r="K2028" t="str">
            <v>0798-37-3707</v>
          </cell>
          <cell r="L2028" t="str">
            <v>main@flex.bz</v>
          </cell>
          <cell r="M2028" t="str">
            <v>ﾌﾚｯｸｽ</v>
          </cell>
          <cell r="N2028" t="str">
            <v>無</v>
          </cell>
          <cell r="O2028">
            <v>50</v>
          </cell>
          <cell r="P2028">
            <v>15</v>
          </cell>
          <cell r="Q2028">
            <v>6140001010697</v>
          </cell>
          <cell r="R2028">
            <v>10000</v>
          </cell>
          <cell r="S2028">
            <v>72059</v>
          </cell>
          <cell r="T2028">
            <v>134726</v>
          </cell>
          <cell r="V2028" t="str">
            <v>yz170586</v>
          </cell>
          <cell r="W2028" t="str">
            <v>mo157196</v>
          </cell>
          <cell r="Y2028" t="str">
            <v>046，10，46，51，52，54，</v>
          </cell>
          <cell r="Z2028">
            <v>51</v>
          </cell>
          <cell r="AA2028">
            <v>52</v>
          </cell>
          <cell r="AB2028">
            <v>54</v>
          </cell>
          <cell r="AC2028">
            <v>46</v>
          </cell>
          <cell r="AD2028" t="str">
            <v>管工事業　兵庫県知事許可（般－３０）第２１９５５４号　わな猟狩猟免許</v>
          </cell>
          <cell r="AE2028" t="str">
            <v>１；建築物飲料水貯水槽清掃業　兵庫県１５貯第１４Ｎ号の５２；建築物ねずみ昆虫等防除業　兵庫県１７ね第１４Ｎ号の１７３；建築物排水管清掃業　兵庫県１７排第１４Ｎ号の２２４；</v>
          </cell>
          <cell r="AF2028" t="str">
            <v>貯水槽清掃、鼠・衛生害虫防除、シロアリ防除、排水管清掃、清掃</v>
          </cell>
        </row>
        <row r="2029">
          <cell r="B2029">
            <v>10228</v>
          </cell>
          <cell r="C2029" t="str">
            <v>(株)リンケージ</v>
          </cell>
          <cell r="D2029" t="str">
            <v>072-755-6140</v>
          </cell>
          <cell r="E2029" t="str">
            <v>530-0047</v>
          </cell>
          <cell r="F2029" t="str">
            <v>兵庫県川西市中央町3-6</v>
          </cell>
          <cell r="G2029" t="str">
            <v>川西市</v>
          </cell>
          <cell r="H2029" t="str">
            <v/>
          </cell>
          <cell r="I2029" t="str">
            <v>代表取締役　 根岸　直美</v>
          </cell>
          <cell r="J2029" t="str">
            <v>本店</v>
          </cell>
          <cell r="K2029" t="str">
            <v>072-755-6141</v>
          </cell>
          <cell r="L2029" t="str">
            <v>lin002@linkage.ne.jp</v>
          </cell>
          <cell r="M2029" t="str">
            <v>ﾘﾝｹ-ｼﾞ</v>
          </cell>
          <cell r="N2029" t="str">
            <v>無</v>
          </cell>
          <cell r="O2029">
            <v>24</v>
          </cell>
          <cell r="P2029">
            <v>108</v>
          </cell>
          <cell r="Q2029">
            <v>2140000000000</v>
          </cell>
          <cell r="R2029">
            <v>20000</v>
          </cell>
          <cell r="S2029">
            <v>-9567</v>
          </cell>
          <cell r="T2029">
            <v>612930</v>
          </cell>
          <cell r="V2029" t="str">
            <v>vm434380</v>
          </cell>
          <cell r="W2029" t="str">
            <v>gq135793</v>
          </cell>
          <cell r="Y2029" t="str">
            <v>45.52.54</v>
          </cell>
          <cell r="Z2029" t="str">
            <v/>
          </cell>
          <cell r="AA2029" t="str">
            <v/>
          </cell>
          <cell r="AB2029" t="str">
            <v/>
          </cell>
          <cell r="AC2029" t="str">
            <v/>
          </cell>
          <cell r="AD2029" t="str">
            <v/>
          </cell>
          <cell r="AE2029" t="str">
            <v>１；２；病院清掃業務３；警備業務４；害虫駆除業務</v>
          </cell>
          <cell r="AF2029" t="str">
            <v>当社は病院清掃を得意とする会社です。医療関連サービスマーク認定、病院清掃受託責任者を有し、医療検定（医療福祉検定）資格者を有しています。特に手術室及びその関連施設である清潔区域清掃の実績もあります。また警備業務では、施設警備、交通誘導警備の実績は数多くあります。</v>
          </cell>
        </row>
        <row r="2030">
          <cell r="B2030">
            <v>10229</v>
          </cell>
          <cell r="C2030" t="str">
            <v>(株)ヒラカワ</v>
          </cell>
          <cell r="D2030" t="str">
            <v>06-6458-8687</v>
          </cell>
          <cell r="E2030" t="str">
            <v>531-0077</v>
          </cell>
          <cell r="F2030" t="str">
            <v>大阪府大阪市北区大淀北1-9-5</v>
          </cell>
          <cell r="G2030" t="str">
            <v>大阪市</v>
          </cell>
          <cell r="H2030" t="str">
            <v/>
          </cell>
          <cell r="I2030" t="str">
            <v>代表取締役社長 平川　晋一</v>
          </cell>
          <cell r="J2030" t="str">
            <v>本店</v>
          </cell>
          <cell r="K2030" t="str">
            <v>06-6458-8691</v>
          </cell>
          <cell r="L2030" t="str">
            <v>k_ito@hirakawag.co.jp</v>
          </cell>
          <cell r="M2030" t="str">
            <v>ﾋﾗｶﾜ</v>
          </cell>
          <cell r="N2030" t="str">
            <v>無</v>
          </cell>
          <cell r="O2030">
            <v>67</v>
          </cell>
          <cell r="P2030">
            <v>303</v>
          </cell>
          <cell r="Q2030">
            <v>6120001069538</v>
          </cell>
          <cell r="R2030">
            <v>90000</v>
          </cell>
          <cell r="S2030">
            <v>1095133</v>
          </cell>
          <cell r="T2030">
            <v>6316535</v>
          </cell>
          <cell r="V2030" t="str">
            <v>jm161814</v>
          </cell>
          <cell r="W2030" t="str">
            <v>mq199996</v>
          </cell>
          <cell r="Y2030" t="str">
            <v>10，48，</v>
          </cell>
          <cell r="Z2030">
            <v>48</v>
          </cell>
          <cell r="AA2030">
            <v>80</v>
          </cell>
          <cell r="AB2030">
            <v>10</v>
          </cell>
          <cell r="AC2030" t="str">
            <v/>
          </cell>
          <cell r="AD2030" t="str">
            <v/>
          </cell>
          <cell r="AE2030" t="str">
            <v>１；ボイラのメンテナンス２；各種ボイラ・真空式温水器３；ボイラ用清缶剤　毒物劇物一般販売業４；</v>
          </cell>
          <cell r="AF2030" t="str">
            <v>各種ボイラ・真空式温水器の設置工事、各種ボイラ・真空式温水器・ボイラ用清缶剤の製造販売、ボイラのメンテナンス</v>
          </cell>
        </row>
        <row r="2031">
          <cell r="B2031">
            <v>10232</v>
          </cell>
          <cell r="C2031" t="str">
            <v>オイレスＥＣＯ(株)</v>
          </cell>
          <cell r="D2031" t="str">
            <v>06-4806-6211</v>
          </cell>
          <cell r="E2031" t="str">
            <v>532-0011</v>
          </cell>
          <cell r="F2031" t="str">
            <v>大阪府大阪市淀川区西中島5-12-8</v>
          </cell>
          <cell r="G2031" t="str">
            <v>大阪市</v>
          </cell>
          <cell r="H2031" t="str">
            <v>大阪支店</v>
          </cell>
          <cell r="I2031" t="str">
            <v>支店長 染谷　和弘</v>
          </cell>
          <cell r="J2031" t="str">
            <v>東京都</v>
          </cell>
          <cell r="K2031" t="str">
            <v>06-4806-6311</v>
          </cell>
          <cell r="L2031" t="str">
            <v>noda@oiles-eco.co.jp</v>
          </cell>
          <cell r="M2031" t="str">
            <v>ｵｲﾚｽｴｺ</v>
          </cell>
          <cell r="N2031" t="str">
            <v>有</v>
          </cell>
          <cell r="O2031">
            <v>45</v>
          </cell>
          <cell r="P2031">
            <v>191</v>
          </cell>
          <cell r="Q2031">
            <v>2010701025490</v>
          </cell>
          <cell r="R2031">
            <v>200000</v>
          </cell>
          <cell r="S2031">
            <v>2653948</v>
          </cell>
          <cell r="T2031">
            <v>5893737</v>
          </cell>
          <cell r="V2031" t="str">
            <v>am144458</v>
          </cell>
          <cell r="W2031" t="str">
            <v>hu185693</v>
          </cell>
          <cell r="Y2031" t="str">
            <v>34，46，</v>
          </cell>
          <cell r="Z2031">
            <v>46</v>
          </cell>
          <cell r="AA2031">
            <v>34</v>
          </cell>
          <cell r="AB2031" t="str">
            <v/>
          </cell>
          <cell r="AC2031" t="str">
            <v/>
          </cell>
          <cell r="AD2031" t="str">
            <v>当社の製品にはＣａｂｌｅｘ　キャブレックスと刻印</v>
          </cell>
          <cell r="AE2031" t="str">
            <v>１；排煙・換気用窓開閉装置（オペレーター装置）保守点検２；排煙・換気用窓開閉装置（オペレーター装置）外付けブランド等のエコ製品の部品販売、修繕３；４；</v>
          </cell>
          <cell r="AF2031" t="str">
            <v>ウインドーオペレーターとは、排煙窓を開閉する排煙装置のことです。自然の心地よい換気をおこなうだけでなく、万一の火災時には有害な煙を排出して、建物内の安全を確保します。海浜地域や温泉、プールなどの特殊環境に対応できるよう耐食性を向上させた製品をご用意しています。</v>
          </cell>
        </row>
        <row r="2032">
          <cell r="B2032">
            <v>10233</v>
          </cell>
          <cell r="C2032" t="str">
            <v>日立キャピタルオートリース(株)</v>
          </cell>
          <cell r="D2032" t="str">
            <v>06-7668-0900</v>
          </cell>
          <cell r="E2032" t="str">
            <v>532-0003</v>
          </cell>
          <cell r="F2032" t="str">
            <v>大阪府大阪市淀川区宮原3-3-31</v>
          </cell>
          <cell r="G2032" t="str">
            <v>大阪市</v>
          </cell>
          <cell r="H2032" t="str">
            <v>関西支店</v>
          </cell>
          <cell r="I2032" t="str">
            <v>支店長 原田　茂樹</v>
          </cell>
          <cell r="J2032" t="str">
            <v>東京都</v>
          </cell>
          <cell r="K2032" t="str">
            <v>06-7668-0905</v>
          </cell>
          <cell r="L2032" t="str">
            <v>ca_nyuusatsu_shikaku@hitachi-capital.co.jp</v>
          </cell>
          <cell r="M2032" t="str">
            <v>ﾋﾀﾁｷｬﾋﾟﾀﾙｵｰﾄﾘｰｽ</v>
          </cell>
          <cell r="N2032" t="str">
            <v>有</v>
          </cell>
          <cell r="O2032">
            <v>29</v>
          </cell>
          <cell r="P2032">
            <v>320</v>
          </cell>
          <cell r="Q2032">
            <v>9010401023623</v>
          </cell>
          <cell r="R2032">
            <v>300000</v>
          </cell>
          <cell r="S2032">
            <v>17322015</v>
          </cell>
          <cell r="T2032">
            <v>49552690</v>
          </cell>
          <cell r="V2032" t="str">
            <v>ry151686</v>
          </cell>
          <cell r="W2032" t="str">
            <v>gw116973</v>
          </cell>
          <cell r="Y2032" t="str">
            <v>44，</v>
          </cell>
          <cell r="Z2032" t="str">
            <v/>
          </cell>
          <cell r="AA2032" t="str">
            <v/>
          </cell>
          <cell r="AB2032" t="str">
            <v/>
          </cell>
          <cell r="AC2032" t="str">
            <v/>
          </cell>
          <cell r="AD2032" t="str">
            <v/>
          </cell>
          <cell r="AE2032" t="str">
            <v>１；自動車のリース。高度管理医療機器等販売業賃貸業許可２；３；４；</v>
          </cell>
          <cell r="AF2032" t="str">
            <v>自動車のリース：乗用車・貨物車・バス・トラック・特装車・荷役車両・特殊車両等（塵芥車、消防車、救急車、福祉車等）</v>
          </cell>
        </row>
        <row r="2033">
          <cell r="B2033">
            <v>10236</v>
          </cell>
          <cell r="C2033" t="str">
            <v>(株)エヌ・ティ・ティマーケティングアクト</v>
          </cell>
          <cell r="D2033" t="str">
            <v>06-6450-5460</v>
          </cell>
          <cell r="E2033" t="str">
            <v>534-0024</v>
          </cell>
          <cell r="F2033" t="str">
            <v>大阪府大阪市都島区東野田町4-15-82</v>
          </cell>
          <cell r="G2033" t="str">
            <v>大阪市</v>
          </cell>
          <cell r="H2033" t="str">
            <v/>
          </cell>
          <cell r="I2033" t="str">
            <v>代表取締役社長 横山　桂子</v>
          </cell>
          <cell r="J2033" t="str">
            <v>本店</v>
          </cell>
          <cell r="K2033" t="str">
            <v>06-6881-5273</v>
          </cell>
          <cell r="L2033" t="str">
            <v>shinsei-kansai-act@west.ntt.co.jp</v>
          </cell>
          <cell r="M2033" t="str">
            <v>ｴﾇﾃｨﾃｨﾏｰｹﾃｨﾝｸﾞｱｸﾄ</v>
          </cell>
          <cell r="N2033" t="str">
            <v>無</v>
          </cell>
          <cell r="O2033">
            <v>17</v>
          </cell>
          <cell r="P2033">
            <v>11443</v>
          </cell>
          <cell r="Q2033">
            <v>1120001100018</v>
          </cell>
          <cell r="R2033">
            <v>100000</v>
          </cell>
          <cell r="S2033">
            <v>100000</v>
          </cell>
          <cell r="T2033">
            <v>108086246</v>
          </cell>
          <cell r="V2033" t="str">
            <v>sa434702</v>
          </cell>
          <cell r="W2033" t="str">
            <v>dh196637</v>
          </cell>
          <cell r="Y2033" t="str">
            <v>58，77，</v>
          </cell>
          <cell r="Z2033">
            <v>80</v>
          </cell>
          <cell r="AA2033">
            <v>58</v>
          </cell>
          <cell r="AB2033">
            <v>77</v>
          </cell>
          <cell r="AC2033" t="str">
            <v/>
          </cell>
          <cell r="AD2033" t="str">
            <v/>
          </cell>
          <cell r="AE2033" t="str">
            <v>１；テレマーケティング、コールセンター構築、多言語通訳センター運営、各種研修等２；ホームページ作成等３；４；</v>
          </cell>
          <cell r="AF2033" t="str">
            <v>コンタクトセンター運営のアウトソーシングを始めとし、コンタクトセンターに関連する幅広いサービスをご提供することにより、クライアント企業さまの様々な課題・要望にお応え致します。</v>
          </cell>
        </row>
        <row r="2034">
          <cell r="B2034">
            <v>10237</v>
          </cell>
          <cell r="C2034" t="str">
            <v>浦野(株)</v>
          </cell>
          <cell r="D2034" t="str">
            <v>06-6222-7281</v>
          </cell>
          <cell r="E2034" t="str">
            <v>541-0044</v>
          </cell>
          <cell r="F2034" t="str">
            <v>大阪府大阪市中央区伏見町2-5-5</v>
          </cell>
          <cell r="G2034" t="str">
            <v>大阪市</v>
          </cell>
          <cell r="H2034" t="str">
            <v/>
          </cell>
          <cell r="I2034" t="str">
            <v>取締役社長 浦野　英孝</v>
          </cell>
          <cell r="J2034" t="str">
            <v>本店</v>
          </cell>
          <cell r="K2034" t="str">
            <v>06-6222-6455</v>
          </cell>
          <cell r="L2034" t="str">
            <v>dai3@uranokk.com</v>
          </cell>
          <cell r="M2034" t="str">
            <v>ｳﾗﾉ</v>
          </cell>
          <cell r="N2034" t="str">
            <v>無</v>
          </cell>
          <cell r="O2034">
            <v>119</v>
          </cell>
          <cell r="P2034">
            <v>47</v>
          </cell>
          <cell r="Q2034">
            <v>1120001075169</v>
          </cell>
          <cell r="R2034">
            <v>40000</v>
          </cell>
          <cell r="S2034">
            <v>653637</v>
          </cell>
          <cell r="T2034">
            <v>8214600</v>
          </cell>
          <cell r="V2034" t="str">
            <v>ys144149</v>
          </cell>
          <cell r="W2034" t="str">
            <v>fg188697</v>
          </cell>
          <cell r="Y2034" t="str">
            <v>038，9，10，33，38，</v>
          </cell>
          <cell r="Z2034">
            <v>10</v>
          </cell>
          <cell r="AA2034">
            <v>9</v>
          </cell>
          <cell r="AB2034">
            <v>33</v>
          </cell>
          <cell r="AC2034">
            <v>38</v>
          </cell>
          <cell r="AD2034" t="str">
            <v/>
          </cell>
          <cell r="AE2034" t="str">
            <v>１；活性炭　苛性ソーダ　次亜塩素酸ソーダ　硫酸バンド　ＰＡＣ　消石灰　液体キレート　尿素水　アンモニア水　塩酸　プール用消毒剤　殺虫剤２；プール用消毒剤　殺虫剤３；簡易舗装材（雑草アタックＳ）４；避難用テント（ひなんルーム）</v>
          </cell>
          <cell r="AF2034" t="str">
            <v>弊社は、化学工業薬品全般を取扱っている商社です。</v>
          </cell>
        </row>
        <row r="2035">
          <cell r="B2035">
            <v>10238</v>
          </cell>
          <cell r="C2035" t="str">
            <v>(株)ドーン</v>
          </cell>
          <cell r="D2035" t="str">
            <v>078-222-9700</v>
          </cell>
          <cell r="E2035" t="str">
            <v>651-0086</v>
          </cell>
          <cell r="F2035" t="str">
            <v>兵庫県神戸市中央区磯上通2-2-21</v>
          </cell>
          <cell r="G2035" t="str">
            <v>神戸市</v>
          </cell>
          <cell r="H2035" t="str">
            <v/>
          </cell>
          <cell r="I2035" t="str">
            <v>代表取締役 宮崎　正伸</v>
          </cell>
          <cell r="J2035" t="str">
            <v>本店</v>
          </cell>
          <cell r="K2035" t="str">
            <v>078-222-9702</v>
          </cell>
          <cell r="L2035" t="str">
            <v>dawn@dawn-corp.co.jp</v>
          </cell>
          <cell r="M2035" t="str">
            <v>ﾄﾞｰﾝ</v>
          </cell>
          <cell r="N2035" t="str">
            <v>無</v>
          </cell>
          <cell r="O2035">
            <v>27</v>
          </cell>
          <cell r="P2035">
            <v>49</v>
          </cell>
          <cell r="Q2035">
            <v>9140001018622</v>
          </cell>
          <cell r="R2035">
            <v>363950</v>
          </cell>
          <cell r="S2035">
            <v>1333907</v>
          </cell>
          <cell r="T2035">
            <v>836545</v>
          </cell>
          <cell r="V2035" t="str">
            <v>sv634360</v>
          </cell>
          <cell r="W2035" t="str">
            <v>ih189539</v>
          </cell>
          <cell r="Y2035" t="str">
            <v>036，13，36，44，57，58，</v>
          </cell>
          <cell r="Z2035">
            <v>58</v>
          </cell>
          <cell r="AA2035">
            <v>57</v>
          </cell>
          <cell r="AB2035">
            <v>44</v>
          </cell>
          <cell r="AC2035">
            <v>36</v>
          </cell>
          <cell r="AD2035" t="str">
            <v/>
          </cell>
          <cell r="AE2035" t="str">
            <v>１；システム開発、保守（地理情報システム（ＧＩＳ）等）２；情報配信クラウドサービス（ＮＥＴ１１９緊急通報システム、地図情報・位置情報の配信、ＨＰアクセスログ解析、メール配信など）３；電算システム賃貸借（地理情報システム（ＧＩＳ）等）４；地理情報システム（ＧＩＳ）基本ソフトウェア「ＧｅｏＢａｓｅ」</v>
          </cell>
          <cell r="AF2035" t="str">
            <v>当社は、ＧＩＳ（地理情報システム）の構築用ソフトウェア「ＧｅｏＢａｓｅ」の開発及び販売、ＧＩＳアプリケーションの受託開発、デジタル地図等の仕入販売を行うほか、地図情報や緊急通報等のクラウド型情報配信サービスを提供しております。</v>
          </cell>
        </row>
        <row r="2036">
          <cell r="B2036">
            <v>10239</v>
          </cell>
          <cell r="C2036" t="str">
            <v>日成ビルド工業(株)</v>
          </cell>
          <cell r="D2036" t="str">
            <v>078-251-4560</v>
          </cell>
          <cell r="E2036" t="str">
            <v>651-0087</v>
          </cell>
          <cell r="F2036" t="str">
            <v>兵庫県神戸市中央区御幸通4ｰ1ｰ1</v>
          </cell>
          <cell r="G2036" t="str">
            <v>金沢市</v>
          </cell>
          <cell r="H2036" t="str">
            <v>兵庫支店</v>
          </cell>
          <cell r="I2036" t="str">
            <v>支店長 荒井　孝行</v>
          </cell>
          <cell r="J2036" t="str">
            <v>石川県金沢市</v>
          </cell>
          <cell r="K2036" t="str">
            <v>078-251-4561</v>
          </cell>
          <cell r="L2036" t="str">
            <v>j.kanbara@nisseibuild.co.jp</v>
          </cell>
          <cell r="M2036" t="str">
            <v>ﾆｯｾｲﾋﾞﾙﾄﾞｺｳｷﾞｮｳ</v>
          </cell>
          <cell r="N2036" t="str">
            <v>有</v>
          </cell>
          <cell r="O2036">
            <v>56</v>
          </cell>
          <cell r="P2036">
            <v>541</v>
          </cell>
          <cell r="Q2036">
            <v>2220001004983</v>
          </cell>
          <cell r="R2036">
            <v>7002078</v>
          </cell>
          <cell r="S2036">
            <v>29308000</v>
          </cell>
          <cell r="T2036">
            <v>76563000</v>
          </cell>
          <cell r="V2036" t="str">
            <v>kp900487</v>
          </cell>
          <cell r="W2036" t="str">
            <v>nq178693</v>
          </cell>
          <cell r="Y2036" t="str">
            <v>44，</v>
          </cell>
          <cell r="Z2036">
            <v>44</v>
          </cell>
          <cell r="AA2036" t="str">
            <v/>
          </cell>
          <cell r="AB2036" t="str">
            <v/>
          </cell>
          <cell r="AC2036" t="str">
            <v/>
          </cell>
          <cell r="AD2036" t="str">
            <v/>
          </cell>
          <cell r="AE2036" t="str">
            <v>１；仮設建物、仮設校舎など２；３；４；</v>
          </cell>
          <cell r="AF2036" t="str">
            <v>プレハブハウス、仮設建物など</v>
          </cell>
        </row>
        <row r="2037">
          <cell r="B2037">
            <v>10240</v>
          </cell>
          <cell r="C2037" t="str">
            <v>(株)宅配</v>
          </cell>
          <cell r="D2037" t="str">
            <v>03-3815-9711</v>
          </cell>
          <cell r="E2037" t="str">
            <v>113-0033</v>
          </cell>
          <cell r="F2037" t="str">
            <v>東京都文京区本郷4-11-5</v>
          </cell>
          <cell r="G2037" t="str">
            <v>東京都</v>
          </cell>
          <cell r="H2037" t="str">
            <v/>
          </cell>
          <cell r="I2037" t="str">
            <v>代表取締役 斜森　太郎</v>
          </cell>
          <cell r="J2037" t="str">
            <v>本店</v>
          </cell>
          <cell r="K2037" t="str">
            <v>03-3813-5809</v>
          </cell>
          <cell r="L2037" t="str">
            <v>main@takuhai-group.co.jp</v>
          </cell>
          <cell r="M2037" t="str">
            <v>ﾀｸﾊｲ</v>
          </cell>
          <cell r="N2037" t="str">
            <v>無</v>
          </cell>
          <cell r="O2037">
            <v>47</v>
          </cell>
          <cell r="P2037">
            <v>222</v>
          </cell>
          <cell r="Q2037">
            <v>3010001004665</v>
          </cell>
          <cell r="R2037">
            <v>50000</v>
          </cell>
          <cell r="S2037">
            <v>2990232</v>
          </cell>
          <cell r="T2037">
            <v>5187361</v>
          </cell>
          <cell r="V2037" t="str">
            <v>hh894068</v>
          </cell>
          <cell r="W2037" t="str">
            <v>il139595</v>
          </cell>
          <cell r="Y2037" t="str">
            <v>61，</v>
          </cell>
          <cell r="Z2037">
            <v>61</v>
          </cell>
          <cell r="AA2037" t="str">
            <v/>
          </cell>
          <cell r="AB2037" t="str">
            <v/>
          </cell>
          <cell r="AC2037" t="str">
            <v/>
          </cell>
          <cell r="AD2037" t="str">
            <v/>
          </cell>
          <cell r="AE2037" t="str">
            <v>１；水道メーター検針業務及び料金徴収業務２；３；４；</v>
          </cell>
          <cell r="AF2037" t="str">
            <v>弊社は昭和４６年の創業以来、水道メーター検針等水道関係業務を受託させて頂き、現在におきましては検針業務の他に水道使用中止に伴う料金清算、未収料金の収納業務など、水道料金関係業務の総合受託企業としての役割を果たさせて頂いております。</v>
          </cell>
        </row>
        <row r="2038">
          <cell r="B2038">
            <v>10242</v>
          </cell>
          <cell r="C2038" t="str">
            <v>ＴＳＰ太陽(株)</v>
          </cell>
          <cell r="D2038" t="str">
            <v>06-6306-3150</v>
          </cell>
          <cell r="E2038" t="str">
            <v>532-0012</v>
          </cell>
          <cell r="F2038" t="str">
            <v>大阪府大阪市淀川区木川東4-8-33</v>
          </cell>
          <cell r="G2038" t="str">
            <v>大阪市</v>
          </cell>
          <cell r="H2038" t="str">
            <v>大阪支店</v>
          </cell>
          <cell r="I2038" t="str">
            <v>大阪支店長 杉本　裕紀</v>
          </cell>
          <cell r="J2038" t="str">
            <v>東京都</v>
          </cell>
          <cell r="K2038" t="str">
            <v>06-6306-3140</v>
          </cell>
          <cell r="L2038" t="str">
            <v>nyusatu@tsp-taiyo.co.jp</v>
          </cell>
          <cell r="M2038" t="str">
            <v>ﾃｨｰｴｽﾋﾟｰﾀｲﾖｳ</v>
          </cell>
          <cell r="N2038" t="str">
            <v>有</v>
          </cell>
          <cell r="O2038">
            <v>63</v>
          </cell>
          <cell r="P2038">
            <v>192</v>
          </cell>
          <cell r="Q2038">
            <v>1013201003703</v>
          </cell>
          <cell r="R2038">
            <v>100000</v>
          </cell>
          <cell r="S2038">
            <v>3183884</v>
          </cell>
          <cell r="T2038">
            <v>11093888</v>
          </cell>
          <cell r="V2038" t="str">
            <v>dx625153</v>
          </cell>
          <cell r="W2038" t="str">
            <v>qg133695</v>
          </cell>
          <cell r="Y2038" t="str">
            <v>080，07，16，17，44，63，64，65，66，</v>
          </cell>
          <cell r="Z2038">
            <v>63</v>
          </cell>
          <cell r="AA2038">
            <v>44</v>
          </cell>
          <cell r="AB2038">
            <v>16</v>
          </cell>
          <cell r="AC2038">
            <v>80</v>
          </cell>
          <cell r="AD2038" t="str">
            <v>看板・パネル・サイン・懸垂幕・横断幕・のぼり・旗・テント・シートの物品販売。イベント用パンフレット・リーフレット・映像制作。兵庫県屋外広告業登録</v>
          </cell>
          <cell r="AE2038" t="str">
            <v>１；各種イベント企画・会場設営・運営。２；大型、小型テント・仮設プレハブ・トイレ・パソコン・ＦＡＸ・複合機・什器・遊具・機材・イベント用備品のリース・レンタル。３；選挙ポスター掲示場作成設置。４；イベント動員予測調査。イベント計画策定。</v>
          </cell>
          <cell r="AF2038" t="str">
            <v>博覧会、式典、スポーツイベント、文化イベント等の各種イベントの企画計画・観客動員シュミレーション・会場設計施工・事務局運営・会場運営管理・ディスプレイ・会場演出。防災訓練計画運営。設備備品のリース・レンタル。イベント用各種物品販売。</v>
          </cell>
        </row>
        <row r="2039">
          <cell r="B2039">
            <v>10243</v>
          </cell>
          <cell r="C2039" t="str">
            <v>ＮＴＴ－ＡＴエムタック(株)</v>
          </cell>
          <cell r="D2039" t="str">
            <v>03-3350-5171</v>
          </cell>
          <cell r="E2039" t="str">
            <v>651-0087</v>
          </cell>
          <cell r="F2039" t="str">
            <v>東京都新宿区新宿2-13-12</v>
          </cell>
          <cell r="G2039" t="str">
            <v>東京都</v>
          </cell>
          <cell r="H2039" t="str">
            <v/>
          </cell>
          <cell r="I2039" t="str">
            <v>代表取締役社長　 深澤　友雄</v>
          </cell>
          <cell r="J2039" t="str">
            <v>本店</v>
          </cell>
          <cell r="K2039" t="str">
            <v>03-3350-5562</v>
          </cell>
          <cell r="L2039" t="str">
            <v>sys.sales@mtack.co.jp</v>
          </cell>
          <cell r="M2039" t="str">
            <v>ｴﾇﾃｲﾃｲｴｲﾃｲｴﾑﾀﾂｸ</v>
          </cell>
          <cell r="N2039" t="str">
            <v>無</v>
          </cell>
          <cell r="O2039">
            <v>31</v>
          </cell>
          <cell r="P2039">
            <v>40</v>
          </cell>
          <cell r="Q2039">
            <v>3011100000000</v>
          </cell>
          <cell r="R2039">
            <v>15000</v>
          </cell>
          <cell r="S2039">
            <v>515049</v>
          </cell>
          <cell r="T2039">
            <v>657395</v>
          </cell>
          <cell r="V2039" t="str">
            <v>ej744342</v>
          </cell>
          <cell r="W2039" t="str">
            <v>ql199937</v>
          </cell>
          <cell r="Y2039" t="str">
            <v>36.57.58.80</v>
          </cell>
          <cell r="Z2039">
            <v>36</v>
          </cell>
          <cell r="AA2039">
            <v>58</v>
          </cell>
          <cell r="AB2039">
            <v>57</v>
          </cell>
          <cell r="AC2039">
            <v>80</v>
          </cell>
          <cell r="AD2039" t="str">
            <v/>
          </cell>
          <cell r="AE2039" t="str">
            <v>１；２；自社製ソフトウェアの販売、及びそれに係るハードウェアの販売業務３；自社製ソフトウェアの保守、及びそれに係るハードウェアの保守業務　自社製ソフトウェアの開発、改修業務４；電算連携業務</v>
          </cell>
          <cell r="AF2039" t="str">
            <v>自社製ソフトウェアの販売及び保守業務。自社製ソフトウェアに係るハードウェアの販売及び保守業務。自社製ソフトウェアの開発、改修業務。家屋台帳スキャニング業務。</v>
          </cell>
        </row>
        <row r="2040">
          <cell r="B2040">
            <v>10244</v>
          </cell>
          <cell r="C2040" t="str">
            <v>伊丹産業(株)</v>
          </cell>
          <cell r="D2040" t="str">
            <v>072-783-0001</v>
          </cell>
          <cell r="E2040" t="str">
            <v>664-8510</v>
          </cell>
          <cell r="F2040" t="str">
            <v>兵庫県伊丹市中央5-5-10</v>
          </cell>
          <cell r="G2040" t="str">
            <v>伊丹市</v>
          </cell>
          <cell r="H2040" t="str">
            <v/>
          </cell>
          <cell r="I2040" t="str">
            <v>代表取締役社長 北嶋　一郎</v>
          </cell>
          <cell r="J2040" t="str">
            <v>本店</v>
          </cell>
          <cell r="K2040" t="str">
            <v>072-777-7777</v>
          </cell>
          <cell r="L2040" t="str">
            <v>soumu1@itami-grp.co.jp</v>
          </cell>
          <cell r="M2040" t="str">
            <v>ｲﾀﾐｻﾝｷﾞｮｳ</v>
          </cell>
          <cell r="N2040" t="str">
            <v>無</v>
          </cell>
          <cell r="O2040">
            <v>70</v>
          </cell>
          <cell r="P2040">
            <v>1476</v>
          </cell>
          <cell r="Q2040">
            <v>5140001077993</v>
          </cell>
          <cell r="R2040">
            <v>50000</v>
          </cell>
          <cell r="S2040">
            <v>29351863</v>
          </cell>
          <cell r="T2040">
            <v>115014332</v>
          </cell>
          <cell r="V2040" t="str">
            <v>cp372068</v>
          </cell>
          <cell r="W2040" t="str">
            <v>ko119359</v>
          </cell>
          <cell r="Y2040" t="str">
            <v>036，02，11，26，35，36，37，43，</v>
          </cell>
          <cell r="Z2040">
            <v>11</v>
          </cell>
          <cell r="AA2040">
            <v>2</v>
          </cell>
          <cell r="AB2040">
            <v>37</v>
          </cell>
          <cell r="AC2040">
            <v>36</v>
          </cell>
          <cell r="AD2040" t="str">
            <v/>
          </cell>
          <cell r="AE2040" t="str">
            <v>１；プロパン・ブタン・ガソリン・灯油・重油・軽油・潤滑油／保安機関認定・液化石油ガス販売事業者登録／特：アストモスエネルギー(株)　昭和シェル石油　ＪＸＴＧエネルギー(株)　代：ジクシス(株)２；米穀類／米穀小売業者登録／全国農業協同組合連合会３；給湯器・コンロ等／代：リンナイ(株)　(株)ノーリツ４；携帯電話／代：ソフトバンク(株)</v>
          </cell>
          <cell r="AF2040" t="str">
            <v>ガス・石油・米穀を地域に密着した営業展開で提供しています。ＬＰガス集中監視システム「ＡＣＵ２４」により２４時間体制で保安確保。ガソリンスタンドには停電時給油可能な災害対応ステーションを２２店舗保有。米穀では食品安全マネジメントシステムＩＳＯ２２０００を全精米工場で取得。</v>
          </cell>
        </row>
        <row r="2041">
          <cell r="B2041">
            <v>10245</v>
          </cell>
          <cell r="C2041" t="str">
            <v>(株)誠和管財</v>
          </cell>
          <cell r="D2041" t="str">
            <v>06-6482-6006</v>
          </cell>
          <cell r="E2041" t="str">
            <v>660-0892</v>
          </cell>
          <cell r="F2041" t="str">
            <v>兵庫県尼崎市東難波町4丁目11番33号</v>
          </cell>
          <cell r="G2041" t="str">
            <v>尼崎市</v>
          </cell>
          <cell r="H2041" t="str">
            <v/>
          </cell>
          <cell r="I2041" t="str">
            <v>代表取締役 金野　誠史</v>
          </cell>
          <cell r="J2041" t="str">
            <v>本店</v>
          </cell>
          <cell r="K2041" t="str">
            <v>06-6488-7851</v>
          </cell>
          <cell r="L2041" t="str">
            <v/>
          </cell>
          <cell r="M2041" t="str">
            <v>ｾｲﾜｶﾝｻﾞｲ</v>
          </cell>
          <cell r="N2041" t="str">
            <v>無</v>
          </cell>
          <cell r="O2041">
            <v>43</v>
          </cell>
          <cell r="P2041">
            <v>120</v>
          </cell>
          <cell r="Q2041">
            <v>6140001052062</v>
          </cell>
          <cell r="R2041">
            <v>16000</v>
          </cell>
          <cell r="S2041">
            <v>52316</v>
          </cell>
          <cell r="T2041">
            <v>591803</v>
          </cell>
          <cell r="V2041" t="str">
            <v>pu101708</v>
          </cell>
          <cell r="W2041" t="str">
            <v>vm132658</v>
          </cell>
          <cell r="Y2041" t="str">
            <v>46，47，48，54，</v>
          </cell>
          <cell r="Z2041" t="str">
            <v/>
          </cell>
          <cell r="AA2041" t="str">
            <v/>
          </cell>
          <cell r="AB2041" t="str">
            <v/>
          </cell>
          <cell r="AC2041" t="str">
            <v/>
          </cell>
          <cell r="AD2041" t="str">
            <v/>
          </cell>
          <cell r="AE2041">
            <v>0</v>
          </cell>
          <cell r="AF2041" t="str">
            <v/>
          </cell>
        </row>
        <row r="2042">
          <cell r="B2042">
            <v>10246</v>
          </cell>
          <cell r="C2042" t="str">
            <v>(株)オービス</v>
          </cell>
          <cell r="D2042" t="str">
            <v>06-6325-3914</v>
          </cell>
          <cell r="E2042" t="str">
            <v>533-0033</v>
          </cell>
          <cell r="F2042" t="str">
            <v>大阪府大阪市東淀川区東中島1-21-15</v>
          </cell>
          <cell r="G2042" t="str">
            <v>大阪市</v>
          </cell>
          <cell r="H2042" t="str">
            <v>大阪営業所</v>
          </cell>
          <cell r="I2042" t="str">
            <v>所長 森　克行</v>
          </cell>
          <cell r="J2042" t="str">
            <v>広島県福山市</v>
          </cell>
          <cell r="K2042" t="str">
            <v>06-6325-3944</v>
          </cell>
          <cell r="L2042" t="str">
            <v>house-osaka@orvis.co.jp</v>
          </cell>
          <cell r="M2042" t="str">
            <v>ｵｰﾋﾞｽ</v>
          </cell>
          <cell r="N2042" t="str">
            <v>有</v>
          </cell>
          <cell r="O2042">
            <v>44</v>
          </cell>
          <cell r="P2042">
            <v>240</v>
          </cell>
          <cell r="Q2042">
            <v>1240001030054</v>
          </cell>
          <cell r="R2042">
            <v>684980</v>
          </cell>
          <cell r="S2042">
            <v>2559565</v>
          </cell>
          <cell r="T2042">
            <v>8118178</v>
          </cell>
          <cell r="V2042" t="str">
            <v>np103281</v>
          </cell>
          <cell r="W2042" t="str">
            <v>hd165837</v>
          </cell>
          <cell r="Y2042" t="str">
            <v>44，</v>
          </cell>
          <cell r="Z2042" t="str">
            <v/>
          </cell>
          <cell r="AA2042" t="str">
            <v/>
          </cell>
          <cell r="AB2042" t="str">
            <v/>
          </cell>
          <cell r="AC2042" t="str">
            <v/>
          </cell>
          <cell r="AD2042" t="str">
            <v/>
          </cell>
          <cell r="AE2042" t="str">
            <v>１；仮設建物　ユニットハウス　プレハブハウス（自社製）２；３；４；</v>
          </cell>
          <cell r="AF2042" t="str">
            <v>仮設プレハブ建築物の製造・販売・施工・賃貸借を主業務とし、仮設校舎・仮設園舎・仮設庁舎等多数の官公庁物件の実績があります。</v>
          </cell>
        </row>
        <row r="2043">
          <cell r="B2043">
            <v>10247</v>
          </cell>
          <cell r="C2043" t="str">
            <v>写測エンジニアリング(株)</v>
          </cell>
          <cell r="D2043" t="str">
            <v>078-271-1135</v>
          </cell>
          <cell r="E2043" t="str">
            <v>651-0083</v>
          </cell>
          <cell r="F2043" t="str">
            <v>兵庫県神戸市中央区浜辺通4-1-23</v>
          </cell>
          <cell r="G2043" t="str">
            <v>神戸市</v>
          </cell>
          <cell r="H2043" t="str">
            <v>神戸支店</v>
          </cell>
          <cell r="I2043" t="str">
            <v>支店長 光本　昇一</v>
          </cell>
          <cell r="J2043" t="str">
            <v>大阪府大阪市</v>
          </cell>
          <cell r="K2043" t="str">
            <v>078-271-1210</v>
          </cell>
          <cell r="L2043" t="str">
            <v>osakabranch@ss-eng.co.jp</v>
          </cell>
          <cell r="M2043" t="str">
            <v>ｼｬｿｸｴﾝｼﾞﾆｱﾘﾝｸﾞ</v>
          </cell>
          <cell r="N2043" t="str">
            <v>有</v>
          </cell>
          <cell r="O2043">
            <v>65</v>
          </cell>
          <cell r="P2043">
            <v>78</v>
          </cell>
          <cell r="Q2043">
            <v>3120001023704</v>
          </cell>
          <cell r="R2043">
            <v>100000</v>
          </cell>
          <cell r="S2043">
            <v>495377</v>
          </cell>
          <cell r="T2043">
            <v>1330823</v>
          </cell>
          <cell r="V2043" t="str">
            <v>ay991515</v>
          </cell>
          <cell r="W2043" t="str">
            <v>qf135953</v>
          </cell>
          <cell r="Y2043" t="str">
            <v>077，57，58，70，71，72，75，76，77，79，</v>
          </cell>
          <cell r="Z2043">
            <v>72</v>
          </cell>
          <cell r="AA2043">
            <v>57</v>
          </cell>
          <cell r="AB2043">
            <v>58</v>
          </cell>
          <cell r="AC2043">
            <v>77</v>
          </cell>
          <cell r="AD2043" t="str">
            <v/>
          </cell>
          <cell r="AE2043" t="str">
            <v>１；航空写真、地図作成２；電算処理、データ入力３；システム開発、ＧＩＳシステム４；アンケート調査</v>
          </cell>
          <cell r="AF2043" t="str">
            <v>1953年の創業以来、人々が快適な生活を営む事のできる社会に欠かせない空間情報を提供すべく、航空測量を中心に業務を展開しております。近年では、道路・造園・上下水道また各種地域計画から調査・環境分野にいたるまで、コンサル部門でも幅広く実績をあげています。</v>
          </cell>
        </row>
        <row r="2044">
          <cell r="B2044">
            <v>10248</v>
          </cell>
          <cell r="C2044" t="str">
            <v>(株)三進ろ過工業</v>
          </cell>
          <cell r="D2044" t="str">
            <v>052-452-3301</v>
          </cell>
          <cell r="E2044" t="str">
            <v>453-0013</v>
          </cell>
          <cell r="F2044" t="str">
            <v>愛知県名古屋市中村区亀島2-22-2</v>
          </cell>
          <cell r="G2044" t="str">
            <v>名古屋市</v>
          </cell>
          <cell r="H2044" t="str">
            <v/>
          </cell>
          <cell r="I2044" t="str">
            <v>代表取締役 柳下　幸一</v>
          </cell>
          <cell r="J2044" t="str">
            <v>本店</v>
          </cell>
          <cell r="K2044" t="str">
            <v>052-452-1512</v>
          </cell>
          <cell r="L2044" t="str">
            <v>kanri@sanshin-rokakougyou.co.jp</v>
          </cell>
          <cell r="M2044" t="str">
            <v>ｻﾝｼﾝﾛｶｺｳｷﾞｮｳ</v>
          </cell>
          <cell r="N2044" t="str">
            <v>無</v>
          </cell>
          <cell r="O2044">
            <v>46</v>
          </cell>
          <cell r="P2044">
            <v>31</v>
          </cell>
          <cell r="Q2044">
            <v>4180001030314</v>
          </cell>
          <cell r="R2044">
            <v>30000</v>
          </cell>
          <cell r="S2044">
            <v>304199</v>
          </cell>
          <cell r="T2044">
            <v>1066291</v>
          </cell>
          <cell r="V2044" t="str">
            <v>qf800087</v>
          </cell>
          <cell r="W2044" t="str">
            <v>kd133319</v>
          </cell>
          <cell r="Y2044" t="str">
            <v>48，</v>
          </cell>
          <cell r="Z2044">
            <v>48</v>
          </cell>
          <cell r="AA2044">
            <v>80</v>
          </cell>
          <cell r="AB2044" t="str">
            <v/>
          </cell>
          <cell r="AC2044" t="str">
            <v/>
          </cell>
          <cell r="AD2044" t="str">
            <v/>
          </cell>
          <cell r="AE2044" t="str">
            <v>１；プール・浴場・水処理用ろ過装置の保守点検管理２；プール・浴場・水処理用ろ過装置及びその関連商品３；４；</v>
          </cell>
          <cell r="AF2044" t="str">
            <v>プール・浴場・水処理用ろ過装置の製造、販売、設置、メンテナンス　ろ過装置関連商品の販売</v>
          </cell>
        </row>
        <row r="2045">
          <cell r="B2045">
            <v>10249</v>
          </cell>
          <cell r="C2045" t="str">
            <v>(有)九十屋</v>
          </cell>
          <cell r="D2045" t="str">
            <v>072-782-3889</v>
          </cell>
          <cell r="E2045" t="str">
            <v>664-0894</v>
          </cell>
          <cell r="F2045" t="str">
            <v>兵庫県伊丹清水2丁目3番22号</v>
          </cell>
          <cell r="G2045" t="str">
            <v>伊丹</v>
          </cell>
          <cell r="H2045" t="str">
            <v/>
          </cell>
          <cell r="I2045" t="str">
            <v>代表取締役 前田　祥宏</v>
          </cell>
          <cell r="J2045" t="str">
            <v>本店</v>
          </cell>
          <cell r="K2045" t="str">
            <v>072-770-7606</v>
          </cell>
          <cell r="L2045" t="str">
            <v>info@itami-kotoya.co.jp</v>
          </cell>
          <cell r="M2045" t="str">
            <v>ｺﾄﾔ</v>
          </cell>
          <cell r="N2045" t="str">
            <v>無</v>
          </cell>
          <cell r="O2045">
            <v>69</v>
          </cell>
          <cell r="P2045">
            <v>4</v>
          </cell>
          <cell r="Q2045">
            <v>5140002065114</v>
          </cell>
          <cell r="R2045">
            <v>3000</v>
          </cell>
          <cell r="S2045">
            <v>6583</v>
          </cell>
          <cell r="T2045">
            <v>14213</v>
          </cell>
          <cell r="V2045" t="str">
            <v>wz610039</v>
          </cell>
          <cell r="W2045" t="str">
            <v>qb158933</v>
          </cell>
          <cell r="Y2045" t="str">
            <v>039，07，08，12，14，15，18，20，35，36，39，41，73，</v>
          </cell>
          <cell r="Z2045">
            <v>14</v>
          </cell>
          <cell r="AA2045">
            <v>15</v>
          </cell>
          <cell r="AB2045">
            <v>12</v>
          </cell>
          <cell r="AC2045">
            <v>39</v>
          </cell>
          <cell r="AD2045" t="str">
            <v/>
          </cell>
          <cell r="AE2045" t="str">
            <v>１；ＫＯＫＵＹＯ　ＬＩＯＮ事務機　ナイキ　デュプロ　リコー　イナバ２；東芝テック　高田商事　服部　紙義商店３；プラス　誠文社４；ヤガミ</v>
          </cell>
          <cell r="AF2045" t="str">
            <v>地域密着型で地元に貢献する</v>
          </cell>
        </row>
        <row r="2046">
          <cell r="B2046">
            <v>10250</v>
          </cell>
          <cell r="C2046" t="str">
            <v>鶴亀温水器工業(株)</v>
          </cell>
          <cell r="D2046" t="str">
            <v>06-6788-5301</v>
          </cell>
          <cell r="E2046" t="str">
            <v>577-0067</v>
          </cell>
          <cell r="F2046" t="str">
            <v>大阪府東大阪市高井田西3-2-21</v>
          </cell>
          <cell r="G2046" t="str">
            <v>東大阪市</v>
          </cell>
          <cell r="H2046" t="str">
            <v/>
          </cell>
          <cell r="I2046" t="str">
            <v>代表取締役 八和田　靖夫</v>
          </cell>
          <cell r="J2046" t="str">
            <v>本店</v>
          </cell>
          <cell r="K2046" t="str">
            <v>06-6788-5373</v>
          </cell>
          <cell r="L2046" t="str">
            <v>miyata@tsuru-kame.co.jp</v>
          </cell>
          <cell r="M2046" t="str">
            <v>ﾂﾙｶﾒｵﾝｽｲｷｺｳｷﾞｮｳ</v>
          </cell>
          <cell r="N2046" t="str">
            <v>無</v>
          </cell>
          <cell r="O2046">
            <v>55</v>
          </cell>
          <cell r="P2046">
            <v>42</v>
          </cell>
          <cell r="Q2046">
            <v>9122001012929</v>
          </cell>
          <cell r="R2046">
            <v>75040</v>
          </cell>
          <cell r="S2046">
            <v>318760</v>
          </cell>
          <cell r="T2046">
            <v>824719</v>
          </cell>
          <cell r="V2046" t="str">
            <v>dv377177</v>
          </cell>
          <cell r="W2046" t="str">
            <v>qj183833</v>
          </cell>
          <cell r="Y2046" t="str">
            <v>10，48，</v>
          </cell>
          <cell r="Z2046">
            <v>48</v>
          </cell>
          <cell r="AA2046">
            <v>10</v>
          </cell>
          <cell r="AB2046" t="str">
            <v/>
          </cell>
          <cell r="AC2046" t="str">
            <v/>
          </cell>
          <cell r="AD2046" t="str">
            <v/>
          </cell>
          <cell r="AE2046" t="str">
            <v>１；浴場設備機器：　濾過機・排湯熱温水器・ボイラー等の保守点検２；プール・浴場用薬品（ツルクリン９０・スーパー（浴水清澄剤）ケイシー（凝集剤）次亜塩素・過酸化水素（殺菌剤）スケール除去剤・洗剤３；４；</v>
          </cell>
          <cell r="AF2046" t="str">
            <v>介護福祉施設・宿泊施設・ゴルフ場・公衆浴場等の大浴場及びプールの濾過機・ボイラー・排湯熱温水器の製造販売と設置工事並びに点検業務を主とし、プール・浴場用薬品も取り扱っております。</v>
          </cell>
        </row>
        <row r="2047">
          <cell r="B2047">
            <v>10252</v>
          </cell>
          <cell r="C2047" t="str">
            <v>小林産業(株)</v>
          </cell>
          <cell r="D2047" t="str">
            <v>072-782-5312</v>
          </cell>
          <cell r="E2047" t="str">
            <v>664-0852</v>
          </cell>
          <cell r="F2047" t="str">
            <v>兵庫県伊丹市南本町2-4-6</v>
          </cell>
          <cell r="G2047" t="str">
            <v>伊丹市</v>
          </cell>
          <cell r="H2047" t="str">
            <v/>
          </cell>
          <cell r="I2047" t="str">
            <v>代表取締役社長 小林　一啓</v>
          </cell>
          <cell r="J2047" t="str">
            <v>本店</v>
          </cell>
          <cell r="K2047" t="str">
            <v>072-782-2183</v>
          </cell>
          <cell r="L2047" t="str">
            <v>kbs-eno@ace.ocn.ne.jp</v>
          </cell>
          <cell r="M2047" t="str">
            <v>ｺﾊﾞﾔｼｻﾝｷﾞｮｳ</v>
          </cell>
          <cell r="N2047" t="str">
            <v>無</v>
          </cell>
          <cell r="O2047">
            <v>72</v>
          </cell>
          <cell r="P2047">
            <v>9</v>
          </cell>
          <cell r="Q2047">
            <v>1140001078335</v>
          </cell>
          <cell r="R2047">
            <v>10000</v>
          </cell>
          <cell r="S2047">
            <v>160334</v>
          </cell>
          <cell r="T2047">
            <v>612676</v>
          </cell>
          <cell r="V2047" t="str">
            <v>ug176570</v>
          </cell>
          <cell r="W2047" t="str">
            <v>kh198393</v>
          </cell>
          <cell r="Y2047" t="str">
            <v>11，</v>
          </cell>
          <cell r="Z2047" t="str">
            <v/>
          </cell>
          <cell r="AA2047" t="str">
            <v/>
          </cell>
          <cell r="AB2047" t="str">
            <v/>
          </cell>
          <cell r="AC2047" t="str">
            <v/>
          </cell>
          <cell r="AD2047" t="str">
            <v/>
          </cell>
          <cell r="AE2047" t="str">
            <v>１；２；３；４；</v>
          </cell>
          <cell r="AF2047" t="str">
            <v>ガソリンスタンドを経営させて頂き７２年の実績があり燃料と潤滑油製品に関して得意としております</v>
          </cell>
        </row>
        <row r="2048">
          <cell r="B2048">
            <v>10253</v>
          </cell>
          <cell r="C2048" t="str">
            <v>(株)ケイズ</v>
          </cell>
          <cell r="D2048" t="str">
            <v>06-4708-5215</v>
          </cell>
          <cell r="E2048" t="str">
            <v>541-0041</v>
          </cell>
          <cell r="F2048" t="str">
            <v>大阪府大阪市中央区北浜1-9-9</v>
          </cell>
          <cell r="G2048" t="str">
            <v>大阪市</v>
          </cell>
          <cell r="H2048" t="str">
            <v>大阪支社</v>
          </cell>
          <cell r="I2048" t="str">
            <v>支社長 坊ケ内　克良</v>
          </cell>
          <cell r="J2048" t="str">
            <v>京都府京都市</v>
          </cell>
          <cell r="K2048" t="str">
            <v>06-4708-5216</v>
          </cell>
          <cell r="L2048" t="str">
            <v>eigyou@keizu.net</v>
          </cell>
          <cell r="M2048" t="str">
            <v>ｹｲｽﾞ</v>
          </cell>
          <cell r="N2048" t="str">
            <v>有</v>
          </cell>
          <cell r="O2048">
            <v>29</v>
          </cell>
          <cell r="P2048">
            <v>15</v>
          </cell>
          <cell r="Q2048">
            <v>5130001020657</v>
          </cell>
          <cell r="R2048">
            <v>10000</v>
          </cell>
          <cell r="S2048">
            <v>-37520</v>
          </cell>
          <cell r="T2048">
            <v>127011</v>
          </cell>
          <cell r="V2048" t="str">
            <v>km621432</v>
          </cell>
          <cell r="W2048" t="str">
            <v>zv153918</v>
          </cell>
          <cell r="Y2048" t="str">
            <v>57，72，74，</v>
          </cell>
          <cell r="Z2048">
            <v>57</v>
          </cell>
          <cell r="AA2048">
            <v>72</v>
          </cell>
          <cell r="AB2048">
            <v>74</v>
          </cell>
          <cell r="AC2048" t="str">
            <v/>
          </cell>
          <cell r="AD2048" t="str">
            <v/>
          </cell>
          <cell r="AE2048" t="str">
            <v>１；道路台帳、上下水道台帳等各種台帳データ作成及びデータ入力２；航空写真撮影、現像及び写真図作成　都市計画図、用途地域図、各種ハザードマップ等地図作成３；都市計画図、用途地域図、各種ハザードマップ等地図作成及び印刷４；</v>
          </cell>
          <cell r="AF2048" t="str">
            <v>社会基盤情報を情報技術によって「都市計画」「固定資産」「施設管理」「町づくり」「環境保全」「防災」等に関する情報を、目的に応じて調査、測量、地図作成、計画、設計、運用管理、地図情報等を高い精度で提供します。</v>
          </cell>
        </row>
        <row r="2049">
          <cell r="B2049">
            <v>10254</v>
          </cell>
          <cell r="C2049" t="str">
            <v>(株)アイ・オー・プロセス</v>
          </cell>
          <cell r="D2049" t="str">
            <v>06-4964-9006</v>
          </cell>
          <cell r="E2049" t="str">
            <v>541-0054</v>
          </cell>
          <cell r="F2049" t="str">
            <v>大阪府大阪市中央区南本町2-3-8</v>
          </cell>
          <cell r="G2049" t="str">
            <v>大阪市</v>
          </cell>
          <cell r="H2049" t="str">
            <v/>
          </cell>
          <cell r="I2049" t="str">
            <v>代表取締役 北村　隆</v>
          </cell>
          <cell r="J2049" t="str">
            <v>本店</v>
          </cell>
          <cell r="K2049" t="str">
            <v>06-4964-9007</v>
          </cell>
          <cell r="L2049" t="str">
            <v>sato@iop-net.co.jp</v>
          </cell>
          <cell r="M2049" t="str">
            <v>ｱｲ･ｵｰ･ﾌﾟﾛｾｽ</v>
          </cell>
          <cell r="N2049" t="str">
            <v>無</v>
          </cell>
          <cell r="O2049">
            <v>24</v>
          </cell>
          <cell r="P2049">
            <v>96</v>
          </cell>
          <cell r="Q2049">
            <v>7120001073092</v>
          </cell>
          <cell r="R2049">
            <v>33500</v>
          </cell>
          <cell r="S2049">
            <v>46587</v>
          </cell>
          <cell r="T2049">
            <v>460881</v>
          </cell>
          <cell r="V2049" t="str">
            <v>bn278410</v>
          </cell>
          <cell r="W2049" t="str">
            <v>gz193738</v>
          </cell>
          <cell r="Y2049" t="str">
            <v>56，57，</v>
          </cell>
          <cell r="Z2049">
            <v>57</v>
          </cell>
          <cell r="AA2049">
            <v>56</v>
          </cell>
          <cell r="AB2049" t="str">
            <v/>
          </cell>
          <cell r="AC2049" t="str">
            <v/>
          </cell>
          <cell r="AD2049" t="str">
            <v/>
          </cell>
          <cell r="AE2049" t="str">
            <v>１；入力専用機によるデータ入力２；ＯＡスタッフの人材派遣３；４；</v>
          </cell>
          <cell r="AF2049" t="str">
            <v>イメージ入力も対応出来ます。</v>
          </cell>
        </row>
        <row r="2050">
          <cell r="B2050">
            <v>10255</v>
          </cell>
          <cell r="C2050" t="str">
            <v>共和工業(株)</v>
          </cell>
          <cell r="D2050" t="str">
            <v>03-3743-1131</v>
          </cell>
          <cell r="E2050" t="str">
            <v>143-0013</v>
          </cell>
          <cell r="F2050" t="str">
            <v>東京都大田区大森南4-4-16</v>
          </cell>
          <cell r="G2050" t="str">
            <v>東京都</v>
          </cell>
          <cell r="H2050" t="str">
            <v/>
          </cell>
          <cell r="I2050" t="str">
            <v>代表取締役 安藤　忠嗣</v>
          </cell>
          <cell r="J2050" t="str">
            <v>本店</v>
          </cell>
          <cell r="K2050" t="str">
            <v>03-3742-8646</v>
          </cell>
          <cell r="L2050" t="str">
            <v>gyoumu@kyowakogyo.com</v>
          </cell>
          <cell r="M2050" t="str">
            <v>ｷｮｳﾜｺｳｷﾞｮｳ</v>
          </cell>
          <cell r="N2050" t="str">
            <v>無</v>
          </cell>
          <cell r="O2050">
            <v>64</v>
          </cell>
          <cell r="P2050">
            <v>53</v>
          </cell>
          <cell r="Q2050">
            <v>6010801002865</v>
          </cell>
          <cell r="R2050">
            <v>90000</v>
          </cell>
          <cell r="S2050">
            <v>12448916</v>
          </cell>
          <cell r="T2050">
            <v>2067009</v>
          </cell>
          <cell r="V2050" t="str">
            <v>zd406310</v>
          </cell>
          <cell r="W2050" t="str">
            <v>ea159936</v>
          </cell>
          <cell r="Y2050" t="str">
            <v/>
          </cell>
          <cell r="Z2050">
            <v>80</v>
          </cell>
          <cell r="AA2050" t="str">
            <v/>
          </cell>
          <cell r="AB2050" t="str">
            <v/>
          </cell>
          <cell r="AC2050" t="str">
            <v/>
          </cell>
          <cell r="AD2050" t="str">
            <v/>
          </cell>
          <cell r="AE2050" t="str">
            <v>１；原動機付自転車標識２；３；４；</v>
          </cell>
          <cell r="AF2050" t="str">
            <v>官公庁（市区町村役所）を主に、創業以来一貫して原動機付自転車標識を製作、販売しています。</v>
          </cell>
        </row>
        <row r="2051">
          <cell r="B2051">
            <v>10256</v>
          </cell>
          <cell r="C2051" t="str">
            <v>(株)リブネット</v>
          </cell>
          <cell r="D2051" t="str">
            <v>0596-25-7903</v>
          </cell>
          <cell r="E2051" t="str">
            <v>516-0014</v>
          </cell>
          <cell r="F2051" t="str">
            <v>三重県伊勢市楠部町乙135番地</v>
          </cell>
          <cell r="G2051" t="str">
            <v>伊勢市</v>
          </cell>
          <cell r="H2051" t="str">
            <v/>
          </cell>
          <cell r="I2051" t="str">
            <v>代表取締役 荒井　宏幸</v>
          </cell>
          <cell r="J2051" t="str">
            <v>本店</v>
          </cell>
          <cell r="K2051" t="str">
            <v>0596-27-6557</v>
          </cell>
          <cell r="L2051" t="str">
            <v>libnet@libnet.co.jp</v>
          </cell>
          <cell r="M2051" t="str">
            <v>ﾘﾌﾞﾈｯﾄ</v>
          </cell>
          <cell r="N2051" t="str">
            <v>無</v>
          </cell>
          <cell r="O2051">
            <v>17</v>
          </cell>
          <cell r="P2051">
            <v>42</v>
          </cell>
          <cell r="Q2051">
            <v>6190001007482</v>
          </cell>
          <cell r="R2051">
            <v>100000</v>
          </cell>
          <cell r="S2051">
            <v>148936</v>
          </cell>
          <cell r="T2051">
            <v>1409543</v>
          </cell>
          <cell r="V2051" t="str">
            <v>hq634303</v>
          </cell>
          <cell r="W2051" t="str">
            <v>rj151559</v>
          </cell>
          <cell r="Y2051" t="str">
            <v>056，13，14，27，36，56，57，58，</v>
          </cell>
          <cell r="Z2051">
            <v>80</v>
          </cell>
          <cell r="AA2051">
            <v>58</v>
          </cell>
          <cell r="AB2051">
            <v>57</v>
          </cell>
          <cell r="AC2051">
            <v>56</v>
          </cell>
          <cell r="AD2051" t="str">
            <v/>
          </cell>
          <cell r="AE2051" t="str">
            <v>１；公共・学校図書館業務委託、図書館コンサルティング２；図書管理システム開発・保守３；４；図書館要員派遣　一般労働者派遣事業許可</v>
          </cell>
          <cell r="AF2051" t="str">
            <v>公共・学校図書館業務委託・図書館要員派遣・図書館コンサルティング・図書管理システム開発・保守および販売・図書館用品販売など</v>
          </cell>
        </row>
        <row r="2052">
          <cell r="B2052">
            <v>10257</v>
          </cell>
          <cell r="C2052" t="str">
            <v>(株)西尾家具工芸社</v>
          </cell>
          <cell r="D2052" t="str">
            <v>06-6443-5555</v>
          </cell>
          <cell r="E2052" t="str">
            <v>550-0004</v>
          </cell>
          <cell r="F2052" t="str">
            <v>大阪府大阪市西区靱本町2-3-8</v>
          </cell>
          <cell r="G2052" t="str">
            <v>大阪市</v>
          </cell>
          <cell r="H2052" t="str">
            <v/>
          </cell>
          <cell r="I2052" t="str">
            <v>代表取締役社長 西尾　誠一郎</v>
          </cell>
          <cell r="J2052" t="str">
            <v>本店</v>
          </cell>
          <cell r="K2052" t="str">
            <v>06-6446-6300</v>
          </cell>
          <cell r="L2052" t="str">
            <v>o-soumu@nishio-jp.com</v>
          </cell>
          <cell r="M2052" t="str">
            <v>ﾆｼｵｶｸﾞｺｳｹﾞｲｼｬ</v>
          </cell>
          <cell r="N2052" t="str">
            <v>無</v>
          </cell>
          <cell r="O2052">
            <v>70</v>
          </cell>
          <cell r="P2052">
            <v>88</v>
          </cell>
          <cell r="Q2052">
            <v>2120001039486</v>
          </cell>
          <cell r="R2052">
            <v>50000</v>
          </cell>
          <cell r="S2052">
            <v>2797278</v>
          </cell>
          <cell r="T2052">
            <v>3014880</v>
          </cell>
          <cell r="V2052" t="str">
            <v>vr502756</v>
          </cell>
          <cell r="W2052" t="str">
            <v>ke163336</v>
          </cell>
          <cell r="Y2052" t="str">
            <v>14，27，</v>
          </cell>
          <cell r="Z2052">
            <v>27</v>
          </cell>
          <cell r="AA2052">
            <v>14</v>
          </cell>
          <cell r="AB2052" t="str">
            <v/>
          </cell>
          <cell r="AC2052" t="str">
            <v/>
          </cell>
          <cell r="AD2052" t="str">
            <v/>
          </cell>
          <cell r="AE2052" t="str">
            <v>１；木製家具（調理実習台、理科実験台、収納戸棚、裁縫机、工作台、角椅子、書架、カウンター、閲覧机、作業台、ロッカー、下足箱、机・椅子、掃除用具入、展示戸棚、食器戸棚、流し台）２；スチール製家具（事務机、テーブル、椅子、書庫、収納棚）、応接セット、各種システム戸棚３；４；</v>
          </cell>
          <cell r="AF2052" t="str">
            <v>学校教育施設家具（調理実習台、理科実験台、昇降式調理台、収納戸棚、裁縫机、工作台、角椅子、書架、カウンター、閲覧机、作業台、ロッカー、下足箱、机・椅子、掃除用具入、展示戸棚、食器戸棚、流し台、包丁なま板殺菌保管庫ほか）公共施設、福祉施設等の家具、什器、備品の製造・販売。</v>
          </cell>
        </row>
        <row r="2053">
          <cell r="B2053">
            <v>10259</v>
          </cell>
          <cell r="C2053" t="str">
            <v>巽合成化学(株)</v>
          </cell>
          <cell r="D2053" t="str">
            <v>06-6561-8880</v>
          </cell>
          <cell r="E2053" t="str">
            <v>557-0061</v>
          </cell>
          <cell r="F2053" t="str">
            <v>大阪府大阪市西成区北津守4-4-21</v>
          </cell>
          <cell r="G2053" t="str">
            <v>大阪市</v>
          </cell>
          <cell r="H2053" t="str">
            <v/>
          </cell>
          <cell r="I2053" t="str">
            <v>代表取締役社長 多和田　悦子</v>
          </cell>
          <cell r="J2053" t="str">
            <v>本店</v>
          </cell>
          <cell r="K2053" t="str">
            <v>06-6561-7052</v>
          </cell>
          <cell r="L2053" t="str">
            <v>ns@tatumi-gousei.co.jp</v>
          </cell>
          <cell r="M2053" t="str">
            <v>ﾀﾂﾐｺﾞｳｾｲｶｶﾞｸ</v>
          </cell>
          <cell r="N2053" t="str">
            <v>無</v>
          </cell>
          <cell r="O2053">
            <v>68</v>
          </cell>
          <cell r="P2053">
            <v>43</v>
          </cell>
          <cell r="Q2053">
            <v>7120001003677</v>
          </cell>
          <cell r="R2053">
            <v>26390</v>
          </cell>
          <cell r="S2053">
            <v>982987</v>
          </cell>
          <cell r="T2053">
            <v>4612469</v>
          </cell>
          <cell r="V2053" t="str">
            <v>vy387425</v>
          </cell>
          <cell r="W2053" t="str">
            <v>st189335</v>
          </cell>
          <cell r="Y2053" t="str">
            <v>10，</v>
          </cell>
          <cell r="Z2053" t="str">
            <v/>
          </cell>
          <cell r="AA2053" t="str">
            <v/>
          </cell>
          <cell r="AB2053" t="str">
            <v/>
          </cell>
          <cell r="AC2053" t="str">
            <v/>
          </cell>
          <cell r="AD2053" t="str">
            <v/>
          </cell>
          <cell r="AE2053" t="str">
            <v>１；毒物劇物一般販売業登録・毒物劇物製造業登録・医薬品販売業許可（特定品目）２；３；４；</v>
          </cell>
          <cell r="AF2053" t="str">
            <v>工業用化学薬品を全般に自社倉庫にて在庫をして取扱い。貨物自動車、タンクローリー車を自社で所有しスピーディーな納入が可能です。</v>
          </cell>
        </row>
        <row r="2054">
          <cell r="B2054">
            <v>10260</v>
          </cell>
          <cell r="C2054" t="str">
            <v>阪神特機サービス(株)</v>
          </cell>
          <cell r="D2054" t="str">
            <v>0798-63-6300</v>
          </cell>
          <cell r="E2054" t="str">
            <v>662-0836</v>
          </cell>
          <cell r="F2054" t="str">
            <v>兵庫県西宮市大畑町8-28</v>
          </cell>
          <cell r="G2054" t="str">
            <v>西宮市</v>
          </cell>
          <cell r="H2054" t="str">
            <v/>
          </cell>
          <cell r="I2054" t="str">
            <v>代表取締役 松伏 次男</v>
          </cell>
          <cell r="J2054" t="str">
            <v>本店</v>
          </cell>
          <cell r="K2054" t="str">
            <v>0798-63-6500</v>
          </cell>
          <cell r="L2054" t="str">
            <v>daitoh@hanshintokki.com</v>
          </cell>
          <cell r="M2054" t="str">
            <v>ﾊﾝｼﾝﾄｯｷｻｰﾋﾞｽ</v>
          </cell>
          <cell r="N2054" t="str">
            <v>無</v>
          </cell>
          <cell r="O2054">
            <v>29</v>
          </cell>
          <cell r="P2054">
            <v>8</v>
          </cell>
          <cell r="Q2054">
            <v>3140001070042</v>
          </cell>
          <cell r="R2054">
            <v>10000</v>
          </cell>
          <cell r="S2054">
            <v>10238</v>
          </cell>
          <cell r="T2054">
            <v>207914</v>
          </cell>
          <cell r="V2054" t="str">
            <v>na979289</v>
          </cell>
          <cell r="W2054" t="str">
            <v>qi159999</v>
          </cell>
          <cell r="Y2054" t="str">
            <v>037，25，35，36，37，</v>
          </cell>
          <cell r="Z2054">
            <v>35</v>
          </cell>
          <cell r="AA2054">
            <v>36</v>
          </cell>
          <cell r="AB2054">
            <v>25</v>
          </cell>
          <cell r="AC2054">
            <v>37</v>
          </cell>
          <cell r="AD2054" t="str">
            <v/>
          </cell>
          <cell r="AE2054" t="str">
            <v>１；ビデオカメラ、デジタルカメラ、ＣＤデッキ、ワイヤレスアンプ、マイク、スピーカー、メガホン、冷蔵庫、洗濯機など２；パソコン３；電動自転車４；製氷機</v>
          </cell>
          <cell r="AF2054" t="str">
            <v>映像、音響、マルチメディア、ICT教育システムの設計と施工の会社です。音響、映像機器の故障による修理対応や消耗品、各種パーツ販売、交換もいたします。</v>
          </cell>
        </row>
        <row r="2055">
          <cell r="B2055">
            <v>10263</v>
          </cell>
          <cell r="C2055" t="str">
            <v>(株)たんぽぽ</v>
          </cell>
          <cell r="D2055" t="str">
            <v>06-6432-3600</v>
          </cell>
          <cell r="E2055" t="str">
            <v>661-0047</v>
          </cell>
          <cell r="F2055" t="str">
            <v>兵庫県尼崎市西昆陽2-15-4 (株)ｹｰｴｽｹｰ内</v>
          </cell>
          <cell r="G2055" t="str">
            <v>尼崎市</v>
          </cell>
          <cell r="H2055" t="str">
            <v>尼崎支店</v>
          </cell>
          <cell r="I2055" t="str">
            <v>営業主任　 柴垣　大理</v>
          </cell>
          <cell r="J2055" t="str">
            <v>兵庫県神戸市</v>
          </cell>
          <cell r="K2055" t="str">
            <v>06-6432-3601</v>
          </cell>
          <cell r="L2055" t="str">
            <v>tanpopo_window@web-ksk.co.jp</v>
          </cell>
          <cell r="M2055" t="str">
            <v>ﾀﾝﾎﾟﾎﾟ</v>
          </cell>
          <cell r="N2055" t="str">
            <v>有</v>
          </cell>
          <cell r="O2055">
            <v>23</v>
          </cell>
          <cell r="P2055">
            <v>32</v>
          </cell>
          <cell r="Q2055">
            <v>5140000000000</v>
          </cell>
          <cell r="R2055">
            <v>20000</v>
          </cell>
          <cell r="S2055">
            <v>516715</v>
          </cell>
          <cell r="T2055">
            <v>691721</v>
          </cell>
          <cell r="V2055" t="str">
            <v>jc569560</v>
          </cell>
          <cell r="W2055" t="str">
            <v>za133996</v>
          </cell>
          <cell r="Y2055" t="str">
            <v>6.9.29.39</v>
          </cell>
          <cell r="Z2055">
            <v>29</v>
          </cell>
          <cell r="AA2055">
            <v>39</v>
          </cell>
          <cell r="AB2055">
            <v>6</v>
          </cell>
          <cell r="AC2055">
            <v>9</v>
          </cell>
          <cell r="AD2055" t="str">
            <v/>
          </cell>
          <cell r="AE2055" t="str">
            <v>１；２；介護用特殊浴槽を希望　仕入先：（特）ＯＧ技研、（特）アマノ、酒井医療器等３；高度医療機器販売・賃貸許可取得。吸入器、吸引器、高圧蒸気滅菌器等　仕入先：（特）高園産業、いうら等４；特に介護用電動ベッド、床ずれ防止エアーマットを希望　仕入先：パラマウントベッド、（特）フランスベッド、（特）モルテン等</v>
          </cell>
          <cell r="AF2055" t="str">
            <v>弊社は介護保険が始まる４年前の平成８年４月から神戸市に本社を拠点とし、県下４ヶ所に事業所を構え営業を開始しました。福祉用具販売・貸与・介護機器・住宅改修が営業の中心です。過去の実績と共にお客様のご要望にお答えすべく、社が一丸となって取り組んでおります。</v>
          </cell>
        </row>
        <row r="2056">
          <cell r="B2056">
            <v>10264</v>
          </cell>
          <cell r="C2056" t="str">
            <v>イワタニファインガス(株)</v>
          </cell>
          <cell r="D2056" t="str">
            <v>06-6498-4161</v>
          </cell>
          <cell r="E2056" t="str">
            <v>661-0974</v>
          </cell>
          <cell r="F2056" t="str">
            <v>兵庫県尼崎市若王寺3-19-12</v>
          </cell>
          <cell r="G2056" t="str">
            <v>尼崎市</v>
          </cell>
          <cell r="H2056" t="str">
            <v/>
          </cell>
          <cell r="I2056" t="str">
            <v>代表取締役 町頭　禎之</v>
          </cell>
          <cell r="J2056" t="str">
            <v>本店</v>
          </cell>
          <cell r="K2056" t="str">
            <v>06-6498-0336</v>
          </cell>
          <cell r="L2056" t="str">
            <v>wada@iwatini-fine.co.jp</v>
          </cell>
          <cell r="M2056" t="str">
            <v>ｲﾜﾀﾆﾌｧｲﾝｶﾞｽ</v>
          </cell>
          <cell r="N2056" t="str">
            <v>無</v>
          </cell>
          <cell r="O2056">
            <v>25</v>
          </cell>
          <cell r="P2056">
            <v>23</v>
          </cell>
          <cell r="Q2056">
            <v>7140001050635</v>
          </cell>
          <cell r="R2056">
            <v>40000</v>
          </cell>
          <cell r="S2056">
            <v>217990</v>
          </cell>
          <cell r="T2056">
            <v>718809</v>
          </cell>
          <cell r="V2056" t="str">
            <v>ef243544</v>
          </cell>
          <cell r="W2056" t="str">
            <v>li166385</v>
          </cell>
          <cell r="Y2056" t="str">
            <v/>
          </cell>
          <cell r="Z2056">
            <v>80</v>
          </cell>
          <cell r="AA2056" t="str">
            <v/>
          </cell>
          <cell r="AB2056" t="str">
            <v/>
          </cell>
          <cell r="AC2056" t="str">
            <v/>
          </cell>
          <cell r="AD2056" t="str">
            <v/>
          </cell>
          <cell r="AE2056" t="str">
            <v>１；一般工業用高圧ガスの（酸素、水素、窒素等）各種純度ガス全般、及び各種標準ガス、特殊ガス等２；３；４；</v>
          </cell>
          <cell r="AF2056" t="str">
            <v>工業用一般高圧ガス全般の販売及び周辺設備への配管工事を専門にしています。特殊ガス配管工事等も自社で設計施工致します。</v>
          </cell>
        </row>
        <row r="2057">
          <cell r="B2057">
            <v>10266</v>
          </cell>
          <cell r="C2057" t="str">
            <v>近畿興産(株)</v>
          </cell>
          <cell r="D2057" t="str">
            <v>06-6417-4373</v>
          </cell>
          <cell r="E2057" t="str">
            <v>660-0054</v>
          </cell>
          <cell r="F2057" t="str">
            <v>兵庫県尼崎市西立花町2-27-1</v>
          </cell>
          <cell r="G2057" t="str">
            <v>尼崎市</v>
          </cell>
          <cell r="H2057" t="str">
            <v/>
          </cell>
          <cell r="I2057" t="str">
            <v>代表取締役 沼田　康清</v>
          </cell>
          <cell r="J2057" t="str">
            <v>本店</v>
          </cell>
          <cell r="K2057" t="str">
            <v>06-6417-4471</v>
          </cell>
          <cell r="L2057" t="str">
            <v>kinki@cwa.bai.ne.jp</v>
          </cell>
          <cell r="M2057" t="str">
            <v>ｷﾝｷｺｳｻﾝ</v>
          </cell>
          <cell r="N2057" t="str">
            <v>無</v>
          </cell>
          <cell r="O2057">
            <v>48</v>
          </cell>
          <cell r="P2057">
            <v>35</v>
          </cell>
          <cell r="Q2057">
            <v>2140001048394</v>
          </cell>
          <cell r="R2057">
            <v>10000</v>
          </cell>
          <cell r="S2057">
            <v>-70013</v>
          </cell>
          <cell r="T2057">
            <v>42750</v>
          </cell>
          <cell r="V2057" t="str">
            <v>mq371773</v>
          </cell>
          <cell r="W2057" t="str">
            <v>jh197115</v>
          </cell>
          <cell r="Y2057" t="str">
            <v>54，</v>
          </cell>
          <cell r="Z2057">
            <v>54</v>
          </cell>
          <cell r="AA2057" t="str">
            <v/>
          </cell>
          <cell r="AB2057" t="str">
            <v/>
          </cell>
          <cell r="AC2057" t="str">
            <v/>
          </cell>
          <cell r="AD2057" t="str">
            <v/>
          </cell>
          <cell r="AE2057" t="str">
            <v>１；建築物清掃業登録証（兵庫県）産業廃棄物収集運搬業許可証（尼崎市）２；３；４；</v>
          </cell>
          <cell r="AF2057" t="str">
            <v>当社の得意とする業務は、建物の清掃、維持、管理業務です。</v>
          </cell>
        </row>
        <row r="2058">
          <cell r="B2058">
            <v>10269</v>
          </cell>
          <cell r="C2058" t="str">
            <v>神戸日野自動車(株)</v>
          </cell>
          <cell r="D2058" t="str">
            <v>078-857-7121</v>
          </cell>
          <cell r="E2058" t="str">
            <v>658-0033</v>
          </cell>
          <cell r="F2058" t="str">
            <v>兵庫県神戸市東灘区向洋町西5‐11</v>
          </cell>
          <cell r="G2058" t="str">
            <v>神戸市</v>
          </cell>
          <cell r="H2058" t="str">
            <v/>
          </cell>
          <cell r="I2058" t="str">
            <v>代表取締役 馬場　寿夫</v>
          </cell>
          <cell r="J2058" t="str">
            <v>本店</v>
          </cell>
          <cell r="K2058" t="str">
            <v>078-857-7117</v>
          </cell>
          <cell r="L2058" t="str">
            <v>rie.tokitou@kobe-hino.co.jp</v>
          </cell>
          <cell r="M2058" t="str">
            <v>ｺｳﾍﾞﾋﾉｼﾞﾄﾞｳｼｬ</v>
          </cell>
          <cell r="N2058" t="str">
            <v>無</v>
          </cell>
          <cell r="O2058">
            <v>7</v>
          </cell>
          <cell r="P2058">
            <v>291</v>
          </cell>
          <cell r="Q2058">
            <v>8140001033969</v>
          </cell>
          <cell r="R2058">
            <v>100000</v>
          </cell>
          <cell r="S2058">
            <v>1322220</v>
          </cell>
          <cell r="T2058">
            <v>26215081</v>
          </cell>
          <cell r="V2058" t="str">
            <v>yn575280</v>
          </cell>
          <cell r="W2058" t="str">
            <v>bh193933</v>
          </cell>
          <cell r="Y2058" t="str">
            <v>23，24，26，</v>
          </cell>
          <cell r="Z2058">
            <v>23</v>
          </cell>
          <cell r="AA2058">
            <v>24</v>
          </cell>
          <cell r="AB2058">
            <v>26</v>
          </cell>
          <cell r="AC2058" t="str">
            <v/>
          </cell>
          <cell r="AD2058" t="str">
            <v/>
          </cell>
          <cell r="AE2058" t="str">
            <v>１；大・中・小型トラック、バス　代　日野自動車株式会社２；消防車、塵芥車、その他特殊車両　代　日野自動車株式会社３；上記車両の車検、整備、純正車両部品販売　許可：指定自動車整備事業、自動車分解整備事業４；</v>
          </cell>
          <cell r="AF2058" t="str">
            <v>事故ゼロ社会を目指して。低燃費や環境性能と並び安全性はトラックの重要なキーワードです。日野自動車は「トータルセーフティ」の推進を掲げ、車両運行に関わる管理運行、予防安全、衝突安全という一連のプロセスにおいて、安全装備の普及促進（標準装備化）に積極的に取り組んでおります。</v>
          </cell>
        </row>
        <row r="2059">
          <cell r="B2059">
            <v>10270</v>
          </cell>
          <cell r="C2059" t="str">
            <v>(株)関西情報センター</v>
          </cell>
          <cell r="D2059" t="str">
            <v>0798-35-4873</v>
          </cell>
          <cell r="E2059" t="str">
            <v>662-0918</v>
          </cell>
          <cell r="F2059" t="str">
            <v>兵庫県西宮市六湛寺町9-8</v>
          </cell>
          <cell r="G2059" t="str">
            <v>西宮市</v>
          </cell>
          <cell r="H2059" t="str">
            <v/>
          </cell>
          <cell r="I2059" t="str">
            <v>代表取締役　 森　剛</v>
          </cell>
          <cell r="J2059" t="str">
            <v>本店</v>
          </cell>
          <cell r="K2059" t="str">
            <v>0798-35-4260</v>
          </cell>
          <cell r="L2059" t="str">
            <v>eigyo@kansaijyoho.co.jp</v>
          </cell>
          <cell r="M2059" t="str">
            <v>ｶﾝｻｲｼﾞﾖｳﾎｳｾﾝﾀ-</v>
          </cell>
          <cell r="N2059" t="str">
            <v>無</v>
          </cell>
          <cell r="O2059">
            <v>39</v>
          </cell>
          <cell r="P2059">
            <v>45</v>
          </cell>
          <cell r="Q2059">
            <v>6140000000000</v>
          </cell>
          <cell r="R2059">
            <v>10000</v>
          </cell>
          <cell r="S2059">
            <v>45847</v>
          </cell>
          <cell r="T2059">
            <v>205754</v>
          </cell>
          <cell r="V2059" t="str">
            <v>jc526633</v>
          </cell>
          <cell r="W2059" t="str">
            <v>ts119839</v>
          </cell>
          <cell r="Y2059">
            <v>56.57</v>
          </cell>
          <cell r="Z2059">
            <v>57</v>
          </cell>
          <cell r="AA2059">
            <v>56</v>
          </cell>
          <cell r="AB2059" t="str">
            <v/>
          </cell>
          <cell r="AC2059" t="str">
            <v/>
          </cell>
          <cell r="AD2059" t="str">
            <v/>
          </cell>
          <cell r="AE2059" t="str">
            <v>１；２；各種データ入力及び作成業務において、あらゆる形式、媒体に対応しています。３；事務機器操作等業務に対応する人材の派遣を取扱っています。４；</v>
          </cell>
          <cell r="AF2059" t="str">
            <v>当社は健全な人材の育成と独創的技術の向上に努め、「信頼と安心」を期待される適正な管理システムの構築と真摯な実践を継続し、誠意をもって社会への貢献を目指すことを経営理念とし、各種データ入力・作成業務、オペレータ等の人材派遣業務において長年の実績があります。</v>
          </cell>
        </row>
        <row r="2060">
          <cell r="B2060">
            <v>10273</v>
          </cell>
          <cell r="C2060" t="str">
            <v>(株)東洋工業所</v>
          </cell>
          <cell r="D2060" t="str">
            <v>06-6416-1341</v>
          </cell>
          <cell r="E2060" t="str">
            <v>660-0054</v>
          </cell>
          <cell r="F2060" t="str">
            <v>兵庫県尼崎市西立花町2-20-20</v>
          </cell>
          <cell r="G2060" t="str">
            <v>尼崎市</v>
          </cell>
          <cell r="H2060" t="str">
            <v/>
          </cell>
          <cell r="I2060" t="str">
            <v>代表取締役 沼田　義治</v>
          </cell>
          <cell r="J2060" t="str">
            <v>本店</v>
          </cell>
          <cell r="K2060" t="str">
            <v>06-6416-1344</v>
          </cell>
          <cell r="L2060" t="str">
            <v>takeda@toyo-kogyosyo.jp</v>
          </cell>
          <cell r="M2060" t="str">
            <v>ﾄｳﾖｳｺｳｷﾞｮｳｼｮ</v>
          </cell>
          <cell r="N2060" t="str">
            <v>無</v>
          </cell>
          <cell r="O2060">
            <v>69</v>
          </cell>
          <cell r="P2060">
            <v>27</v>
          </cell>
          <cell r="Q2060">
            <v>4140001050183</v>
          </cell>
          <cell r="R2060">
            <v>20000</v>
          </cell>
          <cell r="S2060">
            <v>374326</v>
          </cell>
          <cell r="T2060">
            <v>331747</v>
          </cell>
          <cell r="V2060" t="str">
            <v>bp338581</v>
          </cell>
          <cell r="W2060" t="str">
            <v>uk195361</v>
          </cell>
          <cell r="Y2060" t="str">
            <v>51，55，68，</v>
          </cell>
          <cell r="Z2060">
            <v>68</v>
          </cell>
          <cell r="AA2060">
            <v>55</v>
          </cell>
          <cell r="AB2060">
            <v>51</v>
          </cell>
          <cell r="AC2060" t="str">
            <v/>
          </cell>
          <cell r="AD2060" t="str">
            <v/>
          </cell>
          <cell r="AE2060" t="str">
            <v>１；廃棄物処理業許可証（伊丹市）・ごみ処理施設使用承認書（豊中市伊丹市クリーンランド）・産業廃棄物収集運搬業許可証（兵庫県）他２；下水管清掃・維持・管理（高圧洗浄）３；浄化槽清掃業許可証（伊丹市）・浄化槽保守点検業者登録証（兵庫県）他４；</v>
          </cell>
          <cell r="AF2060" t="str">
            <v>当社が特に得意とするのは、１．廃棄物収集運搬等　２．下水管清掃・維持・管理（高圧洗浄）　３．浄化槽清掃・維持・管理です。</v>
          </cell>
        </row>
        <row r="2061">
          <cell r="B2061">
            <v>10276</v>
          </cell>
          <cell r="C2061" t="str">
            <v>富士電機ＩＴソリューション(株)</v>
          </cell>
          <cell r="D2061" t="str">
            <v>078-777-4280</v>
          </cell>
          <cell r="E2061" t="str">
            <v>651-0083</v>
          </cell>
          <cell r="F2061" t="str">
            <v>兵庫県神戸市中央区浜辺通5-1-14</v>
          </cell>
          <cell r="G2061" t="str">
            <v>神戸市</v>
          </cell>
          <cell r="H2061" t="str">
            <v>神戸支店</v>
          </cell>
          <cell r="I2061" t="str">
            <v>支店長 吉永　浩一郎</v>
          </cell>
          <cell r="J2061" t="str">
            <v>東京都</v>
          </cell>
          <cell r="K2061" t="str">
            <v>078-777-4282</v>
          </cell>
          <cell r="L2061" t="str">
            <v>x-k-gyo@fujielectric.com</v>
          </cell>
          <cell r="M2061" t="str">
            <v>ﾌｼﾞﾃﾞﾝｷｱｲﾃｨｿﾘｭｰｼｮﾝ</v>
          </cell>
          <cell r="N2061" t="str">
            <v>有</v>
          </cell>
          <cell r="O2061">
            <v>14</v>
          </cell>
          <cell r="P2061">
            <v>623</v>
          </cell>
          <cell r="Q2061">
            <v>9010001087242</v>
          </cell>
          <cell r="R2061">
            <v>1000000</v>
          </cell>
          <cell r="S2061">
            <v>5781966</v>
          </cell>
          <cell r="T2061">
            <v>67194864</v>
          </cell>
          <cell r="V2061" t="str">
            <v>wa894574</v>
          </cell>
          <cell r="W2061" t="str">
            <v>go131595</v>
          </cell>
          <cell r="Y2061" t="str">
            <v>012，12，14，15，36，57，58，</v>
          </cell>
          <cell r="Z2061">
            <v>36</v>
          </cell>
          <cell r="AA2061">
            <v>58</v>
          </cell>
          <cell r="AB2061">
            <v>14</v>
          </cell>
          <cell r="AC2061">
            <v>12</v>
          </cell>
          <cell r="AD2061" t="str">
            <v/>
          </cell>
          <cell r="AE2061" t="str">
            <v>１；（代）富士通、富士通コワーコ、エプソン販売、キヤノンマーケティングジャパン、アライドテレシス、マイクロソフト、トレンドマイクロ、デル２；自社３；サンワサプライ、エレコム４；シャープ</v>
          </cell>
          <cell r="AF2061" t="str">
            <v>コンピュータ、その周辺機器、通信機器の販売、保守、点検、修理、機器の据付工事。システムの企画、開発、設計、販売、保守、コンサルティング業務。ソフトウェアの開発、仕入販売、システムの保守。コンピュータ及びその周辺機器、通信機器の部品、消耗品の販売等。</v>
          </cell>
        </row>
        <row r="2062">
          <cell r="B2062">
            <v>10278</v>
          </cell>
          <cell r="C2062" t="str">
            <v>(有)ハシノ工業</v>
          </cell>
          <cell r="D2062" t="str">
            <v>078-987-4882</v>
          </cell>
          <cell r="E2062" t="str">
            <v>651-1303</v>
          </cell>
          <cell r="F2062" t="str">
            <v>兵庫県神戸市北区藤原台南町2-19-1</v>
          </cell>
          <cell r="G2062" t="str">
            <v>神戸市</v>
          </cell>
          <cell r="H2062" t="str">
            <v/>
          </cell>
          <cell r="I2062" t="str">
            <v>代表取締役 橋野　要</v>
          </cell>
          <cell r="J2062" t="str">
            <v>本店</v>
          </cell>
          <cell r="K2062" t="str">
            <v>078-987-4883</v>
          </cell>
          <cell r="L2062" t="str">
            <v>84-koh@gaia.eonet.ne.jp</v>
          </cell>
          <cell r="M2062" t="str">
            <v>ﾊｼﾉｺｳｷﾞｮｳ</v>
          </cell>
          <cell r="N2062" t="str">
            <v>無</v>
          </cell>
          <cell r="O2062">
            <v>34</v>
          </cell>
          <cell r="P2062">
            <v>4</v>
          </cell>
          <cell r="Q2062">
            <v>6140002003592</v>
          </cell>
          <cell r="R2062">
            <v>3000</v>
          </cell>
          <cell r="S2062">
            <v>31286</v>
          </cell>
          <cell r="T2062">
            <v>36010</v>
          </cell>
          <cell r="V2062" t="str">
            <v>wv445980</v>
          </cell>
          <cell r="W2062" t="str">
            <v>fh146129</v>
          </cell>
          <cell r="Y2062" t="str">
            <v/>
          </cell>
          <cell r="Z2062">
            <v>80</v>
          </cell>
          <cell r="AA2062" t="str">
            <v/>
          </cell>
          <cell r="AB2062" t="str">
            <v/>
          </cell>
          <cell r="AC2062" t="str">
            <v/>
          </cell>
          <cell r="AD2062" t="str">
            <v/>
          </cell>
          <cell r="AE2062" t="str">
            <v>１；水道施設の配水池、浄水池等を不断水状態のまま潜水士が清掃・点検する業務２；３；４；</v>
          </cell>
          <cell r="AF2062" t="str">
            <v>水道施設の配水池、浄水池等を不断水状態のまま潜水士が清掃・点検する業務</v>
          </cell>
        </row>
        <row r="2063">
          <cell r="B2063">
            <v>10279</v>
          </cell>
          <cell r="C2063" t="str">
            <v>(株)亀井商店</v>
          </cell>
          <cell r="D2063" t="str">
            <v>078-331-7436</v>
          </cell>
          <cell r="E2063" t="str">
            <v>650-0021</v>
          </cell>
          <cell r="F2063" t="str">
            <v>兵庫県神戸市中央区三宮町3-9-18</v>
          </cell>
          <cell r="G2063" t="str">
            <v>神戸市</v>
          </cell>
          <cell r="H2063" t="str">
            <v/>
          </cell>
          <cell r="I2063" t="str">
            <v>代表取締役 亀井　昭憲</v>
          </cell>
          <cell r="J2063" t="str">
            <v>本店</v>
          </cell>
          <cell r="K2063" t="str">
            <v>078-331-3746</v>
          </cell>
          <cell r="L2063" t="str">
            <v>kobe-kamex@pop11.odn.ne.jp</v>
          </cell>
          <cell r="M2063" t="str">
            <v>ｶﾒｲｼｮｳﾃﾝ</v>
          </cell>
          <cell r="N2063" t="str">
            <v>無</v>
          </cell>
          <cell r="O2063">
            <v>93</v>
          </cell>
          <cell r="P2063">
            <v>15</v>
          </cell>
          <cell r="Q2063">
            <v>2140001006947</v>
          </cell>
          <cell r="R2063">
            <v>10000</v>
          </cell>
          <cell r="S2063">
            <v>85176</v>
          </cell>
          <cell r="T2063">
            <v>179542</v>
          </cell>
          <cell r="V2063" t="str">
            <v>sg816949</v>
          </cell>
          <cell r="W2063" t="str">
            <v>ue165533</v>
          </cell>
          <cell r="Y2063" t="str">
            <v>07，04，05，07，08，14，</v>
          </cell>
          <cell r="Z2063">
            <v>8</v>
          </cell>
          <cell r="AA2063">
            <v>5</v>
          </cell>
          <cell r="AB2063">
            <v>14</v>
          </cell>
          <cell r="AC2063">
            <v>7</v>
          </cell>
          <cell r="AD2063" t="str">
            <v>啓発資材全般・ポケットティッシュ・うちわ・キズバンド・交通安全防犯啓発資材</v>
          </cell>
          <cell r="AE2063" t="str">
            <v>１；（株）藤田商店２；（株）藤田商店３；三菱鉛筆関西販売・パイロットコーポレーション４；服部（株）</v>
          </cell>
          <cell r="AF2063" t="str">
            <v>兵庫県庁・神戸市・他市町および外部団体に対し記念品・啓蒙用品等企画・提案・納入を主体業務とします。</v>
          </cell>
        </row>
        <row r="2064">
          <cell r="B2064">
            <v>10280</v>
          </cell>
          <cell r="C2064" t="str">
            <v>(有)明石浚渫興業</v>
          </cell>
          <cell r="D2064" t="str">
            <v>078-949-5131</v>
          </cell>
          <cell r="E2064" t="str">
            <v>674-0074</v>
          </cell>
          <cell r="F2064" t="str">
            <v>兵庫県明石市魚住町清水2400-9</v>
          </cell>
          <cell r="G2064" t="str">
            <v>明石市</v>
          </cell>
          <cell r="H2064" t="str">
            <v/>
          </cell>
          <cell r="I2064" t="str">
            <v>代表取締役　 吉岡　裕史</v>
          </cell>
          <cell r="J2064" t="str">
            <v>本店</v>
          </cell>
          <cell r="K2064" t="str">
            <v>078-949-5138</v>
          </cell>
          <cell r="L2064" t="str">
            <v>a.s.k@abelia.ocn.ne.jp</v>
          </cell>
          <cell r="M2064" t="str">
            <v>ｱｶｼｼﾕﾝｾﾂｺｳｷﾞﾖｳ</v>
          </cell>
          <cell r="N2064" t="str">
            <v>無</v>
          </cell>
          <cell r="O2064">
            <v>23</v>
          </cell>
          <cell r="P2064">
            <v>18</v>
          </cell>
          <cell r="Q2064">
            <v>7140000000000</v>
          </cell>
          <cell r="R2064">
            <v>3000</v>
          </cell>
          <cell r="S2064">
            <v>110546</v>
          </cell>
          <cell r="T2064">
            <v>304451</v>
          </cell>
          <cell r="V2064" t="str">
            <v>yh647346</v>
          </cell>
          <cell r="W2064" t="str">
            <v>eq119986</v>
          </cell>
          <cell r="Y2064" t="str">
            <v>55.68.79.80</v>
          </cell>
          <cell r="Z2064">
            <v>55</v>
          </cell>
          <cell r="AA2064">
            <v>79</v>
          </cell>
          <cell r="AB2064">
            <v>68</v>
          </cell>
          <cell r="AC2064">
            <v>80</v>
          </cell>
          <cell r="AD2064" t="str">
            <v/>
          </cell>
          <cell r="AE2064" t="str">
            <v>１；２；路面清掃車を用いての清掃・特殊車両を用いての河川等清掃３；下水道管ＴＶカメラ調査４；産業廃棄物収集運搬・特別産業廃棄物収集運搬業許可</v>
          </cell>
          <cell r="AF2064" t="str">
            <v>土木一式工事を特に希望致します。明石市内で施工実績が豊富にあります。最新の環境整備車両を使用し、河川、水路、側溝、道路等の清掃及び上下水道施設の調査補修を得意とします。</v>
          </cell>
        </row>
        <row r="2065">
          <cell r="B2065">
            <v>10281</v>
          </cell>
          <cell r="C2065" t="str">
            <v>日本安全警備(株)</v>
          </cell>
          <cell r="D2065" t="str">
            <v>078-391-1101</v>
          </cell>
          <cell r="E2065" t="str">
            <v>650-0034</v>
          </cell>
          <cell r="F2065" t="str">
            <v>兵庫県神戸市中央区京町71</v>
          </cell>
          <cell r="G2065" t="str">
            <v>神戸市</v>
          </cell>
          <cell r="H2065" t="str">
            <v/>
          </cell>
          <cell r="I2065" t="str">
            <v>代表取締役 柴嶺　裕</v>
          </cell>
          <cell r="J2065" t="str">
            <v>本店</v>
          </cell>
          <cell r="K2065" t="str">
            <v>078-391-1185</v>
          </cell>
          <cell r="L2065" t="str">
            <v>k-nagatomo@ankei.co.jp</v>
          </cell>
          <cell r="M2065" t="str">
            <v>ﾆﾎﾝｱﾝｾﾞﾝｹｲﾋﾞ</v>
          </cell>
          <cell r="N2065" t="str">
            <v>無</v>
          </cell>
          <cell r="O2065">
            <v>30</v>
          </cell>
          <cell r="P2065">
            <v>254</v>
          </cell>
          <cell r="Q2065">
            <v>6140001020011</v>
          </cell>
          <cell r="R2065">
            <v>100000</v>
          </cell>
          <cell r="S2065">
            <v>1007106</v>
          </cell>
          <cell r="T2065">
            <v>2687580</v>
          </cell>
          <cell r="V2065" t="str">
            <v>jc559186</v>
          </cell>
          <cell r="W2065" t="str">
            <v>dd153339</v>
          </cell>
          <cell r="Y2065" t="str">
            <v>45，49，70，</v>
          </cell>
          <cell r="Z2065">
            <v>45</v>
          </cell>
          <cell r="AA2065">
            <v>70</v>
          </cell>
          <cell r="AB2065">
            <v>49</v>
          </cell>
          <cell r="AC2065" t="str">
            <v/>
          </cell>
          <cell r="AD2065" t="str">
            <v/>
          </cell>
          <cell r="AE2065" t="str">
            <v>１；兵庫県公安委員会　認定書Ｎｏ．第８９２号　特に機械警備を希望します。２；防犯カメラシステムを希望します。３；協力会社への再委託となります。４；</v>
          </cell>
          <cell r="AF2065" t="str">
            <v>機械警備、防犯カメラ等の販売に注力する警備会社です。機械警備では県下に本社を置く警備会社としてはトップクラスの実績を上げています。また、貴重品運搬警備、施設（常駐）警備も行っています。</v>
          </cell>
        </row>
        <row r="2066">
          <cell r="B2066">
            <v>10282</v>
          </cell>
          <cell r="C2066" t="str">
            <v>(株)日立ビルシステム</v>
          </cell>
          <cell r="D2066" t="str">
            <v>06-6453-9243</v>
          </cell>
          <cell r="E2066" t="str">
            <v>530-0004</v>
          </cell>
          <cell r="F2066" t="str">
            <v>大阪府大阪市北区堂島浜1-2-1</v>
          </cell>
          <cell r="G2066" t="str">
            <v>大阪市</v>
          </cell>
          <cell r="H2066" t="str">
            <v>関西支社</v>
          </cell>
          <cell r="I2066" t="str">
            <v xml:space="preserve">支社長 長谷川　健一 </v>
          </cell>
          <cell r="J2066" t="str">
            <v>東京都</v>
          </cell>
          <cell r="K2066" t="str">
            <v>06-6453-9311</v>
          </cell>
          <cell r="L2066" t="str">
            <v>toru.hirasawa.mw@hitachi.com</v>
          </cell>
          <cell r="M2066" t="str">
            <v>ﾋﾀﾁﾋﾞﾙｼｽﾃﾑ</v>
          </cell>
          <cell r="N2066" t="str">
            <v>有</v>
          </cell>
          <cell r="O2066">
            <v>62</v>
          </cell>
          <cell r="P2066">
            <v>8177</v>
          </cell>
          <cell r="Q2066">
            <v>2010001027031</v>
          </cell>
          <cell r="R2066">
            <v>5105000</v>
          </cell>
          <cell r="S2066">
            <v>144194000</v>
          </cell>
          <cell r="T2066">
            <v>274919000</v>
          </cell>
          <cell r="V2066" t="str">
            <v>ys965562</v>
          </cell>
          <cell r="W2066" t="str">
            <v>vh185875</v>
          </cell>
          <cell r="Y2066" t="str">
            <v>48，</v>
          </cell>
          <cell r="Z2066">
            <v>48</v>
          </cell>
          <cell r="AA2066" t="str">
            <v/>
          </cell>
          <cell r="AB2066" t="str">
            <v/>
          </cell>
          <cell r="AC2066" t="str">
            <v/>
          </cell>
          <cell r="AD2066" t="str">
            <v/>
          </cell>
          <cell r="AE2066" t="str">
            <v>１；昇降機設備保守、冷凍空調設備保守２；３；４；</v>
          </cell>
          <cell r="AF2066" t="str">
            <v>エレベーター、エスカレーター、駐車場設備、冷凍空調装置、電気設備、自動ドア、その他ビル設備に必要な機器の製造、販売、据付、保守、改造修理、更新及び設計。各種ビル設備の監視、制御並びにビル管理。</v>
          </cell>
        </row>
        <row r="2067">
          <cell r="B2067">
            <v>10283</v>
          </cell>
          <cell r="C2067" t="str">
            <v>(株)エヌケーエス</v>
          </cell>
          <cell r="D2067" t="str">
            <v>06-6396-7414</v>
          </cell>
          <cell r="E2067" t="str">
            <v>532-0033</v>
          </cell>
          <cell r="F2067" t="str">
            <v>大阪府大阪市淀川区新高1-8-17</v>
          </cell>
          <cell r="G2067" t="str">
            <v>大阪市</v>
          </cell>
          <cell r="H2067" t="str">
            <v/>
          </cell>
          <cell r="I2067" t="str">
            <v>代表取締役 半田　勝彦</v>
          </cell>
          <cell r="J2067" t="str">
            <v>本店</v>
          </cell>
          <cell r="K2067" t="str">
            <v>06-6394-2278</v>
          </cell>
          <cell r="L2067" t="str">
            <v>nks@amnis-flow.co.jp</v>
          </cell>
          <cell r="M2067" t="str">
            <v>ｴﾇｹｰｴｽ</v>
          </cell>
          <cell r="N2067" t="str">
            <v>無</v>
          </cell>
          <cell r="O2067">
            <v>36</v>
          </cell>
          <cell r="P2067">
            <v>33</v>
          </cell>
          <cell r="Q2067">
            <v>2120001054089</v>
          </cell>
          <cell r="R2067">
            <v>20000</v>
          </cell>
          <cell r="S2067">
            <v>1500602</v>
          </cell>
          <cell r="T2067">
            <v>1180704</v>
          </cell>
          <cell r="V2067" t="str">
            <v>jx312672</v>
          </cell>
          <cell r="W2067" t="str">
            <v>li136699</v>
          </cell>
          <cell r="Y2067" t="str">
            <v>41，</v>
          </cell>
          <cell r="Z2067">
            <v>41</v>
          </cell>
          <cell r="AA2067" t="str">
            <v/>
          </cell>
          <cell r="AB2067" t="str">
            <v/>
          </cell>
          <cell r="AC2067" t="str">
            <v/>
          </cell>
          <cell r="AD2067" t="str">
            <v/>
          </cell>
          <cell r="AE2067" t="str">
            <v>１；品目：自動採水器（ポータブル・定置式）、流量計、水位計、フリューム類　許可等：国土交通大臣許可、届出製造事業者、流体速度測定方法およびその設置、流体速度演算方法およびその装置２；３；４；</v>
          </cell>
          <cell r="AF2067" t="str">
            <v>１．開水路流量計製作・据付及び電気計装工事　２．パーマボーラスフリューム製作及び据付工事　３．自動採水装置製作・据付および電気・水道等配線・配管工事　４．下水道流量調査</v>
          </cell>
        </row>
        <row r="2068">
          <cell r="B2068">
            <v>10285</v>
          </cell>
          <cell r="C2068" t="str">
            <v>朝日企業(株)</v>
          </cell>
          <cell r="D2068" t="str">
            <v>06-6357-9873</v>
          </cell>
          <cell r="E2068" t="str">
            <v>530-0043</v>
          </cell>
          <cell r="F2068" t="str">
            <v>大阪府大阪市北区天満二丁目7番30号</v>
          </cell>
          <cell r="G2068" t="str">
            <v>大阪市</v>
          </cell>
          <cell r="H2068" t="str">
            <v/>
          </cell>
          <cell r="I2068" t="str">
            <v>代表取締役社長 村上　博崇</v>
          </cell>
          <cell r="J2068" t="str">
            <v>本店</v>
          </cell>
          <cell r="K2068" t="str">
            <v>06-6242-6008</v>
          </cell>
          <cell r="L2068" t="str">
            <v>k_yokota@asahikigyo.co.jp</v>
          </cell>
          <cell r="M2068" t="str">
            <v>ｱｻﾋｷｷﾞｮｳ</v>
          </cell>
          <cell r="N2068" t="str">
            <v>無</v>
          </cell>
          <cell r="O2068">
            <v>68</v>
          </cell>
          <cell r="P2068">
            <v>63</v>
          </cell>
          <cell r="Q2068">
            <v>3120001059608</v>
          </cell>
          <cell r="R2068">
            <v>100000</v>
          </cell>
          <cell r="S2068">
            <v>853126</v>
          </cell>
          <cell r="T2068">
            <v>3822117</v>
          </cell>
          <cell r="V2068" t="str">
            <v>sa500514</v>
          </cell>
          <cell r="W2068" t="str">
            <v>de161969</v>
          </cell>
          <cell r="Y2068" t="str">
            <v>48，</v>
          </cell>
          <cell r="Z2068">
            <v>80</v>
          </cell>
          <cell r="AA2068">
            <v>48</v>
          </cell>
          <cell r="AB2068" t="str">
            <v/>
          </cell>
          <cell r="AC2068" t="str">
            <v/>
          </cell>
          <cell r="AD2068" t="str">
            <v/>
          </cell>
          <cell r="AE2068" t="str">
            <v>１；代（株）荏原製作所製品（各種ポンプ送風機圧縮機冷凍機ボイラー水処理機器他）特東芝インフラシステムズ（株）製品（各種電動機配分電盤制御盤発電機変圧器計装機器他）２；ポンプ、水処理機器、電動機、制御盤等、電気機械設備の保守点検業務３；４；</v>
          </cell>
          <cell r="AF2068" t="str">
            <v>弊社は（株）荏原製作所、東芝インフラシステムズ（株）の出資会社であり各々の代理店としてその製品の販売及び据付工事を行っております。上下水道施設に関わるポンプ設備、電気計装設備工事を得意とし、近畿圏内の官公庁に対する実績も多数あります。</v>
          </cell>
        </row>
        <row r="2069">
          <cell r="B2069">
            <v>10286</v>
          </cell>
          <cell r="C2069" t="str">
            <v>(株)栗田機械製作所</v>
          </cell>
          <cell r="D2069" t="str">
            <v>06-6582-3001</v>
          </cell>
          <cell r="E2069" t="str">
            <v>550-0024</v>
          </cell>
          <cell r="F2069" t="str">
            <v>大阪府大阪市西区境川2-1-44</v>
          </cell>
          <cell r="G2069" t="str">
            <v>大阪市</v>
          </cell>
          <cell r="H2069" t="str">
            <v/>
          </cell>
          <cell r="I2069" t="str">
            <v>代表取締役 栗田　佳直</v>
          </cell>
          <cell r="J2069" t="str">
            <v>本店</v>
          </cell>
          <cell r="K2069" t="str">
            <v>06-6584-0051</v>
          </cell>
          <cell r="L2069" t="str">
            <v>kankyou@kurifil.co.jp</v>
          </cell>
          <cell r="M2069" t="str">
            <v>ｸﾘﾀｷｶｲｾｲｻｸｼｮ</v>
          </cell>
          <cell r="N2069" t="str">
            <v>無</v>
          </cell>
          <cell r="O2069">
            <v>43</v>
          </cell>
          <cell r="P2069">
            <v>100</v>
          </cell>
          <cell r="Q2069">
            <v>5120001042909</v>
          </cell>
          <cell r="R2069">
            <v>90000</v>
          </cell>
          <cell r="S2069">
            <v>790159</v>
          </cell>
          <cell r="T2069">
            <v>2370052</v>
          </cell>
          <cell r="V2069" t="str">
            <v>bh718235</v>
          </cell>
          <cell r="W2069" t="str">
            <v>zm113939</v>
          </cell>
          <cell r="Y2069" t="str">
            <v/>
          </cell>
          <cell r="Z2069">
            <v>80</v>
          </cell>
          <cell r="AA2069" t="str">
            <v/>
          </cell>
          <cell r="AB2069" t="str">
            <v/>
          </cell>
          <cell r="AC2069" t="str">
            <v/>
          </cell>
          <cell r="AD2069" t="str">
            <v/>
          </cell>
          <cell r="AE2069" t="str">
            <v>１；各種脱水機（フィルタープレス）及びその周辺機器と所属部品２；３；４；</v>
          </cell>
          <cell r="AF2069" t="str">
            <v>当社は創業以来、「加圧式汚泥脱水機」の専門メーカーとして各方面にご利用いただいて参りました。また、当社の開発致しました「クリタ式全自動フィルタープレス」は、操作がいっそう簡単で、事後処理も経済的であり、大変好評をいただいております。</v>
          </cell>
        </row>
        <row r="2070">
          <cell r="B2070">
            <v>10287</v>
          </cell>
          <cell r="C2070" t="str">
            <v>(株)ＪＥＣＣ</v>
          </cell>
          <cell r="D2070" t="str">
            <v>03-3216-3962</v>
          </cell>
          <cell r="E2070" t="str">
            <v>100-8341</v>
          </cell>
          <cell r="F2070" t="str">
            <v>東京都千代田区丸の内3-4-1</v>
          </cell>
          <cell r="G2070" t="str">
            <v>東京都</v>
          </cell>
          <cell r="H2070" t="str">
            <v/>
          </cell>
          <cell r="I2070" t="str">
            <v>専務取締役 依田　茂</v>
          </cell>
          <cell r="J2070" t="str">
            <v>東京都</v>
          </cell>
          <cell r="K2070" t="str">
            <v>03-3216-3133</v>
          </cell>
          <cell r="L2070" t="str">
            <v>ito-yt@jecc.com</v>
          </cell>
          <cell r="M2070" t="str">
            <v>ｼﾞｪｯｸ</v>
          </cell>
          <cell r="N2070" t="str">
            <v>有</v>
          </cell>
          <cell r="O2070">
            <v>57</v>
          </cell>
          <cell r="P2070">
            <v>355</v>
          </cell>
          <cell r="Q2070">
            <v>2010001033475</v>
          </cell>
          <cell r="R2070">
            <v>65700000</v>
          </cell>
          <cell r="S2070">
            <v>254037382</v>
          </cell>
          <cell r="T2070">
            <v>252936102</v>
          </cell>
          <cell r="V2070" t="str">
            <v>dq618080</v>
          </cell>
          <cell r="W2070" t="str">
            <v>ek153713</v>
          </cell>
          <cell r="Y2070" t="str">
            <v>44，57，69，</v>
          </cell>
          <cell r="Z2070">
            <v>44</v>
          </cell>
          <cell r="AA2070">
            <v>57</v>
          </cell>
          <cell r="AB2070">
            <v>69</v>
          </cell>
          <cell r="AC2070" t="str">
            <v/>
          </cell>
          <cell r="AD2070" t="str">
            <v/>
          </cell>
          <cell r="AE2070" t="str">
            <v>１；電子計算機、パソコン、ＯＡ機器、通信機、医療機器等２；クラウドサービスなどＩＤＣを活用したアウトソーシングサービス３；パソコン等買取４；</v>
          </cell>
          <cell r="AF2070" t="str">
            <v>情報化の進展によるユーザ・ニーズに対応し、スーパーコンピュータからワークステーション、パソコン等あらゆるコンピュータ、そして必要なプログラム・プロダクト等の提供にいたるまで幅広い製品、また当社データセンターを活用したＩＴサービスの取扱いを致しております。</v>
          </cell>
        </row>
        <row r="2071">
          <cell r="B2071">
            <v>10288</v>
          </cell>
          <cell r="C2071" t="str">
            <v>富士通エフ・アイ・ピー(株) (吸収合併による取下げ）</v>
          </cell>
          <cell r="D2071" t="str">
            <v>06-6209-7353</v>
          </cell>
          <cell r="E2071" t="str">
            <v>578-0904</v>
          </cell>
          <cell r="F2071" t="str">
            <v>大阪府大阪市北区中之島2-2-2</v>
          </cell>
          <cell r="G2071" t="str">
            <v>大阪市</v>
          </cell>
          <cell r="H2071" t="str">
            <v>関西支社</v>
          </cell>
          <cell r="I2071" t="str">
            <v>支社長 安藤　義直</v>
          </cell>
          <cell r="J2071" t="str">
            <v>東京都</v>
          </cell>
          <cell r="K2071" t="str">
            <v>06-6209-7361</v>
          </cell>
          <cell r="L2071" t="str">
            <v>fip-k-kokyo-nyusatsu@dl.jp.fujitsu.com</v>
          </cell>
          <cell r="M2071" t="str">
            <v>ﾌｼﾞﾂｳｴﾌ.ｱｲ.ﾋﾟｰ</v>
          </cell>
          <cell r="N2071" t="str">
            <v>有</v>
          </cell>
          <cell r="O2071">
            <v>55</v>
          </cell>
          <cell r="P2071">
            <v>2885</v>
          </cell>
          <cell r="Q2071">
            <v>6010600000000</v>
          </cell>
          <cell r="R2071">
            <v>18000000</v>
          </cell>
          <cell r="S2071">
            <v>48905970</v>
          </cell>
          <cell r="T2071">
            <v>117812825</v>
          </cell>
          <cell r="V2071" t="str">
            <v>ty705827</v>
          </cell>
          <cell r="W2071" t="str">
            <v>kl187796</v>
          </cell>
          <cell r="Y2071" t="str">
            <v>36.44.57.58.80</v>
          </cell>
          <cell r="Z2071">
            <v>58</v>
          </cell>
          <cell r="AA2071">
            <v>57</v>
          </cell>
          <cell r="AB2071">
            <v>36</v>
          </cell>
          <cell r="AC2071">
            <v>80</v>
          </cell>
          <cell r="AD2071" t="str">
            <v/>
          </cell>
          <cell r="AE2071" t="str">
            <v>１；２；ソフトウェア開発・アウトソーシング（機器・運用保守）等３；電算処理、データ入力等４；パソコン、サーバ、プリンタ、サプライ用品等</v>
          </cell>
          <cell r="AF2071" t="str">
            <v>ソフトウェア開発・アウトソーシング（機器・運用保守）、機器販売、コールセンター構築・運用業務、リース（賃貸借業務）</v>
          </cell>
        </row>
        <row r="2072">
          <cell r="B2072">
            <v>10289</v>
          </cell>
          <cell r="C2072" t="str">
            <v>(株)水処理管理センター</v>
          </cell>
          <cell r="D2072" t="str">
            <v>06-6362-9106</v>
          </cell>
          <cell r="E2072" t="str">
            <v>530-0054</v>
          </cell>
          <cell r="F2072" t="str">
            <v>大阪府大阪市北区南森町1-4-10</v>
          </cell>
          <cell r="G2072" t="str">
            <v>大阪市</v>
          </cell>
          <cell r="H2072" t="str">
            <v/>
          </cell>
          <cell r="I2072" t="str">
            <v>代表取締役 川崎　肇</v>
          </cell>
          <cell r="J2072" t="str">
            <v>本店</v>
          </cell>
          <cell r="K2072" t="str">
            <v>06-6362-8404</v>
          </cell>
          <cell r="L2072" t="str">
            <v>mizshori@estate.ocn.ne.jp</v>
          </cell>
          <cell r="M2072" t="str">
            <v>ﾐｽﾞｼｮﾘｶﾝﾘｾﾝﾀｰ</v>
          </cell>
          <cell r="N2072" t="str">
            <v>無</v>
          </cell>
          <cell r="O2072">
            <v>41</v>
          </cell>
          <cell r="P2072">
            <v>14</v>
          </cell>
          <cell r="Q2072">
            <v>8120001070881</v>
          </cell>
          <cell r="R2072">
            <v>10000</v>
          </cell>
          <cell r="S2072">
            <v>275370</v>
          </cell>
          <cell r="T2072">
            <v>472024</v>
          </cell>
          <cell r="V2072" t="str">
            <v>kz640938</v>
          </cell>
          <cell r="W2072" t="str">
            <v>il189366</v>
          </cell>
          <cell r="Y2072" t="str">
            <v/>
          </cell>
          <cell r="Z2072">
            <v>80</v>
          </cell>
          <cell r="AA2072" t="str">
            <v/>
          </cell>
          <cell r="AB2072" t="str">
            <v/>
          </cell>
          <cell r="AC2072" t="str">
            <v/>
          </cell>
          <cell r="AD2072" t="str">
            <v/>
          </cell>
          <cell r="AE2072" t="str">
            <v>１；プール及び浴槽循環ろ過装置の保守点検を関西地区でおこなっており、適材適所において装置全般についての運転修理、調整及び指導をおこなっております。２；３；４；</v>
          </cell>
          <cell r="AF2072" t="str">
            <v>水処理プラント及び機器（ろ過機、薬注機等）の設計・施工・設置（プール、浴場等を含む）。ろ過機（プール含む）のろ過材、活性炭等の入替。上記、浄水場（簡水）、プール等の保守・管理業務及び補修工事</v>
          </cell>
        </row>
        <row r="2073">
          <cell r="B2073">
            <v>10290</v>
          </cell>
          <cell r="C2073" t="str">
            <v>(株)ＮＴＴファシリティーズ</v>
          </cell>
          <cell r="D2073" t="str">
            <v>06-6446-7465</v>
          </cell>
          <cell r="E2073" t="str">
            <v>530-0043</v>
          </cell>
          <cell r="F2073" t="str">
            <v>大阪府大阪市西区土佐堀一丁目4番14号</v>
          </cell>
          <cell r="G2073" t="str">
            <v>大阪市</v>
          </cell>
          <cell r="H2073" t="str">
            <v>関西事業本部</v>
          </cell>
          <cell r="I2073" t="str">
            <v>常務取締役関西事業本部長 阿部　聡</v>
          </cell>
          <cell r="J2073" t="str">
            <v>東京都</v>
          </cell>
          <cell r="K2073" t="str">
            <v>06-6446-4857</v>
          </cell>
          <cell r="L2073" t="str">
            <v/>
          </cell>
          <cell r="M2073" t="str">
            <v>ｴﾇﾃｲﾃｲﾌｱｼﾘﾃｲ-ｽﾞ</v>
          </cell>
          <cell r="N2073" t="str">
            <v>有</v>
          </cell>
          <cell r="O2073">
            <v>27</v>
          </cell>
          <cell r="P2073">
            <v>1097</v>
          </cell>
          <cell r="Q2073">
            <v>3010400000000</v>
          </cell>
          <cell r="R2073">
            <v>12400000</v>
          </cell>
          <cell r="S2073">
            <v>88057000</v>
          </cell>
          <cell r="T2073">
            <v>250960000</v>
          </cell>
          <cell r="V2073" t="str">
            <v>gg367737</v>
          </cell>
          <cell r="W2073" t="str">
            <v>ma199361</v>
          </cell>
          <cell r="Y2073" t="str">
            <v>35.36.40.43.46</v>
          </cell>
          <cell r="Z2073">
            <v>46</v>
          </cell>
          <cell r="AA2073">
            <v>35</v>
          </cell>
          <cell r="AB2073">
            <v>43</v>
          </cell>
          <cell r="AC2073" t="str">
            <v/>
          </cell>
          <cell r="AD2073" t="str">
            <v/>
          </cell>
          <cell r="AE2073" t="str">
            <v>１；２；建築物環境衛生総合管理業３；無停電電源装置（山洋電機）・太陽光発電システム（シャープ・京セラ・三菱電機）・蓄電池（新神戸電機）・雷サージプロテクタ（ＮＥＣトーキン）・ＬＥＤ照明（因幡電機製作所）４；電力供給</v>
          </cell>
          <cell r="AF2073" t="str">
            <v>ＩＴ・エネルギー・建築の領域を中心に、企画・設計から工事・維持管理まで、お客様のご要望を一手に担うことのできる幅広いサービスを提供します。</v>
          </cell>
        </row>
        <row r="2074">
          <cell r="B2074">
            <v>10291</v>
          </cell>
          <cell r="C2074" t="str">
            <v>日本電子計算(株)</v>
          </cell>
          <cell r="D2074" t="str">
            <v>06-6307-5437</v>
          </cell>
          <cell r="E2074" t="str">
            <v>532-0011</v>
          </cell>
          <cell r="F2074" t="str">
            <v>大阪府大阪市淀川区西中島2-12-11</v>
          </cell>
          <cell r="G2074" t="str">
            <v>大阪市</v>
          </cell>
          <cell r="H2074" t="str">
            <v>大阪支店</v>
          </cell>
          <cell r="I2074" t="str">
            <v>大阪支店長 一井　生也</v>
          </cell>
          <cell r="J2074" t="str">
            <v>東京都</v>
          </cell>
          <cell r="K2074" t="str">
            <v>06-6305-1959</v>
          </cell>
          <cell r="L2074" t="str">
            <v>osaka_gyoshatouroku@cm.jip.co.jp</v>
          </cell>
          <cell r="M2074" t="str">
            <v>ﾆﾎﾝﾃﾞﾝｼｹｲｻﾝ</v>
          </cell>
          <cell r="N2074" t="str">
            <v>有</v>
          </cell>
          <cell r="O2074">
            <v>56</v>
          </cell>
          <cell r="P2074">
            <v>1204</v>
          </cell>
          <cell r="Q2074">
            <v>2010601038584</v>
          </cell>
          <cell r="R2074">
            <v>2460000</v>
          </cell>
          <cell r="S2074">
            <v>13216175</v>
          </cell>
          <cell r="T2074">
            <v>26435713</v>
          </cell>
          <cell r="V2074" t="str">
            <v>fy653862</v>
          </cell>
          <cell r="W2074" t="str">
            <v>vo157991</v>
          </cell>
          <cell r="Y2074" t="str">
            <v>044，36，44，57，58，</v>
          </cell>
          <cell r="Z2074">
            <v>58</v>
          </cell>
          <cell r="AA2074">
            <v>57</v>
          </cell>
          <cell r="AB2074">
            <v>36</v>
          </cell>
          <cell r="AC2074">
            <v>44</v>
          </cell>
          <cell r="AD2074" t="str">
            <v/>
          </cell>
          <cell r="AE2074" t="str">
            <v>１；２；３；４；</v>
          </cell>
          <cell r="AF2074" t="str">
            <v>業界最新の技術を投入したシステム提供と総合行政情報システムに対する様々な経験を通じて培ってきたノウハウを総合行政情報システムとして実現しております。</v>
          </cell>
        </row>
        <row r="2075">
          <cell r="B2075">
            <v>10292</v>
          </cell>
          <cell r="C2075" t="str">
            <v>(株)地域環境システム研究所</v>
          </cell>
          <cell r="D2075" t="str">
            <v>06-6110-5445</v>
          </cell>
          <cell r="E2075" t="str">
            <v>531-0072</v>
          </cell>
          <cell r="F2075" t="str">
            <v>大阪府大阪市北区豊崎3-10-2</v>
          </cell>
          <cell r="G2075" t="str">
            <v>大阪市</v>
          </cell>
          <cell r="H2075" t="str">
            <v/>
          </cell>
          <cell r="I2075" t="str">
            <v>代表取締役 畑間　慎哉</v>
          </cell>
          <cell r="J2075" t="str">
            <v>本店</v>
          </cell>
          <cell r="K2075" t="str">
            <v>06-6110-5446</v>
          </cell>
          <cell r="L2075" t="str">
            <v>osaka@lesr.co.jp</v>
          </cell>
          <cell r="M2075" t="str">
            <v>ﾁｲｷｶﾝｷｮｳｼｽﾃﾑｹﾝｷｭｳｼｮ</v>
          </cell>
          <cell r="N2075" t="str">
            <v>無</v>
          </cell>
          <cell r="O2075">
            <v>11</v>
          </cell>
          <cell r="P2075">
            <v>3</v>
          </cell>
          <cell r="Q2075">
            <v>1120001131582</v>
          </cell>
          <cell r="R2075">
            <v>10000</v>
          </cell>
          <cell r="S2075">
            <v>39287</v>
          </cell>
          <cell r="T2075">
            <v>48567</v>
          </cell>
          <cell r="V2075" t="str">
            <v>ca664504</v>
          </cell>
          <cell r="W2075" t="str">
            <v>ku178248</v>
          </cell>
          <cell r="Y2075" t="str">
            <v>77，</v>
          </cell>
          <cell r="Z2075">
            <v>80</v>
          </cell>
          <cell r="AA2075">
            <v>77</v>
          </cell>
          <cell r="AB2075" t="str">
            <v/>
          </cell>
          <cell r="AC2075" t="str">
            <v/>
          </cell>
          <cell r="AD2075" t="str">
            <v/>
          </cell>
          <cell r="AE2075" t="str">
            <v>１；廃棄物に関する調査、分析、計画２；廃棄物に関するアンケート調査３；４；</v>
          </cell>
          <cell r="AF2075" t="str">
            <v>廃棄物に関するコンサルティング業務を得意とします。</v>
          </cell>
        </row>
        <row r="2076">
          <cell r="B2076">
            <v>10293</v>
          </cell>
          <cell r="C2076" t="str">
            <v>新響(株)</v>
          </cell>
          <cell r="D2076" t="str">
            <v>06-7655-6516</v>
          </cell>
          <cell r="E2076" t="str">
            <v>660-0884</v>
          </cell>
          <cell r="F2076" t="str">
            <v>兵庫県尼崎市神田中通4-119</v>
          </cell>
          <cell r="G2076" t="str">
            <v>尼崎市</v>
          </cell>
          <cell r="H2076" t="str">
            <v/>
          </cell>
          <cell r="I2076" t="str">
            <v>代表取締役社長 鎌垣　嘉章</v>
          </cell>
          <cell r="J2076" t="str">
            <v>本店</v>
          </cell>
          <cell r="K2076" t="str">
            <v>06-7655-6526</v>
          </cell>
          <cell r="L2076" t="str">
            <v>kishizoe-hiromi@shinkyo-gakki.com</v>
          </cell>
          <cell r="M2076" t="str">
            <v>ｼﾝｷｮｳ</v>
          </cell>
          <cell r="N2076" t="str">
            <v>無</v>
          </cell>
          <cell r="O2076">
            <v>72</v>
          </cell>
          <cell r="P2076">
            <v>126</v>
          </cell>
          <cell r="Q2076">
            <v>2140001049153</v>
          </cell>
          <cell r="R2076">
            <v>54600</v>
          </cell>
          <cell r="S2076">
            <v>230218</v>
          </cell>
          <cell r="T2076">
            <v>1676220</v>
          </cell>
          <cell r="V2076" t="str">
            <v>gg599238</v>
          </cell>
          <cell r="W2076" t="str">
            <v>ds193936</v>
          </cell>
          <cell r="Y2076" t="str">
            <v>18，</v>
          </cell>
          <cell r="Z2076" t="str">
            <v/>
          </cell>
          <cell r="AA2076" t="str">
            <v/>
          </cell>
          <cell r="AB2076" t="str">
            <v/>
          </cell>
          <cell r="AC2076" t="str">
            <v/>
          </cell>
          <cell r="AD2076" t="str">
            <v/>
          </cell>
          <cell r="AE2076" t="str">
            <v>１；２；３；４；</v>
          </cell>
          <cell r="AF2076" t="str">
            <v>阪神間に音楽教室運営　２０拠点　楽器販売（ピアノ、エレクトーン、管弦打楽器等）防音工事等</v>
          </cell>
        </row>
        <row r="2077">
          <cell r="B2077">
            <v>10295</v>
          </cell>
          <cell r="C2077" t="str">
            <v>行政システム(株)</v>
          </cell>
          <cell r="D2077" t="str">
            <v>06-6396-4805</v>
          </cell>
          <cell r="E2077" t="str">
            <v>532-0003</v>
          </cell>
          <cell r="F2077" t="str">
            <v>大阪府大阪市淀川区宮原4-1-6</v>
          </cell>
          <cell r="G2077" t="str">
            <v>大阪市</v>
          </cell>
          <cell r="H2077" t="str">
            <v>大阪支店</v>
          </cell>
          <cell r="I2077" t="str">
            <v>大阪支店長 大垣　貴史</v>
          </cell>
          <cell r="J2077" t="str">
            <v>東京都立川市曙町</v>
          </cell>
          <cell r="K2077" t="str">
            <v>06-6394-4711</v>
          </cell>
          <cell r="L2077" t="str">
            <v>hideyuki_kitamura@gyosei-system.co.jp</v>
          </cell>
          <cell r="M2077" t="str">
            <v>ｷﾞｮｳｾｲｼｽﾃﾑ</v>
          </cell>
          <cell r="N2077" t="str">
            <v>有</v>
          </cell>
          <cell r="O2077">
            <v>41</v>
          </cell>
          <cell r="P2077">
            <v>113</v>
          </cell>
          <cell r="Q2077">
            <v>1012801000382</v>
          </cell>
          <cell r="R2077">
            <v>40000</v>
          </cell>
          <cell r="S2077">
            <v>2810693</v>
          </cell>
          <cell r="T2077">
            <v>1968012</v>
          </cell>
          <cell r="V2077" t="str">
            <v>mt841023</v>
          </cell>
          <cell r="W2077" t="str">
            <v>kq169789</v>
          </cell>
          <cell r="Y2077" t="str">
            <v>36，44，57，</v>
          </cell>
          <cell r="Z2077">
            <v>36</v>
          </cell>
          <cell r="AA2077">
            <v>57</v>
          </cell>
          <cell r="AB2077">
            <v>44</v>
          </cell>
          <cell r="AC2077" t="str">
            <v/>
          </cell>
          <cell r="AD2077" t="str">
            <v/>
          </cell>
          <cell r="AE2077" t="str">
            <v>１；富士通社製サーバー機器、パソコン、プリンタの販売を行っている。２；自治体向け業務システムの開発、運用、保守を行っている。３；サーバー機器、パソコン、プリンタ他周辺機器、パッケージソフトの賃借、リース業務を行っている。４；</v>
          </cell>
          <cell r="AF2077" t="str">
            <v>当社は地方自治体向け業務システムの開発、運用、販売を行っております。特に業務に特化した住民情報、税情報、財務会計、選挙システムが強みとなります。</v>
          </cell>
        </row>
        <row r="2078">
          <cell r="B2078">
            <v>10296</v>
          </cell>
          <cell r="C2078" t="str">
            <v>大一産業(株)</v>
          </cell>
          <cell r="D2078" t="str">
            <v>078-351-4729</v>
          </cell>
          <cell r="E2078" t="str">
            <v>650-0022</v>
          </cell>
          <cell r="F2078" t="str">
            <v>兵庫県神戸市中央区元町通5-1-20</v>
          </cell>
          <cell r="G2078" t="str">
            <v>神戸市</v>
          </cell>
          <cell r="H2078" t="str">
            <v/>
          </cell>
          <cell r="I2078" t="str">
            <v>代表取締役 三村　武史</v>
          </cell>
          <cell r="J2078" t="str">
            <v>本店</v>
          </cell>
          <cell r="K2078" t="str">
            <v>078-351-6102</v>
          </cell>
          <cell r="L2078" t="str">
            <v>soumubu@daiichisangyo.co.jp</v>
          </cell>
          <cell r="M2078" t="str">
            <v>ﾀﾞｲｲﾁｻﾝｷﾞｮｳ</v>
          </cell>
          <cell r="N2078" t="str">
            <v>無</v>
          </cell>
          <cell r="O2078">
            <v>58</v>
          </cell>
          <cell r="P2078">
            <v>122</v>
          </cell>
          <cell r="Q2078">
            <v>5140001008924</v>
          </cell>
          <cell r="R2078">
            <v>30000</v>
          </cell>
          <cell r="S2078">
            <v>1930243</v>
          </cell>
          <cell r="T2078">
            <v>5211695</v>
          </cell>
          <cell r="V2078" t="str">
            <v>ve569463</v>
          </cell>
          <cell r="W2078" t="str">
            <v>bx117665</v>
          </cell>
          <cell r="Y2078" t="str">
            <v>027，05，14，27，28，37，</v>
          </cell>
          <cell r="Z2078">
            <v>5</v>
          </cell>
          <cell r="AA2078">
            <v>28</v>
          </cell>
          <cell r="AB2078">
            <v>37</v>
          </cell>
          <cell r="AC2078">
            <v>27</v>
          </cell>
          <cell r="AD2078" t="str">
            <v/>
          </cell>
          <cell r="AE2078" t="str">
            <v>１；毒物劇物一般販売業、（代）山崎産業、（代）シーバイエス、（代）リンレイ、（代）住友スリーエム、（代）ペンギンワックス２；人工芝・マット・スノコなどは敷物類は自社で製造も行っております。３；４；</v>
          </cell>
          <cell r="AF2078" t="str">
            <v>人工芝・マット・スノコなど敷物類は自社で開発し製造も行っております。体育館向けフロアーシート巻取機も自社開発商品です。スーパーストア・ドラッグストア向けの店内装飾品も手掛けており、総合的なサービスでは自信があります。</v>
          </cell>
        </row>
        <row r="2079">
          <cell r="B2079">
            <v>10297</v>
          </cell>
          <cell r="C2079" t="str">
            <v>富士ゼロックスシステムサービス(株)</v>
          </cell>
          <cell r="D2079" t="str">
            <v>06-6225-0390</v>
          </cell>
          <cell r="E2079" t="str">
            <v>550-0001</v>
          </cell>
          <cell r="F2079" t="str">
            <v>大阪府大阪市西区土佐堀2-2-17</v>
          </cell>
          <cell r="G2079" t="str">
            <v>大阪府</v>
          </cell>
          <cell r="H2079" t="str">
            <v>公共事業本部関西支店</v>
          </cell>
          <cell r="I2079" t="str">
            <v>支店長 足立　孝之</v>
          </cell>
          <cell r="J2079" t="str">
            <v>東京都</v>
          </cell>
          <cell r="K2079" t="str">
            <v>06-6225-0394</v>
          </cell>
          <cell r="L2079" t="str">
            <v/>
          </cell>
          <cell r="M2079" t="str">
            <v>ﾌｼﾞｾﾞﾛｯｸｽｼｽﾃﾑｻｰﾋﾞｽ</v>
          </cell>
          <cell r="N2079" t="str">
            <v>有</v>
          </cell>
          <cell r="O2079">
            <v>30</v>
          </cell>
          <cell r="P2079">
            <v>1431</v>
          </cell>
          <cell r="Q2079">
            <v>2011401007325</v>
          </cell>
          <cell r="R2079">
            <v>200000</v>
          </cell>
          <cell r="S2079">
            <v>1168341</v>
          </cell>
          <cell r="T2079">
            <v>30103548</v>
          </cell>
          <cell r="V2079" t="str">
            <v>tj260318</v>
          </cell>
          <cell r="W2079" t="str">
            <v>ej153565</v>
          </cell>
          <cell r="Y2079" t="str">
            <v>057，36，57，58，</v>
          </cell>
          <cell r="Z2079">
            <v>58</v>
          </cell>
          <cell r="AA2079">
            <v>80</v>
          </cell>
          <cell r="AB2079">
            <v>36</v>
          </cell>
          <cell r="AC2079">
            <v>57</v>
          </cell>
          <cell r="AD2079" t="str">
            <v/>
          </cell>
          <cell r="AE2079" t="str">
            <v>１；システム企画・開発・保守、コンビニ交付サービス２；窓口支援業務、プリントサービス、官公庁システム受託業務３；パソコン及びサーバー　仕入先：ミツイワ（株）、ＮＥＣネクサソリューションズ（株）４；電算化データ入力、戸籍電算化セットアップ、イメージデータ化</v>
          </cell>
          <cell r="AF2079" t="str">
            <v>富士ゼロックス株式会社のドキュメントサービス部門が、昭和６３年（１９８８年）９月分社・独立し営業活動を開始。全国自治体・大手民間企業を対象とした、情報処理受託サービス。</v>
          </cell>
        </row>
        <row r="2080">
          <cell r="B2080">
            <v>10298</v>
          </cell>
          <cell r="C2080" t="str">
            <v>(株)橋本設備工業所</v>
          </cell>
          <cell r="D2080" t="str">
            <v>06-6385-8055</v>
          </cell>
          <cell r="E2080" t="str">
            <v>564-0051</v>
          </cell>
          <cell r="F2080" t="str">
            <v>大阪府吹田市豊津町19-16</v>
          </cell>
          <cell r="G2080" t="str">
            <v>吹田市</v>
          </cell>
          <cell r="H2080" t="str">
            <v/>
          </cell>
          <cell r="I2080" t="str">
            <v>代表取締役 橋本　豊</v>
          </cell>
          <cell r="J2080" t="str">
            <v>本店</v>
          </cell>
          <cell r="K2080" t="str">
            <v>06-6385-3536</v>
          </cell>
          <cell r="L2080" t="str">
            <v>kishimoto@hashimoto-esco.co.jp</v>
          </cell>
          <cell r="M2080" t="str">
            <v>ﾊｼﾓﾄｾﾂﾋﾞｺｳｷﾞｮｳｼｮ</v>
          </cell>
          <cell r="N2080" t="str">
            <v>無</v>
          </cell>
          <cell r="O2080">
            <v>49</v>
          </cell>
          <cell r="P2080">
            <v>15</v>
          </cell>
          <cell r="Q2080">
            <v>1120901008013</v>
          </cell>
          <cell r="R2080">
            <v>20000</v>
          </cell>
          <cell r="S2080">
            <v>160826</v>
          </cell>
          <cell r="T2080">
            <v>638743</v>
          </cell>
          <cell r="V2080" t="str">
            <v>sg170632</v>
          </cell>
          <cell r="W2080" t="str">
            <v>qh159779</v>
          </cell>
          <cell r="Y2080" t="str">
            <v>68，79，</v>
          </cell>
          <cell r="Z2080">
            <v>79</v>
          </cell>
          <cell r="AA2080">
            <v>80</v>
          </cell>
          <cell r="AB2080">
            <v>68</v>
          </cell>
          <cell r="AC2080" t="str">
            <v/>
          </cell>
          <cell r="AD2080" t="str">
            <v/>
          </cell>
          <cell r="AE2080" t="str">
            <v>１；業界に先駆けて、ＩＣＰ自走式作業ロボットを購入し、小径の下水管やマンホールの清掃業務、管更生、テレビカメラ調査が可能になった。２；管更生３；産業廃棄物収集運搬業許可証　大阪府、京都府、兵庫県、奈良県、神奈川県、東京都４；</v>
          </cell>
          <cell r="AF2080" t="str">
            <v>管更生を特に希望します。下水道管内の障害物をテレビカメラ車で調査し、清掃、除去、非開削工法で修理します。水路管は高圧洗浄車、強力汚泥吸引車で清掃します。全体ライニングは、３ＳＩＣＰ技術工法、スルーリング工法、ＥＸダンビー工法で、部分補修はＥＰＲ工法、ＡＳＳ工法で行います。</v>
          </cell>
        </row>
        <row r="2081">
          <cell r="B2081">
            <v>10299</v>
          </cell>
          <cell r="C2081" t="str">
            <v>菱電エレベータ施設(株)</v>
          </cell>
          <cell r="D2081" t="str">
            <v>06-4797-7370</v>
          </cell>
          <cell r="E2081" t="str">
            <v>530-0003</v>
          </cell>
          <cell r="F2081" t="str">
            <v>大阪府大阪市北区堂島2-2-2</v>
          </cell>
          <cell r="G2081" t="str">
            <v>大阪市</v>
          </cell>
          <cell r="H2081" t="str">
            <v>大阪支店</v>
          </cell>
          <cell r="I2081" t="str">
            <v>取締役支店長 藤川　正昭</v>
          </cell>
          <cell r="J2081" t="str">
            <v>東京都</v>
          </cell>
          <cell r="K2081" t="str">
            <v>06-4797-7371</v>
          </cell>
          <cell r="L2081" t="str">
            <v>akazawaj@resco.co.jp</v>
          </cell>
          <cell r="M2081" t="str">
            <v>ﾘｮｳﾃﾞﾝｴﾚﾍﾞｰﾀｼｾﾂ</v>
          </cell>
          <cell r="N2081" t="str">
            <v>有</v>
          </cell>
          <cell r="O2081">
            <v>44</v>
          </cell>
          <cell r="P2081">
            <v>916</v>
          </cell>
          <cell r="Q2081">
            <v>3011101022747</v>
          </cell>
          <cell r="R2081">
            <v>200000</v>
          </cell>
          <cell r="S2081">
            <v>5500378</v>
          </cell>
          <cell r="T2081">
            <v>20177195</v>
          </cell>
          <cell r="V2081" t="str">
            <v>sp657123</v>
          </cell>
          <cell r="W2081" t="str">
            <v>va119911</v>
          </cell>
          <cell r="Y2081" t="str">
            <v>48，</v>
          </cell>
          <cell r="Z2081">
            <v>48</v>
          </cell>
          <cell r="AA2081" t="str">
            <v/>
          </cell>
          <cell r="AB2081" t="str">
            <v/>
          </cell>
          <cell r="AC2081" t="str">
            <v/>
          </cell>
          <cell r="AD2081" t="str">
            <v/>
          </cell>
          <cell r="AE2081" t="str">
            <v>１；小荷物専用昇降機保守点検及び修理２；３；４；</v>
          </cell>
          <cell r="AF2081" t="str">
            <v>自社ブランドのリョーデンリフト（小荷物専用昇降機）を開発設計製造据付保守改修まで一貫した体制を整え、細部にわたった製品・サービスを提供しております。</v>
          </cell>
        </row>
        <row r="2082">
          <cell r="B2082">
            <v>10300</v>
          </cell>
          <cell r="C2082" t="str">
            <v>(株)警備ひゃく</v>
          </cell>
          <cell r="D2082" t="str">
            <v>079-231-1000</v>
          </cell>
          <cell r="E2082" t="str">
            <v>672-8044</v>
          </cell>
          <cell r="F2082" t="str">
            <v>兵庫県姫路市飾磨区下野田2-313-1</v>
          </cell>
          <cell r="G2082" t="str">
            <v>姫路市</v>
          </cell>
          <cell r="H2082" t="str">
            <v/>
          </cell>
          <cell r="I2082" t="str">
            <v>代表取締役 細野　友克</v>
          </cell>
          <cell r="J2082" t="str">
            <v>本店</v>
          </cell>
          <cell r="K2082" t="str">
            <v>079-231-1001</v>
          </cell>
          <cell r="L2082" t="str">
            <v>100-info@keibi100.co.jp</v>
          </cell>
          <cell r="M2082" t="str">
            <v>ｹｲﾋﾞﾋｬｸ</v>
          </cell>
          <cell r="N2082" t="str">
            <v>無</v>
          </cell>
          <cell r="O2082">
            <v>39</v>
          </cell>
          <cell r="P2082">
            <v>213</v>
          </cell>
          <cell r="Q2082">
            <v>7140001058678</v>
          </cell>
          <cell r="R2082">
            <v>10000</v>
          </cell>
          <cell r="S2082">
            <v>59871</v>
          </cell>
          <cell r="T2082">
            <v>727494</v>
          </cell>
          <cell r="V2082" t="str">
            <v>ay706428</v>
          </cell>
          <cell r="W2082" t="str">
            <v>fg118985</v>
          </cell>
          <cell r="Y2082" t="str">
            <v>45，46，</v>
          </cell>
          <cell r="Z2082" t="str">
            <v/>
          </cell>
          <cell r="AA2082" t="str">
            <v/>
          </cell>
          <cell r="AB2082" t="str">
            <v/>
          </cell>
          <cell r="AC2082" t="str">
            <v/>
          </cell>
          <cell r="AD2082" t="str">
            <v/>
          </cell>
          <cell r="AE2082" t="str">
            <v>１；サービス　４５　警備業務　人的警備２；サービス　８０　その他　フロント　受付　案内　その他役務３；サービス　４６　建物保守管理４；</v>
          </cell>
          <cell r="AF2082" t="str">
            <v>常駐警備、施設警備、駐車場警備、巡回警備、交通警備、イベント警備、　フロント、受付、案内、その他役務</v>
          </cell>
        </row>
        <row r="2083">
          <cell r="B2083">
            <v>10301</v>
          </cell>
          <cell r="C2083" t="str">
            <v>(株)上智</v>
          </cell>
          <cell r="D2083" t="str">
            <v>0799-43-2266</v>
          </cell>
          <cell r="E2083" t="str">
            <v>656-0478</v>
          </cell>
          <cell r="F2083" t="str">
            <v>兵庫県南あわじ市市福永450-8</v>
          </cell>
          <cell r="G2083" t="str">
            <v>南あわじ市</v>
          </cell>
          <cell r="H2083" t="str">
            <v>あわじ支店</v>
          </cell>
          <cell r="I2083" t="str">
            <v>支店長 眞野　雅文</v>
          </cell>
          <cell r="J2083" t="str">
            <v>富山県砺波市</v>
          </cell>
          <cell r="K2083" t="str">
            <v>0799-43-2267</v>
          </cell>
          <cell r="L2083" t="str">
            <v>nyuusatsu-hyogo@johchi.co.jp</v>
          </cell>
          <cell r="M2083" t="str">
            <v>ｼﾞｮｳﾁ</v>
          </cell>
          <cell r="N2083" t="str">
            <v>有</v>
          </cell>
          <cell r="O2083">
            <v>58</v>
          </cell>
          <cell r="P2083">
            <v>129</v>
          </cell>
          <cell r="Q2083">
            <v>6230001008261</v>
          </cell>
          <cell r="R2083">
            <v>84000</v>
          </cell>
          <cell r="S2083">
            <v>1089966</v>
          </cell>
          <cell r="T2083">
            <v>1351547</v>
          </cell>
          <cell r="V2083" t="str">
            <v>au327016</v>
          </cell>
          <cell r="W2083" t="str">
            <v>ｒn197971</v>
          </cell>
          <cell r="Y2083" t="str">
            <v>044，36，44，57，58，</v>
          </cell>
          <cell r="Z2083">
            <v>58</v>
          </cell>
          <cell r="AA2083">
            <v>57</v>
          </cell>
          <cell r="AB2083">
            <v>36</v>
          </cell>
          <cell r="AC2083">
            <v>44</v>
          </cell>
          <cell r="AD2083" t="str">
            <v/>
          </cell>
          <cell r="AE2083" t="str">
            <v>１；地籍調査支援システム　自社開発ＧＩＳソフトウエア２；地籍調査支援システム導入に伴うデータ処理３；地籍調査支援システム導入に伴うパソコン及び周辺機器販売４；地籍調査支援システムのリース</v>
          </cell>
          <cell r="AF2083" t="str">
            <v>地籍調査業務</v>
          </cell>
        </row>
        <row r="2084">
          <cell r="B2084">
            <v>10302</v>
          </cell>
          <cell r="C2084" t="str">
            <v>大東産業(株)</v>
          </cell>
          <cell r="D2084" t="str">
            <v>072-963-2970</v>
          </cell>
          <cell r="E2084" t="str">
            <v>578-0904</v>
          </cell>
          <cell r="F2084" t="str">
            <v>大阪府東大阪市吉原1-7-17</v>
          </cell>
          <cell r="G2084" t="str">
            <v>東大阪市</v>
          </cell>
          <cell r="H2084" t="str">
            <v>大阪支店</v>
          </cell>
          <cell r="I2084" t="str">
            <v>支店長 森　幹彦</v>
          </cell>
          <cell r="J2084" t="str">
            <v>香川県高松市</v>
          </cell>
          <cell r="K2084" t="str">
            <v>072-965-1207</v>
          </cell>
          <cell r="L2084" t="str">
            <v>daito.osk@m8.dion.ne.jp</v>
          </cell>
          <cell r="M2084" t="str">
            <v>ﾀﾞｲﾄｳｻﾝｷﾞｮｳ</v>
          </cell>
          <cell r="N2084" t="str">
            <v>有</v>
          </cell>
          <cell r="O2084">
            <v>51</v>
          </cell>
          <cell r="P2084">
            <v>30</v>
          </cell>
          <cell r="Q2084">
            <v>9470001002568</v>
          </cell>
          <cell r="R2084">
            <v>48000</v>
          </cell>
          <cell r="S2084">
            <v>699025</v>
          </cell>
          <cell r="T2084">
            <v>571896</v>
          </cell>
          <cell r="V2084" t="str">
            <v>jj958676</v>
          </cell>
          <cell r="W2084" t="str">
            <v>ds185536</v>
          </cell>
          <cell r="Y2084" t="str">
            <v>66，</v>
          </cell>
          <cell r="Z2084">
            <v>80</v>
          </cell>
          <cell r="AA2084">
            <v>66</v>
          </cell>
          <cell r="AB2084" t="str">
            <v/>
          </cell>
          <cell r="AC2084" t="str">
            <v/>
          </cell>
          <cell r="AD2084" t="str">
            <v/>
          </cell>
          <cell r="AE2084" t="str">
            <v>１；（交通安全資材）道路反射鏡　防護柵　路面貼付シート　車止め　カラーコーン　バリケード　視覚障害者用誘導表示　地際防蝕チューブ根 腐れ防止シート２；道路標識　表示板（アルミ複合板）屋外広告業の登録３；４；</v>
          </cell>
          <cell r="AF2084" t="str">
            <v>（交通安全施設工事及び資材販売）道路標識、標示・区画線・道路反射鏡・防護柵・視線誘導標・道路鋲・車止め・遮音壁・すべり止め・視覚障害者用誘導表示・路面貼付シート・地際防蝕チューブ・根腐れ補強シート他、施工、販売しています。</v>
          </cell>
        </row>
        <row r="2085">
          <cell r="B2085">
            <v>10303</v>
          </cell>
          <cell r="C2085" t="str">
            <v>関西パトロール(株)</v>
          </cell>
          <cell r="D2085" t="str">
            <v>06-6494-5180</v>
          </cell>
          <cell r="E2085" t="str">
            <v>661-0953</v>
          </cell>
          <cell r="F2085" t="str">
            <v>兵庫県尼崎市東園田町4-96-8</v>
          </cell>
          <cell r="G2085" t="str">
            <v>尼崎市</v>
          </cell>
          <cell r="H2085" t="str">
            <v/>
          </cell>
          <cell r="I2085" t="str">
            <v>代表取締役 岸田　卓也</v>
          </cell>
          <cell r="J2085" t="str">
            <v>本店</v>
          </cell>
          <cell r="K2085" t="str">
            <v>06-6491-0369</v>
          </cell>
          <cell r="L2085" t="str">
            <v>kanpato5180@ybb.ne.jp</v>
          </cell>
          <cell r="M2085" t="str">
            <v>ｶﾝｻｲﾊﾟﾄﾛｰﾙ</v>
          </cell>
          <cell r="N2085" t="str">
            <v>無</v>
          </cell>
          <cell r="O2085">
            <v>34</v>
          </cell>
          <cell r="P2085">
            <v>160</v>
          </cell>
          <cell r="Q2085">
            <v>5140001048251</v>
          </cell>
          <cell r="R2085">
            <v>10000</v>
          </cell>
          <cell r="S2085">
            <v>98755</v>
          </cell>
          <cell r="T2085">
            <v>444021</v>
          </cell>
          <cell r="V2085" t="str">
            <v>fx909084</v>
          </cell>
          <cell r="W2085" t="str">
            <v>dh136976</v>
          </cell>
          <cell r="Y2085" t="str">
            <v>45，</v>
          </cell>
          <cell r="Z2085" t="str">
            <v/>
          </cell>
          <cell r="AA2085" t="str">
            <v/>
          </cell>
          <cell r="AB2085" t="str">
            <v/>
          </cell>
          <cell r="AC2085" t="str">
            <v/>
          </cell>
          <cell r="AD2085" t="str">
            <v/>
          </cell>
          <cell r="AE2085" t="str">
            <v>１；人的警備２；３；４；</v>
          </cell>
          <cell r="AF2085" t="str">
            <v>施設・駐車場等の人的警備やイベント・花火大会の警備計画作成から当日の雑踏・交通警備までの実施を得意としております。</v>
          </cell>
        </row>
        <row r="2086">
          <cell r="B2086">
            <v>10306</v>
          </cell>
          <cell r="C2086" t="str">
            <v>日本ロード・メンテナンス(株)</v>
          </cell>
          <cell r="D2086" t="str">
            <v>078-451-9110</v>
          </cell>
          <cell r="E2086" t="str">
            <v>658-0027</v>
          </cell>
          <cell r="F2086" t="str">
            <v>兵庫県神戸市東灘区青木5丁目1番8号</v>
          </cell>
          <cell r="G2086" t="str">
            <v>神戸市</v>
          </cell>
          <cell r="H2086" t="str">
            <v/>
          </cell>
          <cell r="I2086" t="str">
            <v>代表取締役 亀田　慎司</v>
          </cell>
          <cell r="J2086" t="str">
            <v>本店</v>
          </cell>
          <cell r="K2086" t="str">
            <v>078-413-0161</v>
          </cell>
          <cell r="L2086" t="str">
            <v>nrmkobe@chive.ocn.ne.jp</v>
          </cell>
          <cell r="M2086" t="str">
            <v>ﾆﾎﾝﾛｰﾄﾞﾒﾝﾃﾅﾝｽ</v>
          </cell>
          <cell r="N2086" t="str">
            <v>無</v>
          </cell>
          <cell r="O2086">
            <v>51</v>
          </cell>
          <cell r="P2086">
            <v>85</v>
          </cell>
          <cell r="Q2086">
            <v>8140001002924</v>
          </cell>
          <cell r="R2086">
            <v>2000</v>
          </cell>
          <cell r="S2086">
            <v>529474</v>
          </cell>
          <cell r="T2086" t="str">
            <v/>
          </cell>
          <cell r="V2086" t="str">
            <v>ca403091</v>
          </cell>
          <cell r="W2086" t="str">
            <v>nl191399</v>
          </cell>
          <cell r="Y2086" t="str">
            <v>045，30，33，45，55，68，</v>
          </cell>
          <cell r="Z2086">
            <v>55</v>
          </cell>
          <cell r="AA2086">
            <v>33</v>
          </cell>
          <cell r="AB2086">
            <v>30</v>
          </cell>
          <cell r="AC2086">
            <v>45</v>
          </cell>
          <cell r="AD2086" t="str">
            <v>トンネル清掃・ガードレール清掃の受注施工実績もございます。</v>
          </cell>
          <cell r="AE2086" t="str">
            <v>１；ロードスイーパーを使用する路面清掃作業。高圧洗浄車・高圧吸引車を使用する側溝・管渠清掃２；ローメン（自社製品）、インナープロテクト・ドライプロテクト（（株）エイムス）３；ガードレール、ガードパイプ、歩道柵等（神鋼建材工業（株））４；交通誘導警備業務</v>
          </cell>
          <cell r="AF2086" t="str">
            <v>当社は、創業以来道路維持・道路清掃の専門会社として営業してまいりました。国土交通省・兵庫県等、道路維持・道路清掃を受注し、緊急作業にも対応すべく設備・車両の配備、人員の教育をしてまいりました。</v>
          </cell>
        </row>
        <row r="2087">
          <cell r="B2087">
            <v>10307</v>
          </cell>
          <cell r="C2087" t="str">
            <v>(株)地域文化財研究所</v>
          </cell>
          <cell r="D2087" t="str">
            <v>072-968-7321</v>
          </cell>
          <cell r="E2087" t="str">
            <v>578-0941</v>
          </cell>
          <cell r="F2087" t="str">
            <v>大阪府東大阪市岩田町1-17-9</v>
          </cell>
          <cell r="G2087" t="str">
            <v>東大阪市</v>
          </cell>
          <cell r="H2087" t="str">
            <v/>
          </cell>
          <cell r="I2087" t="str">
            <v>代表取締役 福永　信雄</v>
          </cell>
          <cell r="J2087" t="str">
            <v>本店</v>
          </cell>
          <cell r="K2087" t="str">
            <v>072-968-7321</v>
          </cell>
          <cell r="L2087" t="str">
            <v>chibunken@orion.ocn.ne.jp</v>
          </cell>
          <cell r="M2087" t="str">
            <v>ﾁｲｷﾌﾞﾝｶｻﾞｲｹﾝｷｭｳｼｮ</v>
          </cell>
          <cell r="N2087" t="str">
            <v>無</v>
          </cell>
          <cell r="O2087">
            <v>10</v>
          </cell>
          <cell r="P2087">
            <v>18</v>
          </cell>
          <cell r="Q2087">
            <v>4122001014186</v>
          </cell>
          <cell r="R2087">
            <v>3000</v>
          </cell>
          <cell r="S2087">
            <v>8598</v>
          </cell>
          <cell r="T2087">
            <v>86871</v>
          </cell>
          <cell r="V2087" t="str">
            <v>sb696334</v>
          </cell>
          <cell r="W2087" t="str">
            <v>no136631</v>
          </cell>
          <cell r="Y2087" t="str">
            <v>70，</v>
          </cell>
          <cell r="Z2087" t="str">
            <v/>
          </cell>
          <cell r="AA2087" t="str">
            <v/>
          </cell>
          <cell r="AB2087" t="str">
            <v/>
          </cell>
          <cell r="AC2087" t="str">
            <v/>
          </cell>
          <cell r="AD2087" t="str">
            <v/>
          </cell>
          <cell r="AE2087" t="str">
            <v>１；出土遺物や民俗資料等の整理・修復・写真撮影・登録・保存処理、文化財資料・報告書等の編集・発行２；文化財関係施設の管理・運営３；埋蔵文化財の発掘調査・調査補助４；</v>
          </cell>
          <cell r="AF2087" t="str">
            <v>埋蔵文化財の発掘調査・補助、出土遺物や民俗資料等の整理・修復・写真撮影・登録等、文化財資料・報告書等の編集・発行、文化財関係施設の管理・運営、史跡の修復・整備、木製品・金属製品の保存処理</v>
          </cell>
        </row>
        <row r="2088">
          <cell r="B2088">
            <v>10308</v>
          </cell>
          <cell r="C2088" t="str">
            <v>三菱プレシジョン(株)</v>
          </cell>
          <cell r="D2088" t="str">
            <v>06-6484-7206</v>
          </cell>
          <cell r="E2088" t="str">
            <v>541-0048</v>
          </cell>
          <cell r="F2088" t="str">
            <v>大阪府大阪市中央区瓦町3-1-15</v>
          </cell>
          <cell r="G2088" t="str">
            <v>大阪市</v>
          </cell>
          <cell r="H2088" t="str">
            <v>関西支社</v>
          </cell>
          <cell r="I2088" t="str">
            <v>支社長 安達　洋二</v>
          </cell>
          <cell r="J2088" t="str">
            <v>東京都</v>
          </cell>
          <cell r="K2088" t="str">
            <v>06-6484-6213</v>
          </cell>
          <cell r="L2088" t="str">
            <v>mpc_kansai@mpcnet.co.jp</v>
          </cell>
          <cell r="M2088" t="str">
            <v>ﾐﾂﾋﾞｼﾌﾟﾚｼｼﾞｮﾝ</v>
          </cell>
          <cell r="N2088" t="str">
            <v>有</v>
          </cell>
          <cell r="O2088">
            <v>41</v>
          </cell>
          <cell r="P2088">
            <v>846</v>
          </cell>
          <cell r="Q2088">
            <v>8010601032482</v>
          </cell>
          <cell r="R2088">
            <v>3167252</v>
          </cell>
          <cell r="S2088">
            <v>7518522</v>
          </cell>
          <cell r="T2088">
            <v>18243025</v>
          </cell>
          <cell r="V2088" t="str">
            <v>tk562476</v>
          </cell>
          <cell r="W2088" t="str">
            <v>fx171896</v>
          </cell>
          <cell r="Y2088" t="str">
            <v>050，41，42，50，</v>
          </cell>
          <cell r="Z2088">
            <v>80</v>
          </cell>
          <cell r="AA2088">
            <v>42</v>
          </cell>
          <cell r="AB2088">
            <v>41</v>
          </cell>
          <cell r="AC2088">
            <v>50</v>
          </cell>
          <cell r="AD2088" t="str">
            <v/>
          </cell>
          <cell r="AE2088" t="str">
            <v>１；駐車場管制装置（料金計算機、駐車券発行機、全自動精算機、集中精算機、ゲート装置、車番認識システム等）２；鉄道、航空機、車輌、船舶等の各種シミュレータ３；手術、試験、研究用各種シミュレーション機器４；上記機器の保守業務</v>
          </cell>
          <cell r="AF2088" t="str">
            <v>昭和37年シミュレータ等精密機器の専門メーカーとして設立され、訓練、教育、研究、体験用各種シミュレータを数多く製作すると共に、近年駐車場機器事業にも注力し、メーカーとして製造／販売から保守サービスまで一貫した体制のもと、お客様サービスと品質向上に努力しております。</v>
          </cell>
        </row>
        <row r="2089">
          <cell r="B2089">
            <v>10309</v>
          </cell>
          <cell r="C2089" t="str">
            <v>ニッポンレンタカー北大阪(株)</v>
          </cell>
          <cell r="D2089" t="str">
            <v>06-6853-2704</v>
          </cell>
          <cell r="E2089" t="str">
            <v>563-0034</v>
          </cell>
          <cell r="F2089" t="str">
            <v>大阪府池田市空港1-9-10</v>
          </cell>
          <cell r="G2089" t="str">
            <v>池田市</v>
          </cell>
          <cell r="H2089" t="str">
            <v/>
          </cell>
          <cell r="I2089" t="str">
            <v>代表取締役 倉田　靖晴</v>
          </cell>
          <cell r="J2089" t="str">
            <v>本店</v>
          </cell>
          <cell r="K2089" t="str">
            <v>06-6853-2719</v>
          </cell>
          <cell r="L2089" t="str">
            <v>maeda.h@nipponrentacar.co.jp</v>
          </cell>
          <cell r="M2089" t="str">
            <v>ﾆｯﾎﾟﾝﾚﾝﾀｶｰｷﾀｵｵｻｶ</v>
          </cell>
          <cell r="N2089" t="str">
            <v>無</v>
          </cell>
          <cell r="O2089">
            <v>48</v>
          </cell>
          <cell r="P2089">
            <v>60</v>
          </cell>
          <cell r="Q2089">
            <v>2120901019942</v>
          </cell>
          <cell r="R2089">
            <v>10000</v>
          </cell>
          <cell r="S2089">
            <v>390584</v>
          </cell>
          <cell r="T2089">
            <v>1137042</v>
          </cell>
          <cell r="V2089" t="str">
            <v>jy738277</v>
          </cell>
          <cell r="W2089" t="str">
            <v>wd165769</v>
          </cell>
          <cell r="Y2089" t="str">
            <v>44，</v>
          </cell>
          <cell r="Z2089">
            <v>44</v>
          </cell>
          <cell r="AA2089" t="str">
            <v/>
          </cell>
          <cell r="AB2089" t="str">
            <v/>
          </cell>
          <cell r="AC2089" t="str">
            <v/>
          </cell>
          <cell r="AD2089" t="str">
            <v/>
          </cell>
          <cell r="AE2089" t="str">
            <v>１；カーリースはご希望の車種・仕様・装備にてご用意いたします。レンタカー（乗用車・バン・トラック・ワゴン車・マイクロバス）は１２営業所にて約７６０両保有しております。２；３；４；</v>
          </cell>
          <cell r="AF2089" t="str">
            <v>自動車有償貸渡事業（レンタカー・カーリース）　ニッポンレンタカーの販売会社で、兵庫・北大阪エリアを担当しております。</v>
          </cell>
        </row>
        <row r="2090">
          <cell r="B2090">
            <v>10310</v>
          </cell>
          <cell r="C2090" t="str">
            <v>株式会社イセトー</v>
          </cell>
          <cell r="D2090" t="str">
            <v>06-4390-8035</v>
          </cell>
          <cell r="E2090" t="str">
            <v>550-0005</v>
          </cell>
          <cell r="F2090" t="str">
            <v>大阪府大阪市西区西本町1-3-15</v>
          </cell>
          <cell r="G2090" t="str">
            <v>大阪市</v>
          </cell>
          <cell r="H2090" t="str">
            <v>営業統括本部</v>
          </cell>
          <cell r="I2090" t="str">
            <v>代表取締役副社長 髙橋　明久</v>
          </cell>
          <cell r="J2090" t="str">
            <v>京都府京都市</v>
          </cell>
          <cell r="K2090" t="str">
            <v>06-4390-8039</v>
          </cell>
          <cell r="L2090" t="str">
            <v>osaka2@iseto.co.jp</v>
          </cell>
          <cell r="M2090" t="str">
            <v>ｲｾﾄｰ</v>
          </cell>
          <cell r="N2090" t="str">
            <v>有</v>
          </cell>
          <cell r="O2090">
            <v>77</v>
          </cell>
          <cell r="P2090">
            <v>657</v>
          </cell>
          <cell r="Q2090">
            <v>4130001019931</v>
          </cell>
          <cell r="R2090">
            <v>260000</v>
          </cell>
          <cell r="S2090">
            <v>1697954</v>
          </cell>
          <cell r="T2090">
            <v>17962949</v>
          </cell>
          <cell r="V2090" t="str">
            <v>vj271246</v>
          </cell>
          <cell r="W2090" t="str">
            <v>dg197337</v>
          </cell>
          <cell r="Y2090" t="str">
            <v>076，56，57，74，76，</v>
          </cell>
          <cell r="Z2090">
            <v>74</v>
          </cell>
          <cell r="AA2090">
            <v>57</v>
          </cell>
          <cell r="AB2090">
            <v>56</v>
          </cell>
          <cell r="AC2090">
            <v>76</v>
          </cell>
          <cell r="AD2090" t="str">
            <v>委託先との協業でデータ入力、コール業務を行う。</v>
          </cell>
          <cell r="AE2090" t="str">
            <v>１；コンピュータ用の連続帳票を日本で初めて国産化。滋賀県と神奈川県に生産拠点を置く。２；印字プログラム作成、データ印字やＷＥＢを利用した動画配信業務を行う。３；通知書の封入封緘、ハガキ圧着処理等電算事後処理業務全般を行う。大阪府茨木市と神奈川県厚木市にデータ印字・事後処理センターを置く。４；磁気加工印刷製品、ラベル印刷加工製品、封筒加工製品、その他特殊加工製品の取扱い。</v>
          </cell>
          <cell r="AF2090" t="str">
            <v>納税通知書等の電算連続帳票及び封筒の印刷加工。データ印字、封入封緘等の事後処理作業全般。返戻郵便物エントリー、データ作成。委託先との協業によるコール業務、受付対応業務。</v>
          </cell>
        </row>
        <row r="2091">
          <cell r="B2091">
            <v>10311</v>
          </cell>
          <cell r="C2091" t="str">
            <v>阪神衛材(株)</v>
          </cell>
          <cell r="D2091" t="str">
            <v>0798-65-2309</v>
          </cell>
          <cell r="E2091" t="str">
            <v>662-0844</v>
          </cell>
          <cell r="F2091" t="str">
            <v>兵庫県西宮市西福町8番16号</v>
          </cell>
          <cell r="G2091" t="str">
            <v>西宮市</v>
          </cell>
          <cell r="H2091" t="str">
            <v/>
          </cell>
          <cell r="I2091" t="str">
            <v>代表取締役 前田　優子</v>
          </cell>
          <cell r="J2091" t="str">
            <v>本店</v>
          </cell>
          <cell r="K2091" t="str">
            <v>0798-65-6813</v>
          </cell>
          <cell r="L2091" t="str">
            <v>y_maeda@hanshineizai.co.jp</v>
          </cell>
          <cell r="M2091" t="str">
            <v>ﾊﾝｼﾝｴｲｻﾞｲ</v>
          </cell>
          <cell r="N2091" t="str">
            <v>無</v>
          </cell>
          <cell r="O2091">
            <v>40</v>
          </cell>
          <cell r="P2091">
            <v>7</v>
          </cell>
          <cell r="Q2091">
            <v>3140001070001</v>
          </cell>
          <cell r="R2091">
            <v>10000</v>
          </cell>
          <cell r="S2091" t="str">
            <v/>
          </cell>
          <cell r="T2091" t="str">
            <v/>
          </cell>
          <cell r="V2091" t="str">
            <v>wz987724</v>
          </cell>
          <cell r="W2091" t="str">
            <v>jd199956</v>
          </cell>
          <cell r="Y2091" t="str">
            <v>9，10，22，38，52，</v>
          </cell>
          <cell r="Z2091">
            <v>10</v>
          </cell>
          <cell r="AA2091">
            <v>52</v>
          </cell>
          <cell r="AB2091">
            <v>22</v>
          </cell>
          <cell r="AC2091" t="str">
            <v/>
          </cell>
          <cell r="AD2091" t="str">
            <v/>
          </cell>
          <cell r="AE2091" t="str">
            <v>１；医薬品販売業・毒劇物販売業・高圧ガス販売業２；建築物ねずみ・昆虫等防除業３；農薬販売業４；</v>
          </cell>
          <cell r="AF2091" t="str">
            <v>市民の皆様が、安心して暮らせる環境になるよう努力しております。近年外来生物等で被害に合う市民の方たちから、少しでもより良い環境つくりを、弊社社員一丸となって頑張って行く所存です。</v>
          </cell>
        </row>
        <row r="2092">
          <cell r="B2092">
            <v>10314</v>
          </cell>
          <cell r="C2092" t="str">
            <v>ＴＩＳ(株)</v>
          </cell>
          <cell r="D2092" t="str">
            <v>06-4796-3093</v>
          </cell>
          <cell r="E2092" t="str">
            <v>530-0004</v>
          </cell>
          <cell r="F2092" t="str">
            <v>大阪府大阪市北区堂島浜1-2-1</v>
          </cell>
          <cell r="G2092" t="str">
            <v>大阪市</v>
          </cell>
          <cell r="H2092" t="str">
            <v>産業公共事業本部</v>
          </cell>
          <cell r="I2092" t="str">
            <v>公共事業部長 陀安　哲</v>
          </cell>
          <cell r="J2092" t="str">
            <v>東京都</v>
          </cell>
          <cell r="K2092" t="str">
            <v>06-4796-3097</v>
          </cell>
          <cell r="L2092" t="str">
            <v>koukyo_eigyo@ml.tis.co.jp</v>
          </cell>
          <cell r="M2092" t="str">
            <v>ﾃｨｱｲｴｽ</v>
          </cell>
          <cell r="N2092" t="str">
            <v>有</v>
          </cell>
          <cell r="O2092">
            <v>10</v>
          </cell>
          <cell r="P2092">
            <v>5299</v>
          </cell>
          <cell r="Q2092">
            <v>2010001134133</v>
          </cell>
          <cell r="R2092">
            <v>10001177</v>
          </cell>
          <cell r="S2092">
            <v>171324177</v>
          </cell>
          <cell r="T2092">
            <v>168654000</v>
          </cell>
          <cell r="V2092" t="str">
            <v>zh351768</v>
          </cell>
          <cell r="W2092" t="str">
            <v>ta133999</v>
          </cell>
          <cell r="Y2092" t="str">
            <v>044，36，44，57，58，</v>
          </cell>
          <cell r="Z2092">
            <v>58</v>
          </cell>
          <cell r="AA2092">
            <v>57</v>
          </cell>
          <cell r="AB2092">
            <v>36</v>
          </cell>
          <cell r="AC2092">
            <v>44</v>
          </cell>
          <cell r="AD2092" t="str">
            <v/>
          </cell>
          <cell r="AE2092" t="str">
            <v>１；システム設計・開発・保守・運用２；自社データセンタハウジング、大量印刷処理３；パソコン、サーバ、プリンタ、周辺機器　取扱メーカ：日本ｈｐ、ＮＥＣ、東芝、パナソニック、富士通、リコー、キャノン他４；パソコン、サーバ、プリンタ、周辺機器　取扱メーカ：日本ｈｐ、ＮＥＣ、東芝、パナソニック、富士通、リコー、キャノン他</v>
          </cell>
          <cell r="AF2092" t="str">
            <v>汎用機からＷｅｂシステムまで、システム設計・開発・保守・運用までトータル提供。自社データセンターでハウジング、大量印刷処理等の業務運用の提供。各メーカのサーバ、パソコン等ＯＡ機器の販売、賃貸借を幅広くご提供。</v>
          </cell>
        </row>
        <row r="2093">
          <cell r="B2093">
            <v>10316</v>
          </cell>
          <cell r="C2093" t="str">
            <v>ジオテクニカル(株)</v>
          </cell>
          <cell r="D2093" t="str">
            <v>078-747-3822</v>
          </cell>
          <cell r="E2093" t="str">
            <v>654-0111</v>
          </cell>
          <cell r="F2093" t="str">
            <v>兵庫県神戸市須磨区車字下大道1226-9</v>
          </cell>
          <cell r="G2093" t="str">
            <v>神戸市</v>
          </cell>
          <cell r="H2093" t="str">
            <v>神戸営業所</v>
          </cell>
          <cell r="I2093" t="str">
            <v>営業所長 藤原　嘉伸</v>
          </cell>
          <cell r="J2093" t="str">
            <v>大阪府松原市</v>
          </cell>
          <cell r="K2093" t="str">
            <v>078-747-3823</v>
          </cell>
          <cell r="L2093" t="str">
            <v>r-komatsu@geo-t.co.jp</v>
          </cell>
          <cell r="M2093" t="str">
            <v>ｼﾞｵﾃｸﾆｶﾙ</v>
          </cell>
          <cell r="N2093" t="str">
            <v>有</v>
          </cell>
          <cell r="O2093">
            <v>21</v>
          </cell>
          <cell r="P2093">
            <v>14</v>
          </cell>
          <cell r="Q2093">
            <v>6120101027305</v>
          </cell>
          <cell r="R2093">
            <v>10000</v>
          </cell>
          <cell r="S2093">
            <v>106096</v>
          </cell>
          <cell r="T2093">
            <v>138378</v>
          </cell>
          <cell r="V2093" t="str">
            <v>as845005</v>
          </cell>
          <cell r="W2093" t="str">
            <v>oa137951</v>
          </cell>
          <cell r="Y2093" t="str">
            <v>057，57，58，72，</v>
          </cell>
          <cell r="Z2093">
            <v>80</v>
          </cell>
          <cell r="AA2093">
            <v>72</v>
          </cell>
          <cell r="AB2093">
            <v>58</v>
          </cell>
          <cell r="AC2093">
            <v>57</v>
          </cell>
          <cell r="AD2093" t="str">
            <v/>
          </cell>
          <cell r="AE2093" t="str">
            <v>１；住居表示板整備２；航空写真、地図作成３；システム開発４；データ入力</v>
          </cell>
          <cell r="AF2093" t="str">
            <v>地上型レーザースキャナを導入し災害現場等での立入りが困難な場所や複雑な構造物等の維持管理や改修に活用できる空間情報技術。カラー点群データを用い形状だけではなく質感までも再現可能です。取得した３次元形状データはメンテナンス用の図面だけではなくアーカイブとして広く利用できます</v>
          </cell>
        </row>
        <row r="2094">
          <cell r="B2094">
            <v>10317</v>
          </cell>
          <cell r="C2094" t="str">
            <v>ヴェオリア・ジェネッツ(株)</v>
          </cell>
          <cell r="D2094" t="str">
            <v>06-6302-7771</v>
          </cell>
          <cell r="E2094" t="str">
            <v>532-0011</v>
          </cell>
          <cell r="F2094" t="str">
            <v>大阪府淀川区西中島3-9-12</v>
          </cell>
          <cell r="G2094" t="str">
            <v>大阪府</v>
          </cell>
          <cell r="H2094" t="str">
            <v>関西支店</v>
          </cell>
          <cell r="I2094" t="str">
            <v>支店長 篠原　信成</v>
          </cell>
          <cell r="J2094" t="str">
            <v>東京都</v>
          </cell>
          <cell r="K2094" t="str">
            <v>06-7656-1647</v>
          </cell>
          <cell r="L2094" t="str">
            <v>jp.ops.jnt.kansai.all.groups@veolia.com</v>
          </cell>
          <cell r="M2094" t="str">
            <v>ヴｪｵﾘｱ･ｼﾞｪﾈｯﾂ</v>
          </cell>
          <cell r="N2094" t="str">
            <v>有</v>
          </cell>
          <cell r="O2094">
            <v>21</v>
          </cell>
          <cell r="P2094">
            <v>2216</v>
          </cell>
          <cell r="Q2094">
            <v>7010401085351</v>
          </cell>
          <cell r="R2094">
            <v>100000</v>
          </cell>
          <cell r="S2094">
            <v>1346836</v>
          </cell>
          <cell r="T2094">
            <v>23173813</v>
          </cell>
          <cell r="V2094" t="str">
            <v>zg283873</v>
          </cell>
          <cell r="W2094" t="str">
            <v>vd168388</v>
          </cell>
          <cell r="Y2094" t="str">
            <v>058，47，58，61，79，</v>
          </cell>
          <cell r="Z2094">
            <v>61</v>
          </cell>
          <cell r="AA2094">
            <v>47</v>
          </cell>
          <cell r="AB2094">
            <v>79</v>
          </cell>
          <cell r="AC2094">
            <v>58</v>
          </cell>
          <cell r="AD2094" t="str">
            <v/>
          </cell>
          <cell r="AE2094" t="str">
            <v>１；水道メーター検針及び上下水道料金等徴収事務２；上下水道施設運転維持管理業務３；漏水調査、管路診断業務４；水道料金システム開発・保守・運用業務</v>
          </cell>
          <cell r="AF2094" t="str">
            <v>貴市を含めて、全国で水道料金関連業務（メーター検針、窓口、料金徴収、滞納整理、開閉栓業務等）を受託しております。その他、上下水道施設運転維持管理業務、漏水調査業務、水道料金システムの開発・保守・運用等についても発注を希望いたします。</v>
          </cell>
        </row>
        <row r="2095">
          <cell r="B2095">
            <v>10318</v>
          </cell>
          <cell r="C2095" t="str">
            <v>三雄化工(株)</v>
          </cell>
          <cell r="D2095" t="str">
            <v>06-6222-5241</v>
          </cell>
          <cell r="E2095" t="str">
            <v>541-0047</v>
          </cell>
          <cell r="F2095" t="str">
            <v>大阪府大阪市中央区淡路町1-5-10</v>
          </cell>
          <cell r="G2095" t="str">
            <v>大阪市</v>
          </cell>
          <cell r="H2095" t="str">
            <v/>
          </cell>
          <cell r="I2095" t="str">
            <v>代表取締役 村上　拓也</v>
          </cell>
          <cell r="J2095" t="str">
            <v>本店</v>
          </cell>
          <cell r="K2095" t="str">
            <v>06-6222-5247</v>
          </cell>
          <cell r="L2095" t="str">
            <v>k-harakawa@sunyou-ci.co.jp</v>
          </cell>
          <cell r="M2095" t="str">
            <v>ｻﾝﾕｳｶｺｳ</v>
          </cell>
          <cell r="N2095" t="str">
            <v>無</v>
          </cell>
          <cell r="O2095">
            <v>57</v>
          </cell>
          <cell r="P2095">
            <v>7</v>
          </cell>
          <cell r="Q2095">
            <v>2120001080556</v>
          </cell>
          <cell r="R2095">
            <v>10000</v>
          </cell>
          <cell r="S2095">
            <v>139775</v>
          </cell>
          <cell r="T2095">
            <v>669408</v>
          </cell>
          <cell r="V2095" t="str">
            <v>hc815530</v>
          </cell>
          <cell r="W2095" t="str">
            <v>kz116991</v>
          </cell>
          <cell r="Y2095" t="str">
            <v>10，41，</v>
          </cell>
          <cell r="Z2095">
            <v>10</v>
          </cell>
          <cell r="AA2095">
            <v>41</v>
          </cell>
          <cell r="AB2095" t="str">
            <v/>
          </cell>
          <cell r="AC2095" t="str">
            <v/>
          </cell>
          <cell r="AD2095" t="str">
            <v/>
          </cell>
          <cell r="AE2095" t="str">
            <v>１；朝日ろ過材(株）（代）、近江鉱業（株）（代）、キシダ化学（株）（特）、要薬品（株）（代）、東信化学工業（株）（代）２；アズワン（株）（代）、（株）三商（代）３；４；</v>
          </cell>
          <cell r="AF2095" t="str">
            <v>取扱：工業薬品全般（特に活性炭、消石灰、高分子凝集剤、次亜塩素酸ソーダ、ポリ塩化アルミニウム、硫酸バンド、苛性ソーダ等）を得意とする。その他試薬販売もあり。官庁では浄水場、下水処理場、ゴミ処理施設等への納入実績多数。</v>
          </cell>
        </row>
        <row r="2096">
          <cell r="B2096">
            <v>10319</v>
          </cell>
          <cell r="C2096" t="str">
            <v>(株)アスノ</v>
          </cell>
          <cell r="D2096" t="str">
            <v>079-233-0456</v>
          </cell>
          <cell r="E2096" t="str">
            <v>672-8043</v>
          </cell>
          <cell r="F2096" t="str">
            <v>兵庫県姫路市飾磨区上野田2-10</v>
          </cell>
          <cell r="G2096" t="str">
            <v>姫路市</v>
          </cell>
          <cell r="H2096" t="str">
            <v/>
          </cell>
          <cell r="I2096" t="str">
            <v>代表取締役 大塚　善基</v>
          </cell>
          <cell r="J2096" t="str">
            <v>本店</v>
          </cell>
          <cell r="K2096" t="str">
            <v>079-233-2028</v>
          </cell>
          <cell r="L2096" t="str">
            <v>usui@asuno-co.com</v>
          </cell>
          <cell r="M2096" t="str">
            <v>ｱｽﾉ</v>
          </cell>
          <cell r="N2096" t="str">
            <v>無</v>
          </cell>
          <cell r="O2096">
            <v>42</v>
          </cell>
          <cell r="P2096">
            <v>67</v>
          </cell>
          <cell r="Q2096">
            <v>8140001057571</v>
          </cell>
          <cell r="R2096">
            <v>60000</v>
          </cell>
          <cell r="S2096">
            <v>731885</v>
          </cell>
          <cell r="T2096">
            <v>6751149</v>
          </cell>
          <cell r="V2096" t="str">
            <v>zv848669</v>
          </cell>
          <cell r="W2096" t="str">
            <v>gs195799</v>
          </cell>
          <cell r="Y2096" t="str">
            <v>030，20，22，30，31，66，</v>
          </cell>
          <cell r="Z2096">
            <v>66</v>
          </cell>
          <cell r="AA2096">
            <v>20</v>
          </cell>
          <cell r="AB2096">
            <v>31</v>
          </cell>
          <cell r="AC2096">
            <v>30</v>
          </cell>
          <cell r="AD2096" t="str">
            <v>一般土木・法面緑化・屋上緑化・落石防護柵・強化プラスチック・アークテクチュアルサイン・ストレートファーニチャー等</v>
          </cell>
          <cell r="AE2096" t="str">
            <v>１；道路安全施設・フェンス・ガードレール・標識・マンホ－ル・表示板・案内板２；公園施設・遊具・ベンチ・サイン・防球ネット・モニュメント・シェルター・人工芝・グラウンド施工３；壁建材・成型加工品・外装建材・断熱材・野地板４；金属屋根・壁成型材・スチール・金属外壁材・コイル</v>
          </cell>
          <cell r="AF2096" t="str">
            <v>金属・形成型・窯業屋根・プラスチック外装建材、ステンレス防水工法・太陽光発電システム、道路安全施設（フェンス・防護柵・ガードレール等）公園施設、標識・ＡＳＰ型防球ネット、スポーツ施設（遊具）、テールアルメ工法等土木整備工事や物品納入を手掛けています。</v>
          </cell>
        </row>
        <row r="2097">
          <cell r="B2097">
            <v>10321</v>
          </cell>
          <cell r="C2097" t="str">
            <v>ノムラテクノ(株)</v>
          </cell>
          <cell r="D2097" t="str">
            <v>06-6649-3336</v>
          </cell>
          <cell r="E2097" t="str">
            <v>556-0011</v>
          </cell>
          <cell r="F2097" t="str">
            <v>大阪府大阪市浪速区難波中2-10-70</v>
          </cell>
          <cell r="G2097" t="str">
            <v>大阪市</v>
          </cell>
          <cell r="H2097" t="str">
            <v>大阪支店</v>
          </cell>
          <cell r="I2097" t="str">
            <v>支店長 秋月　忍</v>
          </cell>
          <cell r="J2097" t="str">
            <v>東京都</v>
          </cell>
          <cell r="K2097" t="str">
            <v>06-6649-3340</v>
          </cell>
          <cell r="L2097" t="str">
            <v>nti_m@nomura-techno.co.jp</v>
          </cell>
          <cell r="M2097" t="str">
            <v>ﾉﾑﾗﾃｸﾉ</v>
          </cell>
          <cell r="N2097" t="str">
            <v>有</v>
          </cell>
          <cell r="O2097">
            <v>23</v>
          </cell>
          <cell r="P2097">
            <v>42</v>
          </cell>
          <cell r="Q2097">
            <v>5010601023121</v>
          </cell>
          <cell r="R2097">
            <v>25000</v>
          </cell>
          <cell r="S2097">
            <v>453468</v>
          </cell>
          <cell r="T2097">
            <v>2411689</v>
          </cell>
          <cell r="V2097" t="str">
            <v>tm916822</v>
          </cell>
          <cell r="W2097" t="str">
            <v>teｒhno93</v>
          </cell>
          <cell r="Y2097" t="str">
            <v>017，17，64，66，</v>
          </cell>
          <cell r="Z2097">
            <v>80</v>
          </cell>
          <cell r="AA2097">
            <v>64</v>
          </cell>
          <cell r="AB2097">
            <v>66</v>
          </cell>
          <cell r="AC2097">
            <v>17</v>
          </cell>
          <cell r="AD2097" t="str">
            <v/>
          </cell>
          <cell r="AE2097" t="str">
            <v>１；博物館・科学館等の公共施設における展示演出装置類の保守点検および改修・修繕等２；映画・ビデオ制作３；屋内に係わる掲示板・看板等サイン全般４；模型等の製作</v>
          </cell>
          <cell r="AF2097" t="str">
            <v>当社は、乃村工藝社の連結子会社として、博物館・科学館等をはじめとする各公共施設における展示演出装置類のメンテナンス・改修等においてノウハウを有しております。</v>
          </cell>
        </row>
        <row r="2098">
          <cell r="B2098">
            <v>10324</v>
          </cell>
          <cell r="C2098" t="str">
            <v>金剛(株)</v>
          </cell>
          <cell r="D2098" t="str">
            <v>06-6220-7000</v>
          </cell>
          <cell r="E2098" t="str">
            <v>541-0044</v>
          </cell>
          <cell r="F2098" t="str">
            <v>大阪府大阪市中央区伏見町4-4-10</v>
          </cell>
          <cell r="G2098" t="str">
            <v>大阪市</v>
          </cell>
          <cell r="H2098" t="str">
            <v>大阪支店</v>
          </cell>
          <cell r="I2098" t="str">
            <v>支店長 松永　英孝</v>
          </cell>
          <cell r="J2098" t="str">
            <v>熊本県熊本市</v>
          </cell>
          <cell r="K2098" t="str">
            <v>06-6220-7008</v>
          </cell>
          <cell r="L2098" t="str">
            <v>kongo-eihon@kongomail.com</v>
          </cell>
          <cell r="M2098" t="str">
            <v>ｺﾝｺﾞｳ</v>
          </cell>
          <cell r="N2098" t="str">
            <v>有</v>
          </cell>
          <cell r="O2098">
            <v>71</v>
          </cell>
          <cell r="P2098">
            <v>290</v>
          </cell>
          <cell r="Q2098">
            <v>5330001001802</v>
          </cell>
          <cell r="R2098">
            <v>60000</v>
          </cell>
          <cell r="S2098">
            <v>2770449</v>
          </cell>
          <cell r="T2098">
            <v>7268183</v>
          </cell>
          <cell r="V2098" t="str">
            <v>gw782320</v>
          </cell>
          <cell r="W2098" t="str">
            <v>bz189719</v>
          </cell>
          <cell r="Y2098" t="str">
            <v>080，14，27，48，52，58，</v>
          </cell>
          <cell r="Z2098">
            <v>14</v>
          </cell>
          <cell r="AA2098">
            <v>27</v>
          </cell>
          <cell r="AB2098">
            <v>48</v>
          </cell>
          <cell r="AC2098">
            <v>80</v>
          </cell>
          <cell r="AD2098" t="str">
            <v>収蔵庫内燻蒸・環境調査、収蔵庫管理システム、音声ガイドシステム</v>
          </cell>
          <cell r="AE2098" t="str">
            <v>１；移動棚、物品棚、書架、壁面収納家具、机、椅子、金庫、ロッカー、保管庫等２；図書館家具、木製家具３；電動書架保守点検４；移動棚等の解体・移設作業</v>
          </cell>
          <cell r="AF2098" t="str">
            <v/>
          </cell>
        </row>
        <row r="2099">
          <cell r="B2099">
            <v>10326</v>
          </cell>
          <cell r="C2099" t="str">
            <v>(株)パスコ</v>
          </cell>
          <cell r="D2099" t="str">
            <v>078-272-3131</v>
          </cell>
          <cell r="E2099" t="str">
            <v>651-0086</v>
          </cell>
          <cell r="F2099" t="str">
            <v>兵庫県神戸市中央区磯上通4-1-6</v>
          </cell>
          <cell r="G2099" t="str">
            <v>神戸市</v>
          </cell>
          <cell r="H2099" t="str">
            <v>神戸支店</v>
          </cell>
          <cell r="I2099" t="str">
            <v>支店長 大畑　仁</v>
          </cell>
          <cell r="J2099" t="str">
            <v>東京都</v>
          </cell>
          <cell r="K2099" t="str">
            <v>078-272-3138</v>
          </cell>
          <cell r="L2099" t="str">
            <v>kobe_eigyo@pasco.co.jp</v>
          </cell>
          <cell r="M2099" t="str">
            <v>ﾊﾟｽｺ</v>
          </cell>
          <cell r="N2099" t="str">
            <v>有</v>
          </cell>
          <cell r="O2099">
            <v>69</v>
          </cell>
          <cell r="P2099">
            <v>1991</v>
          </cell>
          <cell r="Q2099">
            <v>5013201004656</v>
          </cell>
          <cell r="R2099">
            <v>8758481</v>
          </cell>
          <cell r="S2099">
            <v>9901098</v>
          </cell>
          <cell r="T2099">
            <v>42540026</v>
          </cell>
          <cell r="V2099" t="str">
            <v>jv773122</v>
          </cell>
          <cell r="W2099" t="str">
            <v>qg137953</v>
          </cell>
          <cell r="Y2099" t="str">
            <v>072，13，14，15，17，36，42，44，57，58，64，70，71，72，73，74，75，76，77，79，</v>
          </cell>
          <cell r="Z2099">
            <v>58</v>
          </cell>
          <cell r="AA2099">
            <v>57</v>
          </cell>
          <cell r="AB2099">
            <v>36</v>
          </cell>
          <cell r="AC2099">
            <v>72</v>
          </cell>
          <cell r="AD2099" t="str">
            <v>システム開発においては、ＧＩＳ（地理情報システム）を主とした開発実績が豊富で、個別業務ＧＩＳやＡＳＰクラウドサービスも展開しています。システムリース（賃貸借）や、地図出力等も実施しています。</v>
          </cell>
          <cell r="AE2099" t="str">
            <v>１；各種データベース作成、解析集計２；地理情報システム開発、ＷｅｂＧＩＳ開発等３；各種コンピュータ及び周辺装置、地理情報システムソフトウェア、ゼンリン、Ｚ－ｍａｐ４；航空写真、各種測量、図面、第二原図、編集図、データ入力、白地図、多色刷印刷図、各種パンフレット企画、印刷</v>
          </cell>
          <cell r="AF2099" t="str">
            <v>官公庁を主たる取引先として測量・建設コンサルタントを展開し社会システム産業構築の一翼を担う空間情報事業者として地図をベースにした空間情報技術（ＧＩＳクラウド、新高精度測量、衛星事業等）の他、多岐分野の専門知識をもち総合建設コンサルタントとして最先端技術を提供している。</v>
          </cell>
        </row>
        <row r="2100">
          <cell r="B2100">
            <v>10327</v>
          </cell>
          <cell r="C2100" t="str">
            <v>ＧＥヘルスケア・ジャパン(株)</v>
          </cell>
          <cell r="D2100" t="str">
            <v>078-386-2950</v>
          </cell>
          <cell r="E2100" t="str">
            <v>650-0044</v>
          </cell>
          <cell r="F2100" t="str">
            <v>兵庫県神戸市中央区東川崎町1-3-3神戸ﾊｰﾊﾞｰﾗﾝﾄﾞｾﾝﾀｰﾋﾞﾙ7F</v>
          </cell>
          <cell r="G2100" t="str">
            <v>神戸市</v>
          </cell>
          <cell r="H2100" t="str">
            <v>神戸支店</v>
          </cell>
          <cell r="I2100" t="str">
            <v>支店長 大串　潤也</v>
          </cell>
          <cell r="J2100" t="str">
            <v>東京都日野市</v>
          </cell>
          <cell r="K2100" t="str">
            <v>078-386-2955</v>
          </cell>
          <cell r="L2100" t="str">
            <v>Asami.Tsuchiya@ge.com</v>
          </cell>
          <cell r="M2100" t="str">
            <v>ｼﾞｰｲｰﾍﾙｽｹｱ･ｼﾞｬﾊﾟﾝ</v>
          </cell>
          <cell r="N2100" t="str">
            <v>有</v>
          </cell>
          <cell r="O2100">
            <v>35</v>
          </cell>
          <cell r="P2100">
            <v>1849</v>
          </cell>
          <cell r="Q2100">
            <v>4013401002304</v>
          </cell>
          <cell r="R2100">
            <v>6016485</v>
          </cell>
          <cell r="S2100">
            <v>45222031</v>
          </cell>
          <cell r="T2100">
            <v>139184122</v>
          </cell>
          <cell r="V2100" t="str">
            <v>aw216273</v>
          </cell>
          <cell r="W2100" t="str">
            <v>tq159583</v>
          </cell>
          <cell r="Y2100" t="str">
            <v>39，</v>
          </cell>
          <cell r="Z2100">
            <v>39</v>
          </cell>
          <cell r="AA2100">
            <v>80</v>
          </cell>
          <cell r="AB2100" t="str">
            <v/>
          </cell>
          <cell r="AC2100" t="str">
            <v/>
          </cell>
          <cell r="AD2100" t="str">
            <v/>
          </cell>
          <cell r="AE2100" t="str">
            <v>１；高度管理医療機器等販売業・賃貸業許可証、第一種医療機器製造販売業許可証、医療機器製造業許可証【代理店】ゼネラル・エレクトリック・カンパニー２；医療機器修理業許可証【代理店】ゼネラル・エレクトリック・カンパニー３；４；</v>
          </cell>
          <cell r="AF2100" t="str">
            <v>医療用機器の製造、輸入、販売及びリース並びに医療用機器に関する保守</v>
          </cell>
        </row>
        <row r="2101">
          <cell r="B2101">
            <v>10328</v>
          </cell>
          <cell r="C2101" t="str">
            <v>伊藤忠テクノソリューションズ(株)</v>
          </cell>
          <cell r="D2101" t="str">
            <v>06-6439-8869</v>
          </cell>
          <cell r="E2101" t="str">
            <v>530-0001</v>
          </cell>
          <cell r="F2101" t="str">
            <v>大阪府大阪市北区梅田3-1-3</v>
          </cell>
          <cell r="G2101" t="str">
            <v>大阪市</v>
          </cell>
          <cell r="H2101" t="str">
            <v>西日本営業第1部</v>
          </cell>
          <cell r="I2101" t="str">
            <v>部長 櫻井　哲雄</v>
          </cell>
          <cell r="J2101" t="str">
            <v>東京都</v>
          </cell>
          <cell r="K2101" t="str">
            <v>06-6347-7605</v>
          </cell>
          <cell r="L2101" t="str">
            <v>norihiko.tanaka@ctc-g.co.jp</v>
          </cell>
          <cell r="M2101" t="str">
            <v>ｲﾄｳﾁｭｳ</v>
          </cell>
          <cell r="N2101" t="str">
            <v>有</v>
          </cell>
          <cell r="O2101">
            <v>38</v>
          </cell>
          <cell r="P2101">
            <v>4309</v>
          </cell>
          <cell r="Q2101">
            <v>2010001010788</v>
          </cell>
          <cell r="R2101">
            <v>21763544</v>
          </cell>
          <cell r="S2101">
            <v>195535000</v>
          </cell>
          <cell r="T2101">
            <v>384618000</v>
          </cell>
          <cell r="V2101" t="str">
            <v>pf210088</v>
          </cell>
          <cell r="W2101" t="str">
            <v>kt151699</v>
          </cell>
          <cell r="Y2101" t="str">
            <v>36，58，</v>
          </cell>
          <cell r="Z2101">
            <v>36</v>
          </cell>
          <cell r="AA2101">
            <v>58</v>
          </cell>
          <cell r="AB2101" t="str">
            <v/>
          </cell>
          <cell r="AC2101" t="str">
            <v/>
          </cell>
          <cell r="AD2101" t="str">
            <v/>
          </cell>
          <cell r="AE2101" t="str">
            <v>１；代：Ｃｉｓｃｏ，ＨＰＥ，Ｏｒａｃｌｅ，Ｄｅｌｌ，ＥＭＣ，Ｆ５，Ａ１０，Ｎｕｔａｎｉｘ，ＶＭｗａｒｅ，Ｃｉｔｒｉｘ，ＮｅｔＡｐｐ，ＰａｌｏＡｌｔｏ，ＡＶＡＹＡ２；３；４；</v>
          </cell>
          <cell r="AF2101" t="str">
            <v>マルチベンダーでのシステムインテグレーションを強みとしています。基盤構築ではネットワーク、サーバー、ストレージ、仮想化、統合化等、セキュリティ領域、保守・運用領域、ＩＴコンサルを含め総合的にご支援可能です。</v>
          </cell>
        </row>
        <row r="2102">
          <cell r="B2102">
            <v>10329</v>
          </cell>
          <cell r="C2102" t="str">
            <v>神鋼環境メンテナンス(株)</v>
          </cell>
          <cell r="D2102" t="str">
            <v>078-232-8224</v>
          </cell>
          <cell r="E2102" t="str">
            <v>651-0086</v>
          </cell>
          <cell r="F2102" t="str">
            <v>兵庫県神戸市中央区磯上通2-2-21</v>
          </cell>
          <cell r="G2102" t="str">
            <v>神戸市</v>
          </cell>
          <cell r="H2102" t="str">
            <v/>
          </cell>
          <cell r="I2102" t="str">
            <v>代表取締役 箕輪　元</v>
          </cell>
          <cell r="J2102" t="str">
            <v>本店</v>
          </cell>
          <cell r="K2102" t="str">
            <v>078-232-8242</v>
          </cell>
          <cell r="L2102" t="str">
            <v>skm-kanjyu@kobelco-eco.co.jp</v>
          </cell>
          <cell r="M2102" t="str">
            <v>ｼﾝｺｳｶﾝｷｮｳﾒﾝﾃﾅﾝｽ</v>
          </cell>
          <cell r="N2102" t="str">
            <v>無</v>
          </cell>
          <cell r="O2102">
            <v>39</v>
          </cell>
          <cell r="P2102">
            <v>955</v>
          </cell>
          <cell r="Q2102">
            <v>2140001008258</v>
          </cell>
          <cell r="R2102">
            <v>80000</v>
          </cell>
          <cell r="S2102">
            <v>1773237</v>
          </cell>
          <cell r="T2102">
            <v>10741925</v>
          </cell>
          <cell r="V2102" t="str">
            <v>pr628393</v>
          </cell>
          <cell r="W2102" t="str">
            <v>mu199695</v>
          </cell>
          <cell r="Y2102" t="str">
            <v>10，46，</v>
          </cell>
          <cell r="Z2102">
            <v>10</v>
          </cell>
          <cell r="AA2102">
            <v>46</v>
          </cell>
          <cell r="AB2102" t="str">
            <v/>
          </cell>
          <cell r="AC2102" t="str">
            <v/>
          </cell>
          <cell r="AD2102" t="str">
            <v/>
          </cell>
          <cell r="AE2102" t="str">
            <v>１；毒物劇物一般販売業　神保第０８３ＴＡ０１０１号　広瀬化学薬品（株）（代）、ラサ工業（株）（代）、多木化学（株）（代）、南海化学（株）（代）２；下水道処理施設維持管理業　（６）処２６－１７１３；４；</v>
          </cell>
          <cell r="AF2102" t="str">
            <v>上下水道施設、清掃施設の機械器具設置工事及び保守点検・維持管理、維持修繕工事を主体としたプラントメーカー。特に水処理分野（浄水場、下水道処理場、中継ポンプ場、廃水処理施設）の工事を得意とする。また、水処理用薬品の販売も行っている。</v>
          </cell>
        </row>
        <row r="2103">
          <cell r="B2103">
            <v>10331</v>
          </cell>
          <cell r="C2103" t="str">
            <v>近畿興業(株)</v>
          </cell>
          <cell r="D2103" t="str">
            <v>06-6723-1984</v>
          </cell>
          <cell r="E2103" t="str">
            <v>577-0805</v>
          </cell>
          <cell r="F2103" t="str">
            <v>大阪府東大阪市宝持1-6-25</v>
          </cell>
          <cell r="G2103" t="str">
            <v>東大阪市</v>
          </cell>
          <cell r="H2103" t="str">
            <v/>
          </cell>
          <cell r="I2103" t="str">
            <v>代表取締役 齋藤　純代</v>
          </cell>
          <cell r="J2103" t="str">
            <v>本店</v>
          </cell>
          <cell r="K2103" t="str">
            <v>06-6723-1988</v>
          </cell>
          <cell r="L2103" t="str">
            <v>adp08480@rio.odn.ne.jp</v>
          </cell>
          <cell r="M2103" t="str">
            <v>ｷﾝｷｺｳｷﾞｮｳ</v>
          </cell>
          <cell r="N2103" t="str">
            <v>無</v>
          </cell>
          <cell r="O2103">
            <v>43</v>
          </cell>
          <cell r="P2103">
            <v>9</v>
          </cell>
          <cell r="Q2103">
            <v>5122001001472</v>
          </cell>
          <cell r="R2103">
            <v>30000</v>
          </cell>
          <cell r="S2103">
            <v>29944</v>
          </cell>
          <cell r="T2103">
            <v>67667</v>
          </cell>
          <cell r="V2103" t="str">
            <v>ck348119</v>
          </cell>
          <cell r="W2103" t="str">
            <v>qd189983</v>
          </cell>
          <cell r="Y2103" t="str">
            <v>79，</v>
          </cell>
          <cell r="Z2103">
            <v>79</v>
          </cell>
          <cell r="AA2103" t="str">
            <v/>
          </cell>
          <cell r="AB2103" t="str">
            <v/>
          </cell>
          <cell r="AC2103" t="str">
            <v/>
          </cell>
          <cell r="AD2103" t="str">
            <v/>
          </cell>
          <cell r="AE2103" t="str">
            <v>１；２；３；４；</v>
          </cell>
          <cell r="AF2103" t="str">
            <v>下水道施設維持管理を主に清掃・調査・修繕・改築を行っています。所属する団体として、日本下水道管路管理業協会、日本ＳＰＲ工法協会、ＬＣＲ（光硬化）工法協会などに所属しています。</v>
          </cell>
        </row>
        <row r="2104">
          <cell r="B2104">
            <v>10332</v>
          </cell>
          <cell r="C2104" t="str">
            <v>(株)カンプリ</v>
          </cell>
          <cell r="D2104" t="str">
            <v>072-679-4300</v>
          </cell>
          <cell r="E2104" t="str">
            <v>569-0823</v>
          </cell>
          <cell r="F2104" t="str">
            <v>大阪府高槻市芝生町2-52-10</v>
          </cell>
          <cell r="G2104" t="str">
            <v>高槻市</v>
          </cell>
          <cell r="H2104" t="str">
            <v/>
          </cell>
          <cell r="I2104" t="str">
            <v>代表取締役 阿部　陽</v>
          </cell>
          <cell r="J2104" t="str">
            <v>本店</v>
          </cell>
          <cell r="K2104" t="str">
            <v>072-679-4311</v>
          </cell>
          <cell r="L2104" t="str">
            <v>head_office@kanpuri.co.jp</v>
          </cell>
          <cell r="M2104" t="str">
            <v>ｶﾝﾌﾟﾘ</v>
          </cell>
          <cell r="N2104" t="str">
            <v>無</v>
          </cell>
          <cell r="O2104">
            <v>57</v>
          </cell>
          <cell r="P2104">
            <v>35</v>
          </cell>
          <cell r="Q2104">
            <v>3120901010677</v>
          </cell>
          <cell r="R2104">
            <v>70000</v>
          </cell>
          <cell r="S2104">
            <v>98501</v>
          </cell>
          <cell r="T2104">
            <v>752568</v>
          </cell>
          <cell r="V2104" t="str">
            <v>bz867929</v>
          </cell>
          <cell r="W2104" t="str">
            <v>tm199733</v>
          </cell>
          <cell r="Y2104" t="str">
            <v>057，07，14，15，36，57，58，70，71，73，74，75，76，</v>
          </cell>
          <cell r="Z2104">
            <v>75</v>
          </cell>
          <cell r="AA2104">
            <v>74</v>
          </cell>
          <cell r="AB2104">
            <v>73</v>
          </cell>
          <cell r="AC2104">
            <v>57</v>
          </cell>
          <cell r="AD2104" t="str">
            <v>あらゆる書類・図面の電子化とファイリング</v>
          </cell>
          <cell r="AE2104" t="str">
            <v>１；２；３；４；</v>
          </cell>
          <cell r="AF2104" t="str">
            <v>青写真・第二原図焼付、あらゆる複写・印刷、名刺、ポスター、チラシ、カタログ、パンフレット等のデザインおよび出力、ＣＡＤ・ラスターベクター変換、スキャニング、電子ファイリング、ラミネート、ラミネート加工、パネル加工など</v>
          </cell>
        </row>
        <row r="2105">
          <cell r="B2105">
            <v>10335</v>
          </cell>
          <cell r="C2105" t="str">
            <v>(株)ホカリ</v>
          </cell>
          <cell r="D2105" t="str">
            <v>0798-71-5011</v>
          </cell>
          <cell r="E2105" t="str">
            <v>662-0863</v>
          </cell>
          <cell r="F2105" t="str">
            <v>兵庫県西宮市室川町4-20-302</v>
          </cell>
          <cell r="G2105" t="str">
            <v>西宮市</v>
          </cell>
          <cell r="H2105" t="str">
            <v/>
          </cell>
          <cell r="I2105" t="str">
            <v>代表取締役 渡部　一二</v>
          </cell>
          <cell r="J2105" t="str">
            <v>本店</v>
          </cell>
          <cell r="K2105" t="str">
            <v>0798-71-5015</v>
          </cell>
          <cell r="L2105" t="str">
            <v>aqua5015@galaxy.ocn.ne.jp</v>
          </cell>
          <cell r="M2105" t="str">
            <v>ﾎｶﾘ</v>
          </cell>
          <cell r="N2105" t="str">
            <v>無</v>
          </cell>
          <cell r="O2105" t="str">
            <v/>
          </cell>
          <cell r="P2105">
            <v>13</v>
          </cell>
          <cell r="Q2105">
            <v>5140001070321</v>
          </cell>
          <cell r="R2105">
            <v>20000</v>
          </cell>
          <cell r="S2105">
            <v>84142</v>
          </cell>
          <cell r="T2105" t="str">
            <v/>
          </cell>
          <cell r="V2105" t="str">
            <v>tc235467</v>
          </cell>
          <cell r="W2105" t="str">
            <v>xq195931</v>
          </cell>
          <cell r="Y2105" t="str">
            <v>48，51，68，</v>
          </cell>
          <cell r="Z2105">
            <v>51</v>
          </cell>
          <cell r="AA2105">
            <v>48</v>
          </cell>
          <cell r="AB2105">
            <v>68</v>
          </cell>
          <cell r="AC2105" t="str">
            <v/>
          </cell>
          <cell r="AD2105" t="str">
            <v/>
          </cell>
          <cell r="AE2105" t="str">
            <v>１；浄化槽保守点検業者登録２；下水道処理施設維持管理業者登録３；産業廃棄物収集運搬業許可４；</v>
          </cell>
          <cell r="AF2105" t="str">
            <v>給排水工事を得意とし西宮市や県より下水管布設替え工事等も受注しております。浄化槽及び官公庁の下水道処理施設・農業集落排水処理施設・コミュニティプラント等の維持管理も数多く手掛けております。</v>
          </cell>
        </row>
        <row r="2106">
          <cell r="B2106">
            <v>10336</v>
          </cell>
          <cell r="C2106" t="str">
            <v>西戸崎興産(株)</v>
          </cell>
          <cell r="D2106" t="str">
            <v>072-897-1617</v>
          </cell>
          <cell r="E2106" t="str">
            <v>573-0112</v>
          </cell>
          <cell r="F2106" t="str">
            <v>大阪府枚方市尊延寺6丁目31番6-105号</v>
          </cell>
          <cell r="G2106" t="str">
            <v>枚方市</v>
          </cell>
          <cell r="H2106" t="str">
            <v>関西営業所</v>
          </cell>
          <cell r="I2106" t="str">
            <v>所長 東村　憲和</v>
          </cell>
          <cell r="J2106" t="str">
            <v>福岡県福岡市</v>
          </cell>
          <cell r="K2106" t="str">
            <v>072-897-1618</v>
          </cell>
          <cell r="L2106" t="str">
            <v>suna@saitozakikousan.co.jp</v>
          </cell>
          <cell r="M2106" t="str">
            <v>ｻｲﾄｻﾞｷｺｳｻﾝ</v>
          </cell>
          <cell r="N2106" t="str">
            <v>有</v>
          </cell>
          <cell r="O2106">
            <v>58</v>
          </cell>
          <cell r="P2106">
            <v>54</v>
          </cell>
          <cell r="Q2106">
            <v>4290001003127</v>
          </cell>
          <cell r="R2106">
            <v>100000</v>
          </cell>
          <cell r="S2106">
            <v>1931342</v>
          </cell>
          <cell r="T2106">
            <v>2075073</v>
          </cell>
          <cell r="V2106" t="str">
            <v>ac400445</v>
          </cell>
          <cell r="W2106" t="str">
            <v>ox181106</v>
          </cell>
          <cell r="Y2106" t="str">
            <v/>
          </cell>
          <cell r="Z2106">
            <v>33</v>
          </cell>
          <cell r="AA2106">
            <v>10</v>
          </cell>
          <cell r="AB2106">
            <v>51</v>
          </cell>
          <cell r="AC2106" t="str">
            <v/>
          </cell>
          <cell r="AD2106" t="str">
            <v/>
          </cell>
          <cell r="AE2106" t="str">
            <v>１；上下水道用ろ過材一式（ろ過砂・ろ過砂利・マンガン砂・アンスラサイト・有孔レンガ・除鉄マンガン砂用ろ材・天日乾燥用ろ材等）２；水処理用活性炭・ダイオキシン吸着除去用活性炭３；貯水槽や配水池等大型水槽内部の調査及び清掃</v>
          </cell>
          <cell r="AF2106" t="str">
            <v>上下水道用ろ過材の製造・販売、浄水場ろ過池の更生工事やろ過材入替工事、洗浄リサイクル車によるろ材洗浄工事からろ過池の調査まで、あらゆるろ過池のご相談に応じるろ過材メーカーです。また清掃用ロボットやダイバーによる配水池等大型水槽内部の清掃作業や調査もしています。</v>
          </cell>
        </row>
        <row r="2107">
          <cell r="B2107">
            <v>10337</v>
          </cell>
          <cell r="C2107" t="str">
            <v>(株)ケンセイ</v>
          </cell>
          <cell r="D2107" t="str">
            <v>072-773-8050</v>
          </cell>
          <cell r="E2107" t="str">
            <v>664-0832</v>
          </cell>
          <cell r="F2107" t="str">
            <v>兵庫県伊丹市下河原2-11-15</v>
          </cell>
          <cell r="G2107" t="str">
            <v>伊丹市</v>
          </cell>
          <cell r="H2107" t="str">
            <v>伊丹支店</v>
          </cell>
          <cell r="I2107" t="str">
            <v>取締役支店長 北浦　慎也</v>
          </cell>
          <cell r="J2107" t="str">
            <v>大阪府大阪市</v>
          </cell>
          <cell r="K2107" t="str">
            <v>072-773-8060</v>
          </cell>
          <cell r="L2107" t="str">
            <v>nishida@kk-kensei.co.jp</v>
          </cell>
          <cell r="M2107" t="str">
            <v>ｹﾝｾｲ</v>
          </cell>
          <cell r="N2107" t="str">
            <v>有</v>
          </cell>
          <cell r="O2107">
            <v>61</v>
          </cell>
          <cell r="P2107">
            <v>41</v>
          </cell>
          <cell r="Q2107">
            <v>8120001051650</v>
          </cell>
          <cell r="R2107">
            <v>41000</v>
          </cell>
          <cell r="S2107">
            <v>336888</v>
          </cell>
          <cell r="T2107">
            <v>1227642</v>
          </cell>
          <cell r="V2107" t="str">
            <v>yj501354</v>
          </cell>
          <cell r="W2107" t="str">
            <v>md163833</v>
          </cell>
          <cell r="Y2107" t="str">
            <v>79，</v>
          </cell>
          <cell r="Z2107">
            <v>79</v>
          </cell>
          <cell r="AA2107" t="str">
            <v/>
          </cell>
          <cell r="AB2107" t="str">
            <v/>
          </cell>
          <cell r="AC2107" t="str">
            <v/>
          </cell>
          <cell r="AD2107" t="str">
            <v/>
          </cell>
          <cell r="AE2107" t="str">
            <v>１；管路ＴＶカメラ調査用車両　４台、取付管調査用ＴＶカメラ一式　３台２；　３；４；</v>
          </cell>
          <cell r="AF2107" t="str">
            <v>下水道管渠更生工事（修繕・改築・耐震・部分補修）、下水道管渠等清掃・浚渫、下水道管渠調査（ＴＶカメラ・目視・流量・送煙・誤接）、事業損失補償調査（家屋調査）</v>
          </cell>
        </row>
        <row r="2108">
          <cell r="B2108">
            <v>10338</v>
          </cell>
          <cell r="C2108" t="str">
            <v>(株)松村電機製作所</v>
          </cell>
          <cell r="D2108" t="str">
            <v>06-6352-0245</v>
          </cell>
          <cell r="E2108" t="str">
            <v>530-0043</v>
          </cell>
          <cell r="F2108" t="str">
            <v>大阪府大阪市北区天満2-12-16</v>
          </cell>
          <cell r="G2108" t="str">
            <v>大阪市</v>
          </cell>
          <cell r="H2108" t="str">
            <v>関西支店</v>
          </cell>
          <cell r="I2108" t="str">
            <v>支店長 冨山　博司</v>
          </cell>
          <cell r="J2108" t="str">
            <v>東京都</v>
          </cell>
          <cell r="K2108" t="str">
            <v>06-6352-2972</v>
          </cell>
          <cell r="L2108" t="str">
            <v>kansai@matsumuradenki.co.jp</v>
          </cell>
          <cell r="M2108" t="str">
            <v>ﾏﾂﾑﾗﾃﾞﾝｷｾｲｻｸｼｮ</v>
          </cell>
          <cell r="N2108" t="str">
            <v>有</v>
          </cell>
          <cell r="O2108">
            <v>59</v>
          </cell>
          <cell r="P2108">
            <v>177</v>
          </cell>
          <cell r="Q2108">
            <v>5010001007344</v>
          </cell>
          <cell r="R2108">
            <v>84000</v>
          </cell>
          <cell r="S2108">
            <v>2126756</v>
          </cell>
          <cell r="T2108">
            <v>5433859</v>
          </cell>
          <cell r="V2108" t="str">
            <v>tz711898</v>
          </cell>
          <cell r="W2108" t="str">
            <v>nt167591</v>
          </cell>
          <cell r="Y2108" t="str">
            <v>35，40，47，</v>
          </cell>
          <cell r="Z2108">
            <v>80</v>
          </cell>
          <cell r="AA2108">
            <v>47</v>
          </cell>
          <cell r="AB2108" t="str">
            <v/>
          </cell>
          <cell r="AC2108" t="str">
            <v/>
          </cell>
          <cell r="AD2108" t="str">
            <v/>
          </cell>
          <cell r="AE2108" t="str">
            <v>１；舞台照明器具（自社製品）登録ＩＳＯ　９００１：２００８　設備機械器具プレスブレーキ２台　タッピングボール盤１台　他２；舞台照明設備保守点検３；４；</v>
          </cell>
          <cell r="AF2108" t="str">
            <v>コンピュータ制御による舞台照明設備の設計・製造・施工・メンテナンス・販売を一貫して行うシステムメーカーです。</v>
          </cell>
        </row>
        <row r="2109">
          <cell r="B2109">
            <v>10339</v>
          </cell>
          <cell r="C2109" t="str">
            <v>名阪食品(株)</v>
          </cell>
          <cell r="D2109" t="str">
            <v>06-6942-5091</v>
          </cell>
          <cell r="E2109" t="str">
            <v>540-0028</v>
          </cell>
          <cell r="F2109" t="str">
            <v>大阪府大阪市中央区常盤町1丁目3番8号</v>
          </cell>
          <cell r="G2109" t="str">
            <v>大阪市</v>
          </cell>
          <cell r="H2109" t="str">
            <v>大阪事業部</v>
          </cell>
          <cell r="I2109" t="str">
            <v>事業部長 川合　剛志</v>
          </cell>
          <cell r="J2109" t="str">
            <v>奈良県桜井市</v>
          </cell>
          <cell r="K2109" t="str">
            <v>06-6942-5039</v>
          </cell>
          <cell r="L2109" t="str">
            <v>info@meihan-shokuhin.co.jp</v>
          </cell>
          <cell r="M2109" t="str">
            <v>ﾒｲﾊﾝｼｮｸﾋﾝ</v>
          </cell>
          <cell r="N2109" t="str">
            <v>有</v>
          </cell>
          <cell r="O2109">
            <v>48</v>
          </cell>
          <cell r="P2109">
            <v>1991</v>
          </cell>
          <cell r="Q2109">
            <v>9150001010108</v>
          </cell>
          <cell r="R2109">
            <v>50000</v>
          </cell>
          <cell r="S2109">
            <v>147759</v>
          </cell>
          <cell r="T2109">
            <v>5065071</v>
          </cell>
          <cell r="V2109" t="str">
            <v>ad362059</v>
          </cell>
          <cell r="W2109" t="str">
            <v>vd189833</v>
          </cell>
          <cell r="Y2109" t="str">
            <v/>
          </cell>
          <cell r="Z2109" t="str">
            <v/>
          </cell>
          <cell r="AA2109" t="str">
            <v/>
          </cell>
          <cell r="AB2109" t="str">
            <v/>
          </cell>
          <cell r="AC2109" t="str">
            <v/>
          </cell>
          <cell r="AD2109" t="str">
            <v/>
          </cell>
          <cell r="AE2109" t="str">
            <v>１；２；３；４；</v>
          </cell>
          <cell r="AF2109" t="str">
            <v>小学校・中学校における給食調理への調理員の派遣と給食調理業務委託会社です。</v>
          </cell>
        </row>
        <row r="2110">
          <cell r="B2110">
            <v>10340</v>
          </cell>
          <cell r="C2110" t="str">
            <v>ヤマハサウンドシステム(株)</v>
          </cell>
          <cell r="D2110" t="str">
            <v>06-6301-7263</v>
          </cell>
          <cell r="E2110" t="str">
            <v>532-0011</v>
          </cell>
          <cell r="F2110" t="str">
            <v>大阪府大阪市淀川区西中島4-7-18</v>
          </cell>
          <cell r="G2110" t="str">
            <v>大阪市</v>
          </cell>
          <cell r="H2110" t="str">
            <v>大阪営業所</v>
          </cell>
          <cell r="I2110" t="str">
            <v>所長 岸本　一史</v>
          </cell>
          <cell r="J2110" t="str">
            <v>東京都</v>
          </cell>
          <cell r="K2110" t="str">
            <v>06-6301-7269</v>
          </cell>
          <cell r="L2110" t="str">
            <v>tokyo-div@yamaha-ss.jp</v>
          </cell>
          <cell r="M2110" t="str">
            <v>ﾔﾏﾊｻｳﾝﾄﾞｼｽﾃﾑ</v>
          </cell>
          <cell r="N2110" t="str">
            <v>有</v>
          </cell>
          <cell r="O2110">
            <v>55</v>
          </cell>
          <cell r="P2110">
            <v>163</v>
          </cell>
          <cell r="Q2110">
            <v>3010001027922</v>
          </cell>
          <cell r="R2110">
            <v>49600</v>
          </cell>
          <cell r="S2110">
            <v>3133345</v>
          </cell>
          <cell r="T2110">
            <v>6208895</v>
          </cell>
          <cell r="V2110" t="str">
            <v>ky107581</v>
          </cell>
          <cell r="W2110" t="str">
            <v>ｒd163539</v>
          </cell>
          <cell r="Y2110" t="str">
            <v>36，50，</v>
          </cell>
          <cell r="Z2110">
            <v>36</v>
          </cell>
          <cell r="AA2110">
            <v>50</v>
          </cell>
          <cell r="AB2110" t="str">
            <v/>
          </cell>
          <cell r="AC2110" t="str">
            <v/>
          </cell>
          <cell r="AD2110" t="str">
            <v/>
          </cell>
          <cell r="AE2110" t="str">
            <v>１；舞台用音響機器の販売　仕入先：株式会社ヤマハミュージックジャパン（特約店）、ヒビノ株式会社、オタリテック株式会社、株式会社オーディオブレインズ、松田通商株式会社　等２；市民会館・文化会館等の音響設備保守管理３；４；</v>
          </cell>
          <cell r="AF2110" t="str">
            <v>舞台音響設備工事、舞台音響機器の販売（三点吊マイク装置・プロオーディオ機器・舞台用インターカム装置・録音再生機器・スピーカー・マイクロホン・その他ホール音響用周辺機器）、市民会館・文化会館等の音響設備保守管理</v>
          </cell>
        </row>
        <row r="2111">
          <cell r="B2111">
            <v>10341</v>
          </cell>
          <cell r="C2111" t="str">
            <v>(株)ＮＴＴドコモ</v>
          </cell>
          <cell r="D2111" t="str">
            <v>078-231-4399</v>
          </cell>
          <cell r="E2111" t="str">
            <v>651-0088</v>
          </cell>
          <cell r="F2111" t="str">
            <v>兵庫県神戸市中央区小野柄通4-1-22</v>
          </cell>
          <cell r="G2111" t="str">
            <v>神戸市</v>
          </cell>
          <cell r="H2111" t="str">
            <v>神戸支店</v>
          </cell>
          <cell r="I2111" t="str">
            <v>支店長 長妻　大育</v>
          </cell>
          <cell r="J2111" t="str">
            <v>東京都</v>
          </cell>
          <cell r="K2111" t="str">
            <v>078-251-2286</v>
          </cell>
          <cell r="L2111" t="str">
            <v>uemotos@nttdocomo.com</v>
          </cell>
          <cell r="M2111" t="str">
            <v>ｴﾇﾃｨﾃｨﾄﾞｺﾓ</v>
          </cell>
          <cell r="N2111" t="str">
            <v>有</v>
          </cell>
          <cell r="O2111">
            <v>27</v>
          </cell>
          <cell r="P2111">
            <v>13759</v>
          </cell>
          <cell r="Q2111">
            <v>1010001067912</v>
          </cell>
          <cell r="R2111">
            <v>949679500</v>
          </cell>
          <cell r="S2111">
            <v>5416930000</v>
          </cell>
          <cell r="T2111">
            <v>4807128000</v>
          </cell>
          <cell r="V2111" t="str">
            <v>pd741592</v>
          </cell>
          <cell r="W2111" t="str">
            <v>qf189893</v>
          </cell>
          <cell r="Y2111" t="str">
            <v>36，44，58，</v>
          </cell>
          <cell r="Z2111">
            <v>36</v>
          </cell>
          <cell r="AA2111">
            <v>58</v>
          </cell>
          <cell r="AB2111">
            <v>44</v>
          </cell>
          <cell r="AC2111" t="str">
            <v/>
          </cell>
          <cell r="AD2111" t="str">
            <v/>
          </cell>
          <cell r="AE2111" t="str">
            <v>１；携帯電話、衛星携帯電話、パソコン、タブレット端末２；モバイルシステム開発に関する情報処理業務、モバイルシステムにおけるソフトウェア開発業務３；携帯電話、衛星携帯電話、パソコン、タブレット端末等の情報通信機器及びモバイルシステム４；</v>
          </cell>
          <cell r="AF2111" t="str">
            <v>ケータイのサービスやネットワークは持続的に進化し、コミュニケーション、情報アクセス、生活支援の手段に加え、お客様の行動を支援する役割も担ってまいります。携帯電話・衛星電話の販売、携帯電話やスマートフォン・モバイルパソコンを用いたシステムの構築を行っています。</v>
          </cell>
        </row>
        <row r="2112">
          <cell r="B2112">
            <v>10344</v>
          </cell>
          <cell r="C2112" t="str">
            <v>アタカメンテナンス(株)</v>
          </cell>
          <cell r="D2112" t="str">
            <v>06-6468-8190</v>
          </cell>
          <cell r="E2112" t="str">
            <v>554-0012</v>
          </cell>
          <cell r="F2112" t="str">
            <v>大阪府大阪市此花区西九条5-3-28</v>
          </cell>
          <cell r="G2112" t="str">
            <v>大阪市</v>
          </cell>
          <cell r="H2112" t="str">
            <v>大阪支店</v>
          </cell>
          <cell r="I2112" t="str">
            <v>支店長 寺井　英二</v>
          </cell>
          <cell r="J2112" t="str">
            <v>東京都</v>
          </cell>
          <cell r="K2112" t="str">
            <v>06-6468-8695</v>
          </cell>
          <cell r="L2112" t="str">
            <v>oosaka@amc-ataka.jp</v>
          </cell>
          <cell r="M2112" t="str">
            <v>ｱﾀｶﾒﾝﾃﾅﾝｽ</v>
          </cell>
          <cell r="N2112" t="str">
            <v>有</v>
          </cell>
          <cell r="O2112">
            <v>17</v>
          </cell>
          <cell r="P2112">
            <v>299</v>
          </cell>
          <cell r="Q2112">
            <v>6010501020738</v>
          </cell>
          <cell r="R2112">
            <v>50000</v>
          </cell>
          <cell r="S2112">
            <v>842788</v>
          </cell>
          <cell r="T2112">
            <v>3734259</v>
          </cell>
          <cell r="V2112" t="str">
            <v>eg399629</v>
          </cell>
          <cell r="W2112" t="str">
            <v>oq188397</v>
          </cell>
          <cell r="Y2112" t="str">
            <v>33，</v>
          </cell>
          <cell r="Z2112">
            <v>33</v>
          </cell>
          <cell r="AA2112">
            <v>80</v>
          </cell>
          <cell r="AB2112" t="str">
            <v/>
          </cell>
          <cell r="AC2112" t="str">
            <v/>
          </cell>
          <cell r="AD2112" t="str">
            <v/>
          </cell>
          <cell r="AE2112" t="str">
            <v>１；水処理用浸漬膜〔膜エレメント〕２；水処理施設運転維持管理・保守点検〔し尿・汚泥再生処理施設、上下水処理施設、最終処分場浸出水処理施設、農村集落排水、コミュニティープラント、その他水処理施設、リサイクル施設〕３；４；</v>
          </cell>
          <cell r="AF2112" t="str">
            <v>水処理施設運転維持管理・保守点検〔し尿汚泥再生処理施設、上下水処理施設、最終処分場浸出水処理施設、農村集落排水、コミプラ、その他水処理施設、リサイクル施設〕。水処理用浸漬膜〔膜エレメント〕</v>
          </cell>
        </row>
        <row r="2113">
          <cell r="B2113">
            <v>10346</v>
          </cell>
          <cell r="C2113" t="str">
            <v>(株)ウェザーニューズ</v>
          </cell>
          <cell r="D2113" t="str">
            <v>043-274-5590</v>
          </cell>
          <cell r="E2113" t="str">
            <v>261-0023</v>
          </cell>
          <cell r="F2113" t="str">
            <v>千葉県千葉市美浜区中瀬1-3</v>
          </cell>
          <cell r="G2113" t="str">
            <v>千葉市</v>
          </cell>
          <cell r="H2113" t="str">
            <v/>
          </cell>
          <cell r="I2113" t="str">
            <v>代表取締役 草開　千仁</v>
          </cell>
          <cell r="J2113" t="str">
            <v>本店</v>
          </cell>
          <cell r="K2113" t="str">
            <v>043-296-3763</v>
          </cell>
          <cell r="L2113" t="str">
            <v>gt-wni@wni.com</v>
          </cell>
          <cell r="M2113" t="str">
            <v>ｳｪｻﾞｰﾆｭｰｽﾞ</v>
          </cell>
          <cell r="N2113" t="str">
            <v>無</v>
          </cell>
          <cell r="O2113">
            <v>40</v>
          </cell>
          <cell r="P2113">
            <v>768</v>
          </cell>
          <cell r="Q2113">
            <v>6010401003504</v>
          </cell>
          <cell r="R2113">
            <v>1706500</v>
          </cell>
          <cell r="S2113">
            <v>13107134</v>
          </cell>
          <cell r="T2113">
            <v>15390617</v>
          </cell>
          <cell r="V2113" t="str">
            <v>an408226</v>
          </cell>
          <cell r="W2113" t="str">
            <v>fx171586</v>
          </cell>
          <cell r="Y2113" t="str">
            <v/>
          </cell>
          <cell r="Z2113">
            <v>80</v>
          </cell>
          <cell r="AA2113" t="str">
            <v/>
          </cell>
          <cell r="AB2113" t="str">
            <v/>
          </cell>
          <cell r="AC2113" t="str">
            <v/>
          </cell>
          <cell r="AD2113" t="str">
            <v/>
          </cell>
          <cell r="AE2113" t="str">
            <v>１；気象情報の提供業務　予報許可第２５号２；３；４；</v>
          </cell>
          <cell r="AF2113" t="str">
            <v>全世界の気象・海象・水象・地象の観測・データ収集・解析・予報及びその提供、ならびにこれら原材料を活用した対応策コンテンツの企画・制作・販売業務</v>
          </cell>
        </row>
        <row r="2114">
          <cell r="B2114">
            <v>10347</v>
          </cell>
          <cell r="C2114" t="str">
            <v>(株)ＦＵＤＯ　ｃｏｒｐｏｒａｔｉｏｎ</v>
          </cell>
          <cell r="D2114" t="str">
            <v>06-6862-3872</v>
          </cell>
          <cell r="E2114" t="str">
            <v>540-0028</v>
          </cell>
          <cell r="F2114" t="str">
            <v>大阪府豊中市曽根東町3-2-1 同志ﾋﾞﾙ3階</v>
          </cell>
          <cell r="G2114" t="str">
            <v>豊中市</v>
          </cell>
          <cell r="H2114" t="str">
            <v/>
          </cell>
          <cell r="I2114" t="str">
            <v>代表取締役　 中島　務</v>
          </cell>
          <cell r="J2114" t="str">
            <v>本店</v>
          </cell>
          <cell r="K2114" t="str">
            <v>06-6862-3985</v>
          </cell>
          <cell r="L2114" t="str">
            <v>eigyouka.5@fudo-corp.jp</v>
          </cell>
          <cell r="M2114" t="str">
            <v>ﾌﾄﾞ-ｺ-ﾎﾟﾚ-ｼﾖﾝ</v>
          </cell>
          <cell r="N2114" t="str">
            <v>無</v>
          </cell>
          <cell r="O2114">
            <v>56</v>
          </cell>
          <cell r="P2114">
            <v>125</v>
          </cell>
          <cell r="Q2114">
            <v>2120901025726</v>
          </cell>
          <cell r="R2114">
            <v>30000</v>
          </cell>
          <cell r="S2114">
            <v>55330</v>
          </cell>
          <cell r="T2114">
            <v>263361</v>
          </cell>
          <cell r="V2114" t="str">
            <v>qz312288</v>
          </cell>
          <cell r="W2114" t="str">
            <v>ｒs195366</v>
          </cell>
          <cell r="Y2114" t="str">
            <v>45.46.47.48.49.51.52.53.54.55.56.61.80</v>
          </cell>
          <cell r="Z2114">
            <v>45</v>
          </cell>
          <cell r="AA2114">
            <v>61</v>
          </cell>
          <cell r="AB2114">
            <v>80</v>
          </cell>
          <cell r="AC2114">
            <v>54</v>
          </cell>
          <cell r="AD2114" t="str">
            <v/>
          </cell>
          <cell r="AE2114" t="str">
            <v>１；２；大阪府公安委員会認定警備業　警備員指導教育責任者３；貯水槽清掃作業監督者、危険物取扱者、ボイラー技士、建築物環境衛生管理技術者、４；空気環境測定、特殊建築物定期検査、消防設備点検、</v>
          </cell>
          <cell r="AF2114" t="str">
            <v>長年地元豊中市を中心に北摂地域の官公庁、企業等でのビルメンテナンス業務を行っています。親切・丁寧・迅速なサービスで、「快適、安心空間の実現」に向けて、皆様に信頼と安らぎをお届けさせていただくよう努めてまいります。</v>
          </cell>
        </row>
        <row r="2115">
          <cell r="B2115">
            <v>10348</v>
          </cell>
          <cell r="C2115" t="str">
            <v>(株)ＧＳユアサ</v>
          </cell>
          <cell r="D2115" t="str">
            <v>06-6344-6532</v>
          </cell>
          <cell r="E2115" t="str">
            <v>630-0003</v>
          </cell>
          <cell r="F2115" t="str">
            <v>大阪府大阪市北区堂島2-2-2</v>
          </cell>
          <cell r="G2115" t="str">
            <v>大阪市</v>
          </cell>
          <cell r="H2115" t="str">
            <v>関西支社</v>
          </cell>
          <cell r="I2115" t="str">
            <v>支社長 下條　愼介</v>
          </cell>
          <cell r="J2115" t="str">
            <v>京都府京都市</v>
          </cell>
          <cell r="K2115" t="str">
            <v>06-6344-2924</v>
          </cell>
          <cell r="L2115" t="str">
            <v>kansai.gyps@jp.gs-yuasa.com</v>
          </cell>
          <cell r="M2115" t="str">
            <v>ｼﾞｰｴｽﾕｱｻ</v>
          </cell>
          <cell r="N2115" t="str">
            <v>有</v>
          </cell>
          <cell r="O2115">
            <v>60</v>
          </cell>
          <cell r="P2115">
            <v>3549</v>
          </cell>
          <cell r="Q2115">
            <v>5130001028411</v>
          </cell>
          <cell r="R2115">
            <v>10000000</v>
          </cell>
          <cell r="S2115">
            <v>70703611</v>
          </cell>
          <cell r="T2115">
            <v>153471650</v>
          </cell>
          <cell r="V2115" t="str">
            <v>hd725638</v>
          </cell>
          <cell r="W2115" t="str">
            <v>gh135591</v>
          </cell>
          <cell r="Y2115" t="str">
            <v>35，36，47，</v>
          </cell>
          <cell r="Z2115">
            <v>35</v>
          </cell>
          <cell r="AA2115">
            <v>36</v>
          </cell>
          <cell r="AB2115">
            <v>47</v>
          </cell>
          <cell r="AC2115" t="str">
            <v/>
          </cell>
          <cell r="AD2115" t="str">
            <v/>
          </cell>
          <cell r="AE2115" t="str">
            <v>１；電源システム・蓄電池設置２；通信用電源システム・蓄電池設置３；電源システム・蓄電池設備の保守点検　通信用電源システム・蓄電池設備保守点検４；</v>
          </cell>
          <cell r="AF2115" t="str">
            <v>工事では、電源システム・各種蓄電池・機械器具用各種蓄電池・通信用電源システム・通信用各種蓄電池の設置工事を行っております。物品では、電源システム電源装置・整流器・太陽光発電設備・蓄電池・鉛蓄電池・アルカリ蓄電池・リチウム蓄電池の製造販売修繕保守点検を行っております。</v>
          </cell>
        </row>
        <row r="2116">
          <cell r="B2116">
            <v>10349</v>
          </cell>
          <cell r="C2116" t="str">
            <v>ウニスガ印刷(株)</v>
          </cell>
          <cell r="D2116" t="str">
            <v>0795-22-3226</v>
          </cell>
          <cell r="E2116" t="str">
            <v>677-0053</v>
          </cell>
          <cell r="F2116" t="str">
            <v>兵庫県西脇市和布町39-1</v>
          </cell>
          <cell r="G2116" t="str">
            <v>西脇市</v>
          </cell>
          <cell r="H2116" t="str">
            <v/>
          </cell>
          <cell r="I2116" t="str">
            <v>代表取締役 宇仁菅　勧</v>
          </cell>
          <cell r="J2116" t="str">
            <v>本店</v>
          </cell>
          <cell r="K2116" t="str">
            <v>0795-23-6229</v>
          </cell>
          <cell r="L2116" t="str">
            <v>t-yamamoto@unisuga.co.jp</v>
          </cell>
          <cell r="M2116" t="str">
            <v>ｳﾆｽｶﾞｲﾝｻﾂ</v>
          </cell>
          <cell r="N2116" t="str">
            <v>無</v>
          </cell>
          <cell r="O2116">
            <v>85</v>
          </cell>
          <cell r="P2116">
            <v>28</v>
          </cell>
          <cell r="Q2116">
            <v>7140001075319</v>
          </cell>
          <cell r="R2116">
            <v>20000</v>
          </cell>
          <cell r="S2116">
            <v>178884</v>
          </cell>
          <cell r="T2116">
            <v>344180</v>
          </cell>
          <cell r="V2116" t="str">
            <v>zw705167</v>
          </cell>
          <cell r="W2116" t="str">
            <v>dq157768</v>
          </cell>
          <cell r="Y2116" t="str">
            <v>73，76，</v>
          </cell>
          <cell r="Z2116">
            <v>73</v>
          </cell>
          <cell r="AA2116">
            <v>76</v>
          </cell>
          <cell r="AB2116" t="str">
            <v/>
          </cell>
          <cell r="AC2116" t="str">
            <v/>
          </cell>
          <cell r="AD2116" t="str">
            <v/>
          </cell>
          <cell r="AE2116" t="str">
            <v>１；チラシ・ポスター・パンフレット・広報紙・情報誌・市勢要覧・名刺・封筒・図録・製本全般２；シール・保護ラベル・磁気カード３；４；</v>
          </cell>
          <cell r="AF2116" t="str">
            <v>菊全判両面カラー印刷機を保有し、薄紙からボール紙のパッケージまで印刷でき、企画・編集・デザインまで一貫して制作を行っています。また、ＡＲコンテンツ作成ソフトも導入しております。</v>
          </cell>
        </row>
        <row r="2117">
          <cell r="B2117">
            <v>10351</v>
          </cell>
          <cell r="C2117" t="str">
            <v>(有)ライラック</v>
          </cell>
          <cell r="D2117" t="str">
            <v>0797-83-6886</v>
          </cell>
          <cell r="E2117" t="str">
            <v>665-0845</v>
          </cell>
          <cell r="F2117" t="str">
            <v>兵庫県宝塚市栄町3‐1‐17‐105</v>
          </cell>
          <cell r="G2117" t="str">
            <v>宝塚市</v>
          </cell>
          <cell r="H2117" t="str">
            <v/>
          </cell>
          <cell r="I2117" t="str">
            <v>取締役 河野　光彦</v>
          </cell>
          <cell r="J2117" t="str">
            <v>本店</v>
          </cell>
          <cell r="K2117" t="str">
            <v>0797-83-6887</v>
          </cell>
          <cell r="L2117" t="str">
            <v>lilac-kawano@k6.dion.ne.jp</v>
          </cell>
          <cell r="M2117" t="str">
            <v>ﾗｲﾗｯｸ</v>
          </cell>
          <cell r="N2117" t="str">
            <v>無</v>
          </cell>
          <cell r="O2117">
            <v>19</v>
          </cell>
          <cell r="P2117">
            <v>2</v>
          </cell>
          <cell r="Q2117">
            <v>2140002067641</v>
          </cell>
          <cell r="R2117">
            <v>3000</v>
          </cell>
          <cell r="S2117">
            <v>8665</v>
          </cell>
          <cell r="T2117">
            <v>68133</v>
          </cell>
          <cell r="V2117" t="str">
            <v>br566398</v>
          </cell>
          <cell r="W2117" t="str">
            <v>uv189136</v>
          </cell>
          <cell r="Y2117" t="str">
            <v>28，44，62，</v>
          </cell>
          <cell r="Z2117">
            <v>28</v>
          </cell>
          <cell r="AA2117">
            <v>44</v>
          </cell>
          <cell r="AB2117">
            <v>62</v>
          </cell>
          <cell r="AC2117" t="str">
            <v/>
          </cell>
          <cell r="AD2117" t="str">
            <v/>
          </cell>
          <cell r="AE2117" t="str">
            <v>１；カーテン　ブラインド　ロールスクリーン　アコーデオンカーテン　カーテンレール　カーペット　緞帳　舞台幕２；カーテンリース３；カーテンクリーニング４；</v>
          </cell>
          <cell r="AF2117" t="str">
            <v>病院・福祉施設・学校への　防炎カーテンの販売及びリースを主とし　定期的にカーテンメンテナンス（クリーニング・補修）を行い、常に清潔を保つよう管理いたします。</v>
          </cell>
        </row>
        <row r="2118">
          <cell r="B2118">
            <v>10352</v>
          </cell>
          <cell r="C2118" t="str">
            <v>(株)データベース</v>
          </cell>
          <cell r="D2118" t="str">
            <v>078-361-0227</v>
          </cell>
          <cell r="E2118" t="str">
            <v>650-0004</v>
          </cell>
          <cell r="F2118" t="str">
            <v>兵庫県神戸市中央区中山手通5-1-1</v>
          </cell>
          <cell r="G2118" t="str">
            <v>神戸市</v>
          </cell>
          <cell r="H2118" t="str">
            <v>関西支店</v>
          </cell>
          <cell r="I2118" t="str">
            <v>支店長 八代　哲治</v>
          </cell>
          <cell r="J2118" t="str">
            <v>北海道札幌市</v>
          </cell>
          <cell r="K2118" t="str">
            <v>078-381-9850</v>
          </cell>
          <cell r="L2118" t="str">
            <v>database-kansai@data-g.com</v>
          </cell>
          <cell r="M2118" t="str">
            <v>ﾃﾞｰﾀﾍﾞｰｽ</v>
          </cell>
          <cell r="N2118" t="str">
            <v>有</v>
          </cell>
          <cell r="O2118">
            <v>40</v>
          </cell>
          <cell r="P2118">
            <v>401</v>
          </cell>
          <cell r="Q2118">
            <v>8430001016944</v>
          </cell>
          <cell r="R2118">
            <v>490000</v>
          </cell>
          <cell r="S2118">
            <v>4485654</v>
          </cell>
          <cell r="T2118">
            <v>3510380</v>
          </cell>
          <cell r="V2118" t="str">
            <v>rj319013</v>
          </cell>
          <cell r="W2118" t="str">
            <v>qf196859</v>
          </cell>
          <cell r="Y2118" t="str">
            <v>10，</v>
          </cell>
          <cell r="Z2118">
            <v>80</v>
          </cell>
          <cell r="AA2118">
            <v>10</v>
          </cell>
          <cell r="AB2118" t="str">
            <v/>
          </cell>
          <cell r="AC2118" t="str">
            <v/>
          </cell>
          <cell r="AD2118" t="str">
            <v>上水・下水用水処理機械（プラスチックチェーン及び膜ろ過装置）の販売</v>
          </cell>
          <cell r="AE2118" t="str">
            <v>１；上下水道処理施設・廃棄物処理施設運転管理業務２；高分子凝集剤（代：ハイモ（株）、代：ＭＴアクアポリマー（株））活性炭（代：旭コークス工業（株）、セラケム（株））３；４；</v>
          </cell>
          <cell r="AF2118" t="str">
            <v>上下水道処理施設・廃棄物処理施設の運転管理等、環境施設の維持管理業務を行っております。４０年以上の実績を重ね、北海道から九州まで全国展開しております。また、それに伴う工業薬品や、水処理機械の販売も取り扱っております。</v>
          </cell>
        </row>
        <row r="2119">
          <cell r="B2119">
            <v>10353</v>
          </cell>
          <cell r="C2119" t="str">
            <v>泉興業(株)</v>
          </cell>
          <cell r="D2119" t="str">
            <v>06-6488-5005</v>
          </cell>
          <cell r="E2119" t="str">
            <v>651-0088</v>
          </cell>
          <cell r="F2119" t="str">
            <v>兵庫県尼崎市東七松町1-15-20</v>
          </cell>
          <cell r="G2119" t="str">
            <v>尼崎市</v>
          </cell>
          <cell r="H2119" t="str">
            <v/>
          </cell>
          <cell r="I2119" t="str">
            <v>代表取締役　 鑓田　雅之</v>
          </cell>
          <cell r="J2119" t="str">
            <v>本店</v>
          </cell>
          <cell r="K2119" t="str">
            <v>06-6488-6109</v>
          </cell>
          <cell r="L2119" t="str">
            <v>miyazawa@izumi-group.co.jp</v>
          </cell>
          <cell r="M2119" t="str">
            <v>ｲｽﾞﾐｺｳｷﾞﾖｳ</v>
          </cell>
          <cell r="N2119" t="str">
            <v>無</v>
          </cell>
          <cell r="O2119">
            <v>60</v>
          </cell>
          <cell r="P2119">
            <v>178</v>
          </cell>
          <cell r="Q2119">
            <v>2140001047660</v>
          </cell>
          <cell r="R2119">
            <v>44000</v>
          </cell>
          <cell r="S2119">
            <v>987705</v>
          </cell>
          <cell r="T2119">
            <v>2374257</v>
          </cell>
          <cell r="V2119" t="str">
            <v>ac432512</v>
          </cell>
          <cell r="W2119" t="str">
            <v>rd195396</v>
          </cell>
          <cell r="Y2119" t="str">
            <v>46.47.48.49.51.53.54.55.56.67.68.69.79.80</v>
          </cell>
          <cell r="Z2119">
            <v>68</v>
          </cell>
          <cell r="AA2119">
            <v>48</v>
          </cell>
          <cell r="AB2119">
            <v>51</v>
          </cell>
          <cell r="AC2119">
            <v>69</v>
          </cell>
          <cell r="AD2119" t="str">
            <v/>
          </cell>
          <cell r="AE2119" t="str">
            <v>１；２；一般廃棄物処理業（伊丹市外６市町）、産業廃棄物収集運搬業（兵庫県外２３府県１市）、産業廃棄物処分業（尼崎市）、特別管理産業廃棄物収集運搬業（兵庫県外５府県）、家庭ごみ委託収集（伊丹市外５市町３；ごみ処理（焼却・破砕・選別・圧縮・梱包・リサイクル）施設・浄水場・下水処理場・し尿処理場・排水機場・ポンプ場・道路排水施設・河川浄化施設・プール施設・共同溝施設等運転操作・維持管理、保守点検４；浄化槽清掃業（伊丹市外２市）、浄化槽保守点検業（兵庫県・尼崎市）、建築物飲料水貯水槽清掃業（兵庫県）建築物排水管清掃業（兵庫県）、バキューム車・バキュームダンパー車・ブロア車・高圧洗浄車所有</v>
          </cell>
          <cell r="AF2119" t="str">
            <v>創業以来、下水管・排水管敷設、造成等土木一式工事の実績を重ね、造園・解体・電気工事業の追加など幅を拡げて参りました。また、環境分野では、家庭ごみ委託収集、事業系一般廃棄物収集、産業廃棄物の収集運搬・処分・再生に多数の実績及び許可を有し、地域環境の保全に寄与しております。</v>
          </cell>
        </row>
        <row r="2120">
          <cell r="B2120">
            <v>10355</v>
          </cell>
          <cell r="C2120" t="str">
            <v>前澤工業(株)</v>
          </cell>
          <cell r="D2120" t="str">
            <v>06-4807-3300</v>
          </cell>
          <cell r="E2120" t="str">
            <v>532-0003</v>
          </cell>
          <cell r="F2120" t="str">
            <v>大阪府大阪市淀川区宮原3-5-24</v>
          </cell>
          <cell r="G2120" t="str">
            <v>大阪市</v>
          </cell>
          <cell r="H2120" t="str">
            <v>大阪支店</v>
          </cell>
          <cell r="I2120" t="str">
            <v>支店長 渡邉　芳久</v>
          </cell>
          <cell r="J2120" t="str">
            <v>埼玉県川口市</v>
          </cell>
          <cell r="K2120" t="str">
            <v>06-4807-3309</v>
          </cell>
          <cell r="L2120" t="str">
            <v>osaka_branch@maezawa.co.jp</v>
          </cell>
          <cell r="M2120" t="str">
            <v>ﾏｴｻﾞﾜｺｳｷﾞｮｳ</v>
          </cell>
          <cell r="N2120" t="str">
            <v>有</v>
          </cell>
          <cell r="O2120">
            <v>57</v>
          </cell>
          <cell r="P2120">
            <v>691</v>
          </cell>
          <cell r="Q2120">
            <v>5010001057579</v>
          </cell>
          <cell r="R2120">
            <v>5233000</v>
          </cell>
          <cell r="S2120">
            <v>15509000</v>
          </cell>
          <cell r="T2120">
            <v>21381000</v>
          </cell>
          <cell r="V2120" t="str">
            <v>ch155090</v>
          </cell>
          <cell r="W2120" t="str">
            <v>qa171958</v>
          </cell>
          <cell r="Y2120" t="str">
            <v/>
          </cell>
          <cell r="Z2120">
            <v>80</v>
          </cell>
          <cell r="AA2120" t="str">
            <v/>
          </cell>
          <cell r="AB2120" t="str">
            <v/>
          </cell>
          <cell r="AC2120" t="str">
            <v/>
          </cell>
          <cell r="AD2120" t="str">
            <v/>
          </cell>
          <cell r="AE2120" t="str">
            <v>１；水道仕切弁、バタフライ弁、空気弁、消火栓、偏心構造弁、制御弁、門扉、鋳鉄異形管、水処理機械類、その他自社製品取替部品２；３；４；</v>
          </cell>
          <cell r="AF2120" t="str">
            <v>水に関連する専門企業です。水道用バルブ、ゲートから水処理機械の自社製作（設計、製作）施工、保守管理まで、主に公共事業を主体に実績を有しております。</v>
          </cell>
        </row>
        <row r="2121">
          <cell r="B2121">
            <v>10356</v>
          </cell>
          <cell r="C2121" t="str">
            <v>(株)地域計画建築研究所</v>
          </cell>
          <cell r="D2121" t="str">
            <v>06-6205-3600</v>
          </cell>
          <cell r="E2121" t="str">
            <v>541-0042</v>
          </cell>
          <cell r="F2121" t="str">
            <v>大阪府大阪市中央区今橋3-1-7</v>
          </cell>
          <cell r="G2121" t="str">
            <v>大阪市</v>
          </cell>
          <cell r="H2121" t="str">
            <v>大阪事務所</v>
          </cell>
          <cell r="I2121" t="str">
            <v>大阪事務所長 岡本　壮平</v>
          </cell>
          <cell r="J2121" t="str">
            <v>京都府京都市</v>
          </cell>
          <cell r="K2121" t="str">
            <v>06-6205-3601</v>
          </cell>
          <cell r="L2121" t="str">
            <v>osaka-eigyou@arpak.co.jp</v>
          </cell>
          <cell r="M2121" t="str">
            <v>ﾁｲｷｹｲｶｸｹﾝﾁｸｹﾝｷｭｳｼｮ</v>
          </cell>
          <cell r="N2121" t="str">
            <v>有</v>
          </cell>
          <cell r="O2121">
            <v>51</v>
          </cell>
          <cell r="P2121">
            <v>85</v>
          </cell>
          <cell r="Q2121">
            <v>2130001018043</v>
          </cell>
          <cell r="R2121">
            <v>50000</v>
          </cell>
          <cell r="S2121" t="str">
            <v/>
          </cell>
          <cell r="T2121">
            <v>581891</v>
          </cell>
          <cell r="V2121" t="str">
            <v>ym602629</v>
          </cell>
          <cell r="W2121" t="str">
            <v>to169736</v>
          </cell>
          <cell r="Y2121" t="str">
            <v>63，77，</v>
          </cell>
          <cell r="Z2121">
            <v>77</v>
          </cell>
          <cell r="AA2121">
            <v>63</v>
          </cell>
          <cell r="AB2121" t="str">
            <v/>
          </cell>
          <cell r="AC2121" t="str">
            <v/>
          </cell>
          <cell r="AD2121" t="str">
            <v/>
          </cell>
          <cell r="AE2121" t="str">
            <v>１；社会、経済、産業、市場、福祉、環境、教育、文化芸術、スポーツ等社会科学、自然科学に関する調査、研究、計画策定支援２；セミナー、シンポジウム、ワークショップ、研究会、講演会、市民大学等の企画、運営３；４；</v>
          </cell>
          <cell r="AF2121" t="str">
            <v>（１）都市計画、都市再生、環境エネルギー、産業経済、健康福祉、地域活性化等に関する調査研究、計画策定支援、事業支援　（２）建築設計監理</v>
          </cell>
        </row>
        <row r="2122">
          <cell r="B2122">
            <v>10357</v>
          </cell>
          <cell r="C2122" t="str">
            <v>(株)京信システムサービス</v>
          </cell>
          <cell r="D2122" t="str">
            <v>075-221-0231</v>
          </cell>
          <cell r="E2122" t="str">
            <v>604-0854</v>
          </cell>
          <cell r="F2122" t="str">
            <v>京都府京都市中京区二条通烏丸東入仁王門町5番地</v>
          </cell>
          <cell r="G2122" t="str">
            <v>京都市</v>
          </cell>
          <cell r="H2122" t="str">
            <v/>
          </cell>
          <cell r="I2122" t="str">
            <v>代表取締役社長 松井　哲二</v>
          </cell>
          <cell r="J2122" t="str">
            <v>本店</v>
          </cell>
          <cell r="K2122" t="str">
            <v>075-221-0241</v>
          </cell>
          <cell r="L2122" t="str">
            <v>gyosyatoroku@kssinet.co.jp</v>
          </cell>
          <cell r="M2122" t="str">
            <v>ｷｮｳｼﾝｼｽﾃﾑｻｰﾋﾞｽ</v>
          </cell>
          <cell r="N2122" t="str">
            <v>無</v>
          </cell>
          <cell r="O2122">
            <v>46</v>
          </cell>
          <cell r="P2122">
            <v>157</v>
          </cell>
          <cell r="Q2122">
            <v>7130001002835</v>
          </cell>
          <cell r="R2122">
            <v>50000</v>
          </cell>
          <cell r="S2122">
            <v>1510069</v>
          </cell>
          <cell r="T2122">
            <v>2006197</v>
          </cell>
          <cell r="V2122" t="str">
            <v>qz324594</v>
          </cell>
          <cell r="W2122" t="str">
            <v>sz193995</v>
          </cell>
          <cell r="Y2122" t="str">
            <v>36，57，58，</v>
          </cell>
          <cell r="Z2122">
            <v>58</v>
          </cell>
          <cell r="AA2122">
            <v>57</v>
          </cell>
          <cell r="AB2122">
            <v>36</v>
          </cell>
          <cell r="AC2122" t="str">
            <v/>
          </cell>
          <cell r="AD2122" t="str">
            <v/>
          </cell>
          <cell r="AE2122" t="str">
            <v>１；システム開発・保守、ホームページ作成２；電算処理３；パソコン、PC周辺機器、電話機、印刷機各メーカ取扱い／日立製作所特約店４；</v>
          </cell>
          <cell r="AF2122" t="str">
            <v>当社はＩＴソリューションサービスを提供しております。売上の約５０％が公共関連となっており、主に京阪神の自治体様におきまして、システム開発、システム運用、サーバ・ＰＣ等の導入及び保守管理、ネットワーク構築及び保守管理など幅広くお取引頂いております。</v>
          </cell>
        </row>
        <row r="2123">
          <cell r="B2123">
            <v>10358</v>
          </cell>
          <cell r="C2123" t="str">
            <v>(株)吉谷機械製作所</v>
          </cell>
          <cell r="D2123" t="str">
            <v>0857-23-2211</v>
          </cell>
          <cell r="E2123" t="str">
            <v>680-0921</v>
          </cell>
          <cell r="F2123" t="str">
            <v>鳥取県鳥取市古海356-1</v>
          </cell>
          <cell r="G2123" t="str">
            <v>鳥取市</v>
          </cell>
          <cell r="H2123" t="str">
            <v/>
          </cell>
          <cell r="I2123" t="str">
            <v>取締役社長 吉谷　勇一郎</v>
          </cell>
          <cell r="J2123" t="str">
            <v>本店</v>
          </cell>
          <cell r="K2123" t="str">
            <v>0857-27-1766</v>
          </cell>
          <cell r="L2123" t="str">
            <v>t-takata@yoshitani-kikai.co.jp</v>
          </cell>
          <cell r="M2123" t="str">
            <v>ﾖｼﾀﾆｷｶｲｾｲｻｸｼｮ</v>
          </cell>
          <cell r="N2123" t="str">
            <v>無</v>
          </cell>
          <cell r="O2123">
            <v>91</v>
          </cell>
          <cell r="P2123">
            <v>80</v>
          </cell>
          <cell r="Q2123">
            <v>7270001000825</v>
          </cell>
          <cell r="R2123">
            <v>36000</v>
          </cell>
          <cell r="S2123">
            <v>2431419</v>
          </cell>
          <cell r="T2123">
            <v>1632736</v>
          </cell>
          <cell r="V2123" t="str">
            <v>pe858673</v>
          </cell>
          <cell r="W2123" t="str">
            <v>dd199563</v>
          </cell>
          <cell r="Y2123" t="str">
            <v>24，38，</v>
          </cell>
          <cell r="Z2123">
            <v>24</v>
          </cell>
          <cell r="AA2123">
            <v>38</v>
          </cell>
          <cell r="AB2123" t="str">
            <v/>
          </cell>
          <cell r="AC2123" t="str">
            <v/>
          </cell>
          <cell r="AD2123" t="str">
            <v/>
          </cell>
          <cell r="AE2123" t="str">
            <v>１；消防自動車各種の製造　消防ポンプ車、水槽付消防自動車、化学消防自動車、救助工作車、小型ポンプ積載車、高所作業車など：自動車分解整備事業２；小型動力消防ポンプの販売：シバウラ防災製作所：代　消防防災用品の販売：キンパイ商事：代、赤尾：代３；４；</v>
          </cell>
          <cell r="AF2123" t="str">
            <v>昭和２年の創業以来、消防ポンプ自動車の製造に従事。永年培った高い技術力を誇り、納入先は東京消防庁、京都市、神戸市をはじめ全国にわたる。消防防災用品の販売も行っています。</v>
          </cell>
        </row>
        <row r="2124">
          <cell r="B2124">
            <v>10359</v>
          </cell>
          <cell r="C2124" t="str">
            <v>(株)トキト</v>
          </cell>
          <cell r="D2124" t="str">
            <v>078-341-1133</v>
          </cell>
          <cell r="E2124" t="str">
            <v>650-0011</v>
          </cell>
          <cell r="F2124" t="str">
            <v>兵庫県神戸市中央区下山手通5-7-7-304</v>
          </cell>
          <cell r="G2124" t="str">
            <v>神戸市</v>
          </cell>
          <cell r="H2124" t="str">
            <v>神戸支店</v>
          </cell>
          <cell r="I2124" t="str">
            <v>取締役支店長 時任　隼成</v>
          </cell>
          <cell r="J2124" t="str">
            <v>大阪府堺市</v>
          </cell>
          <cell r="K2124" t="str">
            <v>078-341-1130</v>
          </cell>
          <cell r="L2124" t="str">
            <v>tokito@mvj.biglobe.ne.jp</v>
          </cell>
          <cell r="M2124" t="str">
            <v>ﾄｷﾄ</v>
          </cell>
          <cell r="N2124" t="str">
            <v>有</v>
          </cell>
          <cell r="O2124">
            <v>25</v>
          </cell>
          <cell r="P2124">
            <v>20</v>
          </cell>
          <cell r="Q2124">
            <v>2120101004737</v>
          </cell>
          <cell r="R2124">
            <v>30000</v>
          </cell>
          <cell r="S2124">
            <v>192533</v>
          </cell>
          <cell r="T2124">
            <v>492688</v>
          </cell>
          <cell r="V2124" t="str">
            <v>hd110909</v>
          </cell>
          <cell r="W2124" t="str">
            <v>ih153379</v>
          </cell>
          <cell r="Y2124" t="str">
            <v>55，68，79，</v>
          </cell>
          <cell r="Z2124">
            <v>79</v>
          </cell>
          <cell r="AA2124">
            <v>55</v>
          </cell>
          <cell r="AB2124">
            <v>68</v>
          </cell>
          <cell r="AC2124" t="str">
            <v/>
          </cell>
          <cell r="AD2124" t="str">
            <v/>
          </cell>
          <cell r="AE2124" t="str">
            <v>１；下水道管内ＴＶカメラ車２台・取付管内ＴＶカメラ２台　高圧洗浄車３台・強力吸引車４台・給水車１台・産業廃棄物収集運搬業許可証２；路面清掃車１台・高圧洗浄車３台・強吸引車４台・散水車１台　給水車１台・産業廃棄物収集運搬許可証・下水道管路管理業登録証３；産業廃棄物収集運搬業許可証４；</v>
          </cell>
          <cell r="AF2124" t="str">
            <v>下水道管内更生工事・下水道管内部分補修工事・下水道管内取付管更生工事　下水道管内ＴＶカメラ調査業務・下水道管内清掃業務・道路機械清掃業務　道路排水施設等清掃業務を自社保有の機械で施工を行っています。</v>
          </cell>
        </row>
        <row r="2125">
          <cell r="B2125">
            <v>10360</v>
          </cell>
          <cell r="C2125" t="str">
            <v>近畿中央ヤクルト販売(株)</v>
          </cell>
          <cell r="D2125" t="str">
            <v>072-634-8960</v>
          </cell>
          <cell r="E2125" t="str">
            <v>567-0862</v>
          </cell>
          <cell r="F2125" t="str">
            <v>大阪府茨木市美沢町15ｰ30</v>
          </cell>
          <cell r="G2125" t="str">
            <v>茨木市</v>
          </cell>
          <cell r="H2125" t="str">
            <v/>
          </cell>
          <cell r="I2125" t="str">
            <v>代表取締役社長 土田　裕美</v>
          </cell>
          <cell r="J2125" t="str">
            <v>本店</v>
          </cell>
          <cell r="K2125" t="str">
            <v>072-635-1421</v>
          </cell>
          <cell r="L2125" t="str">
            <v>yuji_nagata@kinkichuo-yakult.co.jp</v>
          </cell>
          <cell r="M2125" t="str">
            <v>ｷﾝｷﾁｭｳｵｳﾔｸﾙﾄﾊﾝﾊﾞｲ</v>
          </cell>
          <cell r="N2125" t="str">
            <v>無</v>
          </cell>
          <cell r="O2125">
            <v>63</v>
          </cell>
          <cell r="P2125">
            <v>298</v>
          </cell>
          <cell r="Q2125">
            <v>7120901000484</v>
          </cell>
          <cell r="R2125">
            <v>36000</v>
          </cell>
          <cell r="S2125">
            <v>1084847</v>
          </cell>
          <cell r="T2125">
            <v>8546510</v>
          </cell>
          <cell r="V2125" t="str">
            <v>jq899598</v>
          </cell>
          <cell r="W2125" t="str">
            <v>sx199969</v>
          </cell>
          <cell r="Y2125" t="str">
            <v>02，</v>
          </cell>
          <cell r="Z2125">
            <v>2</v>
          </cell>
          <cell r="AA2125" t="str">
            <v/>
          </cell>
          <cell r="AB2125" t="str">
            <v/>
          </cell>
          <cell r="AC2125" t="str">
            <v/>
          </cell>
          <cell r="AD2125" t="str">
            <v/>
          </cell>
          <cell r="AE2125" t="str">
            <v>１；保育園、幼稚園、小中学校給食、病院給食、自動販売機２；３；４；</v>
          </cell>
          <cell r="AF2125" t="str">
            <v>乳製品乳酸菌飲料、ジュース清涼飲料を中心とし学校給食をはじめ自動販売機等で地域の健康にお役立ちに貢献します。</v>
          </cell>
        </row>
        <row r="2126">
          <cell r="B2126">
            <v>10361</v>
          </cell>
          <cell r="C2126" t="str">
            <v>(株)大阪測器測器事業</v>
          </cell>
          <cell r="D2126" t="str">
            <v>06-6210-3151</v>
          </cell>
          <cell r="E2126" t="str">
            <v>541-0052</v>
          </cell>
          <cell r="F2126" t="str">
            <v xml:space="preserve">大阪府大阪市中央区安土町1-7-13 </v>
          </cell>
          <cell r="G2126" t="str">
            <v>大阪市</v>
          </cell>
          <cell r="H2126" t="str">
            <v/>
          </cell>
          <cell r="I2126" t="str">
            <v>代表取締役 福岡　耕平</v>
          </cell>
          <cell r="J2126" t="str">
            <v>本店</v>
          </cell>
          <cell r="K2126" t="str">
            <v>06-6210-3152</v>
          </cell>
          <cell r="L2126" t="str">
            <v>info@osakasokki.com</v>
          </cell>
          <cell r="M2126" t="str">
            <v>ｵｵｻｶｿｯｷｿｯｷｼﾞｷﾞｮｳ</v>
          </cell>
          <cell r="N2126" t="str">
            <v>無</v>
          </cell>
          <cell r="O2126">
            <v>10</v>
          </cell>
          <cell r="P2126">
            <v>11</v>
          </cell>
          <cell r="Q2126">
            <v>2140001030435</v>
          </cell>
          <cell r="R2126">
            <v>10000</v>
          </cell>
          <cell r="S2126">
            <v>10415</v>
          </cell>
          <cell r="T2126">
            <v>190877</v>
          </cell>
          <cell r="V2126" t="str">
            <v>tp624509</v>
          </cell>
          <cell r="W2126" t="str">
            <v>wq198917</v>
          </cell>
          <cell r="Y2126" t="str">
            <v>38，41，42，</v>
          </cell>
          <cell r="Z2126">
            <v>42</v>
          </cell>
          <cell r="AA2126">
            <v>41</v>
          </cell>
          <cell r="AB2126">
            <v>38</v>
          </cell>
          <cell r="AC2126" t="str">
            <v/>
          </cell>
          <cell r="AD2126" t="str">
            <v/>
          </cell>
          <cell r="AE2126" t="str">
            <v>１；トプコン・ペンタックスインダストリアルインスツルメンツ・牛方商会２；池田計器製作所・小笠原計器製作所・光進電気工業・大田商事３；防災遠隔監視カメラシステム・河川流量遠隔監視カメラシステム４；</v>
          </cell>
          <cell r="AF2126" t="str">
            <v>■各種測量機器・計測器及び気象器械を取り扱っております。■測量器・土木計測器・気象機器等のメンテナンス（他社の測量器等も対応できます。）</v>
          </cell>
        </row>
        <row r="2127">
          <cell r="B2127">
            <v>10362</v>
          </cell>
          <cell r="C2127" t="str">
            <v>(一財)阪大微生物病研究会</v>
          </cell>
          <cell r="D2127" t="str">
            <v>06-6877-4801</v>
          </cell>
          <cell r="E2127" t="str">
            <v>565-0871</v>
          </cell>
          <cell r="F2127" t="str">
            <v>大阪府吹田市山田丘3番1号</v>
          </cell>
          <cell r="G2127" t="str">
            <v>吹田市</v>
          </cell>
          <cell r="H2127" t="str">
            <v/>
          </cell>
          <cell r="I2127" t="str">
            <v>理事長 山西　弘一</v>
          </cell>
          <cell r="J2127" t="str">
            <v>本店</v>
          </cell>
          <cell r="K2127" t="str">
            <v>06-6875-5459</v>
          </cell>
          <cell r="L2127" t="str">
            <v>tnozaki@mail.biken.or.jp</v>
          </cell>
          <cell r="M2127" t="str">
            <v>ﾊﾝﾀﾞｲﾋﾞｾｲﾌﾞﾂﾋﾞｮｳｹﾝｷｭｳｶｲ</v>
          </cell>
          <cell r="N2127" t="str">
            <v>無</v>
          </cell>
          <cell r="O2127">
            <v>84</v>
          </cell>
          <cell r="P2127">
            <v>890</v>
          </cell>
          <cell r="Q2127">
            <v>2120905003034</v>
          </cell>
          <cell r="R2127">
            <v>500050</v>
          </cell>
          <cell r="S2127">
            <v>141871375</v>
          </cell>
          <cell r="T2127">
            <v>38775449</v>
          </cell>
          <cell r="V2127" t="str">
            <v>sb413269</v>
          </cell>
          <cell r="W2127" t="str">
            <v>go139895</v>
          </cell>
          <cell r="Y2127" t="str">
            <v>78，</v>
          </cell>
          <cell r="Z2127" t="str">
            <v/>
          </cell>
          <cell r="AA2127" t="str">
            <v/>
          </cell>
          <cell r="AB2127" t="str">
            <v/>
          </cell>
          <cell r="AC2127" t="str">
            <v/>
          </cell>
          <cell r="AD2127" t="str">
            <v/>
          </cell>
          <cell r="AE2127" t="str">
            <v>１；登録証明書、日本臨床細胞学会施設認定証、医療関連サービスマーク認定証書２；３；４；</v>
          </cell>
          <cell r="AF2127" t="str">
            <v>微生物学、血清学、血液学、病理学、寄生虫学、生化学等の臨床検査業務</v>
          </cell>
        </row>
        <row r="2128">
          <cell r="B2128">
            <v>10363</v>
          </cell>
          <cell r="C2128" t="str">
            <v>(株)スタジオ三十三</v>
          </cell>
          <cell r="D2128" t="str">
            <v>075-601-3103</v>
          </cell>
          <cell r="E2128" t="str">
            <v>612-8371</v>
          </cell>
          <cell r="F2128" t="str">
            <v>京都府京都市伏見区竹田松林町11番地</v>
          </cell>
          <cell r="G2128" t="str">
            <v>京都市</v>
          </cell>
          <cell r="H2128" t="str">
            <v/>
          </cell>
          <cell r="I2128" t="str">
            <v>代表取締役 井上　喜代志</v>
          </cell>
          <cell r="J2128" t="str">
            <v>本店</v>
          </cell>
          <cell r="K2128" t="str">
            <v>075-622-3103</v>
          </cell>
          <cell r="L2128" t="str">
            <v>info@studio-33.jp</v>
          </cell>
          <cell r="M2128" t="str">
            <v>ｽﾀｼﾞｵｻﾝｼﾞｭｳｻﾝ</v>
          </cell>
          <cell r="N2128" t="str">
            <v>無</v>
          </cell>
          <cell r="O2128">
            <v>30</v>
          </cell>
          <cell r="P2128">
            <v>15</v>
          </cell>
          <cell r="Q2128">
            <v>9130001008310</v>
          </cell>
          <cell r="R2128">
            <v>11000</v>
          </cell>
          <cell r="S2128">
            <v>76411</v>
          </cell>
          <cell r="T2128">
            <v>248264</v>
          </cell>
          <cell r="V2128" t="str">
            <v>te974632</v>
          </cell>
          <cell r="W2128" t="str">
            <v>wd196789</v>
          </cell>
          <cell r="Y2128" t="str">
            <v>012，12，17，21，27，63，</v>
          </cell>
          <cell r="Z2128">
            <v>80</v>
          </cell>
          <cell r="AA2128">
            <v>63</v>
          </cell>
          <cell r="AB2128">
            <v>27</v>
          </cell>
          <cell r="AC2128">
            <v>12</v>
          </cell>
          <cell r="AD2128" t="str">
            <v/>
          </cell>
          <cell r="AE2128" t="str">
            <v>１；文化財の修復・復元・複製・遺構の剥ぎ取り２；博物館等文化施設の企画・展示・制作３；文化財の展示台・保管箱４；歴史体験学習用教材・模型</v>
          </cell>
          <cell r="AF2128" t="str">
            <v>文化財の修復・復元・複製・遺構の剥ぎ取り・博物館等文化施設の企画・展示・制作・計画策定</v>
          </cell>
        </row>
        <row r="2129">
          <cell r="B2129">
            <v>10364</v>
          </cell>
          <cell r="C2129" t="str">
            <v>丸十興業(株)</v>
          </cell>
          <cell r="D2129" t="str">
            <v>072-640-5266</v>
          </cell>
          <cell r="E2129" t="str">
            <v>567-0057</v>
          </cell>
          <cell r="F2129" t="str">
            <v>大阪府茨木市豊川2-5-21</v>
          </cell>
          <cell r="G2129" t="str">
            <v>茨木市</v>
          </cell>
          <cell r="H2129" t="str">
            <v/>
          </cell>
          <cell r="I2129" t="str">
            <v>代表取締役 萬徳　美香</v>
          </cell>
          <cell r="J2129" t="str">
            <v>本店</v>
          </cell>
          <cell r="K2129" t="str">
            <v>072-640-0666</v>
          </cell>
          <cell r="L2129" t="str">
            <v>maruju@cameo.plala.or.jp</v>
          </cell>
          <cell r="M2129" t="str">
            <v>ﾏﾙｼﾞｭｳｺｳｷﾞｮｳ</v>
          </cell>
          <cell r="N2129" t="str">
            <v>無</v>
          </cell>
          <cell r="O2129">
            <v>44</v>
          </cell>
          <cell r="P2129">
            <v>7</v>
          </cell>
          <cell r="Q2129">
            <v>6120901014667</v>
          </cell>
          <cell r="R2129">
            <v>10000</v>
          </cell>
          <cell r="S2129">
            <v>23393</v>
          </cell>
          <cell r="T2129">
            <v>146480</v>
          </cell>
          <cell r="V2129" t="str">
            <v>as928151</v>
          </cell>
          <cell r="W2129" t="str">
            <v>rm196931</v>
          </cell>
          <cell r="Y2129" t="str">
            <v>55，79，</v>
          </cell>
          <cell r="Z2129">
            <v>79</v>
          </cell>
          <cell r="AA2129">
            <v>55</v>
          </cell>
          <cell r="AB2129" t="str">
            <v/>
          </cell>
          <cell r="AC2129" t="str">
            <v/>
          </cell>
          <cell r="AD2129" t="str">
            <v/>
          </cell>
          <cell r="AE2129" t="str">
            <v>１；ＴＶカメラ車を使用して管渠内の調査を行います２；高圧洗浄車・強力吸引車・給水車による機械清掃で多くの実績があります３；４；</v>
          </cell>
          <cell r="AF2129" t="str">
            <v>下水管渠浚渫工事・道路排水施設清掃・水路、池浚渫を希望します。下水管渠更生工事も希望します。下水管渠内ＴＶカメラ調査を希望します。</v>
          </cell>
        </row>
        <row r="2130">
          <cell r="B2130">
            <v>10365</v>
          </cell>
          <cell r="C2130" t="str">
            <v>カトーレック(株)</v>
          </cell>
          <cell r="D2130" t="str">
            <v>03-5632-5555</v>
          </cell>
          <cell r="E2130" t="str">
            <v>135-0051</v>
          </cell>
          <cell r="F2130" t="str">
            <v>東京都江東区枝川2-8-7</v>
          </cell>
          <cell r="G2130" t="str">
            <v>東京都</v>
          </cell>
          <cell r="H2130" t="str">
            <v>美術輸送東京支店</v>
          </cell>
          <cell r="I2130" t="str">
            <v>支店長 森　誠</v>
          </cell>
          <cell r="J2130" t="str">
            <v>東京都</v>
          </cell>
          <cell r="K2130" t="str">
            <v>03-5632-5510</v>
          </cell>
          <cell r="L2130" t="str">
            <v/>
          </cell>
          <cell r="M2130" t="str">
            <v>ｶﾄｰﾚｯｸ</v>
          </cell>
          <cell r="N2130" t="str">
            <v>有</v>
          </cell>
          <cell r="O2130">
            <v>52</v>
          </cell>
          <cell r="P2130">
            <v>7920</v>
          </cell>
          <cell r="Q2130">
            <v>3010601029525</v>
          </cell>
          <cell r="R2130">
            <v>7600</v>
          </cell>
          <cell r="S2130">
            <v>30155122</v>
          </cell>
          <cell r="T2130">
            <v>35602574</v>
          </cell>
          <cell r="V2130" t="str">
            <v>fb867754</v>
          </cell>
          <cell r="W2130" t="str">
            <v>iz156374</v>
          </cell>
          <cell r="Y2130" t="str">
            <v>67,80,</v>
          </cell>
          <cell r="Z2130" t="str">
            <v/>
          </cell>
          <cell r="AA2130" t="str">
            <v/>
          </cell>
          <cell r="AB2130" t="str">
            <v/>
          </cell>
          <cell r="AC2130" t="str">
            <v/>
          </cell>
          <cell r="AD2130" t="str">
            <v/>
          </cell>
          <cell r="AE2130">
            <v>0</v>
          </cell>
          <cell r="AF2130" t="str">
            <v/>
          </cell>
        </row>
        <row r="2131">
          <cell r="B2131">
            <v>10367</v>
          </cell>
          <cell r="C2131" t="str">
            <v>(株)青菱コミュニティ</v>
          </cell>
          <cell r="D2131" t="str">
            <v>06-4708-6162</v>
          </cell>
          <cell r="E2131" t="str">
            <v>541-0048</v>
          </cell>
          <cell r="F2131" t="str">
            <v>大阪府大阪市中央区瓦町3-1-15 旭洋ﾋﾞﾙ5F</v>
          </cell>
          <cell r="G2131" t="str">
            <v>大阪市</v>
          </cell>
          <cell r="H2131" t="str">
            <v>大阪営業所</v>
          </cell>
          <cell r="I2131" t="str">
            <v>所長 田中　和幸</v>
          </cell>
          <cell r="J2131" t="str">
            <v>神奈川県鎌倉市</v>
          </cell>
          <cell r="K2131" t="str">
            <v>06-4708-6163</v>
          </cell>
          <cell r="L2131" t="str">
            <v>scc_adachi@mpcnet.co.jp</v>
          </cell>
          <cell r="M2131" t="str">
            <v>ｾｲﾘﾖｳｺﾐﾕﾆﾃｲ</v>
          </cell>
          <cell r="N2131" t="str">
            <v>有</v>
          </cell>
          <cell r="O2131">
            <v>22</v>
          </cell>
          <cell r="P2131">
            <v>55</v>
          </cell>
          <cell r="Q2131">
            <v>7021000000000</v>
          </cell>
          <cell r="R2131">
            <v>10000</v>
          </cell>
          <cell r="S2131">
            <v>293663</v>
          </cell>
          <cell r="T2131">
            <v>1557045</v>
          </cell>
          <cell r="V2131" t="str">
            <v>fg738893</v>
          </cell>
          <cell r="W2131" t="str">
            <v>hd193589</v>
          </cell>
          <cell r="Y2131" t="str">
            <v>44.48.80</v>
          </cell>
          <cell r="Z2131">
            <v>80</v>
          </cell>
          <cell r="AA2131">
            <v>48</v>
          </cell>
          <cell r="AB2131">
            <v>44</v>
          </cell>
          <cell r="AC2131" t="str">
            <v/>
          </cell>
          <cell r="AD2131" t="str">
            <v/>
          </cell>
          <cell r="AE2131" t="str">
            <v>１；２；駐車場料金全自動精算機、駐車券発行機、入出場ゲート装置等各種駐車場管理機器。駐車券等用品。駐車場管理運営業務。３；駐車場管理機器、システムの保守点検業務。４；駐車場管理機器、システム一式。</v>
          </cell>
          <cell r="AF2131" t="str">
            <v>駐車場料金全自動精算機、駐車券発行機、入出場ゲート装置等、各種駐車場管理機器の販売、リース、保守点検、駐車券等用品の販売。駐車場管理運営業務。</v>
          </cell>
        </row>
        <row r="2132">
          <cell r="B2132">
            <v>10369</v>
          </cell>
          <cell r="C2132" t="str">
            <v>日清医療食品(株)</v>
          </cell>
          <cell r="D2132" t="str">
            <v>06-6365-3301</v>
          </cell>
          <cell r="E2132" t="str">
            <v>530-0017</v>
          </cell>
          <cell r="F2132" t="str">
            <v>大阪府大阪市北区角田町8番1号</v>
          </cell>
          <cell r="G2132" t="str">
            <v>大阪市</v>
          </cell>
          <cell r="H2132" t="str">
            <v>関西支店</v>
          </cell>
          <cell r="I2132" t="str">
            <v>支店長 高橋　昌克</v>
          </cell>
          <cell r="J2132" t="str">
            <v>東京都</v>
          </cell>
          <cell r="K2132" t="str">
            <v>06-6365-3313</v>
          </cell>
          <cell r="L2132" t="str">
            <v>hyogo_kansai@nifs.co.jp</v>
          </cell>
          <cell r="M2132" t="str">
            <v>ﾆｯｼﾝｲﾘｮｳｼｮｸﾋﾝ</v>
          </cell>
          <cell r="N2132" t="str">
            <v>有</v>
          </cell>
          <cell r="O2132">
            <v>46</v>
          </cell>
          <cell r="P2132">
            <v>45519</v>
          </cell>
          <cell r="Q2132">
            <v>9010001063474</v>
          </cell>
          <cell r="R2132">
            <v>100000</v>
          </cell>
          <cell r="S2132">
            <v>83489516</v>
          </cell>
          <cell r="T2132">
            <v>237466302</v>
          </cell>
          <cell r="V2132" t="str">
            <v>ys977493</v>
          </cell>
          <cell r="W2132" t="str">
            <v>fz199978</v>
          </cell>
          <cell r="Y2132" t="str">
            <v>02，</v>
          </cell>
          <cell r="Z2132">
            <v>80</v>
          </cell>
          <cell r="AA2132">
            <v>2</v>
          </cell>
          <cell r="AB2132" t="str">
            <v/>
          </cell>
          <cell r="AC2132" t="str">
            <v/>
          </cell>
          <cell r="AD2132" t="str">
            <v/>
          </cell>
          <cell r="AE2132" t="str">
            <v>１；給食受託業務、弁当の配食業２；給食用食材、配食弁当３；４；</v>
          </cell>
          <cell r="AF2132" t="str">
            <v>安全・安心な食材の仕入れはもちろん治療・療養が必要な方や、成長や食育が必要な方など、一人ひとりの状況を踏まえたバランスの取れた栄養摂取の設計、それに基づく献立を作り、調理技術など、医療・福祉施設・保育に特化した給食業務を受託しております。</v>
          </cell>
        </row>
        <row r="2133">
          <cell r="B2133">
            <v>10370</v>
          </cell>
          <cell r="C2133" t="str">
            <v>三豊化成(株)</v>
          </cell>
          <cell r="D2133" t="str">
            <v>078-222-0131</v>
          </cell>
          <cell r="E2133" t="str">
            <v>651-0094</v>
          </cell>
          <cell r="F2133" t="str">
            <v>兵庫県神戸市中央区琴ﾉ緒町二丁目2番4号</v>
          </cell>
          <cell r="G2133" t="str">
            <v>神戸市</v>
          </cell>
          <cell r="H2133" t="str">
            <v/>
          </cell>
          <cell r="I2133" t="str">
            <v>代表取締役社長 小島　篤</v>
          </cell>
          <cell r="J2133" t="str">
            <v>本店</v>
          </cell>
          <cell r="K2133" t="str">
            <v>078-221-5186</v>
          </cell>
          <cell r="L2133" t="str">
            <v>kazuhiko.mori@sanpou-kasei.co.jp</v>
          </cell>
          <cell r="M2133" t="str">
            <v>ｻﾝﾎﾟｳｶｾｲ</v>
          </cell>
          <cell r="N2133" t="str">
            <v>無</v>
          </cell>
          <cell r="O2133">
            <v>66</v>
          </cell>
          <cell r="P2133">
            <v>7</v>
          </cell>
          <cell r="Q2133">
            <v>1140001008011</v>
          </cell>
          <cell r="R2133">
            <v>10000</v>
          </cell>
          <cell r="S2133">
            <v>355459</v>
          </cell>
          <cell r="T2133">
            <v>391307</v>
          </cell>
          <cell r="V2133" t="str">
            <v>kf397999</v>
          </cell>
          <cell r="W2133" t="str">
            <v>tb799939</v>
          </cell>
          <cell r="Y2133" t="str">
            <v>10，</v>
          </cell>
          <cell r="Z2133">
            <v>10</v>
          </cell>
          <cell r="AA2133" t="str">
            <v/>
          </cell>
          <cell r="AB2133" t="str">
            <v/>
          </cell>
          <cell r="AC2133" t="str">
            <v/>
          </cell>
          <cell r="AD2133" t="str">
            <v>毒物劇物一般販売業</v>
          </cell>
          <cell r="AE2133" t="str">
            <v>１；活性炭・・・（代）大阪ガスケミカル、苛性ソーダ・・・（代）南海化学工業、消石灰・・・（代）上田石灰製造、特殊反応助剤・・・（代）クニミネ工業、高分子凝集剤・・・（代）ＢＡＳＦジャパン２；３；４；</v>
          </cell>
          <cell r="AF2133" t="str">
            <v>希望業種・・・化学工業薬品（活性炭、苛性ソーダ、消石灰、特殊反応助剤、高分子凝集剤）。創業以来、武田薬品（株）（現大阪ガスケミカル（株））の代理店として、同社製品の活性炭を中心に、上下水道及び脱臭に関連する化学工業薬品を取り扱っております。</v>
          </cell>
        </row>
        <row r="2134">
          <cell r="B2134">
            <v>10371</v>
          </cell>
          <cell r="C2134" t="str">
            <v>(株)アイヴィジット</v>
          </cell>
          <cell r="D2134" t="str">
            <v>03-3377-3800</v>
          </cell>
          <cell r="E2134" t="str">
            <v>151-8583</v>
          </cell>
          <cell r="F2134" t="str">
            <v>東京都渋谷区代々木2-2-1</v>
          </cell>
          <cell r="G2134" t="str">
            <v>東京都</v>
          </cell>
          <cell r="H2134" t="str">
            <v/>
          </cell>
          <cell r="I2134" t="str">
            <v>代表取締役 横田　祐平</v>
          </cell>
          <cell r="J2134" t="str">
            <v>本店</v>
          </cell>
          <cell r="K2134" t="str">
            <v>03-3377-2081</v>
          </cell>
          <cell r="L2134" t="str">
            <v>ivc-public@ivisit.co.jp</v>
          </cell>
          <cell r="M2134" t="str">
            <v>ｱｲヴｨｼﾞｯﾄ</v>
          </cell>
          <cell r="N2134" t="str">
            <v>無</v>
          </cell>
          <cell r="O2134">
            <v>30</v>
          </cell>
          <cell r="P2134">
            <v>2124</v>
          </cell>
          <cell r="Q2134">
            <v>8011001060413</v>
          </cell>
          <cell r="R2134">
            <v>70000</v>
          </cell>
          <cell r="S2134">
            <v>1058313</v>
          </cell>
          <cell r="T2134">
            <v>6217789</v>
          </cell>
          <cell r="V2134" t="str">
            <v>pn846038</v>
          </cell>
          <cell r="W2134" t="str">
            <v>mu196339</v>
          </cell>
          <cell r="Y2134" t="str">
            <v>061，56，57，61，63，77，</v>
          </cell>
          <cell r="Z2134">
            <v>80</v>
          </cell>
          <cell r="AA2134">
            <v>56</v>
          </cell>
          <cell r="AB2134">
            <v>77</v>
          </cell>
          <cell r="AC2134">
            <v>61</v>
          </cell>
          <cell r="AD2134" t="str">
            <v/>
          </cell>
          <cell r="AE2134" t="str">
            <v>１；公租公課等の収納代行業務等２；受付、庁舎案内３；市場・世論調査４；水道料徴収業務等</v>
          </cell>
          <cell r="AF2134" t="str">
            <v>コールセンター事業、営業支援、フィールドオペレーション事業等</v>
          </cell>
        </row>
        <row r="2135">
          <cell r="B2135">
            <v>10373</v>
          </cell>
          <cell r="C2135" t="str">
            <v>三文社</v>
          </cell>
          <cell r="D2135" t="str">
            <v>06-6401-9956</v>
          </cell>
          <cell r="E2135" t="str">
            <v>660-0826</v>
          </cell>
          <cell r="F2135" t="str">
            <v>兵庫県尼崎市北城内110</v>
          </cell>
          <cell r="G2135" t="str">
            <v>尼崎市</v>
          </cell>
          <cell r="H2135" t="str">
            <v/>
          </cell>
          <cell r="I2135" t="str">
            <v>社長 桐岡　伸次</v>
          </cell>
          <cell r="J2135" t="str">
            <v>本店</v>
          </cell>
          <cell r="K2135" t="str">
            <v>06-6487-0375</v>
          </cell>
          <cell r="L2135" t="str">
            <v>info@sanbunsha.com</v>
          </cell>
          <cell r="M2135" t="str">
            <v>ｻﾝﾌﾞﾝｼｬ</v>
          </cell>
          <cell r="N2135" t="str">
            <v>無</v>
          </cell>
          <cell r="O2135">
            <v>58</v>
          </cell>
          <cell r="P2135">
            <v>8</v>
          </cell>
          <cell r="Q2135" t="str">
            <v/>
          </cell>
          <cell r="R2135" t="str">
            <v/>
          </cell>
          <cell r="S2135">
            <v>158139</v>
          </cell>
          <cell r="T2135">
            <v>104491</v>
          </cell>
          <cell r="V2135" t="str">
            <v>vm362883</v>
          </cell>
          <cell r="W2135" t="str">
            <v>kx199799</v>
          </cell>
          <cell r="Y2135" t="str">
            <v>07，14，15，73，74，76，</v>
          </cell>
          <cell r="Z2135">
            <v>73</v>
          </cell>
          <cell r="AA2135">
            <v>76</v>
          </cell>
          <cell r="AB2135">
            <v>74</v>
          </cell>
          <cell r="AC2135" t="str">
            <v/>
          </cell>
          <cell r="AD2135" t="str">
            <v/>
          </cell>
          <cell r="AE2135" t="str">
            <v>１；複写伝票、ポスター、パンフレット、記念誌、賞状、手帳、封筒、名刺２；職員証、印鑑登録カード、会員磁気カード、偽造防止用紙３；圧着ハガキ印刷および圧着加工、連続フォーム帳票、印字及び封入封緘４；</v>
          </cell>
          <cell r="AF2135" t="str">
            <v>デザイン作成より印刷・製本まで一貫して製作できます。印鑑登録カードや職員証などのプラスチックカードや職員手帳などの手帳類や記念誌の実績は多数ございます。妊婦健診予診票等の帳票類も得意です。</v>
          </cell>
        </row>
        <row r="2136">
          <cell r="B2136">
            <v>10374</v>
          </cell>
          <cell r="C2136" t="str">
            <v>富士レックス(株)</v>
          </cell>
          <cell r="D2136" t="str">
            <v>079-289-2411</v>
          </cell>
          <cell r="E2136" t="str">
            <v>541-0042</v>
          </cell>
          <cell r="F2136" t="str">
            <v>兵庫県姫路市魚町127</v>
          </cell>
          <cell r="G2136" t="str">
            <v>姫路市</v>
          </cell>
          <cell r="H2136" t="str">
            <v>ボートピア姫路</v>
          </cell>
          <cell r="I2136" t="str">
            <v>支配人　 白土　貴之</v>
          </cell>
          <cell r="J2136" t="str">
            <v>東京都</v>
          </cell>
          <cell r="K2136" t="str">
            <v>079-288-8416</v>
          </cell>
          <cell r="L2136" t="str">
            <v>fuji-rex.himeji@extra.ocn.ne.jp</v>
          </cell>
          <cell r="M2136" t="str">
            <v>ﾌｼﾞﾚﾂｸｽ</v>
          </cell>
          <cell r="N2136" t="str">
            <v>有</v>
          </cell>
          <cell r="O2136">
            <v>72</v>
          </cell>
          <cell r="P2136">
            <v>225</v>
          </cell>
          <cell r="Q2136">
            <v>2010000000000</v>
          </cell>
          <cell r="R2136">
            <v>86000</v>
          </cell>
          <cell r="S2136">
            <v>86000</v>
          </cell>
          <cell r="T2136">
            <v>2095384</v>
          </cell>
          <cell r="V2136" t="str">
            <v>tc892523</v>
          </cell>
          <cell r="W2136" t="str">
            <v>rm198888</v>
          </cell>
          <cell r="Y2136" t="str">
            <v>2.45.46.54.63.65</v>
          </cell>
          <cell r="Z2136">
            <v>45</v>
          </cell>
          <cell r="AA2136">
            <v>54</v>
          </cell>
          <cell r="AB2136" t="str">
            <v/>
          </cell>
          <cell r="AC2136" t="str">
            <v/>
          </cell>
          <cell r="AD2136" t="str">
            <v/>
          </cell>
          <cell r="AE2136" t="str">
            <v>１；２；３；４；</v>
          </cell>
          <cell r="AF2136" t="str">
            <v>場外舟券発売場の経営、ホテル・レストランの経営</v>
          </cell>
        </row>
        <row r="2137">
          <cell r="B2137">
            <v>10375</v>
          </cell>
          <cell r="C2137" t="str">
            <v>化工機プラント環境エンジ(株)</v>
          </cell>
          <cell r="D2137" t="str">
            <v>06-6227-1660</v>
          </cell>
          <cell r="E2137" t="str">
            <v>541-0042</v>
          </cell>
          <cell r="F2137" t="str">
            <v>大阪府大阪市中央区今橋2-5-8</v>
          </cell>
          <cell r="G2137" t="str">
            <v>大阪市</v>
          </cell>
          <cell r="H2137" t="str">
            <v>大阪支店</v>
          </cell>
          <cell r="I2137" t="str">
            <v>取締役支店長 岡　準一</v>
          </cell>
          <cell r="J2137" t="str">
            <v>神奈川県川崎市</v>
          </cell>
          <cell r="K2137" t="str">
            <v>06-6227-9784</v>
          </cell>
          <cell r="L2137" t="str">
            <v>hasegaw5@kakoki.co.jp</v>
          </cell>
          <cell r="M2137" t="str">
            <v>ｶｺｳｷﾌﾟﾗﾝﾄｶﾝｷｮｳｴﾝｼﾞ</v>
          </cell>
          <cell r="N2137" t="str">
            <v>有</v>
          </cell>
          <cell r="O2137">
            <v>43</v>
          </cell>
          <cell r="P2137">
            <v>184</v>
          </cell>
          <cell r="Q2137">
            <v>6020001072428</v>
          </cell>
          <cell r="R2137">
            <v>100000</v>
          </cell>
          <cell r="S2137">
            <v>1350729</v>
          </cell>
          <cell r="T2137">
            <v>5103392</v>
          </cell>
          <cell r="V2137" t="str">
            <v>xv305555</v>
          </cell>
          <cell r="W2137" t="str">
            <v>ｒx185536</v>
          </cell>
          <cell r="Y2137" t="str">
            <v/>
          </cell>
          <cell r="Z2137" t="str">
            <v/>
          </cell>
          <cell r="AA2137" t="str">
            <v/>
          </cell>
          <cell r="AB2137" t="str">
            <v/>
          </cell>
          <cell r="AC2137" t="str">
            <v/>
          </cell>
          <cell r="AD2137" t="str">
            <v/>
          </cell>
          <cell r="AE2137" t="str">
            <v>１；２；３；４；</v>
          </cell>
          <cell r="AF2137" t="str">
            <v>弊社は主に、下水処理場等、水処理施設の機械器具設置工事及び、下水処理施設維持管理（保守管理）業務を手がけており、大阪府・豊中市・京都府他での業務実績がございます。</v>
          </cell>
        </row>
        <row r="2138">
          <cell r="B2138">
            <v>10376</v>
          </cell>
          <cell r="C2138" t="str">
            <v>パナソニックシステムソリューションズジャパン(株)</v>
          </cell>
          <cell r="D2138" t="str">
            <v>06-6150-9370</v>
          </cell>
          <cell r="E2138" t="str">
            <v>532-0003</v>
          </cell>
          <cell r="F2138" t="str">
            <v>大阪府大阪市淀川区宮原1-2-33</v>
          </cell>
          <cell r="G2138" t="str">
            <v>大阪市</v>
          </cell>
          <cell r="H2138" t="str">
            <v>関西社</v>
          </cell>
          <cell r="I2138" t="str">
            <v>社長 佐野　克也</v>
          </cell>
          <cell r="J2138" t="str">
            <v>東京都</v>
          </cell>
          <cell r="K2138" t="str">
            <v>06-6150-9390</v>
          </cell>
          <cell r="L2138" t="str">
            <v>kansai.nyuusatsu@ml.jp.panasonic.com</v>
          </cell>
          <cell r="M2138" t="str">
            <v>ﾊﾟﾅｿﾆｯｸｼｽﾃﾑｿﾘｭｰｼｮﾝｽﾞｼﾞｬﾊﾟﾝ</v>
          </cell>
          <cell r="N2138" t="str">
            <v>有</v>
          </cell>
          <cell r="O2138">
            <v>50</v>
          </cell>
          <cell r="P2138">
            <v>2948</v>
          </cell>
          <cell r="Q2138">
            <v>3010001129215</v>
          </cell>
          <cell r="R2138">
            <v>350000</v>
          </cell>
          <cell r="S2138">
            <v>56513000</v>
          </cell>
          <cell r="T2138">
            <v>291303000</v>
          </cell>
          <cell r="V2138" t="str">
            <v>ce586790</v>
          </cell>
          <cell r="W2138" t="str">
            <v>kn181961</v>
          </cell>
          <cell r="Y2138" t="str">
            <v>047，36，47，50，58，</v>
          </cell>
          <cell r="Z2138">
            <v>36</v>
          </cell>
          <cell r="AA2138">
            <v>50</v>
          </cell>
          <cell r="AB2138">
            <v>58</v>
          </cell>
          <cell r="AC2138">
            <v>47</v>
          </cell>
          <cell r="AD2138" t="str">
            <v/>
          </cell>
          <cell r="AE2138" t="str">
            <v>１；２；３；４；</v>
          </cell>
          <cell r="AF2138" t="str">
            <v>当社は、交通管制・道路交通システム、総合防災システム、デジタル無線通信、情報セキュリティ、ＡＶ機器、監視カメラシステム等の社会システム、ネットワーク＆セキュリティソリューション事業を、コンサルティングからシステム設計、施工、保守、運用サービスまでサポートする会社です。</v>
          </cell>
        </row>
        <row r="2139">
          <cell r="B2139">
            <v>10378</v>
          </cell>
          <cell r="C2139" t="str">
            <v>(株)摂津</v>
          </cell>
          <cell r="D2139" t="str">
            <v>06-6429-1818</v>
          </cell>
          <cell r="E2139" t="str">
            <v>661-0011</v>
          </cell>
          <cell r="F2139" t="str">
            <v>兵庫県尼崎市東塚口町2-4-27</v>
          </cell>
          <cell r="G2139" t="str">
            <v>尼崎市</v>
          </cell>
          <cell r="H2139" t="str">
            <v/>
          </cell>
          <cell r="I2139" t="str">
            <v>代表取締役 山本　真二</v>
          </cell>
          <cell r="J2139" t="str">
            <v>本店</v>
          </cell>
          <cell r="K2139" t="str">
            <v>06-6429-5382</v>
          </cell>
          <cell r="L2139" t="str">
            <v>kosaka9171@dinsgr.co.jp</v>
          </cell>
          <cell r="M2139" t="str">
            <v>ｾｯﾂ</v>
          </cell>
          <cell r="N2139" t="str">
            <v>無</v>
          </cell>
          <cell r="O2139">
            <v>61</v>
          </cell>
          <cell r="P2139">
            <v>54</v>
          </cell>
          <cell r="Q2139">
            <v>7140001049487</v>
          </cell>
          <cell r="R2139">
            <v>10000</v>
          </cell>
          <cell r="S2139">
            <v>483838</v>
          </cell>
          <cell r="T2139">
            <v>672022</v>
          </cell>
          <cell r="V2139" t="str">
            <v>qb888038</v>
          </cell>
          <cell r="W2139" t="str">
            <v>bu195693</v>
          </cell>
          <cell r="Y2139" t="str">
            <v>54，68，</v>
          </cell>
          <cell r="Z2139">
            <v>68</v>
          </cell>
          <cell r="AA2139">
            <v>54</v>
          </cell>
          <cell r="AB2139" t="str">
            <v/>
          </cell>
          <cell r="AC2139" t="str">
            <v/>
          </cell>
          <cell r="AD2139" t="str">
            <v/>
          </cell>
          <cell r="AE2139" t="str">
            <v>１；産業廃棄物の収集運搬に関して安心、安全、確実、遵法をモットーに取組んでおります。２；３；４；</v>
          </cell>
          <cell r="AF2139" t="str">
            <v>当社は尼崎市の許可を受け事業系他一般廃棄物の収集運搬を主たる業務と　し、他に産業廃棄物の収集運搬を行っております。</v>
          </cell>
        </row>
        <row r="2140">
          <cell r="B2140">
            <v>10379</v>
          </cell>
          <cell r="C2140" t="str">
            <v>郡リース(株)</v>
          </cell>
          <cell r="D2140" t="str">
            <v>06-6444-2161</v>
          </cell>
          <cell r="E2140" t="str">
            <v>550-0002</v>
          </cell>
          <cell r="F2140" t="str">
            <v>大阪府大阪市西区江戸堀3-3-2</v>
          </cell>
          <cell r="G2140" t="str">
            <v>大阪市</v>
          </cell>
          <cell r="H2140" t="str">
            <v>大阪支店</v>
          </cell>
          <cell r="I2140" t="str">
            <v>支店長 杉山　博美</v>
          </cell>
          <cell r="J2140" t="str">
            <v>東京都</v>
          </cell>
          <cell r="K2140" t="str">
            <v>06-6445-1680</v>
          </cell>
          <cell r="L2140" t="str">
            <v>osaka@kohri.co.jp</v>
          </cell>
          <cell r="M2140" t="str">
            <v>ｺｵﾘﾘｰｽ</v>
          </cell>
          <cell r="N2140" t="str">
            <v>有</v>
          </cell>
          <cell r="O2140">
            <v>48</v>
          </cell>
          <cell r="P2140">
            <v>329</v>
          </cell>
          <cell r="Q2140">
            <v>6010401009996</v>
          </cell>
          <cell r="R2140">
            <v>86400</v>
          </cell>
          <cell r="S2140">
            <v>33819092</v>
          </cell>
          <cell r="T2140">
            <v>29300966</v>
          </cell>
          <cell r="V2140" t="str">
            <v>cv711047</v>
          </cell>
          <cell r="W2140" t="str">
            <v>eq175319</v>
          </cell>
          <cell r="Y2140" t="str">
            <v>44，</v>
          </cell>
          <cell r="Z2140" t="str">
            <v/>
          </cell>
          <cell r="AA2140" t="str">
            <v/>
          </cell>
          <cell r="AB2140" t="str">
            <v/>
          </cell>
          <cell r="AC2140" t="str">
            <v/>
          </cell>
          <cell r="AD2140" t="str">
            <v/>
          </cell>
          <cell r="AE2140" t="str">
            <v>１；鉄骨系プレハブ建築物の販売・リース２；３；４；</v>
          </cell>
          <cell r="AF2140" t="str">
            <v>当社の業務内容は鉄骨系プレハブ建築物の設計・施工・リース・販売を行っています。当社建築物はプレハブ工法によるローコスト・短工期・均一的品質という特徴を持っていおります。</v>
          </cell>
        </row>
        <row r="2141">
          <cell r="B2141">
            <v>10381</v>
          </cell>
          <cell r="C2141" t="str">
            <v>(株)井上工業</v>
          </cell>
          <cell r="D2141" t="str">
            <v>078-734-0707</v>
          </cell>
          <cell r="E2141" t="str">
            <v>654-0043</v>
          </cell>
          <cell r="F2141" t="str">
            <v>兵庫県神戸市須磨区外浜町2丁目1番7号</v>
          </cell>
          <cell r="G2141" t="str">
            <v>神戸市</v>
          </cell>
          <cell r="H2141" t="str">
            <v/>
          </cell>
          <cell r="I2141" t="str">
            <v>代表取締役 金　基哲</v>
          </cell>
          <cell r="J2141" t="str">
            <v>本店</v>
          </cell>
          <cell r="K2141" t="str">
            <v>078-734-0709</v>
          </cell>
          <cell r="L2141" t="str">
            <v>inoue_kg@leto.eonet.ne.jp</v>
          </cell>
          <cell r="M2141" t="str">
            <v>ｲﾉｳｴｺｳｷﾞｮｳ</v>
          </cell>
          <cell r="N2141" t="str">
            <v>無</v>
          </cell>
          <cell r="O2141">
            <v>40</v>
          </cell>
          <cell r="P2141">
            <v>13</v>
          </cell>
          <cell r="Q2141">
            <v>1140001032498</v>
          </cell>
          <cell r="R2141">
            <v>20000</v>
          </cell>
          <cell r="S2141">
            <v>148354</v>
          </cell>
          <cell r="T2141">
            <v>249040</v>
          </cell>
          <cell r="V2141" t="str">
            <v>se915544</v>
          </cell>
          <cell r="W2141" t="str">
            <v>ig137939</v>
          </cell>
          <cell r="Y2141" t="str">
            <v>55，79，</v>
          </cell>
          <cell r="Z2141">
            <v>79</v>
          </cell>
          <cell r="AA2141">
            <v>55</v>
          </cell>
          <cell r="AB2141" t="str">
            <v/>
          </cell>
          <cell r="AC2141" t="str">
            <v/>
          </cell>
          <cell r="AD2141" t="str">
            <v/>
          </cell>
          <cell r="AE2141" t="str">
            <v>１；自走式下水管内ＴＶカメラ調査　簡易型ＴＶカメラ調査２；街渠清掃３；４；</v>
          </cell>
          <cell r="AF2141" t="str">
            <v>管更生工事　下水管内ＴＶ調査業務　下水管及び街渠清掃</v>
          </cell>
        </row>
        <row r="2142">
          <cell r="B2142">
            <v>10382</v>
          </cell>
          <cell r="C2142" t="str">
            <v>(株)アレイサービス</v>
          </cell>
          <cell r="D2142" t="str">
            <v>06-6726-5801</v>
          </cell>
          <cell r="E2142" t="str">
            <v>578-0943</v>
          </cell>
          <cell r="F2142" t="str">
            <v>大阪府東大阪市若江南町5-2-38</v>
          </cell>
          <cell r="G2142" t="str">
            <v>東大阪市</v>
          </cell>
          <cell r="H2142" t="str">
            <v/>
          </cell>
          <cell r="I2142" t="str">
            <v>代表取締役 米田　富美雄</v>
          </cell>
          <cell r="J2142" t="str">
            <v>本店</v>
          </cell>
          <cell r="K2142" t="str">
            <v>06-6726-1019</v>
          </cell>
          <cell r="L2142" t="str">
            <v>67265801@arryservice.com</v>
          </cell>
          <cell r="M2142" t="str">
            <v>ｱﾚｲｻｰﾋﾞｽ</v>
          </cell>
          <cell r="N2142" t="str">
            <v>無</v>
          </cell>
          <cell r="O2142">
            <v>23</v>
          </cell>
          <cell r="P2142">
            <v>10</v>
          </cell>
          <cell r="Q2142">
            <v>5122001000326</v>
          </cell>
          <cell r="R2142">
            <v>20000</v>
          </cell>
          <cell r="S2142">
            <v>80358</v>
          </cell>
          <cell r="T2142">
            <v>193266</v>
          </cell>
          <cell r="V2142" t="str">
            <v>zb886922</v>
          </cell>
          <cell r="W2142" t="str">
            <v>nn993933</v>
          </cell>
          <cell r="Y2142" t="str">
            <v>68，79，</v>
          </cell>
          <cell r="Z2142">
            <v>79</v>
          </cell>
          <cell r="AA2142">
            <v>68</v>
          </cell>
          <cell r="AB2142" t="str">
            <v/>
          </cell>
          <cell r="AC2142" t="str">
            <v/>
          </cell>
          <cell r="AD2142" t="str">
            <v/>
          </cell>
          <cell r="AE2142" t="str">
            <v>１；下水道管内テレビカメラ調査及び目視調査（テレビカメラ車２台、展開カメラ１台、管口簡易カメラ１台、スコープカメラ１台）２；バキューム車２台、貨物運搬車１台３；４；</v>
          </cell>
          <cell r="AF2142" t="str">
            <v>建設工事：下水道管内更生工事、下水道管内浚渫工事　物品：下水管内清掃・下水管内調査（テレビカメラ、管口カメラ、展開カメラ）下水道維持管理、目視調査</v>
          </cell>
        </row>
        <row r="2143">
          <cell r="B2143">
            <v>10384</v>
          </cell>
          <cell r="C2143" t="str">
            <v>曽我(株)</v>
          </cell>
          <cell r="D2143" t="str">
            <v>06-6231-3831</v>
          </cell>
          <cell r="E2143" t="str">
            <v>541-0045</v>
          </cell>
          <cell r="F2143" t="str">
            <v>大阪府大阪市中央区道修町1‐6‐7</v>
          </cell>
          <cell r="G2143" t="str">
            <v>大阪市</v>
          </cell>
          <cell r="H2143" t="str">
            <v/>
          </cell>
          <cell r="I2143" t="str">
            <v>代表取締役社長 原田　聡</v>
          </cell>
          <cell r="J2143" t="str">
            <v>本店</v>
          </cell>
          <cell r="K2143" t="str">
            <v>06-6231-3840</v>
          </cell>
          <cell r="L2143" t="str">
            <v>s-matsunari@soga.c.co.jp</v>
          </cell>
          <cell r="M2143" t="str">
            <v>ｿｶﾞ</v>
          </cell>
          <cell r="N2143" t="str">
            <v>無</v>
          </cell>
          <cell r="O2143">
            <v>84</v>
          </cell>
          <cell r="P2143">
            <v>35</v>
          </cell>
          <cell r="Q2143">
            <v>7120001082960</v>
          </cell>
          <cell r="R2143">
            <v>50000</v>
          </cell>
          <cell r="S2143">
            <v>382629</v>
          </cell>
          <cell r="T2143">
            <v>3801196</v>
          </cell>
          <cell r="V2143" t="str">
            <v>je721161</v>
          </cell>
          <cell r="W2143" t="str">
            <v>ln199599</v>
          </cell>
          <cell r="Y2143" t="str">
            <v>10，</v>
          </cell>
          <cell r="Z2143" t="str">
            <v/>
          </cell>
          <cell r="AA2143" t="str">
            <v/>
          </cell>
          <cell r="AB2143" t="str">
            <v/>
          </cell>
          <cell r="AC2143" t="str">
            <v/>
          </cell>
          <cell r="AD2143" t="str">
            <v>代）大阪ガスケミカル（株）、（株）大阪ソーダ、（株）不二サッシ、日鉄鉱業（株）、ラサ工業（株）、宇部マテリアルズ（株）、日ノ丸鉱業（株）</v>
          </cell>
          <cell r="AE2143" t="str">
            <v>１；１０　化学工業薬品２；３；４；（許可、登録）毒劇物一般販売登録票、医薬品販売業許可証、高圧ガス販売業</v>
          </cell>
          <cell r="AF2143" t="str">
            <v>活性炭、ポリ鉄、消石灰、次亜塩素酸ソーダ、重金属固定剤、塩化第二鉄、アンモニア水、高分子凝集剤、苛性ソーダ</v>
          </cell>
        </row>
        <row r="2144">
          <cell r="B2144">
            <v>10385</v>
          </cell>
          <cell r="C2144" t="str">
            <v>城陽ダイキン空調(株)</v>
          </cell>
          <cell r="D2144" t="str">
            <v>078-321-0265</v>
          </cell>
          <cell r="E2144" t="str">
            <v>650-0001</v>
          </cell>
          <cell r="F2144" t="str">
            <v>兵庫県神戸市中央区加納町4-4-17</v>
          </cell>
          <cell r="G2144" t="str">
            <v>神戸市</v>
          </cell>
          <cell r="H2144" t="str">
            <v>神戸営業所</v>
          </cell>
          <cell r="I2144" t="str">
            <v>所長 小菅　一弘</v>
          </cell>
          <cell r="J2144" t="str">
            <v>大阪府大阪市</v>
          </cell>
          <cell r="K2144" t="str">
            <v>078-321-0290</v>
          </cell>
          <cell r="L2144" t="str">
            <v>osaka @joyo-daikin.co.jp</v>
          </cell>
          <cell r="M2144" t="str">
            <v>ｼﾞｮｳﾖｳﾀﾞｲｷﾝｸｳﾁｮｳ</v>
          </cell>
          <cell r="N2144" t="str">
            <v>有</v>
          </cell>
          <cell r="O2144">
            <v>52</v>
          </cell>
          <cell r="P2144">
            <v>102</v>
          </cell>
          <cell r="Q2144">
            <v>2120001012567</v>
          </cell>
          <cell r="R2144">
            <v>80000</v>
          </cell>
          <cell r="S2144">
            <v>1312060</v>
          </cell>
          <cell r="T2144">
            <v>9084279</v>
          </cell>
          <cell r="V2144" t="str">
            <v>xs644079</v>
          </cell>
          <cell r="W2144" t="str">
            <v>su119953</v>
          </cell>
          <cell r="Y2144" t="str">
            <v>35，48，</v>
          </cell>
          <cell r="Z2144">
            <v>35</v>
          </cell>
          <cell r="AA2144">
            <v>48</v>
          </cell>
          <cell r="AB2144" t="str">
            <v/>
          </cell>
          <cell r="AC2144" t="str">
            <v/>
          </cell>
          <cell r="AD2144" t="str">
            <v/>
          </cell>
          <cell r="AE2144" t="str">
            <v>１；冷暖房空調機器、空気清浄機、遠赤外線暖房機２；冷暖房空調設備の保守点検３；４；</v>
          </cell>
          <cell r="AF2144" t="str">
            <v>当社は空調機器のメーカーであるダイキン工業の販売会社です。近畿圏をテリトリーとし、卸売や直販とそれに伴う主設備並びに付帯設備の設計、施工などを主な業務としています。また、メーカーの枠を超えた機器の保守管理も行い、確かな技術力で顧客からの高い評価を得ております。</v>
          </cell>
        </row>
        <row r="2145">
          <cell r="B2145">
            <v>10386</v>
          </cell>
          <cell r="C2145" t="str">
            <v>コスモ建物管理(株)</v>
          </cell>
          <cell r="D2145" t="str">
            <v>06-6365-5581</v>
          </cell>
          <cell r="E2145" t="str">
            <v>530-0047</v>
          </cell>
          <cell r="F2145" t="str">
            <v>大阪府大阪市北区西天満4‐11‐23</v>
          </cell>
          <cell r="G2145" t="str">
            <v>大阪市</v>
          </cell>
          <cell r="H2145" t="str">
            <v/>
          </cell>
          <cell r="I2145" t="str">
            <v>代表取締役 南　昭彦</v>
          </cell>
          <cell r="J2145" t="str">
            <v>本店</v>
          </cell>
          <cell r="K2145" t="str">
            <v>06-6365-5597</v>
          </cell>
          <cell r="L2145" t="str">
            <v>info@kosmo.jp</v>
          </cell>
          <cell r="M2145" t="str">
            <v>ｺｽﾓﾀﾃﾓﾉｶﾝﾘ</v>
          </cell>
          <cell r="N2145" t="str">
            <v>無</v>
          </cell>
          <cell r="O2145">
            <v>54</v>
          </cell>
          <cell r="P2145">
            <v>49</v>
          </cell>
          <cell r="Q2145">
            <v>6120001063854</v>
          </cell>
          <cell r="R2145">
            <v>80000</v>
          </cell>
          <cell r="S2145">
            <v>5737783</v>
          </cell>
          <cell r="T2145">
            <v>4538779</v>
          </cell>
          <cell r="V2145" t="str">
            <v>pm583468</v>
          </cell>
          <cell r="W2145" t="str">
            <v>jw196999</v>
          </cell>
          <cell r="Y2145" t="str">
            <v>049，45，46，47，48，49，51，52，54，55，</v>
          </cell>
          <cell r="Z2145">
            <v>54</v>
          </cell>
          <cell r="AA2145">
            <v>55</v>
          </cell>
          <cell r="AB2145">
            <v>45</v>
          </cell>
          <cell r="AC2145">
            <v>49</v>
          </cell>
          <cell r="AD2145" t="str">
            <v/>
          </cell>
          <cell r="AE2145" t="str">
            <v>１；建物等の日常・定期・特別清掃、ガラス・ブラインド等清拭２；公園砂場殺菌消毒３；常駐警備、イベント等会場警備、駐車場管理、受付業務４；消防設備保守点検業務</v>
          </cell>
          <cell r="AF2145" t="str">
            <v>弊社は常にオーナー様の立場に立って建物の美観と保持を専心念願し、「安心して任せて頂ける管理」をモットーに、迅速・確実・安全を旨として、鋭意研鑽を重ねている総合ビルメンテナンス会社です。営業品目：清掃業務、設備管理業務、警備業務、殺虫殺鼠業務</v>
          </cell>
        </row>
        <row r="2146">
          <cell r="B2146">
            <v>10387</v>
          </cell>
          <cell r="C2146" t="str">
            <v>(有)中島樹木クリニック</v>
          </cell>
          <cell r="D2146" t="str">
            <v>072-777-9206</v>
          </cell>
          <cell r="E2146" t="str">
            <v>664-0029</v>
          </cell>
          <cell r="F2146" t="str">
            <v>兵庫県伊丹市中野北2-10-2</v>
          </cell>
          <cell r="G2146" t="str">
            <v>伊丹市</v>
          </cell>
          <cell r="H2146" t="str">
            <v/>
          </cell>
          <cell r="I2146" t="str">
            <v>代表取締役 中島　佳徳</v>
          </cell>
          <cell r="J2146" t="str">
            <v>本店</v>
          </cell>
          <cell r="K2146" t="str">
            <v>072-777-9206</v>
          </cell>
          <cell r="L2146" t="str">
            <v>nakajima_jc915@gf7.so-net.ne.jp</v>
          </cell>
          <cell r="M2146" t="str">
            <v>ﾅｶｼﾞﾏｼﾞｭﾓｸｸﾘﾆｯｸ</v>
          </cell>
          <cell r="N2146" t="str">
            <v>無</v>
          </cell>
          <cell r="O2146">
            <v>21</v>
          </cell>
          <cell r="P2146">
            <v>7</v>
          </cell>
          <cell r="Q2146">
            <v>1140002063807</v>
          </cell>
          <cell r="R2146">
            <v>3000</v>
          </cell>
          <cell r="S2146" t="str">
            <v/>
          </cell>
          <cell r="T2146" t="str">
            <v/>
          </cell>
          <cell r="V2146" t="str">
            <v>gg826295</v>
          </cell>
          <cell r="W2146" t="str">
            <v>lr199388</v>
          </cell>
          <cell r="Y2146" t="str">
            <v/>
          </cell>
          <cell r="Z2146" t="str">
            <v/>
          </cell>
          <cell r="AA2146" t="str">
            <v/>
          </cell>
          <cell r="AB2146" t="str">
            <v/>
          </cell>
          <cell r="AC2146" t="str">
            <v/>
          </cell>
          <cell r="AD2146" t="str">
            <v/>
          </cell>
          <cell r="AE2146" t="str">
            <v>１；樹木倒木診断、樹勢回復処置２；３；４；</v>
          </cell>
          <cell r="AF2146" t="str">
            <v>樹木医４名、樹木医補１名が在職し、樹木の診断、治療、樹勢回復処置を得意とします。</v>
          </cell>
        </row>
        <row r="2147">
          <cell r="B2147">
            <v>10388</v>
          </cell>
          <cell r="C2147" t="str">
            <v>(株)メディスポ</v>
          </cell>
          <cell r="D2147" t="str">
            <v>078-271-9200</v>
          </cell>
          <cell r="E2147" t="str">
            <v>651-0066</v>
          </cell>
          <cell r="F2147" t="str">
            <v>兵庫県神戸市中央区国香通3-1-2</v>
          </cell>
          <cell r="G2147" t="str">
            <v>神戸市</v>
          </cell>
          <cell r="H2147" t="str">
            <v/>
          </cell>
          <cell r="I2147" t="str">
            <v>代表取締役 三日月　善夫</v>
          </cell>
          <cell r="J2147" t="str">
            <v>本店</v>
          </cell>
          <cell r="K2147" t="str">
            <v>078-271-9201</v>
          </cell>
          <cell r="L2147" t="str">
            <v>inoue@medispo.co.jp</v>
          </cell>
          <cell r="M2147" t="str">
            <v>ﾒﾃﾞｨｽﾎﾟ</v>
          </cell>
          <cell r="N2147" t="str">
            <v>無</v>
          </cell>
          <cell r="O2147">
            <v>26</v>
          </cell>
          <cell r="P2147">
            <v>11</v>
          </cell>
          <cell r="Q2147">
            <v>8140001011306</v>
          </cell>
          <cell r="R2147">
            <v>45000</v>
          </cell>
          <cell r="S2147">
            <v>77183</v>
          </cell>
          <cell r="T2147">
            <v>169863</v>
          </cell>
          <cell r="V2147" t="str">
            <v>by169375</v>
          </cell>
          <cell r="W2147" t="str">
            <v>dz169989</v>
          </cell>
          <cell r="Y2147" t="str">
            <v>010，05，10，43，46，</v>
          </cell>
          <cell r="Z2147">
            <v>46</v>
          </cell>
          <cell r="AA2147">
            <v>43</v>
          </cell>
          <cell r="AB2147">
            <v>80</v>
          </cell>
          <cell r="AC2147">
            <v>10</v>
          </cell>
          <cell r="AD2147" t="str">
            <v>毒物劇物一般販売業登録、神戸市指定給水装置工事事業所</v>
          </cell>
          <cell r="AE2147" t="str">
            <v>１；トイレルーム定期診断保守管理業務（トイレリピートメンテナンス）　尿石防止剤、消臭剤、便座除菌クリーナー等の定期交換業務を含む。２；アメニティの小便器自動洗浄器ピピセンサＶ、手洗い用自動水栓せせらぎ等の販売３；排水管清掃業務、排水管カメラ調査業務、トイレ特殊洗浄業務、トイレ機器営繕業務等４；アメニティの尿石除去トラッシュＡ、排水管洗浄剤パイプクール等の販売</v>
          </cell>
          <cell r="AF2147" t="str">
            <v>弊社はトイレ総合サービスを提供する会社です。トイレルーム定期診断維持管理業務を軸に排水管清掃、トイレ特殊洗浄やトイレ器材の販売、営繕を行っております。　又、節水システムの提案も行っております。　</v>
          </cell>
        </row>
        <row r="2148">
          <cell r="B2148">
            <v>10390</v>
          </cell>
          <cell r="C2148" t="str">
            <v>大和産業(株)</v>
          </cell>
          <cell r="D2148" t="str">
            <v>0952-30-5792</v>
          </cell>
          <cell r="E2148" t="str">
            <v>849-0921</v>
          </cell>
          <cell r="F2148" t="str">
            <v>佐賀県佐賀市高木瀬西1-5-19</v>
          </cell>
          <cell r="G2148" t="str">
            <v>佐賀市</v>
          </cell>
          <cell r="H2148" t="str">
            <v/>
          </cell>
          <cell r="I2148" t="str">
            <v>代表取締役 岩瀬　豊美</v>
          </cell>
          <cell r="J2148" t="str">
            <v>本店</v>
          </cell>
          <cell r="K2148" t="str">
            <v>0952-30-6695</v>
          </cell>
          <cell r="L2148" t="str">
            <v>info@daiwa-act.com</v>
          </cell>
          <cell r="M2148" t="str">
            <v>ﾀﾞｲﾜｻﾝｷﾞｮｳ</v>
          </cell>
          <cell r="N2148" t="str">
            <v>無</v>
          </cell>
          <cell r="O2148">
            <v>44</v>
          </cell>
          <cell r="P2148">
            <v>37</v>
          </cell>
          <cell r="Q2148">
            <v>1300001000810</v>
          </cell>
          <cell r="R2148">
            <v>40000</v>
          </cell>
          <cell r="S2148">
            <v>106709</v>
          </cell>
          <cell r="T2148">
            <v>928337</v>
          </cell>
          <cell r="V2148" t="str">
            <v>an338279</v>
          </cell>
          <cell r="W2148" t="str">
            <v>vx138339</v>
          </cell>
          <cell r="Y2148" t="str">
            <v>44，63，</v>
          </cell>
          <cell r="Z2148">
            <v>63</v>
          </cell>
          <cell r="AA2148">
            <v>44</v>
          </cell>
          <cell r="AB2148" t="str">
            <v/>
          </cell>
          <cell r="AC2148" t="str">
            <v/>
          </cell>
          <cell r="AD2148" t="str">
            <v/>
          </cell>
          <cell r="AE2148" t="str">
            <v>１；イベント会場の設計から会場設営等業務。祭・式典等あらゆる催事会場の設計施工２；イベントに係る物品全般の賃貸借３；４；</v>
          </cell>
          <cell r="AF2148" t="str">
            <v>催事用品全般の賃貸借。催事の設計・企画から会場設営・運営まで、催事に係る全てをトータルプロデュースします。</v>
          </cell>
        </row>
        <row r="2149">
          <cell r="B2149">
            <v>10391</v>
          </cell>
          <cell r="C2149" t="str">
            <v>(株)ケアコム</v>
          </cell>
          <cell r="D2149" t="str">
            <v>06-4964-1895</v>
          </cell>
          <cell r="E2149" t="str">
            <v>541-0054</v>
          </cell>
          <cell r="F2149" t="str">
            <v>大阪府大阪市中央区南本町1-8-14</v>
          </cell>
          <cell r="G2149" t="str">
            <v>大阪市</v>
          </cell>
          <cell r="H2149" t="str">
            <v>大阪第１支店</v>
          </cell>
          <cell r="I2149" t="str">
            <v>支店長 神戸　教男</v>
          </cell>
          <cell r="J2149" t="str">
            <v>東京都調布市</v>
          </cell>
          <cell r="K2149" t="str">
            <v>06-4964-1898</v>
          </cell>
          <cell r="L2149" t="str">
            <v>sales@carecom.co.jp</v>
          </cell>
          <cell r="M2149" t="str">
            <v>ｹｱｺﾑ</v>
          </cell>
          <cell r="N2149" t="str">
            <v>有</v>
          </cell>
          <cell r="O2149">
            <v>45</v>
          </cell>
          <cell r="P2149">
            <v>256</v>
          </cell>
          <cell r="Q2149">
            <v>4012401007627</v>
          </cell>
          <cell r="R2149">
            <v>90000</v>
          </cell>
          <cell r="S2149">
            <v>3945851</v>
          </cell>
          <cell r="T2149">
            <v>7820248</v>
          </cell>
          <cell r="V2149" t="str">
            <v>ys109622</v>
          </cell>
          <cell r="W2149" t="str">
            <v>de178688</v>
          </cell>
          <cell r="Y2149" t="str">
            <v>36，50，</v>
          </cell>
          <cell r="Z2149">
            <v>36</v>
          </cell>
          <cell r="AA2149">
            <v>50</v>
          </cell>
          <cell r="AB2149" t="str">
            <v/>
          </cell>
          <cell r="AC2149" t="str">
            <v/>
          </cell>
          <cell r="AD2149" t="str">
            <v/>
          </cell>
          <cell r="AE2149" t="str">
            <v>１；ナースコール、インターホン、表示器、緊急通報システム、看護支援システム、介護支援システム　他２；自社製品の保守メンテナンス３；４；</v>
          </cell>
          <cell r="AF2149" t="str">
            <v>医療・福祉用情報通信システムの専門メーカー。医療の現場で培ったノウハウをもとに福祉施設の分野にも本格参入しています。医療・福祉の高度で多様なニーズに対し、常に「安心と安全」をテーマに研究・開発を続け、世界初、日本初の新製品を数多く発売しています。</v>
          </cell>
        </row>
        <row r="2150">
          <cell r="B2150">
            <v>10392</v>
          </cell>
          <cell r="C2150" t="str">
            <v>(株)イマジョー</v>
          </cell>
          <cell r="D2150" t="str">
            <v>06-6754-5511</v>
          </cell>
          <cell r="E2150" t="str">
            <v>544-0004</v>
          </cell>
          <cell r="F2150" t="str">
            <v>大阪府大阪市生野区巽北4-12-37</v>
          </cell>
          <cell r="G2150" t="str">
            <v>大阪市</v>
          </cell>
          <cell r="H2150" t="str">
            <v/>
          </cell>
          <cell r="I2150" t="str">
            <v>代表取締役　 今荘　政明</v>
          </cell>
          <cell r="J2150" t="str">
            <v>本店</v>
          </cell>
          <cell r="K2150" t="str">
            <v>06-6754-3111</v>
          </cell>
          <cell r="L2150" t="str">
            <v>fukukawa@imajo.co.jp</v>
          </cell>
          <cell r="M2150" t="str">
            <v>ｲﾏｼﾞﾖ-</v>
          </cell>
          <cell r="N2150" t="str">
            <v>無</v>
          </cell>
          <cell r="O2150">
            <v>63</v>
          </cell>
          <cell r="P2150">
            <v>52</v>
          </cell>
          <cell r="Q2150">
            <v>4120001016847</v>
          </cell>
          <cell r="R2150">
            <v>20000</v>
          </cell>
          <cell r="S2150">
            <v>224851</v>
          </cell>
          <cell r="T2150">
            <v>232115</v>
          </cell>
          <cell r="V2150" t="str">
            <v>dd706193</v>
          </cell>
          <cell r="W2150" t="str">
            <v>uq118976</v>
          </cell>
          <cell r="Y2150" t="str">
            <v>3.4.38</v>
          </cell>
          <cell r="Z2150">
            <v>3</v>
          </cell>
          <cell r="AA2150">
            <v>4</v>
          </cell>
          <cell r="AB2150">
            <v>38</v>
          </cell>
          <cell r="AC2150" t="str">
            <v/>
          </cell>
          <cell r="AD2150" t="str">
            <v/>
          </cell>
          <cell r="AE2150" t="str">
            <v>１；２；３；４；</v>
          </cell>
          <cell r="AF2150" t="str">
            <v>設立以来、総合ユニフォームメーカーとして官公庁はもとより、一般企業向けの多種多様なユニフォームを作り続けてまいりました。中でも高度な機能性が要求される消防ユニフォームは、北は北海道から南は沖縄まで日本全土の消防本部・消防団で採用されるなど、高い評価と実績を得ています。</v>
          </cell>
        </row>
        <row r="2151">
          <cell r="B2151">
            <v>10393</v>
          </cell>
          <cell r="C2151" t="str">
            <v>(株)大城工業所</v>
          </cell>
          <cell r="D2151" t="str">
            <v>06-6491-2842</v>
          </cell>
          <cell r="E2151" t="str">
            <v>661-0972</v>
          </cell>
          <cell r="F2151" t="str">
            <v>兵庫県尼崎市小中島2-6-10</v>
          </cell>
          <cell r="G2151" t="str">
            <v>尼崎市</v>
          </cell>
          <cell r="H2151" t="str">
            <v/>
          </cell>
          <cell r="I2151" t="str">
            <v>代表取締役 徐　博史</v>
          </cell>
          <cell r="J2151" t="str">
            <v>本店</v>
          </cell>
          <cell r="K2151" t="str">
            <v>06-6494-2044</v>
          </cell>
          <cell r="L2151" t="str">
            <v>e1gyou@ohshiro.co.jp</v>
          </cell>
          <cell r="M2151" t="str">
            <v>ｵｵｼﾛｺｳｷﾞｮｳｼｮ</v>
          </cell>
          <cell r="N2151" t="str">
            <v>無</v>
          </cell>
          <cell r="O2151">
            <v>51</v>
          </cell>
          <cell r="P2151">
            <v>35</v>
          </cell>
          <cell r="Q2151">
            <v>5140001048020</v>
          </cell>
          <cell r="R2151">
            <v>30000</v>
          </cell>
          <cell r="S2151">
            <v>328508</v>
          </cell>
          <cell r="T2151">
            <v>1450744</v>
          </cell>
          <cell r="V2151" t="str">
            <v>fe321054</v>
          </cell>
          <cell r="W2151" t="str">
            <v>eg117391</v>
          </cell>
          <cell r="Y2151" t="str">
            <v>068，61，68，79，</v>
          </cell>
          <cell r="Z2151">
            <v>79</v>
          </cell>
          <cell r="AA2151">
            <v>61</v>
          </cell>
          <cell r="AB2151">
            <v>80</v>
          </cell>
          <cell r="AC2151">
            <v>68</v>
          </cell>
          <cell r="AD2151" t="str">
            <v/>
          </cell>
          <cell r="AE2151" t="str">
            <v>１；水道に対する不断水管内カメラ調査や、下水道管調査など上下水道に係る維持・メンテナンスの実績は、多数有しております。２；尼崎市内において、量水器更新の取替工事などの施工実績を有しております。３；配水池清掃などの施工実績も有しております。４；がれき類や木くずなどの収集運搬の施工実績を有しております。</v>
          </cell>
          <cell r="AF2151" t="str">
            <v>上下水道工事を最も得意とする業者です。それ以外にも、管更生工事、下水道管調査、配水池清掃や漏水調査など建設から維持修繕まで、豊富な施工実績を有しております。また、直営の施工班を有しているので、緊急時に対応する事も可能です。</v>
          </cell>
        </row>
        <row r="2152">
          <cell r="B2152">
            <v>10394</v>
          </cell>
          <cell r="C2152" t="str">
            <v>(株)兵庫分析センター</v>
          </cell>
          <cell r="D2152" t="str">
            <v>079-236-9446</v>
          </cell>
          <cell r="E2152" t="str">
            <v>671-1116</v>
          </cell>
          <cell r="F2152" t="str">
            <v>兵庫県姫路市広畑区正門通4-10-8</v>
          </cell>
          <cell r="G2152" t="str">
            <v>姫路市</v>
          </cell>
          <cell r="H2152" t="str">
            <v/>
          </cell>
          <cell r="I2152" t="str">
            <v>代表取締役 石井　哲人</v>
          </cell>
          <cell r="J2152" t="str">
            <v>本店</v>
          </cell>
          <cell r="K2152" t="str">
            <v>079-230-0220</v>
          </cell>
          <cell r="L2152" t="str">
            <v>hac@hyobun.co.jp</v>
          </cell>
          <cell r="M2152" t="str">
            <v>ﾋｮｳｺﾞﾌﾞﾝｾｷｾﾝﾀｰ</v>
          </cell>
          <cell r="N2152" t="str">
            <v>無</v>
          </cell>
          <cell r="O2152">
            <v>43</v>
          </cell>
          <cell r="P2152">
            <v>82</v>
          </cell>
          <cell r="Q2152">
            <v>6140001061170</v>
          </cell>
          <cell r="R2152">
            <v>50000</v>
          </cell>
          <cell r="S2152">
            <v>297481</v>
          </cell>
          <cell r="T2152">
            <v>976918</v>
          </cell>
          <cell r="V2152" t="str">
            <v>tu195509</v>
          </cell>
          <cell r="W2152" t="str">
            <v>lx113389</v>
          </cell>
          <cell r="Y2152" t="str">
            <v>10，41，42，</v>
          </cell>
          <cell r="Z2152">
            <v>80</v>
          </cell>
          <cell r="AA2152">
            <v>41</v>
          </cell>
          <cell r="AB2152">
            <v>10</v>
          </cell>
          <cell r="AC2152" t="str">
            <v/>
          </cell>
          <cell r="AD2152" t="str">
            <v/>
          </cell>
          <cell r="AE2152" t="str">
            <v>１；環境公害機器保守点検２；環境公害機器保守点検３；工業薬品(DO計、UV計、COD計等)４；</v>
          </cell>
          <cell r="AF2152" t="str">
            <v>当社は計量証明事業の兵庫県第一号として、水質・大気・騒音・石綿・作業環境・空気環境・土壌等の分析調査を行っています。ISO/IECの17025の許可も受け、品質向上を常に意識し、お客様に信頼を得ています。他にも環境公害機器の販売や、機器の保守点検にも力を入れています。</v>
          </cell>
        </row>
        <row r="2153">
          <cell r="B2153">
            <v>10395</v>
          </cell>
          <cell r="C2153" t="str">
            <v>(株)ダイイチコンストラクション</v>
          </cell>
          <cell r="D2153" t="str">
            <v>072-770-2747</v>
          </cell>
          <cell r="E2153" t="str">
            <v>650-0024</v>
          </cell>
          <cell r="F2153" t="str">
            <v>兵庫県伊丹市安堂寺町6‐396</v>
          </cell>
          <cell r="G2153" t="str">
            <v>伊丹市</v>
          </cell>
          <cell r="H2153" t="str">
            <v/>
          </cell>
          <cell r="I2153" t="str">
            <v>代表取締役　 徐　雄一</v>
          </cell>
          <cell r="J2153" t="str">
            <v>本店</v>
          </cell>
          <cell r="K2153" t="str">
            <v>072-770-6596</v>
          </cell>
          <cell r="L2153" t="str">
            <v>daiichi@daiichi-con.co.jp</v>
          </cell>
          <cell r="M2153" t="str">
            <v>ﾀﾞｲｲﾁｺﾝｽﾄﾗｸｼﾖﾝ</v>
          </cell>
          <cell r="N2153" t="str">
            <v>無</v>
          </cell>
          <cell r="O2153">
            <v>37</v>
          </cell>
          <cell r="P2153">
            <v>8</v>
          </cell>
          <cell r="Q2153">
            <v>4140000000000</v>
          </cell>
          <cell r="R2153">
            <v>20000</v>
          </cell>
          <cell r="S2153">
            <v>114430</v>
          </cell>
          <cell r="T2153">
            <v>267624</v>
          </cell>
          <cell r="V2153" t="str">
            <v>sx954120</v>
          </cell>
          <cell r="W2153" t="str">
            <v>ke138953</v>
          </cell>
          <cell r="Y2153">
            <v>61</v>
          </cell>
          <cell r="Z2153" t="str">
            <v/>
          </cell>
          <cell r="AA2153">
            <v>61</v>
          </cell>
          <cell r="AB2153" t="str">
            <v/>
          </cell>
          <cell r="AC2153" t="str">
            <v/>
          </cell>
          <cell r="AD2153" t="str">
            <v/>
          </cell>
          <cell r="AE2153" t="str">
            <v>１；２；下水道管内カメラ調査、漏水調査３；水道資材４；配水池清掃</v>
          </cell>
          <cell r="AF2153" t="str">
            <v>上下水道工事を最も得意とする業者です。それ以外にも、配水池清掃や漏水調査など建設から維持修績まで、豊富な施工実績を有しております。また、直営の施工班を有しているので、緊急時に対応する事も可能です。</v>
          </cell>
        </row>
        <row r="2154">
          <cell r="B2154">
            <v>10397</v>
          </cell>
          <cell r="C2154" t="str">
            <v>平瀬商事(株)</v>
          </cell>
          <cell r="D2154" t="str">
            <v>06-6418-0055</v>
          </cell>
          <cell r="E2154" t="str">
            <v>660-0077</v>
          </cell>
          <cell r="F2154" t="str">
            <v>兵庫県尼崎市大庄西町2-21-8</v>
          </cell>
          <cell r="G2154" t="str">
            <v>尼崎市</v>
          </cell>
          <cell r="H2154" t="str">
            <v/>
          </cell>
          <cell r="I2154" t="str">
            <v>代表取締役 平瀬　一郎</v>
          </cell>
          <cell r="J2154" t="str">
            <v>本店</v>
          </cell>
          <cell r="K2154" t="str">
            <v>06-6418-0057</v>
          </cell>
          <cell r="L2154" t="str">
            <v>hirase@hirase-trading.co.jp</v>
          </cell>
          <cell r="M2154" t="str">
            <v>ﾋﾗｾｼｮｳｼﾞ</v>
          </cell>
          <cell r="N2154" t="str">
            <v>無</v>
          </cell>
          <cell r="O2154">
            <v>49</v>
          </cell>
          <cell r="P2154">
            <v>16</v>
          </cell>
          <cell r="Q2154">
            <v>1140001050946</v>
          </cell>
          <cell r="R2154">
            <v>20000</v>
          </cell>
          <cell r="S2154">
            <v>105444</v>
          </cell>
          <cell r="T2154">
            <v>1547905</v>
          </cell>
          <cell r="V2154" t="str">
            <v>md382858</v>
          </cell>
          <cell r="W2154" t="str">
            <v>rk189179</v>
          </cell>
          <cell r="Y2154" t="str">
            <v>10，</v>
          </cell>
          <cell r="Z2154" t="str">
            <v/>
          </cell>
          <cell r="AA2154" t="str">
            <v/>
          </cell>
          <cell r="AB2154" t="str">
            <v/>
          </cell>
          <cell r="AC2154" t="str">
            <v/>
          </cell>
          <cell r="AD2154" t="str">
            <v/>
          </cell>
          <cell r="AE2154" t="str">
            <v>１；（代）キャボット・ノリット・ジャパン（株）、（代）ラサ工業（株）、（代）（株）大阪ソーダ２；３；４；</v>
          </cell>
          <cell r="AF2154" t="str">
            <v>粒状活性炭については、阪神水道企業団（平成２７、２２、１８年度）　三田市古城浄水所（平成１８年度）に、高度浄水処理施設用として入替業務の実績を持っております。</v>
          </cell>
        </row>
        <row r="2155">
          <cell r="B2155">
            <v>10398</v>
          </cell>
          <cell r="C2155" t="str">
            <v>三精テクノロジーズ(株)</v>
          </cell>
          <cell r="D2155" t="str">
            <v>06-6393-5661</v>
          </cell>
          <cell r="E2155" t="str">
            <v>532-0003</v>
          </cell>
          <cell r="F2155" t="str">
            <v>大阪府大阪市淀川区宮原4-3-29</v>
          </cell>
          <cell r="G2155" t="str">
            <v>大阪市</v>
          </cell>
          <cell r="H2155" t="str">
            <v/>
          </cell>
          <cell r="I2155" t="str">
            <v>代表取締役 良知　昇</v>
          </cell>
          <cell r="J2155" t="str">
            <v>本店</v>
          </cell>
          <cell r="K2155" t="str">
            <v>06-6393-5704</v>
          </cell>
          <cell r="L2155" t="str">
            <v>osakaeigyo@sansei-technologies.com</v>
          </cell>
          <cell r="M2155" t="str">
            <v>ｻﾝｾｲﾃｸﾉﾛｼﾞｰｽﾞ</v>
          </cell>
          <cell r="N2155" t="str">
            <v>無</v>
          </cell>
          <cell r="O2155">
            <v>66</v>
          </cell>
          <cell r="P2155">
            <v>341</v>
          </cell>
          <cell r="Q2155">
            <v>3120901006634</v>
          </cell>
          <cell r="R2155">
            <v>3251279</v>
          </cell>
          <cell r="S2155">
            <v>20820863</v>
          </cell>
          <cell r="T2155">
            <v>15978729</v>
          </cell>
          <cell r="V2155" t="str">
            <v>ss993200</v>
          </cell>
          <cell r="W2155" t="str">
            <v>qj198557</v>
          </cell>
          <cell r="Y2155" t="str">
            <v>48，</v>
          </cell>
          <cell r="Z2155">
            <v>48</v>
          </cell>
          <cell r="AA2155">
            <v>80</v>
          </cell>
          <cell r="AB2155" t="str">
            <v/>
          </cell>
          <cell r="AC2155" t="str">
            <v/>
          </cell>
          <cell r="AD2155" t="str">
            <v/>
          </cell>
          <cell r="AE2155" t="str">
            <v>１；舞台装置、昇降機の保守２；舞台大道具備品、舞台諸幕３；４；</v>
          </cell>
          <cell r="AF2155" t="str">
            <v>昇降機・舞台機構（大道具備品・幕・照明・音響含む）・遊戯機械・特殊機械工事の設計・政策・据え付け・並びに保守・点検</v>
          </cell>
        </row>
        <row r="2156">
          <cell r="B2156">
            <v>10399</v>
          </cell>
          <cell r="C2156" t="str">
            <v>(株)シンク</v>
          </cell>
          <cell r="D2156" t="str">
            <v>092-475-6311</v>
          </cell>
          <cell r="E2156" t="str">
            <v>812-0011</v>
          </cell>
          <cell r="F2156" t="str">
            <v>福岡県福岡市博多区博多駅前2-19-24</v>
          </cell>
          <cell r="G2156" t="str">
            <v>福岡市</v>
          </cell>
          <cell r="H2156" t="str">
            <v/>
          </cell>
          <cell r="I2156" t="str">
            <v>代表取締役 松田　敏之</v>
          </cell>
          <cell r="J2156" t="str">
            <v>本店</v>
          </cell>
          <cell r="K2156" t="str">
            <v>092-475-6355</v>
          </cell>
          <cell r="L2156" t="str">
            <v>matsumura@think-tax.co.jp</v>
          </cell>
          <cell r="M2156" t="str">
            <v>ｼﾝｸ</v>
          </cell>
          <cell r="N2156" t="str">
            <v>無</v>
          </cell>
          <cell r="O2156">
            <v>34</v>
          </cell>
          <cell r="P2156">
            <v>90</v>
          </cell>
          <cell r="Q2156">
            <v>8290801016357</v>
          </cell>
          <cell r="R2156">
            <v>30250</v>
          </cell>
          <cell r="S2156">
            <v>692231</v>
          </cell>
          <cell r="T2156">
            <v>1385363</v>
          </cell>
          <cell r="V2156" t="str">
            <v>tp373173</v>
          </cell>
          <cell r="W2156" t="str">
            <v>tk131698</v>
          </cell>
          <cell r="Y2156" t="str">
            <v>57，58，</v>
          </cell>
          <cell r="Z2156">
            <v>58</v>
          </cell>
          <cell r="AA2156" t="str">
            <v/>
          </cell>
          <cell r="AB2156" t="str">
            <v/>
          </cell>
          <cell r="AC2156" t="str">
            <v/>
          </cell>
          <cell r="AD2156" t="str">
            <v/>
          </cell>
          <cell r="AE2156" t="str">
            <v>１；自社製品「THINK TAX」の販売、開発、保守２；３；４；</v>
          </cell>
          <cell r="AF2156" t="str">
            <v>官公庁向けシステムの提供ベンダーです。自社開発システムである滞納管理システム「THINK TAX」の販売、構築、保守を主力としています。全国300余りの納入実績があり、貴市におかれましても採用いただいています。</v>
          </cell>
        </row>
        <row r="2157">
          <cell r="B2157">
            <v>10400</v>
          </cell>
          <cell r="C2157" t="str">
            <v>朝日航洋(株)</v>
          </cell>
          <cell r="D2157" t="str">
            <v>078-360-1351</v>
          </cell>
          <cell r="E2157" t="str">
            <v>650-0023</v>
          </cell>
          <cell r="F2157" t="str">
            <v>兵庫県神戸市中央区栄町通6‐1‐21</v>
          </cell>
          <cell r="G2157" t="str">
            <v>神戸市</v>
          </cell>
          <cell r="H2157" t="str">
            <v>神戸支店</v>
          </cell>
          <cell r="I2157" t="str">
            <v>支店長 坪井　健次</v>
          </cell>
          <cell r="J2157" t="str">
            <v>東京都</v>
          </cell>
          <cell r="K2157" t="str">
            <v>078-360-4551</v>
          </cell>
          <cell r="L2157" t="str">
            <v>s-koube2@aeroasahi.co.jp</v>
          </cell>
          <cell r="M2157" t="str">
            <v>ｱｻﾋｺｳﾖｳ</v>
          </cell>
          <cell r="N2157" t="str">
            <v>有</v>
          </cell>
          <cell r="O2157">
            <v>63</v>
          </cell>
          <cell r="P2157">
            <v>1447</v>
          </cell>
          <cell r="Q2157">
            <v>7010601041419</v>
          </cell>
          <cell r="R2157">
            <v>3192500</v>
          </cell>
          <cell r="S2157">
            <v>13488613</v>
          </cell>
          <cell r="T2157">
            <v>29813497</v>
          </cell>
          <cell r="V2157" t="str">
            <v>nm872455</v>
          </cell>
          <cell r="W2157" t="str">
            <v>qj157763</v>
          </cell>
          <cell r="Y2157" t="str">
            <v>071，36，44，57，58，71，72，75，77，</v>
          </cell>
          <cell r="Z2157">
            <v>58</v>
          </cell>
          <cell r="AA2157">
            <v>57</v>
          </cell>
          <cell r="AB2157">
            <v>72</v>
          </cell>
          <cell r="AC2157">
            <v>71</v>
          </cell>
          <cell r="AD2157" t="str">
            <v/>
          </cell>
          <cell r="AE2157" t="str">
            <v>１；各種地図情報・ソフト開発２；地図データベース・データ入力・カードパンチ・図形編集処理・計算処理３；拡大焼付処理・図面製作・地図製作・モザイク写真図・デジタル写真図作成４；複写業務・光ファイリング・デジタル</v>
          </cell>
          <cell r="AF2157" t="str">
            <v>【コンサル】ＧＩＳ、固定資産調査（土地・家屋）、公共施設総合計画、固定資産台帳（道路・上下水道・公有財産等）、地形図作成、調査設計（道路・下水道・砂防）、空家調査　【物品】各種台帳システム（ソフト・ハード）及びデータ入力、写真地図（デジタルオルソ）、空撮</v>
          </cell>
        </row>
        <row r="2158">
          <cell r="B2158">
            <v>10402</v>
          </cell>
          <cell r="C2158" t="str">
            <v>庄野電気工事(株)</v>
          </cell>
          <cell r="D2158" t="str">
            <v>072-782-1375</v>
          </cell>
          <cell r="E2158" t="str">
            <v>664-0012</v>
          </cell>
          <cell r="F2158" t="str">
            <v>兵庫県伊丹市緑ｹ丘1-324</v>
          </cell>
          <cell r="G2158" t="str">
            <v>伊丹市</v>
          </cell>
          <cell r="H2158" t="str">
            <v/>
          </cell>
          <cell r="I2158" t="str">
            <v>代表取締役 庄野　隆二</v>
          </cell>
          <cell r="J2158" t="str">
            <v>本店</v>
          </cell>
          <cell r="K2158" t="str">
            <v>072-770-4409</v>
          </cell>
          <cell r="L2158" t="str">
            <v>info@shonodenki.com</v>
          </cell>
          <cell r="M2158" t="str">
            <v>ｼｮｳﾉﾃﾞﾝｷｺｳｼﾞ</v>
          </cell>
          <cell r="N2158" t="str">
            <v>無</v>
          </cell>
          <cell r="O2158">
            <v>46</v>
          </cell>
          <cell r="P2158">
            <v>18</v>
          </cell>
          <cell r="Q2158">
            <v>2140001078458</v>
          </cell>
          <cell r="R2158">
            <v>21000</v>
          </cell>
          <cell r="S2158">
            <v>812608</v>
          </cell>
          <cell r="T2158">
            <v>795499</v>
          </cell>
          <cell r="V2158" t="str">
            <v>qy129979</v>
          </cell>
          <cell r="W2158" t="str">
            <v>qx199563</v>
          </cell>
          <cell r="Y2158" t="str">
            <v>047，35，36，37，38，47，49，50，</v>
          </cell>
          <cell r="Z2158">
            <v>35</v>
          </cell>
          <cell r="AA2158">
            <v>38</v>
          </cell>
          <cell r="AB2158">
            <v>49</v>
          </cell>
          <cell r="AC2158">
            <v>47</v>
          </cell>
          <cell r="AD2158" t="str">
            <v/>
          </cell>
          <cell r="AE2158" t="str">
            <v>１；照明、冷暖房機、テレビ、冷蔵庫２；火災報知器、消防用品３；消防設備保守４；屋内電気、屋外電気、電気</v>
          </cell>
          <cell r="AF2158" t="str">
            <v>高圧変電設備、低圧設備、弱電設備全般、オールマイティに施工させて頂きます。迅速、丁寧、安価をモットーに創業当初より信用を重んじる、確実な作業に自信があります。</v>
          </cell>
        </row>
        <row r="2159">
          <cell r="B2159">
            <v>10404</v>
          </cell>
          <cell r="C2159" t="str">
            <v>(有)大路旗幕</v>
          </cell>
          <cell r="D2159" t="str">
            <v>072-770-7061</v>
          </cell>
          <cell r="E2159" t="str">
            <v>664-0011</v>
          </cell>
          <cell r="F2159" t="str">
            <v>兵庫県伊丹市鋳物師2-2</v>
          </cell>
          <cell r="G2159" t="str">
            <v>伊丹市</v>
          </cell>
          <cell r="H2159" t="str">
            <v/>
          </cell>
          <cell r="I2159" t="str">
            <v>代表取締役 大路　周宏</v>
          </cell>
          <cell r="J2159" t="str">
            <v>本店</v>
          </cell>
          <cell r="K2159" t="str">
            <v>072-784-1300</v>
          </cell>
          <cell r="L2159" t="str">
            <v>chika88@gaia.eonet.ne.jp</v>
          </cell>
          <cell r="M2159" t="str">
            <v>ｵｵｼﾞﾊﾀﾏｸ</v>
          </cell>
          <cell r="N2159" t="str">
            <v>無</v>
          </cell>
          <cell r="O2159">
            <v>40</v>
          </cell>
          <cell r="P2159">
            <v>6</v>
          </cell>
          <cell r="Q2159">
            <v>6140002063348</v>
          </cell>
          <cell r="R2159">
            <v>3000</v>
          </cell>
          <cell r="S2159">
            <v>3000</v>
          </cell>
          <cell r="T2159">
            <v>38992</v>
          </cell>
          <cell r="V2159" t="str">
            <v>kt838283</v>
          </cell>
          <cell r="W2159" t="str">
            <v>qs166316</v>
          </cell>
          <cell r="Y2159" t="str">
            <v>076，03，04，07，08，16，66，76，</v>
          </cell>
          <cell r="Z2159">
            <v>7</v>
          </cell>
          <cell r="AA2159">
            <v>3</v>
          </cell>
          <cell r="AB2159">
            <v>66</v>
          </cell>
          <cell r="AC2159">
            <v>76</v>
          </cell>
          <cell r="AD2159" t="str">
            <v>予算に合わせた方法でご対応させていただきます。</v>
          </cell>
          <cell r="AE2159" t="str">
            <v>１；イベント告知にご活用下さい。旗・幕・のれん・のぼり等２；ハッピ・Ｔシャツ・ジャンパー等のお揃い衣装３；ターポリン製・アルミ製各種取り扱い４；ステッカー各種取り扱い</v>
          </cell>
          <cell r="AF2159" t="str">
            <v>学校関連や市役所関連からの横断幕とのぼりを多数ご注文頂いております。旗や腕章やトレーナーやブルゾン等も製作可能です。綿でもテトロンでも対応可能です。</v>
          </cell>
        </row>
        <row r="2160">
          <cell r="B2160">
            <v>10405</v>
          </cell>
          <cell r="C2160" t="str">
            <v>(株)日立産機システム</v>
          </cell>
          <cell r="D2160" t="str">
            <v>06-4868-1206</v>
          </cell>
          <cell r="E2160" t="str">
            <v>660-0806</v>
          </cell>
          <cell r="F2160" t="str">
            <v>兵庫県尼崎市金楽寺町1丁目2番1号</v>
          </cell>
          <cell r="G2160" t="str">
            <v>尼崎市</v>
          </cell>
          <cell r="H2160" t="str">
            <v>関西支社</v>
          </cell>
          <cell r="I2160" t="str">
            <v>支社長 細川　賢次</v>
          </cell>
          <cell r="J2160" t="str">
            <v>東京都</v>
          </cell>
          <cell r="K2160" t="str">
            <v>06-4868-1238</v>
          </cell>
          <cell r="L2160" t="str">
            <v>kansai-shimeinegai@hitachi-ies.co.jp</v>
          </cell>
          <cell r="M2160" t="str">
            <v>ﾋﾀﾁｻﾝｷｼｽﾃﾑ</v>
          </cell>
          <cell r="N2160" t="str">
            <v>有</v>
          </cell>
          <cell r="O2160">
            <v>43</v>
          </cell>
          <cell r="P2160">
            <v>3781</v>
          </cell>
          <cell r="Q2160">
            <v>7010001090826</v>
          </cell>
          <cell r="R2160">
            <v>10000000</v>
          </cell>
          <cell r="S2160">
            <v>64258551</v>
          </cell>
          <cell r="T2160">
            <v>170110472</v>
          </cell>
          <cell r="V2160" t="str">
            <v>aa262476</v>
          </cell>
          <cell r="W2160" t="str">
            <v>ｒt189933</v>
          </cell>
          <cell r="Y2160" t="str">
            <v/>
          </cell>
          <cell r="Z2160">
            <v>80</v>
          </cell>
          <cell r="AA2160" t="str">
            <v/>
          </cell>
          <cell r="AB2160" t="str">
            <v/>
          </cell>
          <cell r="AC2160" t="str">
            <v/>
          </cell>
          <cell r="AD2160" t="str">
            <v/>
          </cell>
          <cell r="AE2160" t="str">
            <v>１；産業用機器の保守・修理・メンテナンス・各種ポンプ・モーター・空気圧縮機・各種ホイストクレーン・変圧器等受配電機器２；３；４；</v>
          </cell>
          <cell r="AF2160" t="str">
            <v>産業用電気機械（変圧器、給水ポンプ、空気圧縮機、ホイスト、モーターブロワ等）の製造・販売・保守サービスに一環した事業体制を持ち、社会・産業インフラを幅広く支えています。</v>
          </cell>
        </row>
        <row r="2161">
          <cell r="B2161">
            <v>10406</v>
          </cell>
          <cell r="C2161" t="str">
            <v>フジテコム(株)</v>
          </cell>
          <cell r="D2161" t="str">
            <v>06-6362-6755</v>
          </cell>
          <cell r="E2161" t="str">
            <v>530-0047</v>
          </cell>
          <cell r="F2161" t="str">
            <v>大阪府大阪市北区西天満3-13-18</v>
          </cell>
          <cell r="G2161" t="str">
            <v>大阪市</v>
          </cell>
          <cell r="H2161" t="str">
            <v>大阪支店</v>
          </cell>
          <cell r="I2161" t="str">
            <v>支店長 桑原　貴彦</v>
          </cell>
          <cell r="J2161" t="str">
            <v>東京都</v>
          </cell>
          <cell r="K2161" t="str">
            <v>06-6362-6759</v>
          </cell>
          <cell r="L2161" t="str">
            <v>osaka@fujitecom.co.jp</v>
          </cell>
          <cell r="M2161" t="str">
            <v>ﾌｼﾞﾃｺﾑ</v>
          </cell>
          <cell r="N2161" t="str">
            <v>有</v>
          </cell>
          <cell r="O2161">
            <v>60</v>
          </cell>
          <cell r="P2161">
            <v>99</v>
          </cell>
          <cell r="Q2161">
            <v>4010001028242</v>
          </cell>
          <cell r="R2161">
            <v>91000</v>
          </cell>
          <cell r="S2161">
            <v>1532560</v>
          </cell>
          <cell r="T2161">
            <v>1619997</v>
          </cell>
          <cell r="V2161" t="str">
            <v>ek804065</v>
          </cell>
          <cell r="W2161" t="str">
            <v>fa119917</v>
          </cell>
          <cell r="Y2161" t="str">
            <v>41，79，</v>
          </cell>
          <cell r="Z2161">
            <v>41</v>
          </cell>
          <cell r="AA2161">
            <v>79</v>
          </cell>
          <cell r="AB2161" t="str">
            <v/>
          </cell>
          <cell r="AC2161" t="str">
            <v/>
          </cell>
          <cell r="AD2161" t="str">
            <v/>
          </cell>
          <cell r="AE2161" t="str">
            <v>１；漏水探知機器、埋設物探知機器、水圧測定機器　自社製品２；漏水調査３；４；</v>
          </cell>
          <cell r="AF2161" t="str">
            <v>水道管路の維持管理に関する各種機器を取り扱っております。漏水探知や水圧・流量から管路探知といった機器を製造・販売し、それらを使用した調査も行っております。</v>
          </cell>
        </row>
        <row r="2162">
          <cell r="B2162">
            <v>10407</v>
          </cell>
          <cell r="C2162" t="str">
            <v>(有)ビデオクリエイト</v>
          </cell>
          <cell r="D2162" t="str">
            <v>06-6878-3661</v>
          </cell>
          <cell r="E2162" t="str">
            <v>565-0824</v>
          </cell>
          <cell r="F2162" t="str">
            <v>大阪府吹田市山田西2ｰ8</v>
          </cell>
          <cell r="G2162" t="str">
            <v>吹田市</v>
          </cell>
          <cell r="H2162" t="str">
            <v/>
          </cell>
          <cell r="I2162" t="str">
            <v>代表取締役 今西　隆太郎</v>
          </cell>
          <cell r="J2162" t="str">
            <v>本店</v>
          </cell>
          <cell r="K2162" t="str">
            <v>06-6878-3674</v>
          </cell>
          <cell r="L2162" t="str">
            <v>ryu-i@f6.dion.ne.jp</v>
          </cell>
          <cell r="M2162" t="str">
            <v>ﾋﾞﾃﾞｵｸﾘｴｲﾄ</v>
          </cell>
          <cell r="N2162" t="str">
            <v>無</v>
          </cell>
          <cell r="O2162">
            <v>27</v>
          </cell>
          <cell r="P2162">
            <v>5</v>
          </cell>
          <cell r="Q2162">
            <v>1120902007385</v>
          </cell>
          <cell r="R2162">
            <v>3000</v>
          </cell>
          <cell r="S2162">
            <v>3400</v>
          </cell>
          <cell r="T2162">
            <v>29262</v>
          </cell>
          <cell r="V2162" t="str">
            <v>gf955707</v>
          </cell>
          <cell r="W2162" t="str">
            <v>qa189395</v>
          </cell>
          <cell r="Y2162" t="str">
            <v>64，</v>
          </cell>
          <cell r="Z2162">
            <v>64</v>
          </cell>
          <cell r="AA2162" t="str">
            <v/>
          </cell>
          <cell r="AB2162" t="str">
            <v/>
          </cell>
          <cell r="AC2162" t="str">
            <v/>
          </cell>
          <cell r="AD2162" t="str">
            <v/>
          </cell>
          <cell r="AE2162" t="str">
            <v>１；企画から撮影・編集・ＣＧ・録音など一貫した流れの中で映像制作を行っている。広報・記録・教材・プロモーションなどの制作を得意としている。官庁、企業、教育機関、福祉施設など幅広く受注している。２；３；４；</v>
          </cell>
          <cell r="AF2162" t="str">
            <v>当社は自治体や企業等の広報・記録・教材・ＰＲビデオを主体に数多くの映像作品を制作し実績をあげている。少数精鋭のスタッフで小回りの利く制作会社をして常にクライアントに満足される最高の作品をつくっている。</v>
          </cell>
        </row>
        <row r="2163">
          <cell r="B2163">
            <v>10408</v>
          </cell>
          <cell r="C2163" t="str">
            <v>西川計測(株)</v>
          </cell>
          <cell r="D2163" t="str">
            <v>078-333-0290</v>
          </cell>
          <cell r="E2163" t="str">
            <v>650-0034</v>
          </cell>
          <cell r="F2163" t="str">
            <v>兵庫県神戸市中央区京町80</v>
          </cell>
          <cell r="G2163" t="str">
            <v>神戸市</v>
          </cell>
          <cell r="H2163" t="str">
            <v>関西支社</v>
          </cell>
          <cell r="I2163" t="str">
            <v>支社長 森田　信</v>
          </cell>
          <cell r="J2163" t="str">
            <v>東京都</v>
          </cell>
          <cell r="K2163" t="str">
            <v>078-333-0295</v>
          </cell>
          <cell r="L2163" t="str">
            <v>nskwk13@nskw.co.jp</v>
          </cell>
          <cell r="M2163" t="str">
            <v>ﾆｼｶﾜｹｲｿｸ</v>
          </cell>
          <cell r="N2163" t="str">
            <v>有</v>
          </cell>
          <cell r="O2163">
            <v>67</v>
          </cell>
          <cell r="P2163">
            <v>382</v>
          </cell>
          <cell r="Q2163">
            <v>1010401021428</v>
          </cell>
          <cell r="R2163">
            <v>569375</v>
          </cell>
          <cell r="S2163">
            <v>9385698</v>
          </cell>
          <cell r="T2163">
            <v>27263718</v>
          </cell>
          <cell r="V2163" t="str">
            <v>vs638284</v>
          </cell>
          <cell r="W2163" t="str">
            <v>gx193997</v>
          </cell>
          <cell r="Y2163" t="str">
            <v>41，42，47，</v>
          </cell>
          <cell r="Z2163">
            <v>42</v>
          </cell>
          <cell r="AA2163">
            <v>41</v>
          </cell>
          <cell r="AB2163">
            <v>47</v>
          </cell>
          <cell r="AC2163" t="str">
            <v/>
          </cell>
          <cell r="AD2163" t="str">
            <v>劇物毒物一般販売業　登録番号　神保第１４３ＴＡ１０１１号</v>
          </cell>
          <cell r="AE2163" t="str">
            <v>１；（代）横河電機（株）、菊水電子工業（株）、（株）ＴＦＦテクトロニクス社、鶴賀電機（株）、大西熱学２；（代）横河電機（株）、（代）（株）パーキンエルマージャパン３；電気計装設備保守点検業務４；</v>
          </cell>
          <cell r="AF2163" t="str">
            <v>横河電機（株）の総合代理店として、水処理監視制御装置、薬品注入設備、電気計装設備、水質自動監視装置、工業計器、テレメーター装置、環境測定装置、分析機器、計測機器、計装設備の補修・点検などを主に取引を希望します。</v>
          </cell>
        </row>
        <row r="2164">
          <cell r="B2164">
            <v>10410</v>
          </cell>
          <cell r="C2164" t="str">
            <v>東芝エレベータ(株)</v>
          </cell>
          <cell r="D2164" t="str">
            <v>078-332-3033</v>
          </cell>
          <cell r="E2164" t="str">
            <v>650-0024</v>
          </cell>
          <cell r="F2164" t="str">
            <v>兵庫県神戸市中央区海岸通3番</v>
          </cell>
          <cell r="G2164" t="str">
            <v>神戸市</v>
          </cell>
          <cell r="H2164" t="str">
            <v>兵庫支店</v>
          </cell>
          <cell r="I2164" t="str">
            <v>支店長 下村　信史</v>
          </cell>
          <cell r="J2164" t="str">
            <v>神奈川県川崎市</v>
          </cell>
          <cell r="K2164" t="str">
            <v>078-332-4635</v>
          </cell>
          <cell r="L2164" t="str">
            <v>yayoi.ikeda@glb.toshiba.co.jp</v>
          </cell>
          <cell r="M2164" t="str">
            <v>ﾄｳｼﾊﾞｴﾚﾍﾞｰﾀ</v>
          </cell>
          <cell r="N2164" t="str">
            <v>有</v>
          </cell>
          <cell r="O2164">
            <v>47</v>
          </cell>
          <cell r="P2164">
            <v>5359</v>
          </cell>
          <cell r="Q2164">
            <v>5010701006785</v>
          </cell>
          <cell r="R2164">
            <v>21407728</v>
          </cell>
          <cell r="S2164">
            <v>55439686</v>
          </cell>
          <cell r="T2164">
            <v>145021219</v>
          </cell>
          <cell r="V2164" t="str">
            <v>jz967641</v>
          </cell>
          <cell r="W2164" t="str">
            <v>fi177885</v>
          </cell>
          <cell r="Y2164" t="str">
            <v>48，</v>
          </cell>
          <cell r="Z2164">
            <v>48</v>
          </cell>
          <cell r="AA2164" t="str">
            <v/>
          </cell>
          <cell r="AB2164" t="str">
            <v/>
          </cell>
          <cell r="AC2164" t="str">
            <v/>
          </cell>
          <cell r="AD2164" t="str">
            <v/>
          </cell>
          <cell r="AE2164" t="str">
            <v>１；２；３；４；</v>
          </cell>
          <cell r="AF2164" t="str">
            <v>東芝製昇降機設備の製造・据付・撤去・保守・修理及び改造</v>
          </cell>
        </row>
        <row r="2165">
          <cell r="B2165">
            <v>10411</v>
          </cell>
          <cell r="C2165" t="str">
            <v>信和エンジニアリング(株)</v>
          </cell>
          <cell r="D2165" t="str">
            <v>06-6499-8818</v>
          </cell>
          <cell r="E2165" t="str">
            <v>661-0965</v>
          </cell>
          <cell r="F2165" t="str">
            <v>兵庫県尼崎市次屋3-14-19</v>
          </cell>
          <cell r="G2165" t="str">
            <v>尼崎市</v>
          </cell>
          <cell r="H2165" t="str">
            <v/>
          </cell>
          <cell r="I2165" t="str">
            <v>代表取締役 太田　賢志</v>
          </cell>
          <cell r="J2165" t="str">
            <v>本店</v>
          </cell>
          <cell r="K2165" t="str">
            <v>06-6499-8220</v>
          </cell>
          <cell r="L2165" t="str">
            <v>sinwa-e@fancy.ocn.ne.jp</v>
          </cell>
          <cell r="M2165" t="str">
            <v>ｼﾝﾜｴﾝｼﾞﾆｱﾘﾝｸﾞ</v>
          </cell>
          <cell r="N2165" t="str">
            <v>無</v>
          </cell>
          <cell r="O2165">
            <v>33</v>
          </cell>
          <cell r="P2165">
            <v>3</v>
          </cell>
          <cell r="Q2165">
            <v>3140001049342</v>
          </cell>
          <cell r="R2165">
            <v>10000</v>
          </cell>
          <cell r="S2165">
            <v>-56978</v>
          </cell>
          <cell r="T2165">
            <v>61953</v>
          </cell>
          <cell r="V2165" t="str">
            <v>rr128119</v>
          </cell>
          <cell r="W2165" t="str">
            <v>mz115171</v>
          </cell>
          <cell r="Y2165" t="str">
            <v/>
          </cell>
          <cell r="Z2165">
            <v>80</v>
          </cell>
          <cell r="AA2165" t="str">
            <v/>
          </cell>
          <cell r="AB2165" t="str">
            <v/>
          </cell>
          <cell r="AC2165" t="str">
            <v/>
          </cell>
          <cell r="AD2165" t="str">
            <v/>
          </cell>
          <cell r="AE2165" t="str">
            <v>１；地下・地上貯油タンク及び給油ポンプの移管等の保守点検管理業務２；３；４；</v>
          </cell>
          <cell r="AF2165" t="str">
            <v>地上・地下・貯油タンク及び給油タンクの配管等の設置、改修工事を得意としています。各種貯油タンクの製造据付工事を致しております。また、保守・点検も致しております。</v>
          </cell>
        </row>
        <row r="2166">
          <cell r="B2166">
            <v>10413</v>
          </cell>
          <cell r="C2166" t="str">
            <v>(株)東洋食品フードサービス</v>
          </cell>
          <cell r="D2166" t="str">
            <v>03-3836-1285</v>
          </cell>
          <cell r="E2166" t="str">
            <v>550-0011</v>
          </cell>
          <cell r="F2166" t="str">
            <v>東京都台東区東上野1-14-4</v>
          </cell>
          <cell r="G2166" t="str">
            <v>東京都</v>
          </cell>
          <cell r="H2166" t="str">
            <v/>
          </cell>
          <cell r="I2166" t="str">
            <v>代表取締役　 荻久保　英男</v>
          </cell>
          <cell r="J2166" t="str">
            <v>本店</v>
          </cell>
          <cell r="K2166" t="str">
            <v>03-3836-2350</v>
          </cell>
          <cell r="L2166" t="str">
            <v>healthcare@toyo-foods.com</v>
          </cell>
          <cell r="M2166" t="str">
            <v>ﾄｳﾖｳｼﾖｸﾋﾝﾌｰﾄﾞｻｰﾋﾞｽ</v>
          </cell>
          <cell r="N2166" t="str">
            <v>無</v>
          </cell>
          <cell r="O2166">
            <v>52</v>
          </cell>
          <cell r="P2166">
            <v>1390</v>
          </cell>
          <cell r="Q2166">
            <v>7010500000000</v>
          </cell>
          <cell r="R2166">
            <v>30000</v>
          </cell>
          <cell r="S2166">
            <v>4670709</v>
          </cell>
          <cell r="T2166">
            <v>4331346</v>
          </cell>
          <cell r="V2166" t="str">
            <v>jg147449</v>
          </cell>
          <cell r="W2166" t="str">
            <v>dz939661</v>
          </cell>
          <cell r="Y2166" t="str">
            <v/>
          </cell>
          <cell r="Z2166" t="str">
            <v/>
          </cell>
          <cell r="AA2166" t="str">
            <v/>
          </cell>
          <cell r="AB2166" t="str">
            <v/>
          </cell>
          <cell r="AC2166" t="str">
            <v/>
          </cell>
          <cell r="AD2166" t="str">
            <v/>
          </cell>
          <cell r="AE2166" t="str">
            <v>１；２；３；４；</v>
          </cell>
          <cell r="AF2166" t="str">
            <v>病院・保育所・福祉施設における給食業務委託</v>
          </cell>
        </row>
        <row r="2167">
          <cell r="B2167">
            <v>10414</v>
          </cell>
          <cell r="C2167" t="str">
            <v>毎美エンジニアリング(株)</v>
          </cell>
          <cell r="D2167" t="str">
            <v>06-6453-5131</v>
          </cell>
          <cell r="E2167" t="str">
            <v>553-0001</v>
          </cell>
          <cell r="F2167" t="str">
            <v>大阪府大阪市福島区海老江5-4-8</v>
          </cell>
          <cell r="G2167" t="str">
            <v>大阪市</v>
          </cell>
          <cell r="H2167" t="str">
            <v/>
          </cell>
          <cell r="I2167" t="str">
            <v>代表取締役 植田　隆司</v>
          </cell>
          <cell r="J2167" t="str">
            <v>本店</v>
          </cell>
          <cell r="K2167" t="str">
            <v>06-6453-7477</v>
          </cell>
          <cell r="L2167" t="str">
            <v>douta@maibi.co.jp</v>
          </cell>
          <cell r="M2167" t="str">
            <v>ﾏｲﾋﾞｴﾝｼﾞﾆｱﾘﾝｸﾞ</v>
          </cell>
          <cell r="N2167" t="str">
            <v>無</v>
          </cell>
          <cell r="O2167">
            <v>37</v>
          </cell>
          <cell r="P2167">
            <v>248</v>
          </cell>
          <cell r="Q2167">
            <v>1120001036427</v>
          </cell>
          <cell r="R2167">
            <v>10000</v>
          </cell>
          <cell r="S2167">
            <v>10710</v>
          </cell>
          <cell r="T2167">
            <v>420358</v>
          </cell>
          <cell r="V2167" t="str">
            <v>gd517659</v>
          </cell>
          <cell r="W2167" t="str">
            <v>wｒ116673</v>
          </cell>
          <cell r="Y2167" t="str">
            <v>051，45，46，47，49，51，52，53，54，55，</v>
          </cell>
          <cell r="Z2167">
            <v>54</v>
          </cell>
          <cell r="AA2167">
            <v>46</v>
          </cell>
          <cell r="AB2167">
            <v>45</v>
          </cell>
          <cell r="AC2167">
            <v>51</v>
          </cell>
          <cell r="AD2167" t="str">
            <v/>
          </cell>
          <cell r="AE2167" t="str">
            <v>１；建築物環境衛生総合管理業２；建築物環境衛生総合管理業　建築物飲料水貯水槽清掃業　建築物ねずみ昆虫防除業　警備業　電気工事業３；警備業４；建築物飲料水貯水槽清掃業</v>
          </cell>
          <cell r="AF2167" t="str">
            <v>庁舎・事務所他建物清掃。道路・側溝等の清掃。草刈・除草・剪定作業。電気設備の保守・管理。建物総合管理業務。宿日直業務、巡回警備、駐車場誘導。その他業務。</v>
          </cell>
        </row>
        <row r="2168">
          <cell r="B2168">
            <v>10415</v>
          </cell>
          <cell r="C2168" t="str">
            <v>ナブコドア(株)</v>
          </cell>
          <cell r="D2168" t="str">
            <v>06-6438-5646</v>
          </cell>
          <cell r="E2168" t="str">
            <v>661-0033</v>
          </cell>
          <cell r="F2168" t="str">
            <v>兵庫県尼崎市南武庫之荘5丁目2番18号</v>
          </cell>
          <cell r="G2168" t="str">
            <v>大阪市</v>
          </cell>
          <cell r="H2168" t="str">
            <v>尼崎営業所</v>
          </cell>
          <cell r="I2168" t="str">
            <v>所長 黒﨑　洋星</v>
          </cell>
          <cell r="J2168" t="str">
            <v>大阪府大阪市</v>
          </cell>
          <cell r="K2168" t="str">
            <v>06-6437-2164</v>
          </cell>
          <cell r="L2168" t="str">
            <v>nyusatsu@nabco-door.co.jp</v>
          </cell>
          <cell r="M2168" t="str">
            <v>ﾅﾌﾞｺﾄﾞｱ</v>
          </cell>
          <cell r="N2168" t="str">
            <v>有</v>
          </cell>
          <cell r="O2168">
            <v>52</v>
          </cell>
          <cell r="P2168">
            <v>392</v>
          </cell>
          <cell r="Q2168">
            <v>2120001046094</v>
          </cell>
          <cell r="R2168">
            <v>848000</v>
          </cell>
          <cell r="S2168">
            <v>5058081</v>
          </cell>
          <cell r="T2168">
            <v>13868822</v>
          </cell>
          <cell r="V2168" t="str">
            <v>ef228865</v>
          </cell>
          <cell r="W2168" t="str">
            <v>ｒl133196</v>
          </cell>
          <cell r="Y2168" t="str">
            <v>46，</v>
          </cell>
          <cell r="Z2168">
            <v>46</v>
          </cell>
          <cell r="AA2168" t="str">
            <v/>
          </cell>
          <cell r="AB2168" t="str">
            <v/>
          </cell>
          <cell r="AC2168" t="str">
            <v/>
          </cell>
          <cell r="AD2168" t="str">
            <v/>
          </cell>
          <cell r="AE2168" t="str">
            <v>１；各種自動ドアの保守メンテナンス・修理業務２；３；４；</v>
          </cell>
          <cell r="AF2168" t="str">
            <v>自動ドアのパイオニアであり全国トップシェアの採用をいただいている「ナブコ自動ドア」の販売会社として、小型軽量ドアからジャンボ旅客機の格納庫に使われる超大型ドアまで多彩にそろえ、自動ドアを安心して長くお使いいただくための定期的な保守メンテナンス契約もお勧めしております。</v>
          </cell>
        </row>
        <row r="2169">
          <cell r="B2169">
            <v>10417</v>
          </cell>
          <cell r="C2169" t="str">
            <v>北作商事(株)</v>
          </cell>
          <cell r="D2169" t="str">
            <v>06-6443-5771</v>
          </cell>
          <cell r="E2169" t="str">
            <v>550-0003</v>
          </cell>
          <cell r="F2169" t="str">
            <v>大阪府大阪市西区京町堀3-3-11</v>
          </cell>
          <cell r="G2169" t="str">
            <v>大阪市</v>
          </cell>
          <cell r="H2169" t="str">
            <v/>
          </cell>
          <cell r="I2169" t="str">
            <v>代表取締役 三木　辰造</v>
          </cell>
          <cell r="J2169" t="str">
            <v>本店</v>
          </cell>
          <cell r="K2169" t="str">
            <v>06-6443-0404</v>
          </cell>
          <cell r="L2169" t="str">
            <v>t-kobayashi@kitasaku.co.jp</v>
          </cell>
          <cell r="M2169" t="str">
            <v>ｷﾀｻｸｼｮｳｼﾞ</v>
          </cell>
          <cell r="N2169" t="str">
            <v>無</v>
          </cell>
          <cell r="O2169">
            <v>99</v>
          </cell>
          <cell r="P2169">
            <v>12</v>
          </cell>
          <cell r="Q2169">
            <v>4120001042570</v>
          </cell>
          <cell r="R2169">
            <v>20000</v>
          </cell>
          <cell r="S2169">
            <v>172423</v>
          </cell>
          <cell r="T2169">
            <v>2025018</v>
          </cell>
          <cell r="V2169" t="str">
            <v>vz488691</v>
          </cell>
          <cell r="W2169" t="str">
            <v>os165935</v>
          </cell>
          <cell r="Y2169" t="str">
            <v>10，41，</v>
          </cell>
          <cell r="Z2169">
            <v>10</v>
          </cell>
          <cell r="AA2169">
            <v>41</v>
          </cell>
          <cell r="AB2169" t="str">
            <v/>
          </cell>
          <cell r="AC2169" t="str">
            <v/>
          </cell>
          <cell r="AD2169" t="str">
            <v/>
          </cell>
          <cell r="AE2169" t="str">
            <v>１；苛性ソーダ 次亜塩素酸ソーダ（(株)大阪ソーダ）硫酸バンド 塩化第二鉄 PAC ポリ硫酸第二鉄 活性炭（ラサ工業(株)）消石灰（足立石灰工業(株)）塩化カルシウム（(株)トクヤマ）２；３；４；</v>
          </cell>
          <cell r="AF2169" t="str">
            <v>化学工業薬品の販売会社であり、特に硫酸バンド・活性炭・次亜塩素酸ソーダ・苛性ソーダなど、浄水場、下水処理場で使用する薬品の販売を得意としております。</v>
          </cell>
        </row>
        <row r="2170">
          <cell r="B2170">
            <v>10418</v>
          </cell>
          <cell r="C2170" t="str">
            <v>横手産業(株)</v>
          </cell>
          <cell r="D2170" t="str">
            <v>06-6308-7493</v>
          </cell>
          <cell r="E2170" t="str">
            <v>532-0011</v>
          </cell>
          <cell r="F2170" t="str">
            <v>大阪府大阪市淀川区西中島4-2-21</v>
          </cell>
          <cell r="G2170" t="str">
            <v>大阪市</v>
          </cell>
          <cell r="H2170" t="str">
            <v/>
          </cell>
          <cell r="I2170" t="str">
            <v>代表取締役 横手　政英</v>
          </cell>
          <cell r="J2170" t="str">
            <v>本店</v>
          </cell>
          <cell r="K2170" t="str">
            <v>06-6308-7443</v>
          </cell>
          <cell r="L2170" t="str">
            <v>nyusatsu@yokotesangyou.co.jp</v>
          </cell>
          <cell r="M2170" t="str">
            <v>ﾖｺﾃｻﾝｷﾞｮｳ</v>
          </cell>
          <cell r="N2170" t="str">
            <v>無</v>
          </cell>
          <cell r="O2170">
            <v>68</v>
          </cell>
          <cell r="P2170">
            <v>31</v>
          </cell>
          <cell r="Q2170">
            <v>7120001059018</v>
          </cell>
          <cell r="R2170">
            <v>40000</v>
          </cell>
          <cell r="S2170">
            <v>249731</v>
          </cell>
          <cell r="T2170">
            <v>976236</v>
          </cell>
          <cell r="V2170" t="str">
            <v>ku474801</v>
          </cell>
          <cell r="W2170" t="str">
            <v>ex187995</v>
          </cell>
          <cell r="Y2170" t="str">
            <v>032，32，41，42，</v>
          </cell>
          <cell r="Z2170">
            <v>41</v>
          </cell>
          <cell r="AA2170">
            <v>42</v>
          </cell>
          <cell r="AB2170">
            <v>80</v>
          </cell>
          <cell r="AC2170">
            <v>32</v>
          </cell>
          <cell r="AD2170" t="str">
            <v/>
          </cell>
          <cell r="AE2170" t="str">
            <v>１；２；３；４；</v>
          </cell>
          <cell r="AF2170" t="str">
            <v>浄水施設工事、下水道施設工事、各種薬品注入設備工事など上下水道施設全般施工</v>
          </cell>
        </row>
        <row r="2171">
          <cell r="B2171">
            <v>10420</v>
          </cell>
          <cell r="C2171" t="str">
            <v>(株)リヴァックス</v>
          </cell>
          <cell r="D2171" t="str">
            <v>0798-47-7626</v>
          </cell>
          <cell r="E2171" t="str">
            <v>657-0035</v>
          </cell>
          <cell r="F2171" t="str">
            <v>兵庫県西宮市鳴尾浜二丁目1番16号</v>
          </cell>
          <cell r="G2171" t="str">
            <v>西宮市</v>
          </cell>
          <cell r="H2171" t="str">
            <v/>
          </cell>
          <cell r="I2171" t="str">
            <v>代表取締役　 山本　英治</v>
          </cell>
          <cell r="J2171" t="str">
            <v>本店</v>
          </cell>
          <cell r="K2171" t="str">
            <v>0798-41-5680</v>
          </cell>
          <cell r="L2171" t="str">
            <v>h-iida@revacs.com</v>
          </cell>
          <cell r="M2171" t="str">
            <v>ﾘｳﾞｱﾂｸｽ</v>
          </cell>
          <cell r="N2171" t="str">
            <v>無</v>
          </cell>
          <cell r="O2171">
            <v>44</v>
          </cell>
          <cell r="P2171">
            <v>54</v>
          </cell>
          <cell r="Q2171">
            <v>2140000000000</v>
          </cell>
          <cell r="R2171">
            <v>81000</v>
          </cell>
          <cell r="S2171">
            <v>610518</v>
          </cell>
          <cell r="T2171">
            <v>1286913</v>
          </cell>
          <cell r="V2171" t="str">
            <v>kb443116</v>
          </cell>
          <cell r="W2171" t="str">
            <v>mq979771</v>
          </cell>
          <cell r="Y2171">
            <v>68.8</v>
          </cell>
          <cell r="Z2171">
            <v>68</v>
          </cell>
          <cell r="AA2171">
            <v>80</v>
          </cell>
          <cell r="AB2171" t="str">
            <v/>
          </cell>
          <cell r="AC2171" t="str">
            <v/>
          </cell>
          <cell r="AD2171" t="str">
            <v/>
          </cell>
          <cell r="AE2171" t="str">
            <v>１；２；産業廃棄物の処理、産業廃棄物の収集運搬、特別産業廃棄物の収集運搬３；排水処理施設、側溝、配管、タンク等の清掃４；</v>
          </cell>
          <cell r="AF2171" t="str">
            <v>有機性汚泥、廃液のリサイクル処理、超強力吸引車を使用した各所の清掃</v>
          </cell>
        </row>
        <row r="2172">
          <cell r="B2172">
            <v>10422</v>
          </cell>
          <cell r="C2172" t="str">
            <v>日本船舶薬品　(株)</v>
          </cell>
          <cell r="D2172" t="str">
            <v>665-0046</v>
          </cell>
          <cell r="E2172" t="str">
            <v>665-0046</v>
          </cell>
          <cell r="F2172" t="str">
            <v>兵庫県神戸市中央区港島中町2-2-1</v>
          </cell>
          <cell r="G2172" t="str">
            <v>神戸市</v>
          </cell>
          <cell r="H2172" t="str">
            <v>神戸支店</v>
          </cell>
          <cell r="I2172" t="str">
            <v>支店長 清水　衛</v>
          </cell>
          <cell r="J2172" t="str">
            <v>神奈川県横浜市</v>
          </cell>
          <cell r="K2172" t="str">
            <v>078-302-6501</v>
          </cell>
          <cell r="L2172" t="str">
            <v>hara@e-nsy.co.jp</v>
          </cell>
          <cell r="M2172" t="str">
            <v>ﾆｯﾎﾟﾝｾﾝﾊﾟｸﾔｸﾋﾝｶﾌﾞｼｷｶｲｼｬ</v>
          </cell>
          <cell r="N2172" t="str">
            <v>有</v>
          </cell>
          <cell r="O2172">
            <v>76</v>
          </cell>
          <cell r="P2172">
            <v>100</v>
          </cell>
          <cell r="Q2172">
            <v>7020001028081</v>
          </cell>
          <cell r="R2172">
            <v>20000</v>
          </cell>
          <cell r="S2172">
            <v>2710848</v>
          </cell>
          <cell r="T2172">
            <v>8563199</v>
          </cell>
          <cell r="V2172" t="str">
            <v>ry470682</v>
          </cell>
          <cell r="W2172" t="str">
            <v>jz199159</v>
          </cell>
          <cell r="Y2172" t="str">
            <v>9，38，39，</v>
          </cell>
          <cell r="Z2172" t="str">
            <v/>
          </cell>
          <cell r="AA2172" t="str">
            <v/>
          </cell>
          <cell r="AB2172" t="str">
            <v/>
          </cell>
          <cell r="AC2172" t="str">
            <v/>
          </cell>
          <cell r="AD2172" t="str">
            <v/>
          </cell>
          <cell r="AE2172" t="str">
            <v>１；代ファーノジャパンインク　代スミスメディカルジャパン　代新鋭工業　代フィジオコントロール　日本光電　フクダ電子　レールダルメディカルジャパン　高研　アイエムアイ２；テルモ　ニプロ　トップ　サラヤ３；アキレス　エイブル山内４；</v>
          </cell>
          <cell r="AF2172" t="str">
            <v>弊社では、全国の消防救急等で使用される医療機器を取り扱っており、また災害医療分野においては、新型インフルエンザ対応資器材および、災害医療用テントの販売も行っております。</v>
          </cell>
        </row>
        <row r="2173">
          <cell r="B2173">
            <v>10423</v>
          </cell>
          <cell r="C2173" t="str">
            <v>東海リース(株)</v>
          </cell>
          <cell r="D2173" t="str">
            <v>078-382-0326</v>
          </cell>
          <cell r="E2173" t="str">
            <v>650-0011</v>
          </cell>
          <cell r="F2173" t="str">
            <v>兵庫県神戸市中央区下山手通6-1-4</v>
          </cell>
          <cell r="G2173" t="str">
            <v>神戸市</v>
          </cell>
          <cell r="H2173" t="str">
            <v>神戸支店</v>
          </cell>
          <cell r="I2173" t="str">
            <v>支店長 茶谷　靖雄</v>
          </cell>
          <cell r="J2173" t="str">
            <v>大阪府大阪市</v>
          </cell>
          <cell r="K2173" t="str">
            <v>078-371-7266</v>
          </cell>
          <cell r="L2173" t="str">
            <v>kc@tokai-lease.co.jp</v>
          </cell>
          <cell r="M2173" t="str">
            <v>ﾄｳｶｲﾘｰｽ</v>
          </cell>
          <cell r="N2173" t="str">
            <v>有</v>
          </cell>
          <cell r="O2173">
            <v>48</v>
          </cell>
          <cell r="P2173">
            <v>355</v>
          </cell>
          <cell r="Q2173">
            <v>7120001067607</v>
          </cell>
          <cell r="R2173">
            <v>8032668</v>
          </cell>
          <cell r="S2173">
            <v>14807369</v>
          </cell>
          <cell r="T2173">
            <v>14709261</v>
          </cell>
          <cell r="V2173" t="str">
            <v>gb136730</v>
          </cell>
          <cell r="W2173" t="str">
            <v>lw175398</v>
          </cell>
          <cell r="Y2173" t="str">
            <v>44，</v>
          </cell>
          <cell r="Z2173" t="str">
            <v/>
          </cell>
          <cell r="AA2173" t="str">
            <v/>
          </cell>
          <cell r="AB2173" t="str">
            <v/>
          </cell>
          <cell r="AC2173" t="str">
            <v/>
          </cell>
          <cell r="AD2173" t="str">
            <v/>
          </cell>
          <cell r="AE2173" t="str">
            <v>１；２；３；４；</v>
          </cell>
          <cell r="AF2173" t="str">
            <v>軽量鉄骨造のリースおよび建築工事を主体としています。</v>
          </cell>
        </row>
        <row r="2174">
          <cell r="B2174">
            <v>10424</v>
          </cell>
          <cell r="C2174" t="str">
            <v>(株)オカムラ</v>
          </cell>
          <cell r="D2174" t="str">
            <v>078-391-5525</v>
          </cell>
          <cell r="E2174" t="str">
            <v>650-0038</v>
          </cell>
          <cell r="F2174" t="str">
            <v>兵庫県神戸市中央区西町35</v>
          </cell>
          <cell r="G2174" t="str">
            <v>神戸市</v>
          </cell>
          <cell r="H2174" t="str">
            <v>神戸支店</v>
          </cell>
          <cell r="I2174" t="str">
            <v>支店長 小川　仁</v>
          </cell>
          <cell r="J2174" t="str">
            <v>神奈川県横浜市</v>
          </cell>
          <cell r="K2174" t="str">
            <v>078-391-5219</v>
          </cell>
          <cell r="L2174" t="str">
            <v/>
          </cell>
          <cell r="M2174" t="str">
            <v>ｵｶﾑﾗ</v>
          </cell>
          <cell r="N2174" t="str">
            <v>有</v>
          </cell>
          <cell r="O2174">
            <v>72</v>
          </cell>
          <cell r="P2174">
            <v>3326</v>
          </cell>
          <cell r="Q2174">
            <v>3020001030157</v>
          </cell>
          <cell r="R2174">
            <v>18670000</v>
          </cell>
          <cell r="S2174">
            <v>113793000</v>
          </cell>
          <cell r="T2174">
            <v>216575000</v>
          </cell>
          <cell r="V2174" t="str">
            <v>cd271744</v>
          </cell>
          <cell r="W2174" t="str">
            <v>zq111391</v>
          </cell>
          <cell r="Y2174" t="str">
            <v>028，12，14，27，28，</v>
          </cell>
          <cell r="Z2174">
            <v>14</v>
          </cell>
          <cell r="AA2174">
            <v>27</v>
          </cell>
          <cell r="AB2174">
            <v>12</v>
          </cell>
          <cell r="AC2174">
            <v>28</v>
          </cell>
          <cell r="AD2174" t="str">
            <v/>
          </cell>
          <cell r="AE2174" t="str">
            <v>１；スチール製机・椅子、書庫２；木製机、椅子、書棚３；学校用家具、黒板４；カーテン、ブラインド、ＯＡフロア</v>
          </cell>
          <cell r="AF2174" t="str">
            <v>スチール、木製家具の製造、販売を行っております。事務所から公共施設、学校、病院、図書館用の什器まで、トータルでのご提案が可能です。また、移転業務、改装業務に伴った現状レイアウト調査、新規レイアウト作成、スケジュール管理等のコンサルタントも行っております。</v>
          </cell>
        </row>
        <row r="2175">
          <cell r="B2175">
            <v>10425</v>
          </cell>
          <cell r="C2175" t="str">
            <v>ミユビー商会</v>
          </cell>
          <cell r="D2175" t="str">
            <v>072-777-3181</v>
          </cell>
          <cell r="E2175" t="str">
            <v>664-0858</v>
          </cell>
          <cell r="F2175" t="str">
            <v>兵庫県伊丹市西台1-5-20-1101</v>
          </cell>
          <cell r="G2175" t="str">
            <v>伊丹市</v>
          </cell>
          <cell r="H2175" t="str">
            <v/>
          </cell>
          <cell r="I2175" t="str">
            <v xml:space="preserve"> 森　美嘉子</v>
          </cell>
          <cell r="J2175" t="str">
            <v>本店</v>
          </cell>
          <cell r="K2175" t="str">
            <v>072-777-3181</v>
          </cell>
          <cell r="L2175" t="str">
            <v>miyubisyokai@yahoo.co.jp</v>
          </cell>
          <cell r="M2175" t="str">
            <v>ﾐﾕﾋﾞｰｼｮｳｶｲ</v>
          </cell>
          <cell r="N2175" t="str">
            <v>無</v>
          </cell>
          <cell r="O2175">
            <v>12</v>
          </cell>
          <cell r="P2175">
            <v>2</v>
          </cell>
          <cell r="Q2175" t="str">
            <v/>
          </cell>
          <cell r="R2175" t="str">
            <v/>
          </cell>
          <cell r="S2175">
            <v>-14329</v>
          </cell>
          <cell r="T2175">
            <v>88176</v>
          </cell>
          <cell r="V2175" t="str">
            <v>pc901530</v>
          </cell>
          <cell r="W2175" t="str">
            <v>dw193536</v>
          </cell>
          <cell r="Y2175" t="str">
            <v/>
          </cell>
          <cell r="Z2175">
            <v>80</v>
          </cell>
          <cell r="AA2175" t="str">
            <v/>
          </cell>
          <cell r="AB2175" t="str">
            <v/>
          </cell>
          <cell r="AC2175" t="str">
            <v/>
          </cell>
          <cell r="AD2175" t="str">
            <v/>
          </cell>
          <cell r="AE2175" t="str">
            <v>１；吸着シートの白色は、油のみを吸収し水を弾きます。特に河川に適応し緊急の油漏れ等に最適。灰色は、油・化学品・水を吸着。使用用途は、化学品工場の漏れ及び自動車事故等素早く吸着します。２；３；４；</v>
          </cell>
          <cell r="AF2175" t="str">
            <v>吸着マット及び洗浄剤の販売</v>
          </cell>
        </row>
        <row r="2176">
          <cell r="B2176">
            <v>10426</v>
          </cell>
          <cell r="C2176" t="str">
            <v>(株)ナカムラ消防化学</v>
          </cell>
          <cell r="D2176" t="str">
            <v>06-6476-3585</v>
          </cell>
          <cell r="E2176" t="str">
            <v>555-0032</v>
          </cell>
          <cell r="F2176" t="str">
            <v>大阪府大阪市西淀川区大和田5-21-20-102</v>
          </cell>
          <cell r="G2176" t="str">
            <v>大阪市</v>
          </cell>
          <cell r="H2176" t="str">
            <v>大阪営業所</v>
          </cell>
          <cell r="I2176" t="str">
            <v>所長 中頭　徹男</v>
          </cell>
          <cell r="J2176" t="str">
            <v>長崎県大村市</v>
          </cell>
          <cell r="K2176" t="str">
            <v>06-6476-3586</v>
          </cell>
          <cell r="L2176" t="str">
            <v>osaka@n-fc.com</v>
          </cell>
          <cell r="M2176" t="str">
            <v>ﾅｶﾑﾗｼｮｳﾎﾞｳｶｶﾞｸ</v>
          </cell>
          <cell r="N2176" t="str">
            <v>有</v>
          </cell>
          <cell r="O2176">
            <v>39</v>
          </cell>
          <cell r="P2176">
            <v>44</v>
          </cell>
          <cell r="Q2176">
            <v>6310001008856</v>
          </cell>
          <cell r="R2176">
            <v>10000</v>
          </cell>
          <cell r="S2176">
            <v>7378</v>
          </cell>
          <cell r="T2176">
            <v>663288</v>
          </cell>
          <cell r="V2176" t="str">
            <v>df430344</v>
          </cell>
          <cell r="W2176" t="str">
            <v>uk129249</v>
          </cell>
          <cell r="Y2176" t="str">
            <v>03，24，38，</v>
          </cell>
          <cell r="Z2176">
            <v>24</v>
          </cell>
          <cell r="AA2176">
            <v>38</v>
          </cell>
          <cell r="AB2176">
            <v>3</v>
          </cell>
          <cell r="AC2176" t="str">
            <v/>
          </cell>
          <cell r="AD2176" t="str">
            <v/>
          </cell>
          <cell r="AE2176" t="str">
            <v>１；消防ポンプ自動車、水槽付消防ポンプ自動車、化学消防ポンプ自動車、小型動力ポンプ積載車、消防指揮車、救助工作車、水難救助車２；消防用ホース・ポンプ、消火器、火災報知器、避難器具、ヘルメット、防火衣、災害用備蓄品及び食糧品３；消防用被服一式、救急服、雨衣４；</v>
          </cell>
          <cell r="AF2176" t="str">
            <v>１・特殊車両（各種消防ポンプ自動車、小型動力ポンプ積載車）２・消防用機器（消防用ホース・ポンプ、消火器、火災報知器、避難器具、ヘルメット・災害用備蓄品及び食糧品等、消防資機材全般）３・消防用被服一式、救急服、雨衣</v>
          </cell>
        </row>
        <row r="2177">
          <cell r="B2177">
            <v>10427</v>
          </cell>
          <cell r="C2177" t="str">
            <v>(株)阪急阪神エムテック</v>
          </cell>
          <cell r="D2177" t="str">
            <v>06-6419-7143</v>
          </cell>
          <cell r="E2177" t="str">
            <v>660-0072</v>
          </cell>
          <cell r="F2177" t="str">
            <v>兵庫県尼崎市大庄川田町74</v>
          </cell>
          <cell r="G2177" t="str">
            <v>尼崎市</v>
          </cell>
          <cell r="H2177" t="str">
            <v>阪急阪神エムテック</v>
          </cell>
          <cell r="I2177" t="str">
            <v>営業部長 鈴鹿　隆英</v>
          </cell>
          <cell r="J2177" t="str">
            <v>大阪府茨木市</v>
          </cell>
          <cell r="K2177" t="str">
            <v>06-6419-7146</v>
          </cell>
          <cell r="L2177" t="str">
            <v/>
          </cell>
          <cell r="M2177" t="str">
            <v>ﾊﾝｷｭｳﾊﾝｼｴﾑﾃｯｸ</v>
          </cell>
          <cell r="N2177" t="str">
            <v>有</v>
          </cell>
          <cell r="O2177">
            <v>23</v>
          </cell>
          <cell r="P2177">
            <v>288</v>
          </cell>
          <cell r="Q2177">
            <v>9120901019861</v>
          </cell>
          <cell r="R2177">
            <v>99800</v>
          </cell>
          <cell r="S2177">
            <v>2525350</v>
          </cell>
          <cell r="T2177">
            <v>4232833</v>
          </cell>
          <cell r="V2177" t="str">
            <v>vf404065</v>
          </cell>
          <cell r="W2177" t="str">
            <v>fe165619</v>
          </cell>
          <cell r="Y2177" t="str">
            <v>11，26，</v>
          </cell>
          <cell r="Z2177">
            <v>26</v>
          </cell>
          <cell r="AA2177">
            <v>11</v>
          </cell>
          <cell r="AB2177" t="str">
            <v/>
          </cell>
          <cell r="AC2177" t="str">
            <v/>
          </cell>
          <cell r="AD2177" t="str">
            <v/>
          </cell>
          <cell r="AE2177" t="str">
            <v>１；自動車分解整備認証工場（４１８号）　自動車整備指定工場（近指大１５Ａ）　圧縮天然ガス自動車容器検査登録（第９４号）　ＬＰガス検査２；石油販売業届出書（届出番号５－２７－０－０９７８５）　揮発油　灯油　重油　軽油　潤滑油を取り扱っています。主たる仕入れ先は出光興産（株）関西支店３；４；</v>
          </cell>
          <cell r="AF2177" t="str">
            <v>自動車分解整備事業全般（車検・点検・一般整備・塗装鈑金）・自動車用ＬＰガス・自動車用天然ガス容器の再検査及び配管点検、その他石油製品（ガソリン・灯油・軽油・重油・潤滑油）も多彩に取扱いがあります。</v>
          </cell>
        </row>
        <row r="2178">
          <cell r="B2178">
            <v>10428</v>
          </cell>
          <cell r="C2178" t="str">
            <v>(株)図書館流通センター</v>
          </cell>
          <cell r="D2178" t="str">
            <v>06-6380-0196</v>
          </cell>
          <cell r="E2178" t="str">
            <v>564-0052</v>
          </cell>
          <cell r="F2178" t="str">
            <v>大阪府吹田市広芝町18-24</v>
          </cell>
          <cell r="G2178" t="str">
            <v>吹田市</v>
          </cell>
          <cell r="H2178" t="str">
            <v>関西支社</v>
          </cell>
          <cell r="I2178" t="str">
            <v>支社長 金子　哲弥</v>
          </cell>
          <cell r="J2178" t="str">
            <v>東京都</v>
          </cell>
          <cell r="K2178" t="str">
            <v>06-6380-0379</v>
          </cell>
          <cell r="L2178" t="str">
            <v>desk@trc.co.jp</v>
          </cell>
          <cell r="M2178" t="str">
            <v>ﾄｼｮｶﾝﾘｭｳﾂｳｾﾝﾀｰ</v>
          </cell>
          <cell r="N2178" t="str">
            <v>有</v>
          </cell>
          <cell r="O2178">
            <v>39</v>
          </cell>
          <cell r="P2178">
            <v>6893</v>
          </cell>
          <cell r="Q2178">
            <v>3010001005556</v>
          </cell>
          <cell r="R2178">
            <v>266050</v>
          </cell>
          <cell r="S2178">
            <v>23664075</v>
          </cell>
          <cell r="T2178">
            <v>45131632</v>
          </cell>
          <cell r="V2178" t="str">
            <v>vs330206</v>
          </cell>
          <cell r="W2178" t="str">
            <v>lb173658</v>
          </cell>
          <cell r="Y2178" t="str">
            <v>018，13，14，18，27，35，57，</v>
          </cell>
          <cell r="Z2178">
            <v>13</v>
          </cell>
          <cell r="AA2178">
            <v>57</v>
          </cell>
          <cell r="AB2178">
            <v>80</v>
          </cell>
          <cell r="AC2178">
            <v>18</v>
          </cell>
          <cell r="AD2178" t="str">
            <v>図書館用品（ＩＣタグ・各種ラベル等）、図書館用ＩＣ機器（盗難防止装置、自動貸出返却装置等）、図書館用家具（書架等）、視聴覚機器（ＡＶ機器類）</v>
          </cell>
          <cell r="AE2178" t="str">
            <v>１；図書館用図書、書籍（電子出版物を含む）、雑誌、辞書、紙芝居等２；書誌データ作成、資料デジタル化、図書館等電算化業務３；図書整理、図書館運営業務、図書館コンサルタント４；視聴覚資料（ＣＤ・ＤＶＤ、ビデオソフト、カセットテープ等）</v>
          </cell>
          <cell r="AF2178" t="str">
            <v>図書館の選書発注から装備納品までを書誌データベース（TRCMARC)を基軸としたシステムによって一元化し、利用者への早期閲覧やレファレンスサービス向上に貢献しています。ICタグによるシステムで管理コスト削減に努めているほか指定管理者制度にも積極的に取り組んでおります。</v>
          </cell>
        </row>
        <row r="2179">
          <cell r="B2179">
            <v>10429</v>
          </cell>
          <cell r="C2179" t="str">
            <v>(株)トーカイ</v>
          </cell>
          <cell r="D2179" t="str">
            <v>058-266-5111</v>
          </cell>
          <cell r="E2179" t="str">
            <v>500-8828</v>
          </cell>
          <cell r="F2179" t="str">
            <v>岐阜県岐阜市若宮町9丁目16番地</v>
          </cell>
          <cell r="G2179" t="str">
            <v>岐阜市</v>
          </cell>
          <cell r="H2179" t="str">
            <v/>
          </cell>
          <cell r="I2179" t="str">
            <v>代表取締役 小野木　孝二</v>
          </cell>
          <cell r="J2179" t="str">
            <v>本店</v>
          </cell>
          <cell r="K2179" t="str">
            <v>058-266-5145</v>
          </cell>
          <cell r="L2179" t="str">
            <v/>
          </cell>
          <cell r="M2179" t="str">
            <v>ﾄｰｶｲ</v>
          </cell>
          <cell r="N2179" t="str">
            <v>無</v>
          </cell>
          <cell r="O2179">
            <v>63</v>
          </cell>
          <cell r="P2179">
            <v>3630</v>
          </cell>
          <cell r="Q2179">
            <v>8200001003544</v>
          </cell>
          <cell r="R2179">
            <v>8108253</v>
          </cell>
          <cell r="S2179">
            <v>38238175</v>
          </cell>
          <cell r="T2179">
            <v>44343520</v>
          </cell>
          <cell r="V2179" t="str">
            <v>np525157</v>
          </cell>
          <cell r="W2179" t="str">
            <v>qm176191</v>
          </cell>
          <cell r="Y2179" t="str">
            <v>080，03，05，06，39，44，62，</v>
          </cell>
          <cell r="Z2179">
            <v>44</v>
          </cell>
          <cell r="AA2179">
            <v>62</v>
          </cell>
          <cell r="AB2179">
            <v>6</v>
          </cell>
          <cell r="AC2179">
            <v>80</v>
          </cell>
          <cell r="AD2179" t="str">
            <v>オペ着のリユース業務（滅菌・消毒）</v>
          </cell>
          <cell r="AE2179" t="str">
            <v>１；寝具類のリース・レンタルやリネンサプライ・介護用具のレンタル・モップや玄関マット等、清掃用具のレンタル２；寝具類の丸洗い・タオルやシーツ類のランドリー・布団乾燥３；寝装品の販売４；看護補助業務・中央滅菌業務・ＳＰＤ業務</v>
          </cell>
          <cell r="AF2179" t="str">
            <v>人と地球の清潔と健康をテーマに寝具類や介護用品、清掃用品等のレンタル業を中心に活動しております。寝具類のリース・レンタルやランドリーを関西エリアで行っており、他に院内補助業務やオペリネン・リユース業務等の請負もおこなっております。</v>
          </cell>
        </row>
        <row r="2180">
          <cell r="B2180">
            <v>10430</v>
          </cell>
          <cell r="C2180" t="str">
            <v>(株)会議録研究所</v>
          </cell>
          <cell r="D2180" t="str">
            <v>03-3267-6051</v>
          </cell>
          <cell r="E2180" t="str">
            <v>162-0844</v>
          </cell>
          <cell r="F2180" t="str">
            <v>東京都新宿区市谷八幡町16</v>
          </cell>
          <cell r="G2180" t="str">
            <v>東京都</v>
          </cell>
          <cell r="H2180" t="str">
            <v/>
          </cell>
          <cell r="I2180" t="str">
            <v>代表取締役 妹尾　潤</v>
          </cell>
          <cell r="J2180" t="str">
            <v>本店</v>
          </cell>
          <cell r="K2180" t="str">
            <v>03-3267-8199</v>
          </cell>
          <cell r="L2180" t="str">
            <v>kaiken-eigyou@kaigiroku.co.jp</v>
          </cell>
          <cell r="M2180" t="str">
            <v>ｶｲｷﾞﾛｸｹﾝｷｭｳｼｮ</v>
          </cell>
          <cell r="N2180" t="str">
            <v>無</v>
          </cell>
          <cell r="O2180">
            <v>38</v>
          </cell>
          <cell r="P2180">
            <v>53</v>
          </cell>
          <cell r="Q2180">
            <v>6011101004370</v>
          </cell>
          <cell r="R2180">
            <v>50000</v>
          </cell>
          <cell r="S2180">
            <v>620632</v>
          </cell>
          <cell r="T2180">
            <v>1606428</v>
          </cell>
          <cell r="V2180" t="str">
            <v>rb365186</v>
          </cell>
          <cell r="W2180" t="str">
            <v>ek139989</v>
          </cell>
          <cell r="Y2180" t="str">
            <v>036，36，44，57，58，59，73，</v>
          </cell>
          <cell r="Z2180">
            <v>59</v>
          </cell>
          <cell r="AA2180">
            <v>58</v>
          </cell>
          <cell r="AB2180">
            <v>44</v>
          </cell>
          <cell r="AC2180">
            <v>36</v>
          </cell>
          <cell r="AD2180" t="str">
            <v>会議録（本会議、委員会記録）、各種審議会・講演会記録等の印刷・製本、議会だより・会報等の印刷、古い会議録や公文書のデータ化・再製本</v>
          </cell>
          <cell r="AE2180" t="str">
            <v>１；速記、録記、テープ起こし。議会・委員会・各種審議会・講演会等の議事録作成。字幕作成。議会だより要約・編集。外国語翻訳。録音・ビデオ収録、カメラ・マイク・テロップ機器操作業務。２；ソフト開発（会議録検索・議会映像配信システム、議場カメラ・マイク操作システム、音声認識システム等）、各種システム用データ作成、動画編集、ＨＰ作成（ＣＭＳ）、画像データ作成、スキャニング３；会議録検索・議会映像配信システム、議場カメラ・マイク操作システム、議会トータルシステム、音声認識システム、議事録エディタ、録音・拡声システム、音響・映像機器、ＯＡ機器等４；拡声放送機器（各種マイク）、映像機器、録音機器、音響機器、議事録エディタ、議場カメラ・マイク操作システム、テロップ機器、音声認識システム、会議資料システム、通信機器等</v>
          </cell>
          <cell r="AF2180" t="str">
            <v>速記・音声データの反訳から印刷製本までの会議録作成業務を中心に、会議録検索システムや、議会映像配信システム、議場カメラ・マイク操作システム等の議会に特化した情報公開システムや、議会トータルシステム・音声認識システム・リアルタイム字幕配信等をご提案、ご提供しております。</v>
          </cell>
        </row>
        <row r="2181">
          <cell r="B2181">
            <v>10431</v>
          </cell>
          <cell r="C2181" t="str">
            <v>(株)ＬＳＩメディエンス</v>
          </cell>
          <cell r="D2181" t="str">
            <v>03-5577-0601</v>
          </cell>
          <cell r="E2181" t="str">
            <v>101-0047</v>
          </cell>
          <cell r="F2181" t="str">
            <v>東京都千代田区内神田1-13-4</v>
          </cell>
          <cell r="G2181" t="str">
            <v>千代田</v>
          </cell>
          <cell r="H2181" t="str">
            <v/>
          </cell>
          <cell r="I2181" t="str">
            <v>代表取締役 渡部　晴夫</v>
          </cell>
          <cell r="J2181" t="str">
            <v>本店</v>
          </cell>
          <cell r="K2181" t="str">
            <v>03-5577-0651</v>
          </cell>
          <cell r="L2181" t="str">
            <v>LSIM-KEIYAKU2@nm.medience.co.jp</v>
          </cell>
          <cell r="M2181" t="str">
            <v>ｴﾙｴｽｱｲﾒﾃﾞｨｴﾝｽ</v>
          </cell>
          <cell r="N2181" t="str">
            <v>無</v>
          </cell>
          <cell r="O2181">
            <v>43</v>
          </cell>
          <cell r="P2181">
            <v>2482</v>
          </cell>
          <cell r="Q2181">
            <v>1010401068675</v>
          </cell>
          <cell r="R2181">
            <v>3000000</v>
          </cell>
          <cell r="S2181">
            <v>12499000</v>
          </cell>
          <cell r="T2181">
            <v>87647000</v>
          </cell>
          <cell r="V2181" t="str">
            <v>fb979181</v>
          </cell>
          <cell r="W2181" t="str">
            <v>wm199399</v>
          </cell>
          <cell r="Y2181" t="str">
            <v>78，</v>
          </cell>
          <cell r="Z2181">
            <v>78</v>
          </cell>
          <cell r="AA2181" t="str">
            <v/>
          </cell>
          <cell r="AB2181" t="str">
            <v/>
          </cell>
          <cell r="AC2181" t="str">
            <v/>
          </cell>
          <cell r="AD2181" t="str">
            <v/>
          </cell>
          <cell r="AE2181" t="str">
            <v>１；２；３；４；</v>
          </cell>
          <cell r="AF2181" t="str">
            <v>生化学、血液学などの検体検査全分野の受託が可能です</v>
          </cell>
        </row>
        <row r="2182">
          <cell r="B2182">
            <v>10432</v>
          </cell>
          <cell r="C2182" t="str">
            <v>(株)セレスポ</v>
          </cell>
          <cell r="D2182" t="str">
            <v>078-335-2711</v>
          </cell>
          <cell r="E2182" t="str">
            <v>650-0036</v>
          </cell>
          <cell r="F2182" t="str">
            <v>兵庫県神戸市中央区播磨町49</v>
          </cell>
          <cell r="G2182" t="str">
            <v>神戸市</v>
          </cell>
          <cell r="H2182" t="str">
            <v>神戸営業所</v>
          </cell>
          <cell r="I2182" t="str">
            <v>所長 藤本　国治</v>
          </cell>
          <cell r="J2182" t="str">
            <v>東京都</v>
          </cell>
          <cell r="K2182" t="str">
            <v>078-392-8330</v>
          </cell>
          <cell r="L2182" t="str">
            <v/>
          </cell>
          <cell r="M2182" t="str">
            <v>ｾﾚｽﾎﾟ</v>
          </cell>
          <cell r="N2182" t="str">
            <v>有</v>
          </cell>
          <cell r="O2182">
            <v>41</v>
          </cell>
          <cell r="P2182">
            <v>385</v>
          </cell>
          <cell r="Q2182">
            <v>9013301006441</v>
          </cell>
          <cell r="R2182">
            <v>1370675</v>
          </cell>
          <cell r="S2182">
            <v>4900579</v>
          </cell>
          <cell r="T2182">
            <v>12607042</v>
          </cell>
          <cell r="V2182" t="str">
            <v>cn709901</v>
          </cell>
          <cell r="W2182" t="str">
            <v>tg115519</v>
          </cell>
          <cell r="Y2182" t="str">
            <v>45，63，66，</v>
          </cell>
          <cell r="Z2182">
            <v>63</v>
          </cell>
          <cell r="AA2182" t="str">
            <v/>
          </cell>
          <cell r="AB2182" t="str">
            <v/>
          </cell>
          <cell r="AC2182" t="str">
            <v/>
          </cell>
          <cell r="AD2182" t="str">
            <v/>
          </cell>
          <cell r="AE2182" t="str">
            <v>１；イベント・スポーツ大会・式典・レクレーション・展示会の広告企画、会場設営及び運営２；３；４；</v>
          </cell>
          <cell r="AF2182" t="str">
            <v>イベント・スポーツ大会・式典・レクレーション・展示会の広告企画、会場設営及び運営・上記で使用する会場設営用室内外装飾品、什器、備品の販売及び貸出・運動会競技用具並びに運動会他イベントにおいて提供する景品の企画、開発、販売及び貸出</v>
          </cell>
        </row>
        <row r="2183">
          <cell r="B2183">
            <v>10434</v>
          </cell>
          <cell r="C2183" t="str">
            <v>(株)コジマ</v>
          </cell>
          <cell r="D2183" t="str">
            <v>06-6439-0039</v>
          </cell>
          <cell r="E2183" t="str">
            <v>661-0033</v>
          </cell>
          <cell r="F2183" t="str">
            <v>兵庫県尼崎市南武庫之荘2-34-10</v>
          </cell>
          <cell r="G2183" t="str">
            <v>尼崎市</v>
          </cell>
          <cell r="H2183" t="str">
            <v>コジマ×ビックカメラ尼崎店</v>
          </cell>
          <cell r="I2183" t="str">
            <v>店長 中澤　和功</v>
          </cell>
          <cell r="J2183" t="str">
            <v>栃木県宇都宮市</v>
          </cell>
          <cell r="K2183" t="str">
            <v>06-6439-0050</v>
          </cell>
          <cell r="L2183" t="str">
            <v>t2809-business@kjm-jp.com</v>
          </cell>
          <cell r="M2183" t="str">
            <v>ｺｼﾞﾏ</v>
          </cell>
          <cell r="N2183" t="str">
            <v>有</v>
          </cell>
          <cell r="O2183">
            <v>63</v>
          </cell>
          <cell r="P2183">
            <v>4040</v>
          </cell>
          <cell r="Q2183">
            <v>2060001001667</v>
          </cell>
          <cell r="R2183">
            <v>25975000</v>
          </cell>
          <cell r="S2183">
            <v>42314000</v>
          </cell>
          <cell r="T2183">
            <v>246391000</v>
          </cell>
          <cell r="V2183" t="str">
            <v>sk385920</v>
          </cell>
          <cell r="W2183" t="str">
            <v>un938156</v>
          </cell>
          <cell r="Y2183" t="str">
            <v>038，12，17，18，35，36，38，39，</v>
          </cell>
          <cell r="Z2183">
            <v>35</v>
          </cell>
          <cell r="AA2183">
            <v>36</v>
          </cell>
          <cell r="AB2183">
            <v>39</v>
          </cell>
          <cell r="AC2183">
            <v>38</v>
          </cell>
          <cell r="AD2183" t="str">
            <v/>
          </cell>
          <cell r="AE2183" t="str">
            <v>１；テレビ、冷蔵庫、洗濯機、調理器具、冷暖房機、理美容品、特）日立コンシューママーケティング、特）象印マホービン、特）カシオ計算機、特）タイガー魔法瓶、特）三菱ライフネットワーク２；パソコン、デジタルカメラ、プリンター、ＰＣ周辺機器、電話機、特）エプソン販売３；健康器具４；火災報知器、防災防犯用品</v>
          </cell>
          <cell r="AF2183" t="str">
            <v>ビックカメラグループとなり一般電化製品の他にも事務機、おもちゃ、工具、業務用製品など幅広く取り扱っております。過去には小中学校へのテレビの納品、消防局への家電製品一式の納品などの大型案件から、市役所各部署や保育所等からの消耗品等細かい案件まで柔軟に対応しております。</v>
          </cell>
        </row>
        <row r="2184">
          <cell r="B2184">
            <v>10437</v>
          </cell>
          <cell r="C2184" t="str">
            <v>(株)イナハラ</v>
          </cell>
          <cell r="D2184" t="str">
            <v>06-6531-8721</v>
          </cell>
          <cell r="E2184" t="str">
            <v>550-0011</v>
          </cell>
          <cell r="F2184" t="str">
            <v>大阪府大阪市西区阿波座1-15-15 第一協業ﾋﾞﾙ3F</v>
          </cell>
          <cell r="G2184" t="str">
            <v>大阪市</v>
          </cell>
          <cell r="H2184" t="str">
            <v>大阪支店</v>
          </cell>
          <cell r="I2184" t="str">
            <v>支店長 村上　雄一</v>
          </cell>
          <cell r="J2184" t="str">
            <v>兵庫県神戸市</v>
          </cell>
          <cell r="K2184" t="str">
            <v>06-6532-7931</v>
          </cell>
          <cell r="L2184" t="str">
            <v>yyanase@inahara.co.jp</v>
          </cell>
          <cell r="M2184" t="str">
            <v>ｲﾅﾊﾗ</v>
          </cell>
          <cell r="N2184" t="str">
            <v>有</v>
          </cell>
          <cell r="O2184">
            <v>92</v>
          </cell>
          <cell r="P2184">
            <v>129</v>
          </cell>
          <cell r="Q2184">
            <v>1140000000000</v>
          </cell>
          <cell r="R2184">
            <v>98860</v>
          </cell>
          <cell r="S2184">
            <v>475391</v>
          </cell>
          <cell r="T2184">
            <v>3088916</v>
          </cell>
          <cell r="V2184" t="str">
            <v>kn752607</v>
          </cell>
          <cell r="W2184" t="str">
            <v>gn193581</v>
          </cell>
          <cell r="Y2184" t="str">
            <v>14.27.36.44</v>
          </cell>
          <cell r="Z2184">
            <v>36</v>
          </cell>
          <cell r="AA2184">
            <v>44</v>
          </cell>
          <cell r="AB2184">
            <v>14</v>
          </cell>
          <cell r="AC2184" t="str">
            <v/>
          </cell>
          <cell r="AD2184" t="str">
            <v/>
          </cell>
          <cell r="AE2184" t="str">
            <v>１；２；キヤノンマーケティングジャパン（代）、日本電気（代）、東芝情報機器（代）、富士通パーソナル（代）、京セラミタジャパン（代）、エプソン販売（代）、パナソニックシステム（代）３；パソコン・複写機・複合機・プリンタ　ほか４；アスクル（代）プラス（代）内田洋行（代）コクヨ（代）アマノ（代）キヤノンマーケティングジャパン（代）デュプロ（代）理想科学工業（代）京セラミタジャパン（代）</v>
          </cell>
          <cell r="AF2184" t="str">
            <v>当社は複写機ＯＡ・ＩＴ関連機器の販売並びにリースに関する業務を承っております。顧客重視の提案型販売で長年の経験による確かなノウハウと技術力でお客様のオフィスの環境改善をお手伝いを致します。</v>
          </cell>
        </row>
        <row r="2185">
          <cell r="B2185">
            <v>10438</v>
          </cell>
          <cell r="C2185" t="str">
            <v>応用技術(株)</v>
          </cell>
          <cell r="D2185" t="str">
            <v>06-6373-0440</v>
          </cell>
          <cell r="E2185" t="str">
            <v>530-0015</v>
          </cell>
          <cell r="F2185" t="str">
            <v>大阪府大阪市北区中崎西2-4-12</v>
          </cell>
          <cell r="G2185" t="str">
            <v>大阪市</v>
          </cell>
          <cell r="H2185" t="str">
            <v/>
          </cell>
          <cell r="I2185" t="str">
            <v>代表取締役 船橋　俊郎</v>
          </cell>
          <cell r="J2185" t="str">
            <v>本店</v>
          </cell>
          <cell r="K2185" t="str">
            <v>06-6373-0441</v>
          </cell>
          <cell r="L2185" t="str">
            <v>kaiseki@apptec.co.jp</v>
          </cell>
          <cell r="M2185" t="str">
            <v>ｵｳﾖｳｷﾞｼﾞｭﾂ</v>
          </cell>
          <cell r="N2185" t="str">
            <v>無</v>
          </cell>
          <cell r="O2185">
            <v>34</v>
          </cell>
          <cell r="P2185">
            <v>202</v>
          </cell>
          <cell r="Q2185">
            <v>9120001121031</v>
          </cell>
          <cell r="R2185">
            <v>600000</v>
          </cell>
          <cell r="S2185">
            <v>1859491</v>
          </cell>
          <cell r="T2185">
            <v>2845500</v>
          </cell>
          <cell r="V2185" t="str">
            <v>cv638518</v>
          </cell>
          <cell r="W2185" t="str">
            <v>nx155399</v>
          </cell>
          <cell r="Y2185" t="str">
            <v>036，36，57，58，77，</v>
          </cell>
          <cell r="Z2185">
            <v>58</v>
          </cell>
          <cell r="AA2185">
            <v>57</v>
          </cell>
          <cell r="AB2185">
            <v>77</v>
          </cell>
          <cell r="AC2185">
            <v>36</v>
          </cell>
          <cell r="AD2185" t="str">
            <v/>
          </cell>
          <cell r="AE2185" t="str">
            <v>１；システム開発・運用保守２；データ作成、データ処理３；廃棄物実態調査、廃棄物処理状況調査など４；ESRIジャパン、ソフトバンクコマース＆サービス、ダイワボウ情報システム、デル</v>
          </cell>
          <cell r="AF2185" t="str">
            <v>環境調査・解析、環境アセスメント調査、廃棄物処理計画、廃棄物実態調査、騒音・振動計量証明、システム開発・設計（CAD構築業務、環境・防災、GIS構築、環境防災シュミレータ開発等）、データ入力、資料作成、物販（パソコン、周辺機器、ソフトウェア）</v>
          </cell>
        </row>
        <row r="2186">
          <cell r="B2186">
            <v>10439</v>
          </cell>
          <cell r="C2186" t="str">
            <v>三井住友ファイナンス＆リース(株)</v>
          </cell>
          <cell r="D2186" t="str">
            <v>06-6282-2973</v>
          </cell>
          <cell r="E2186" t="str">
            <v>100-8287</v>
          </cell>
          <cell r="F2186" t="str">
            <v>東京都千代田区丸の内1-3-2</v>
          </cell>
          <cell r="G2186" t="str">
            <v>東京都</v>
          </cell>
          <cell r="H2186" t="str">
            <v/>
          </cell>
          <cell r="I2186" t="str">
            <v>代表取締役 橘　正喜</v>
          </cell>
          <cell r="J2186" t="str">
            <v>本店</v>
          </cell>
          <cell r="K2186" t="str">
            <v>06-6282-2984</v>
          </cell>
          <cell r="L2186" t="str">
            <v>keisuke-tsuda@smfl.co.jp</v>
          </cell>
          <cell r="M2186" t="str">
            <v>ﾐﾂｲｽﾐﾄﾓﾌｧｲﾅﾝｽｱﾝﾄﾞﾘｰｽ</v>
          </cell>
          <cell r="N2186" t="str">
            <v>無</v>
          </cell>
          <cell r="O2186">
            <v>55</v>
          </cell>
          <cell r="P2186">
            <v>1803</v>
          </cell>
          <cell r="Q2186">
            <v>5010401072079</v>
          </cell>
          <cell r="R2186">
            <v>15000000</v>
          </cell>
          <cell r="S2186">
            <v>495402307</v>
          </cell>
          <cell r="T2186">
            <v>965258494</v>
          </cell>
          <cell r="V2186" t="str">
            <v>mz297281</v>
          </cell>
          <cell r="W2186" t="str">
            <v>ei183566</v>
          </cell>
          <cell r="Y2186" t="str">
            <v>44，</v>
          </cell>
          <cell r="Z2186" t="str">
            <v/>
          </cell>
          <cell r="AA2186" t="str">
            <v/>
          </cell>
          <cell r="AB2186" t="str">
            <v/>
          </cell>
          <cell r="AC2186" t="str">
            <v/>
          </cell>
          <cell r="AD2186" t="str">
            <v/>
          </cell>
          <cell r="AE2186" t="str">
            <v>１；２；３；４；</v>
          </cell>
          <cell r="AF2186" t="str">
            <v>船舶、航空機、車輌、産業機械、工作機械、電子計算機、事務用機器、医療機械、商業用設備等各種物件ならびに諸権利の取得、賃貸借およびリース業務電子計算機による事務処理受託　他</v>
          </cell>
        </row>
        <row r="2187">
          <cell r="B2187">
            <v>10442</v>
          </cell>
          <cell r="C2187" t="str">
            <v>ヒューマンリソシア(株)</v>
          </cell>
          <cell r="D2187" t="str">
            <v>03-6863-9962</v>
          </cell>
          <cell r="E2187" t="str">
            <v>160-0023</v>
          </cell>
          <cell r="F2187" t="str">
            <v>東京都新宿区西新宿7-5-25</v>
          </cell>
          <cell r="G2187" t="str">
            <v>東京都</v>
          </cell>
          <cell r="H2187" t="str">
            <v/>
          </cell>
          <cell r="I2187" t="str">
            <v>代表取締役 御旅屋　貢</v>
          </cell>
          <cell r="J2187" t="str">
            <v>本店</v>
          </cell>
          <cell r="K2187" t="str">
            <v>03-6846-1218</v>
          </cell>
          <cell r="L2187" t="str">
            <v>higashi-gyoumu@athuman.com</v>
          </cell>
          <cell r="M2187" t="str">
            <v>ﾋｭｰﾏﾝﾘｿｼｱ</v>
          </cell>
          <cell r="N2187" t="str">
            <v>無</v>
          </cell>
          <cell r="O2187">
            <v>30</v>
          </cell>
          <cell r="P2187">
            <v>804</v>
          </cell>
          <cell r="Q2187">
            <v>6011101018180</v>
          </cell>
          <cell r="R2187">
            <v>100000</v>
          </cell>
          <cell r="S2187">
            <v>2878881</v>
          </cell>
          <cell r="T2187">
            <v>42591083</v>
          </cell>
          <cell r="V2187" t="str">
            <v>ku760581</v>
          </cell>
          <cell r="W2187" t="str">
            <v>mu135913</v>
          </cell>
          <cell r="Y2187" t="str">
            <v>057，56，57，59，60，</v>
          </cell>
          <cell r="Z2187">
            <v>56</v>
          </cell>
          <cell r="AA2187">
            <v>80</v>
          </cell>
          <cell r="AB2187">
            <v>60</v>
          </cell>
          <cell r="AC2187">
            <v>57</v>
          </cell>
          <cell r="AD2187" t="str">
            <v/>
          </cell>
          <cell r="AE2187" t="str">
            <v>１；一般労働者派遣事業許可：般13-080176２；有料職業紹介事業許可：13-ユ-080167雇用促進業務３；４；プライバシーマーク使用許諾証：第10860468（06）号</v>
          </cell>
          <cell r="AF2187" t="str">
            <v>ヒューマンアカデミーの教育事業をバックボーンに、総合人材サービス事業を展開。事務系派遣を中心にテクニカル分野、メディカル分野、セールスプロモーション分野、コールセンターなど幅広く取り組んでおります。</v>
          </cell>
        </row>
        <row r="2188">
          <cell r="B2188">
            <v>10443</v>
          </cell>
          <cell r="C2188" t="str">
            <v>ティアイメディカル(株)</v>
          </cell>
          <cell r="D2188" t="str">
            <v>072-247-0808</v>
          </cell>
          <cell r="E2188" t="str">
            <v>592-8333</v>
          </cell>
          <cell r="F2188" t="str">
            <v>大阪府堺市西区浜寺石津町西二丁1-34</v>
          </cell>
          <cell r="G2188" t="str">
            <v>堺市</v>
          </cell>
          <cell r="H2188" t="str">
            <v/>
          </cell>
          <cell r="I2188" t="str">
            <v>代表取締役 小野木　雅治</v>
          </cell>
          <cell r="J2188" t="str">
            <v>本店</v>
          </cell>
          <cell r="K2188" t="str">
            <v>072-241-2797</v>
          </cell>
          <cell r="L2188" t="str">
            <v>u354100@tn-sanso.co.jp</v>
          </cell>
          <cell r="M2188" t="str">
            <v>ﾃｨｱｲﾒﾃﾞｨｶﾙ</v>
          </cell>
          <cell r="N2188" t="str">
            <v>無</v>
          </cell>
          <cell r="O2188">
            <v>29</v>
          </cell>
          <cell r="P2188">
            <v>44</v>
          </cell>
          <cell r="Q2188">
            <v>6120101000336</v>
          </cell>
          <cell r="R2188">
            <v>20000</v>
          </cell>
          <cell r="S2188">
            <v>311519</v>
          </cell>
          <cell r="T2188">
            <v>1285317</v>
          </cell>
          <cell r="V2188" t="str">
            <v>tb203404</v>
          </cell>
          <cell r="W2188" t="str">
            <v>vo191169</v>
          </cell>
          <cell r="Y2188" t="str">
            <v>049，9，39，44，49，</v>
          </cell>
          <cell r="Z2188">
            <v>9</v>
          </cell>
          <cell r="AA2188">
            <v>44</v>
          </cell>
          <cell r="AB2188">
            <v>39</v>
          </cell>
          <cell r="AC2188">
            <v>49</v>
          </cell>
          <cell r="AD2188" t="str">
            <v>ホルムアルデヒド・キシレン等作業環境測定、医療用ガス供給設備保守点検、在宅酸素療法用他医療機器修理</v>
          </cell>
          <cell r="AE2188" t="str">
            <v>１；医療用酸素、炭酸ガス、ヘリウム、液体窒素、笑気ガス、検査用ガス　仕入先：大陽日酸、岩谷産業２；在宅酸素療法用酸素発生装置、ＣＰＡＰ、人工呼吸器等のレンタル　仕入先：大陽日酸、フィリップスレスピロニクス３；特浴装置、介護用ベッド、介護用品、衛生材料　仕入先：アマノ、オージー技研、フランスベッド、三笑堂、阪和４；救急用医療用酸素容器耐圧検査　仕入先大陽日酸</v>
          </cell>
          <cell r="AF2188" t="str">
            <v>医療用ガス全般、医療用機器レンタル並びに販売及び医療ガス各種配管設備工事を主に事業展開しています。</v>
          </cell>
        </row>
        <row r="2189">
          <cell r="B2189">
            <v>10445</v>
          </cell>
          <cell r="C2189" t="str">
            <v>(株)フレーベル館</v>
          </cell>
          <cell r="D2189" t="str">
            <v>078-361-0103</v>
          </cell>
          <cell r="E2189" t="str">
            <v>652-0006</v>
          </cell>
          <cell r="F2189" t="str">
            <v>兵庫県神戸市兵庫区神田町7-9</v>
          </cell>
          <cell r="G2189" t="str">
            <v>神戸市</v>
          </cell>
          <cell r="H2189" t="str">
            <v>神戸支店</v>
          </cell>
          <cell r="I2189" t="str">
            <v>支店長 増田　貴</v>
          </cell>
          <cell r="J2189" t="str">
            <v>東京都</v>
          </cell>
          <cell r="K2189" t="str">
            <v>078-361-3386</v>
          </cell>
          <cell r="L2189" t="str">
            <v/>
          </cell>
          <cell r="M2189" t="str">
            <v>ﾌﾚｰﾍﾞﾙｶﾝ</v>
          </cell>
          <cell r="N2189" t="str">
            <v>有</v>
          </cell>
          <cell r="O2189">
            <v>111</v>
          </cell>
          <cell r="P2189">
            <v>417</v>
          </cell>
          <cell r="Q2189">
            <v>8010001007003</v>
          </cell>
          <cell r="R2189">
            <v>50000</v>
          </cell>
          <cell r="S2189">
            <v>4248</v>
          </cell>
          <cell r="T2189">
            <v>14292</v>
          </cell>
          <cell r="V2189" t="str">
            <v>gj200011</v>
          </cell>
          <cell r="W2189" t="str">
            <v>gq173969</v>
          </cell>
          <cell r="Y2189" t="str">
            <v>018，12，13，14，18，</v>
          </cell>
          <cell r="Z2189">
            <v>12</v>
          </cell>
          <cell r="AA2189">
            <v>13</v>
          </cell>
          <cell r="AB2189">
            <v>14</v>
          </cell>
          <cell r="AC2189">
            <v>18</v>
          </cell>
          <cell r="AD2189" t="str">
            <v/>
          </cell>
          <cell r="AE2189" t="str">
            <v>１；幼稚園・保育園向け教材・教具　ほか２；幼稚園・保育園向け絵本・書籍　ほか３；幼稚園・保育園向け机・椅子等の室内備品４；幼児用楽器類　ほか</v>
          </cell>
          <cell r="AF2189" t="str">
            <v>【企業理念】私たちは子どもたちの健やかな育ちを支える知と感性にあふれた豊かな価値を創造し社会に貢献します【希望業種】書籍・保育用品・遊具・楽器・アンパンマン商品</v>
          </cell>
        </row>
        <row r="2190">
          <cell r="B2190">
            <v>10446</v>
          </cell>
          <cell r="C2190" t="str">
            <v>太平ビルサービス(株）</v>
          </cell>
          <cell r="D2190" t="str">
            <v>078-393-2600</v>
          </cell>
          <cell r="E2190" t="str">
            <v>650-0033</v>
          </cell>
          <cell r="F2190" t="str">
            <v>兵庫県神戸市中央区江戸町85-1</v>
          </cell>
          <cell r="G2190" t="str">
            <v>神戸市</v>
          </cell>
          <cell r="H2190" t="str">
            <v>神戸支店</v>
          </cell>
          <cell r="I2190" t="str">
            <v>支店長 篠塚　健次</v>
          </cell>
          <cell r="J2190" t="str">
            <v>東京都</v>
          </cell>
          <cell r="K2190" t="str">
            <v>078-393-3100</v>
          </cell>
          <cell r="L2190" t="str">
            <v/>
          </cell>
          <cell r="M2190" t="str">
            <v>ﾀｲﾍｲﾋﾞﾙｻｰﾋﾞｽ</v>
          </cell>
          <cell r="N2190" t="str">
            <v>有</v>
          </cell>
          <cell r="O2190">
            <v>59</v>
          </cell>
          <cell r="P2190">
            <v>19432</v>
          </cell>
          <cell r="Q2190">
            <v>2011101012138</v>
          </cell>
          <cell r="R2190">
            <v>200000</v>
          </cell>
          <cell r="S2190">
            <v>32984</v>
          </cell>
          <cell r="T2190">
            <v>53361113</v>
          </cell>
          <cell r="V2190" t="str">
            <v>pw928336</v>
          </cell>
          <cell r="W2190" t="str">
            <v>in177632</v>
          </cell>
          <cell r="Y2190" t="str">
            <v>45，47，48，49，54，</v>
          </cell>
          <cell r="Z2190" t="str">
            <v/>
          </cell>
          <cell r="AA2190" t="str">
            <v/>
          </cell>
          <cell r="AB2190" t="str">
            <v/>
          </cell>
          <cell r="AC2190" t="str">
            <v/>
          </cell>
          <cell r="AD2190" t="str">
            <v/>
          </cell>
          <cell r="AE2190" t="str">
            <v>１；２；３；４；</v>
          </cell>
          <cell r="AF2190" t="str">
            <v/>
          </cell>
        </row>
        <row r="2191">
          <cell r="B2191">
            <v>10448</v>
          </cell>
          <cell r="C2191" t="str">
            <v>(株)クラスターシステムズ</v>
          </cell>
          <cell r="D2191" t="str">
            <v>078-919-4440</v>
          </cell>
          <cell r="E2191" t="str">
            <v>673-0892</v>
          </cell>
          <cell r="F2191" t="str">
            <v>兵庫県明石市本町1-2-33</v>
          </cell>
          <cell r="G2191" t="str">
            <v>明石市</v>
          </cell>
          <cell r="H2191" t="str">
            <v>神戸支店</v>
          </cell>
          <cell r="I2191" t="str">
            <v>神戸支店長 吉村　茂之</v>
          </cell>
          <cell r="J2191" t="str">
            <v>神奈川県横浜市</v>
          </cell>
          <cell r="K2191" t="str">
            <v>078-919-4450</v>
          </cell>
          <cell r="L2191" t="str">
            <v>yoshimura@clustersystems.co.jp</v>
          </cell>
          <cell r="M2191" t="str">
            <v>ｸﾗｽﾀｰｼｽﾃﾑｽﾞ</v>
          </cell>
          <cell r="N2191" t="str">
            <v>有</v>
          </cell>
          <cell r="O2191">
            <v>16</v>
          </cell>
          <cell r="P2191">
            <v>9</v>
          </cell>
          <cell r="Q2191">
            <v>3020001040494</v>
          </cell>
          <cell r="R2191">
            <v>10000</v>
          </cell>
          <cell r="S2191">
            <v>4986</v>
          </cell>
          <cell r="T2191">
            <v>100325</v>
          </cell>
          <cell r="V2191" t="str">
            <v>mf228998</v>
          </cell>
          <cell r="W2191" t="str">
            <v>xj163796</v>
          </cell>
          <cell r="Y2191" t="str">
            <v>36，57，58，</v>
          </cell>
          <cell r="Z2191">
            <v>58</v>
          </cell>
          <cell r="AA2191">
            <v>57</v>
          </cell>
          <cell r="AB2191">
            <v>36</v>
          </cell>
          <cell r="AC2191" t="str">
            <v/>
          </cell>
          <cell r="AD2191" t="str">
            <v/>
          </cell>
          <cell r="AE2191" t="str">
            <v>１；２；３；４；</v>
          </cell>
          <cell r="AF2191" t="str">
            <v>主に自治体向けパッケージソフトを開発・販売しており、Ｗｅｂアプリケーションや、ＧＩＳでの実績が豊富です。中でも弊社の公有財産管理システムは政令都市をはじめ、全国数多くの自治体様にてご利用いただいております。</v>
          </cell>
        </row>
        <row r="2192">
          <cell r="B2192">
            <v>10449</v>
          </cell>
          <cell r="C2192" t="str">
            <v>(株)日本ビジネスデータープロセシングセンター</v>
          </cell>
          <cell r="D2192" t="str">
            <v>078-332-0871</v>
          </cell>
          <cell r="E2192" t="str">
            <v>550-0005</v>
          </cell>
          <cell r="F2192" t="str">
            <v>兵庫県神戸市中央区伊藤町119番地</v>
          </cell>
          <cell r="G2192" t="str">
            <v>神戸市</v>
          </cell>
          <cell r="H2192" t="str">
            <v/>
          </cell>
          <cell r="I2192" t="str">
            <v>代表取締役　 池　惠二</v>
          </cell>
          <cell r="J2192" t="str">
            <v>本店</v>
          </cell>
          <cell r="K2192" t="str">
            <v>078-332-0283</v>
          </cell>
          <cell r="L2192" t="str">
            <v>ndc-touroku@nihon-data.jp</v>
          </cell>
          <cell r="M2192" t="str">
            <v>ｶﾌﾞｼｷｶﾞｲｼﾔﾆﾎﾝﾋﾞｼﾞﾈｽﾃﾞ-ﾀ-ﾌﾟﾛｾｼﾝｸﾞｾﾝﾀ-</v>
          </cell>
          <cell r="N2192" t="str">
            <v>無</v>
          </cell>
          <cell r="O2192">
            <v>50</v>
          </cell>
          <cell r="P2192">
            <v>2573</v>
          </cell>
          <cell r="Q2192">
            <v>8140000000000</v>
          </cell>
          <cell r="R2192">
            <v>30000</v>
          </cell>
          <cell r="S2192">
            <v>504322</v>
          </cell>
          <cell r="T2192">
            <v>7878707</v>
          </cell>
          <cell r="V2192" t="str">
            <v>bt819825</v>
          </cell>
          <cell r="W2192" t="str">
            <v>vi195396</v>
          </cell>
          <cell r="Y2192" t="str">
            <v>56.57.58.60.80</v>
          </cell>
          <cell r="Z2192" t="str">
            <v/>
          </cell>
          <cell r="AA2192" t="str">
            <v/>
          </cell>
          <cell r="AB2192" t="str">
            <v/>
          </cell>
          <cell r="AC2192" t="str">
            <v/>
          </cell>
          <cell r="AD2192" t="str">
            <v/>
          </cell>
          <cell r="AE2192" t="str">
            <v>１；２；ソフトウェア設計・開発、ネットワーク関連３；システム運用・保守、ヘルプデスク４；病院内医療事務、クラーク業務、要介護認定事務</v>
          </cell>
          <cell r="AF2192" t="str">
            <v>システム開発を柱とし、医療事務及び公共窓口業務のアウトソースを行っています。三種類の異なる業種を業とすることにより、シナジー効果を得られています。</v>
          </cell>
        </row>
        <row r="2193">
          <cell r="B2193">
            <v>10450</v>
          </cell>
          <cell r="C2193" t="str">
            <v>(株)マントク</v>
          </cell>
          <cell r="D2193" t="str">
            <v>06-6724-7671</v>
          </cell>
          <cell r="E2193" t="str">
            <v>577-0827</v>
          </cell>
          <cell r="F2193" t="str">
            <v>大阪府東大阪市衣摺4-28-18</v>
          </cell>
          <cell r="G2193" t="str">
            <v>東大阪市</v>
          </cell>
          <cell r="H2193" t="str">
            <v/>
          </cell>
          <cell r="I2193" t="str">
            <v>代表取締役 萬徳　敬一</v>
          </cell>
          <cell r="J2193" t="str">
            <v>本店</v>
          </cell>
          <cell r="K2193" t="str">
            <v>06-6724-7672</v>
          </cell>
          <cell r="L2193" t="str">
            <v>mantoku@muf.biglbe.ne.jp</v>
          </cell>
          <cell r="M2193" t="str">
            <v>ﾏﾝﾄｸ</v>
          </cell>
          <cell r="N2193" t="str">
            <v>無</v>
          </cell>
          <cell r="O2193">
            <v>28</v>
          </cell>
          <cell r="P2193">
            <v>13</v>
          </cell>
          <cell r="Q2193">
            <v>9122001009207</v>
          </cell>
          <cell r="R2193">
            <v>10000</v>
          </cell>
          <cell r="S2193">
            <v>81675</v>
          </cell>
          <cell r="T2193">
            <v>171443</v>
          </cell>
          <cell r="V2193" t="str">
            <v>au906666</v>
          </cell>
          <cell r="W2193" t="str">
            <v>tt157969</v>
          </cell>
          <cell r="Y2193" t="str">
            <v>068，55，68，79，</v>
          </cell>
          <cell r="Z2193">
            <v>79</v>
          </cell>
          <cell r="AA2193">
            <v>80</v>
          </cell>
          <cell r="AB2193">
            <v>55</v>
          </cell>
          <cell r="AC2193">
            <v>68</v>
          </cell>
          <cell r="AD2193" t="str">
            <v/>
          </cell>
          <cell r="AE2193" t="str">
            <v>１；テレビカメラ検査車２台φ１５０～φ１０００、小口径用テレビカメラ本体φ５０～φ７５用１台、φ７５～φ２００用２台２；下水管清掃　大阪府知事（般ー３０）弟１０８７７９号　設備機械器具、高圧洗浄車２台、強力吸引車２台、給水車１台３；側溝水路清掃　大阪府知事（般ー３０）弟１０８７７９号　設備機械器具、高圧洗浄車２台、強力吸引車２台、給水車１台４；産業廃棄物収集運搬業許可（大阪府・兵庫県・奈良県・三重県・和歌山県）</v>
          </cell>
          <cell r="AF2193" t="str">
            <v>●公共下水道・河川・水路・側溝浚渫工事●管路内木の根・モルタル他超高圧洗浄除去工事●管路内テレビカメラ調査・目視・送煙・流量調査●管更生工事（本管）シームレス・エコハイブリッド工法●管更生工事（取付管・部分補修）ＦＲＰ内面補修工法●Ｖカット工法・管路内止水工事</v>
          </cell>
        </row>
        <row r="2194">
          <cell r="B2194">
            <v>10451</v>
          </cell>
          <cell r="C2194" t="str">
            <v>(株)文祥堂</v>
          </cell>
          <cell r="D2194" t="str">
            <v>06-6233-9005</v>
          </cell>
          <cell r="E2194" t="str">
            <v>541-0048</v>
          </cell>
          <cell r="F2194" t="str">
            <v>大阪府大阪市中央区瓦町4-5-9</v>
          </cell>
          <cell r="G2194" t="str">
            <v>大阪市</v>
          </cell>
          <cell r="H2194" t="str">
            <v>大阪支店</v>
          </cell>
          <cell r="I2194" t="str">
            <v>大阪支店長 松原　憲司</v>
          </cell>
          <cell r="J2194" t="str">
            <v>東京都</v>
          </cell>
          <cell r="K2194" t="str">
            <v>06-6233-9008</v>
          </cell>
          <cell r="L2194" t="str">
            <v>tokuhan@bunshodo.co.jp</v>
          </cell>
          <cell r="M2194" t="str">
            <v>ﾌﾞﾝｼｮｳﾄﾞｳ</v>
          </cell>
          <cell r="N2194" t="str">
            <v>有</v>
          </cell>
          <cell r="O2194">
            <v>100</v>
          </cell>
          <cell r="P2194">
            <v>212</v>
          </cell>
          <cell r="Q2194">
            <v>6010001055730</v>
          </cell>
          <cell r="R2194">
            <v>500000</v>
          </cell>
          <cell r="S2194">
            <v>3890177</v>
          </cell>
          <cell r="T2194">
            <v>43819784</v>
          </cell>
          <cell r="V2194" t="str">
            <v>xr724034</v>
          </cell>
          <cell r="W2194" t="str">
            <v>tu167122</v>
          </cell>
          <cell r="Y2194" t="str">
            <v>14，27，</v>
          </cell>
          <cell r="Z2194" t="str">
            <v/>
          </cell>
          <cell r="AA2194" t="str">
            <v/>
          </cell>
          <cell r="AB2194" t="str">
            <v/>
          </cell>
          <cell r="AC2194" t="str">
            <v/>
          </cell>
          <cell r="AD2194" t="str">
            <v/>
          </cell>
          <cell r="AE2194" t="str">
            <v>１；２；３；４；</v>
          </cell>
          <cell r="AF2194" t="str">
            <v>オフィスやそこで働く人々をあらゆる角度から支援することを念頭に置き、急速に変化する事業環境の中、文具、オフィスデザイン、移動棚、情報通信、エコロジー製品など、時代に沿ったさまざまなサービスをご提供しております。</v>
          </cell>
        </row>
        <row r="2195">
          <cell r="B2195">
            <v>10452</v>
          </cell>
          <cell r="C2195" t="str">
            <v>大豊機工(株)</v>
          </cell>
          <cell r="D2195" t="str">
            <v>0796-23-1500</v>
          </cell>
          <cell r="E2195" t="str">
            <v>668-0013</v>
          </cell>
          <cell r="F2195" t="str">
            <v>兵庫県豊岡市中陰470</v>
          </cell>
          <cell r="G2195" t="str">
            <v>豊岡市</v>
          </cell>
          <cell r="H2195" t="str">
            <v/>
          </cell>
          <cell r="I2195" t="str">
            <v>代表取締役 田中　剛</v>
          </cell>
          <cell r="J2195" t="str">
            <v>本店</v>
          </cell>
          <cell r="K2195" t="str">
            <v>0796-24-1611</v>
          </cell>
          <cell r="L2195" t="str">
            <v/>
          </cell>
          <cell r="M2195" t="str">
            <v>ｵｵﾄﾖｷｺｳ</v>
          </cell>
          <cell r="N2195" t="str">
            <v>無</v>
          </cell>
          <cell r="O2195">
            <v>33</v>
          </cell>
          <cell r="P2195">
            <v>113</v>
          </cell>
          <cell r="Q2195">
            <v>7140001055840</v>
          </cell>
          <cell r="R2195">
            <v>94000</v>
          </cell>
          <cell r="S2195">
            <v>530071</v>
          </cell>
          <cell r="T2195">
            <v>2584560</v>
          </cell>
          <cell r="V2195" t="str">
            <v>ee608538</v>
          </cell>
          <cell r="W2195" t="str">
            <v>mt119938</v>
          </cell>
          <cell r="Y2195" t="str">
            <v>058，36，42，43，58，</v>
          </cell>
          <cell r="Z2195">
            <v>43</v>
          </cell>
          <cell r="AA2195">
            <v>42</v>
          </cell>
          <cell r="AB2195">
            <v>36</v>
          </cell>
          <cell r="AC2195">
            <v>58</v>
          </cell>
          <cell r="AD2195" t="str">
            <v/>
          </cell>
          <cell r="AE2195" t="str">
            <v>１；２；３；４；</v>
          </cell>
          <cell r="AF2195" t="str">
            <v>上下水道の計測・監視・制御システムの設計、施工を行っております。（電気計装設備、中央監視装置、テレメータ・テレコン装置、流量・水位計測システム、監視盤・計装盤・受変電盤、ポンプ設備、薬注設備、水質監視装置　他）</v>
          </cell>
        </row>
        <row r="2196">
          <cell r="B2196">
            <v>10455</v>
          </cell>
          <cell r="C2196" t="str">
            <v>セコム株式会社</v>
          </cell>
          <cell r="D2196" t="str">
            <v>03-5775-8475</v>
          </cell>
          <cell r="E2196" t="str">
            <v>150-0001</v>
          </cell>
          <cell r="F2196" t="str">
            <v>東京都渋谷区神宮前1-5-1</v>
          </cell>
          <cell r="G2196" t="str">
            <v>東京都</v>
          </cell>
          <cell r="H2196" t="str">
            <v/>
          </cell>
          <cell r="I2196" t="str">
            <v>代表取締役社長 尾関　一郎</v>
          </cell>
          <cell r="J2196" t="str">
            <v>本店</v>
          </cell>
          <cell r="K2196" t="str">
            <v>03-5775-8921</v>
          </cell>
          <cell r="L2196" t="str">
            <v>nyusatsu-info-hyogo@secom.co.jp</v>
          </cell>
          <cell r="M2196" t="str">
            <v>ｾｺﾑ</v>
          </cell>
          <cell r="N2196" t="str">
            <v>無</v>
          </cell>
          <cell r="O2196">
            <v>57</v>
          </cell>
          <cell r="P2196">
            <v>16935</v>
          </cell>
          <cell r="Q2196">
            <v>6011000000000</v>
          </cell>
          <cell r="R2196">
            <v>66385263</v>
          </cell>
          <cell r="S2196">
            <v>748988294</v>
          </cell>
          <cell r="T2196">
            <v>970624000</v>
          </cell>
          <cell r="V2196" t="str">
            <v>ng485548</v>
          </cell>
          <cell r="W2196" t="str">
            <v>ql163919</v>
          </cell>
          <cell r="Y2196" t="str">
            <v>9.34.38.39.45.47.48.49.54.58.60</v>
          </cell>
          <cell r="Z2196">
            <v>45</v>
          </cell>
          <cell r="AA2196">
            <v>38</v>
          </cell>
          <cell r="AB2196">
            <v>39</v>
          </cell>
          <cell r="AC2196">
            <v>49</v>
          </cell>
          <cell r="AD2196" t="str">
            <v/>
          </cell>
          <cell r="AE2196" t="str">
            <v>１；２；３；４；レンタル契約のＡＥＤの取り扱いがあり、未使用消耗品の交換は期限切れ前に自動発達致します。</v>
          </cell>
          <cell r="AF2196" t="str">
            <v>オフィスや家庭を盗難や火災から守り、機械での２４時間監視・異常時の緊急対処・メンテナンス等をトータルして行うレンタル契約によるオンライン・セキュリティ事業を得意としております。</v>
          </cell>
        </row>
        <row r="2197">
          <cell r="B2197">
            <v>10457</v>
          </cell>
          <cell r="C2197" t="str">
            <v>(株)ハウスビルシステム</v>
          </cell>
          <cell r="D2197" t="str">
            <v>06-6346-5454</v>
          </cell>
          <cell r="E2197" t="str">
            <v>531-0076</v>
          </cell>
          <cell r="F2197" t="str">
            <v>大阪府大阪市北区梅田1丁目2-2-1200 大阪駅前第2ﾋﾞﾙ</v>
          </cell>
          <cell r="G2197" t="str">
            <v>大阪市</v>
          </cell>
          <cell r="H2197" t="str">
            <v/>
          </cell>
          <cell r="I2197" t="str">
            <v>代表取締役　 坂下　芳史</v>
          </cell>
          <cell r="J2197" t="str">
            <v>本店</v>
          </cell>
          <cell r="K2197" t="str">
            <v>06-6346-0890</v>
          </cell>
          <cell r="L2197" t="str">
            <v>house@house-bs.co.jp</v>
          </cell>
          <cell r="M2197" t="str">
            <v>(ｶﾌﾞ)ﾊｳｽﾋﾞﾙｼｽﾃﾑ</v>
          </cell>
          <cell r="N2197" t="str">
            <v>無</v>
          </cell>
          <cell r="O2197">
            <v>52</v>
          </cell>
          <cell r="P2197">
            <v>527</v>
          </cell>
          <cell r="Q2197">
            <v>3120000000000</v>
          </cell>
          <cell r="R2197">
            <v>100000</v>
          </cell>
          <cell r="S2197">
            <v>482309</v>
          </cell>
          <cell r="T2197">
            <v>1618563</v>
          </cell>
          <cell r="V2197" t="str">
            <v>fp327065</v>
          </cell>
          <cell r="W2197" t="str">
            <v>ｒd193935</v>
          </cell>
          <cell r="Y2197" t="str">
            <v>45.46.47.48.49.52.54.80</v>
          </cell>
          <cell r="Z2197" t="str">
            <v/>
          </cell>
          <cell r="AA2197" t="str">
            <v/>
          </cell>
          <cell r="AB2197" t="str">
            <v/>
          </cell>
          <cell r="AC2197" t="str">
            <v/>
          </cell>
          <cell r="AD2197" t="str">
            <v/>
          </cell>
          <cell r="AE2197" t="str">
            <v>１；２；清掃業務は、建物の清掃を中心に建築物環境衛生総合管理業・建築物飲料水槽清掃業・医療関連サービスマークを取得しています。３；警備業務は、施設警備（１号警備）第６２００１７７７号　認定書を取得しています。４；建物保守管理では、施設関係保守点検一式を取得しています。</v>
          </cell>
          <cell r="AF2197" t="str">
            <v>弊社ビルメンテナンス業として、清掃・警備を中心に受付・電話交換・設備・駐車場・駐輪場などサービス業務を中心に、指定管理として運営業務も契約を増やし幅広く展開しております。建物の総合管理・運営業務を中心に今後も業務を拡げてまいります。</v>
          </cell>
        </row>
        <row r="2198">
          <cell r="B2198">
            <v>10458</v>
          </cell>
          <cell r="C2198" t="str">
            <v>三菱ＵＦＪリサーチ＆コンサルティング(株)</v>
          </cell>
          <cell r="D2198" t="str">
            <v>06-7637-1500</v>
          </cell>
          <cell r="E2198" t="str">
            <v>530-8213</v>
          </cell>
          <cell r="F2198" t="str">
            <v>大阪府大阪市北区梅田2-5-25</v>
          </cell>
          <cell r="G2198" t="str">
            <v>大阪市</v>
          </cell>
          <cell r="H2198" t="str">
            <v>大阪</v>
          </cell>
          <cell r="I2198" t="str">
            <v xml:space="preserve">常務執行役員 和田　寿一 </v>
          </cell>
          <cell r="J2198" t="str">
            <v>東京都</v>
          </cell>
          <cell r="K2198" t="str">
            <v>06-7637-1501</v>
          </cell>
          <cell r="L2198" t="str">
            <v>denshi-osaka@murc.jp</v>
          </cell>
          <cell r="M2198" t="str">
            <v>ﾐﾂﾋﾞｼﾕｰｴﾌｼﾞｪｲﾘｻｰﾁｱﾝﾄﾞｺﾝｻﾙﾃｲﾝｸﾞ</v>
          </cell>
          <cell r="N2198" t="str">
            <v>有</v>
          </cell>
          <cell r="O2198">
            <v>33</v>
          </cell>
          <cell r="P2198">
            <v>857</v>
          </cell>
          <cell r="Q2198">
            <v>3010401011971</v>
          </cell>
          <cell r="R2198">
            <v>2060000</v>
          </cell>
          <cell r="S2198">
            <v>18112478</v>
          </cell>
          <cell r="T2198">
            <v>17030450</v>
          </cell>
          <cell r="V2198" t="str">
            <v>kg683800</v>
          </cell>
          <cell r="W2198" t="str">
            <v>oq116369</v>
          </cell>
          <cell r="Y2198" t="str">
            <v>58，77，</v>
          </cell>
          <cell r="Z2198">
            <v>80</v>
          </cell>
          <cell r="AA2198">
            <v>77</v>
          </cell>
          <cell r="AB2198">
            <v>58</v>
          </cell>
          <cell r="AC2198" t="str">
            <v/>
          </cell>
          <cell r="AD2198" t="str">
            <v/>
          </cell>
          <cell r="AE2198" t="str">
            <v>１；各種調査研究（社会計画、地域振興計画、環境計画、防災計画、　病院・介護・福祉関係等）、総合計画策定、職員研修（講師派遣）２；３；システムの開発、運営４；</v>
          </cell>
          <cell r="AF2198" t="str">
            <v>市地域開発・環境開発等の分析・企画立案、経済調査。市町村等の総合計画策定・医療老人問題・防災等各種調査・コンサル全般。都市基盤・整備・計画全般について財政状況を考慮した施策事業の優先順位づけを行う。経済波及効果策定調査、広域的道路整備効果（直接・間接）推計等も行う。</v>
          </cell>
        </row>
        <row r="2199">
          <cell r="B2199">
            <v>10460</v>
          </cell>
          <cell r="C2199" t="str">
            <v>(有)弘栄堂印刷所</v>
          </cell>
          <cell r="D2199" t="str">
            <v>072-772-8111</v>
          </cell>
          <cell r="E2199" t="str">
            <v>664-0851</v>
          </cell>
          <cell r="F2199" t="str">
            <v>兵庫県伊丹市中央4-1-11</v>
          </cell>
          <cell r="G2199" t="str">
            <v>伊丹市</v>
          </cell>
          <cell r="H2199" t="str">
            <v/>
          </cell>
          <cell r="I2199" t="str">
            <v>代表取締役 小西　一郎</v>
          </cell>
          <cell r="J2199" t="str">
            <v>本店</v>
          </cell>
          <cell r="K2199" t="str">
            <v>072-772-0555</v>
          </cell>
          <cell r="L2199" t="str">
            <v>koeido@train.ocn.ne.jp</v>
          </cell>
          <cell r="M2199" t="str">
            <v>ｺｳｴｲﾄﾞｳｲﾝｻﾂｼｮ</v>
          </cell>
          <cell r="N2199" t="str">
            <v>無</v>
          </cell>
          <cell r="O2199">
            <v>94</v>
          </cell>
          <cell r="P2199">
            <v>4</v>
          </cell>
          <cell r="Q2199">
            <v>9140002063485</v>
          </cell>
          <cell r="R2199">
            <v>3000</v>
          </cell>
          <cell r="S2199" t="str">
            <v/>
          </cell>
          <cell r="T2199">
            <v>31735</v>
          </cell>
          <cell r="V2199" t="str">
            <v>av341920</v>
          </cell>
          <cell r="W2199" t="str">
            <v>lv159979</v>
          </cell>
          <cell r="Y2199" t="str">
            <v>066，66，73，74，76，</v>
          </cell>
          <cell r="Z2199">
            <v>73</v>
          </cell>
          <cell r="AA2199">
            <v>76</v>
          </cell>
          <cell r="AB2199">
            <v>74</v>
          </cell>
          <cell r="AC2199">
            <v>66</v>
          </cell>
          <cell r="AD2199" t="str">
            <v/>
          </cell>
          <cell r="AE2199" t="str">
            <v>１；２；３；４；</v>
          </cell>
          <cell r="AF2199" t="str">
            <v>ＣＴＰによる高品質な商品の提供およびオンデマンド印刷による低価格な商品の提供をしております</v>
          </cell>
        </row>
        <row r="2200">
          <cell r="B2200">
            <v>10461</v>
          </cell>
          <cell r="C2200" t="str">
            <v>カンゼ航測(株)</v>
          </cell>
          <cell r="D2200" t="str">
            <v>06-6261-2398</v>
          </cell>
          <cell r="E2200" t="str">
            <v>542-0081</v>
          </cell>
          <cell r="F2200" t="str">
            <v>大阪府大阪市中央区南船場1-7-8</v>
          </cell>
          <cell r="G2200" t="str">
            <v>大阪市</v>
          </cell>
          <cell r="H2200" t="str">
            <v/>
          </cell>
          <cell r="I2200" t="str">
            <v>代表取締役　川本　雅彦</v>
          </cell>
          <cell r="J2200" t="str">
            <v>本店</v>
          </cell>
          <cell r="K2200" t="str">
            <v>06-6264-0648</v>
          </cell>
          <cell r="L2200" t="str">
            <v>sakamoto@kanze-aerial.co.jp</v>
          </cell>
          <cell r="M2200" t="str">
            <v>ｶﾝｾﾞｺｳｿｸ</v>
          </cell>
          <cell r="N2200" t="str">
            <v>無</v>
          </cell>
          <cell r="O2200">
            <v>46</v>
          </cell>
          <cell r="P2200">
            <v>16</v>
          </cell>
          <cell r="Q2200">
            <v>3120001077246</v>
          </cell>
          <cell r="R2200">
            <v>30000</v>
          </cell>
          <cell r="S2200">
            <v>63469</v>
          </cell>
          <cell r="T2200">
            <v>146412</v>
          </cell>
          <cell r="V2200" t="str">
            <v>ws295952</v>
          </cell>
          <cell r="W2200" t="str">
            <v>ql139875</v>
          </cell>
          <cell r="Y2200" t="str">
            <v>071，57，58，71，72，75，</v>
          </cell>
          <cell r="Z2200">
            <v>72</v>
          </cell>
          <cell r="AA2200">
            <v>58</v>
          </cell>
          <cell r="AB2200">
            <v>57</v>
          </cell>
          <cell r="AC2200">
            <v>71</v>
          </cell>
          <cell r="AD2200" t="str">
            <v/>
          </cell>
          <cell r="AE2200" t="str">
            <v>１；デジタル撮影・オルソ画像・土地・家屋照合業務・スポット撮影・パネル作成２；ＧＩＳ地図情報システム開発・運用保守（固定資産評価・道路・道路施設・上水道・下水道・都市計画・住居表示等）３；図面等デジタル化業務・各種データ入力４；マイクロフィルム撮影16mm/35mmアパッチャ－カ－ド作成</v>
          </cell>
          <cell r="AF2200" t="str">
            <v>●ＧＩＳ地図情報システム開発・運用保守（固定資産評価システム構築）●地図・図面・資料等電子化（デジタル化）業務●航空写真撮影（デジタル撮影・オルソ画像・土地・家屋照合業務・スポット撮影・パネル作成）</v>
          </cell>
        </row>
        <row r="2201">
          <cell r="B2201">
            <v>10462</v>
          </cell>
          <cell r="C2201" t="str">
            <v>北川パリスオートサービス(株)</v>
          </cell>
          <cell r="D2201" t="str">
            <v>072-784-1600</v>
          </cell>
          <cell r="E2201" t="str">
            <v>664-0839</v>
          </cell>
          <cell r="F2201" t="str">
            <v>兵庫県伊丹市桑津3-6-13</v>
          </cell>
          <cell r="G2201" t="str">
            <v>伊丹市</v>
          </cell>
          <cell r="H2201" t="str">
            <v/>
          </cell>
          <cell r="I2201" t="str">
            <v>代表取締役　 北川　博彦</v>
          </cell>
          <cell r="J2201" t="str">
            <v>本店</v>
          </cell>
          <cell r="K2201" t="str">
            <v>072-770-2341</v>
          </cell>
          <cell r="L2201" t="str">
            <v>kpauto@cocoa.ocn.ne.jp</v>
          </cell>
          <cell r="M2201" t="str">
            <v>ｷﾀｶﾞﾜﾊﾟﾘｽｵ-ﾄｻ-ﾋﾞｽ</v>
          </cell>
          <cell r="N2201" t="str">
            <v>無</v>
          </cell>
          <cell r="O2201">
            <v>41</v>
          </cell>
          <cell r="P2201">
            <v>5</v>
          </cell>
          <cell r="Q2201">
            <v>3140001078242</v>
          </cell>
          <cell r="R2201">
            <v>10000</v>
          </cell>
          <cell r="S2201">
            <v>10707</v>
          </cell>
          <cell r="T2201">
            <v>80539</v>
          </cell>
          <cell r="V2201" t="str">
            <v>ge917837</v>
          </cell>
          <cell r="W2201" t="str">
            <v>zq198165</v>
          </cell>
          <cell r="Y2201" t="str">
            <v>23.24.25.26.44.69</v>
          </cell>
          <cell r="Z2201">
            <v>23</v>
          </cell>
          <cell r="AA2201">
            <v>24</v>
          </cell>
          <cell r="AB2201">
            <v>26</v>
          </cell>
          <cell r="AC2201">
            <v>44</v>
          </cell>
          <cell r="AD2201" t="str">
            <v/>
          </cell>
          <cell r="AE2201" t="str">
            <v>１；２；特　兵庫ダイハツ販売　兵庫トヨタ　神戸トヨペット　トヨタカローラ神戸　ネッツテラス神戸　兵庫日産　ホンダカーズ神戸　神戸マツダ　兵庫スバル　スズキ自販兵庫　いすゞ自動車近畿３；福祉車両　特装車　販売整備４；民間指定工場　車両運搬車あり。</v>
          </cell>
          <cell r="AF2201" t="str">
            <v>自動車販売はダイハツ地区販売店。国産メーカー車販売契約あり。車検は民間指定工場。法定点検・一般整備に必須なダイアグテスター日立ＨＤＭ－８０００採用。タイヤチェンジャー・タイヤバランサー・バッテリーテスター等常備。</v>
          </cell>
        </row>
        <row r="2202">
          <cell r="B2202">
            <v>10463</v>
          </cell>
          <cell r="C2202" t="str">
            <v>昭和公基(株)</v>
          </cell>
          <cell r="D2202" t="str">
            <v>072-752-3434</v>
          </cell>
          <cell r="E2202" t="str">
            <v>563-0025</v>
          </cell>
          <cell r="F2202" t="str">
            <v>大阪府池田市城南1-5-22</v>
          </cell>
          <cell r="G2202" t="str">
            <v>池田市</v>
          </cell>
          <cell r="H2202" t="str">
            <v/>
          </cell>
          <cell r="I2202" t="str">
            <v>代表取締役 谷口　浩</v>
          </cell>
          <cell r="J2202" t="str">
            <v>本店</v>
          </cell>
          <cell r="K2202" t="str">
            <v>072-752-8110</v>
          </cell>
          <cell r="L2202" t="str">
            <v>info@s-kouki.com</v>
          </cell>
          <cell r="M2202" t="str">
            <v>ｼｮｳﾜｺｳｷ</v>
          </cell>
          <cell r="N2202" t="str">
            <v>無</v>
          </cell>
          <cell r="O2202">
            <v>50</v>
          </cell>
          <cell r="P2202">
            <v>151</v>
          </cell>
          <cell r="Q2202">
            <v>2120901019629</v>
          </cell>
          <cell r="R2202">
            <v>36200</v>
          </cell>
          <cell r="S2202">
            <v>108961</v>
          </cell>
          <cell r="T2202">
            <v>289815</v>
          </cell>
          <cell r="V2202" t="str">
            <v>hx475882</v>
          </cell>
          <cell r="W2202" t="str">
            <v>gb163583</v>
          </cell>
          <cell r="Y2202" t="str">
            <v>080，45，46，52，54，</v>
          </cell>
          <cell r="Z2202">
            <v>45</v>
          </cell>
          <cell r="AA2202">
            <v>54</v>
          </cell>
          <cell r="AB2202">
            <v>46</v>
          </cell>
          <cell r="AC2202">
            <v>80</v>
          </cell>
          <cell r="AD2202" t="str">
            <v/>
          </cell>
          <cell r="AE2202" t="str">
            <v>１；施設警備・機械警備・駐車場警備・雑踏警備２；建物清掃３；空調・電気・機械設備管理業務４；空気環境測定・水質検査</v>
          </cell>
          <cell r="AF2202" t="str">
            <v>警備業務（施設・機械・駐車場）　清掃業務（建物清掃）　設備管理業務（空調・電気・機械）　環境衛生業務（空気環境測定・水質検査・害虫駆除）</v>
          </cell>
        </row>
        <row r="2203">
          <cell r="B2203">
            <v>10465</v>
          </cell>
          <cell r="C2203" t="str">
            <v>(株)毎日新聞大阪センター</v>
          </cell>
          <cell r="D2203" t="str">
            <v>06-6346-8810</v>
          </cell>
          <cell r="E2203" t="str">
            <v>530-0001</v>
          </cell>
          <cell r="F2203" t="str">
            <v>大阪府大阪市北区梅田3-4-5</v>
          </cell>
          <cell r="G2203" t="str">
            <v>大阪市</v>
          </cell>
          <cell r="H2203" t="str">
            <v/>
          </cell>
          <cell r="I2203" t="str">
            <v>代表取締役 辻本　稔</v>
          </cell>
          <cell r="J2203" t="str">
            <v>本店</v>
          </cell>
          <cell r="K2203" t="str">
            <v>06-6346-8263</v>
          </cell>
          <cell r="L2203" t="str">
            <v>n-okamoto@o-center.co.jp</v>
          </cell>
          <cell r="M2203" t="str">
            <v>ﾏｲﾆﾁｼﾝﾌﾞﾝｵｵｻｶｾﾝﾀｰ</v>
          </cell>
          <cell r="N2203" t="str">
            <v>無</v>
          </cell>
          <cell r="O2203">
            <v>46</v>
          </cell>
          <cell r="P2203">
            <v>117</v>
          </cell>
          <cell r="Q2203">
            <v>4120001070472</v>
          </cell>
          <cell r="R2203">
            <v>50000</v>
          </cell>
          <cell r="S2203">
            <v>459510</v>
          </cell>
          <cell r="T2203">
            <v>2959294</v>
          </cell>
          <cell r="V2203" t="str">
            <v>uz724038</v>
          </cell>
          <cell r="W2203" t="str">
            <v>gt993199</v>
          </cell>
          <cell r="Y2203" t="str">
            <v>73，</v>
          </cell>
          <cell r="Z2203" t="str">
            <v/>
          </cell>
          <cell r="AA2203" t="str">
            <v/>
          </cell>
          <cell r="AB2203" t="str">
            <v/>
          </cell>
          <cell r="AC2203" t="str">
            <v/>
          </cell>
          <cell r="AD2203" t="str">
            <v/>
          </cell>
          <cell r="AE2203" t="str">
            <v>１；２；３；４；</v>
          </cell>
          <cell r="AF2203" t="str">
            <v>新聞、チラシ、パンフレットなどの紙面制作及び印刷、包装資材やごみ袋などの販売</v>
          </cell>
        </row>
        <row r="2204">
          <cell r="B2204">
            <v>10466</v>
          </cell>
          <cell r="C2204" t="str">
            <v>日本管財(株)</v>
          </cell>
          <cell r="D2204" t="str">
            <v>0798-35-2200</v>
          </cell>
          <cell r="E2204" t="str">
            <v>662‐8588</v>
          </cell>
          <cell r="F2204" t="str">
            <v>兵庫県西宮市六湛寺町9‐16</v>
          </cell>
          <cell r="G2204" t="str">
            <v>西宮市</v>
          </cell>
          <cell r="H2204" t="str">
            <v/>
          </cell>
          <cell r="I2204" t="str">
            <v>代表取締役社長 福田　慎太郎</v>
          </cell>
          <cell r="J2204" t="str">
            <v>本店</v>
          </cell>
          <cell r="K2204" t="str">
            <v>0798-35-2250</v>
          </cell>
          <cell r="L2204" t="str">
            <v>web_info@nkanzai.co.jp</v>
          </cell>
          <cell r="M2204" t="str">
            <v>ﾆﾎﾝｶﾝｻﾞｲ</v>
          </cell>
          <cell r="N2204" t="str">
            <v>無</v>
          </cell>
          <cell r="O2204">
            <v>40</v>
          </cell>
          <cell r="P2204">
            <v>4147</v>
          </cell>
          <cell r="Q2204">
            <v>9140001069797</v>
          </cell>
          <cell r="R2204">
            <v>3000000</v>
          </cell>
          <cell r="S2204">
            <v>32456894</v>
          </cell>
          <cell r="T2204">
            <v>58471408</v>
          </cell>
          <cell r="V2204" t="str">
            <v>at663625</v>
          </cell>
          <cell r="W2204" t="str">
            <v>au199339</v>
          </cell>
          <cell r="Y2204" t="str">
            <v>054，45，46，47，48，49，50，51，52，53，54，55，56，</v>
          </cell>
          <cell r="Z2204">
            <v>46</v>
          </cell>
          <cell r="AA2204">
            <v>47</v>
          </cell>
          <cell r="AB2204">
            <v>45</v>
          </cell>
          <cell r="AC2204">
            <v>54</v>
          </cell>
          <cell r="AD2204" t="str">
            <v/>
          </cell>
          <cell r="AE2204" t="str">
            <v>１；建築等、各種設備の保守点検を総合的に維持・管理をするためのノウハウを構築しています。２；各種電気設備の点検・維持管理・修繕をトータル的に行うことができる技術者の専門部署を設置しています。３；常駐警備を主として、機械警備や各種イベントの警備（神戸ルミナリエなど）、大勢の人が集まる場所での雑踏警備なども企画運営して実施をしています。４；庁舎等の建物の清掃を長年行っており、環境衛生維持管理を専門的に行うノウハウを構築しています。</v>
          </cell>
          <cell r="AF2204" t="str">
            <v>建物保守管理、電気設備保守、警備業務、建物清掃、機械設備保守、消防設備保守、通信設備保守、浄化槽保守、害虫駆除、公園緑地等管理、道路公園清掃、人材派遣</v>
          </cell>
        </row>
        <row r="2205">
          <cell r="B2205">
            <v>10468</v>
          </cell>
          <cell r="C2205" t="str">
            <v>(株)双葉化学商会</v>
          </cell>
          <cell r="D2205" t="str">
            <v>0798-23-7730</v>
          </cell>
          <cell r="E2205" t="str">
            <v>662-0978</v>
          </cell>
          <cell r="F2205" t="str">
            <v>兵庫県西宮市産所町14-6</v>
          </cell>
          <cell r="G2205" t="str">
            <v>西宮市</v>
          </cell>
          <cell r="H2205" t="str">
            <v/>
          </cell>
          <cell r="I2205" t="str">
            <v>代表取締役 京藤　光江</v>
          </cell>
          <cell r="J2205" t="str">
            <v>本店</v>
          </cell>
          <cell r="K2205" t="str">
            <v>0798-26-7206</v>
          </cell>
          <cell r="L2205" t="str">
            <v>futaba@futaba-kagaku.co.jp</v>
          </cell>
          <cell r="M2205" t="str">
            <v>ﾌﾀﾊﾞｶｶﾞｸｼｮｳｶｲ</v>
          </cell>
          <cell r="N2205" t="str">
            <v>無</v>
          </cell>
          <cell r="O2205">
            <v>72</v>
          </cell>
          <cell r="P2205">
            <v>598</v>
          </cell>
          <cell r="Q2205">
            <v>2140001070225</v>
          </cell>
          <cell r="R2205">
            <v>45000</v>
          </cell>
          <cell r="S2205">
            <v>846327</v>
          </cell>
          <cell r="T2205">
            <v>1227339</v>
          </cell>
          <cell r="V2205" t="str">
            <v>qj518346</v>
          </cell>
          <cell r="W2205" t="str">
            <v>dh168399</v>
          </cell>
          <cell r="Y2205" t="str">
            <v>052，45，46，47，48，49，50，51，52，53，54，55，56，</v>
          </cell>
          <cell r="Z2205">
            <v>45</v>
          </cell>
          <cell r="AA2205">
            <v>54</v>
          </cell>
          <cell r="AB2205">
            <v>46</v>
          </cell>
          <cell r="AC2205">
            <v>52</v>
          </cell>
          <cell r="AD2205" t="str">
            <v>カメラ監視業務、入退出管理業務を行います。</v>
          </cell>
          <cell r="AE2205" t="str">
            <v>１；兵庫県公安委員会第６３０００１４０号認定２；建築物清掃業登録証明（兵庫県１６清第１４Ｎ号の５）、医療関連サービスマーク認定（Ｇ（７）‐１７０２２８０９８２）３；一般労働者派遣事業許可（派２８‐３００５３１）４；</v>
          </cell>
          <cell r="AF2205" t="str">
            <v>警備（常駐保安・機械警備・画像監視）、清掃（床面・ガラス・高所・壁面）、給水槽清掃等設備管理、給排水設備保守管理、空気環境測定、水質検査、防疫管理（建物内外の滅菌消毒・害虫駆除）、サービス管理（受付案内・駐車場管理・営繕）</v>
          </cell>
        </row>
        <row r="2206">
          <cell r="B2206">
            <v>10470</v>
          </cell>
          <cell r="C2206" t="str">
            <v>阪神環境事業(株)</v>
          </cell>
          <cell r="D2206" t="str">
            <v>072-759-1149</v>
          </cell>
          <cell r="E2206" t="str">
            <v>666-0024</v>
          </cell>
          <cell r="F2206" t="str">
            <v>兵庫県川西市久代1-4-10</v>
          </cell>
          <cell r="G2206" t="str">
            <v>川西市</v>
          </cell>
          <cell r="H2206" t="str">
            <v/>
          </cell>
          <cell r="I2206" t="str">
            <v>代表取締役 上田　浩</v>
          </cell>
          <cell r="J2206" t="str">
            <v>本店</v>
          </cell>
          <cell r="K2206" t="str">
            <v>072-759-5571</v>
          </cell>
          <cell r="L2206" t="str">
            <v>info@hanshinkankyo.co.jp</v>
          </cell>
          <cell r="M2206" t="str">
            <v>ﾊﾝｼﾝｶﾝｷｮｳｼﾞｷﾞｮｳ</v>
          </cell>
          <cell r="N2206" t="str">
            <v>無</v>
          </cell>
          <cell r="O2206">
            <v>41</v>
          </cell>
          <cell r="P2206">
            <v>42</v>
          </cell>
          <cell r="Q2206">
            <v>1140001079580</v>
          </cell>
          <cell r="R2206">
            <v>10000</v>
          </cell>
          <cell r="S2206">
            <v>1025142</v>
          </cell>
          <cell r="T2206">
            <v>500103</v>
          </cell>
          <cell r="V2206" t="str">
            <v>zy759886</v>
          </cell>
          <cell r="W2206" t="str">
            <v>qd159339</v>
          </cell>
          <cell r="Y2206" t="str">
            <v>080，46，52，55，68，79，</v>
          </cell>
          <cell r="Z2206">
            <v>79</v>
          </cell>
          <cell r="AA2206">
            <v>52</v>
          </cell>
          <cell r="AB2206">
            <v>68</v>
          </cell>
          <cell r="AC2206">
            <v>80</v>
          </cell>
          <cell r="AD2206" t="str">
            <v/>
          </cell>
          <cell r="AE2206" t="str">
            <v>１；ＴＶカメラ調査・下水道管調査及び清掃　ＴＶカメラ車所有２；建築物ねずみ昆虫等防除業登録証明書・防除業登録証明書　ウメ輪紋病アブラムシ類防除薬剤散布・蜂駆除３；兵庫県産業廃棄物収集運搬許可証・大阪府産業廃棄物収集運搬許可証４；ピット清掃・雨水ポンプ施設管理業務・汚水ポンプ施設管理業務・　排水管清掃</v>
          </cell>
          <cell r="AF2206" t="str">
            <v>公共下水道管渠の維持管理を得意業種としています。管更生工事から管渠高圧洗浄、ＴＶカメラ調査、各種調査業務、排水路の清掃など幅広く行える機材を取り揃えております。又、害虫駆除、消毒作業も実施できる体制をとっています。産業廃棄物収集運搬も行えます。</v>
          </cell>
        </row>
        <row r="2207">
          <cell r="B2207">
            <v>10471</v>
          </cell>
          <cell r="C2207" t="str">
            <v>芙蓉総合リース(株)</v>
          </cell>
          <cell r="D2207" t="str">
            <v>06-6201-2221</v>
          </cell>
          <cell r="E2207" t="str">
            <v>541-0043</v>
          </cell>
          <cell r="F2207" t="str">
            <v>大阪府大阪市中央区高麗橋4-4-9</v>
          </cell>
          <cell r="G2207" t="str">
            <v>大阪市</v>
          </cell>
          <cell r="H2207" t="str">
            <v>大阪営業第二部</v>
          </cell>
          <cell r="I2207" t="str">
            <v>部長 大木　昭彦</v>
          </cell>
          <cell r="J2207" t="str">
            <v>東京都</v>
          </cell>
          <cell r="K2207" t="str">
            <v>06-6201-2441</v>
          </cell>
          <cell r="L2207" t="str">
            <v>eiji_yano@fgl.co.jp</v>
          </cell>
          <cell r="M2207" t="str">
            <v>ﾌﾖｳｿｳｺﾞｳﾘｰｽ</v>
          </cell>
          <cell r="N2207" t="str">
            <v>有</v>
          </cell>
          <cell r="O2207">
            <v>49</v>
          </cell>
          <cell r="P2207">
            <v>735</v>
          </cell>
          <cell r="Q2207">
            <v>3010001028689</v>
          </cell>
          <cell r="R2207">
            <v>10532163</v>
          </cell>
          <cell r="S2207">
            <v>206439261</v>
          </cell>
          <cell r="T2207">
            <v>424123029</v>
          </cell>
          <cell r="V2207" t="str">
            <v>ma740854</v>
          </cell>
          <cell r="W2207" t="str">
            <v>kq199667</v>
          </cell>
          <cell r="Y2207" t="str">
            <v>44，</v>
          </cell>
          <cell r="Z2207" t="str">
            <v/>
          </cell>
          <cell r="AA2207" t="str">
            <v/>
          </cell>
          <cell r="AB2207" t="str">
            <v/>
          </cell>
          <cell r="AC2207" t="str">
            <v/>
          </cell>
          <cell r="AD2207" t="str">
            <v>高度管理医療機器等販売業・貸与業許可証　取得</v>
          </cell>
          <cell r="AE2207" t="str">
            <v>１；情報機器、分析機器、ガスクロ、ＯＡ機器、医療機器、通信機器、消防設備関連機器　他のリース２；３；４；</v>
          </cell>
          <cell r="AF2207" t="str">
            <v>当社はリースを中心に、幅広いファイナンス事業を展開しています。　品目は電子計算機、事務用機器から産業機械、工作機械、土木建設機械、輸送用機器、医療機器、商業用機器に至るまで取り扱っています。　</v>
          </cell>
        </row>
        <row r="2208">
          <cell r="B2208">
            <v>10472</v>
          </cell>
          <cell r="C2208" t="str">
            <v>(株)ムサシ</v>
          </cell>
          <cell r="D2208" t="str">
            <v>06-6745-1364</v>
          </cell>
          <cell r="E2208" t="str">
            <v>661-0984</v>
          </cell>
          <cell r="F2208" t="str">
            <v>大阪府東大阪市長田中3-6-1</v>
          </cell>
          <cell r="G2208" t="str">
            <v>東大阪市</v>
          </cell>
          <cell r="H2208" t="str">
            <v>（株）ムサシ　大阪支店</v>
          </cell>
          <cell r="I2208" t="str">
            <v>取締役支店長　 小林　佳典</v>
          </cell>
          <cell r="J2208" t="str">
            <v>東京都</v>
          </cell>
          <cell r="K2208" t="str">
            <v>06-6746-2962</v>
          </cell>
          <cell r="L2208" t="str">
            <v/>
          </cell>
          <cell r="M2208" t="str">
            <v>ｶﾌﾞｼｷｶｲｼﾔﾑｻｼ</v>
          </cell>
          <cell r="N2208" t="str">
            <v>有</v>
          </cell>
          <cell r="O2208">
            <v>73</v>
          </cell>
          <cell r="P2208">
            <v>230</v>
          </cell>
          <cell r="Q2208">
            <v>6010001058667</v>
          </cell>
          <cell r="R2208">
            <v>1208500</v>
          </cell>
          <cell r="S2208">
            <v>21527259</v>
          </cell>
          <cell r="T2208">
            <v>31104655</v>
          </cell>
          <cell r="V2208" t="str">
            <v>cn651277</v>
          </cell>
          <cell r="W2208" t="str">
            <v>kb379393</v>
          </cell>
          <cell r="Y2208" t="str">
            <v/>
          </cell>
          <cell r="Z2208" t="str">
            <v/>
          </cell>
          <cell r="AA2208" t="str">
            <v/>
          </cell>
          <cell r="AB2208" t="str">
            <v/>
          </cell>
          <cell r="AC2208" t="str">
            <v/>
          </cell>
          <cell r="AD2208" t="str">
            <v/>
          </cell>
          <cell r="AE2208" t="str">
            <v>１；２；３；４；</v>
          </cell>
          <cell r="AF2208" t="str">
            <v>選挙システム及び機器販売等保守・システム開発を中心に自治体及び民間等へのデーター加工・デジタル・マイクロ撮影受託サービスを行っています。</v>
          </cell>
        </row>
        <row r="2209">
          <cell r="B2209">
            <v>10473</v>
          </cell>
          <cell r="C2209" t="str">
            <v>(株)丹青社</v>
          </cell>
          <cell r="D2209" t="str">
            <v>06-6377-5982</v>
          </cell>
          <cell r="E2209" t="str">
            <v>530-0011</v>
          </cell>
          <cell r="F2209" t="str">
            <v>大阪府大阪市北区大深町3-1</v>
          </cell>
          <cell r="G2209" t="str">
            <v>大阪市</v>
          </cell>
          <cell r="H2209" t="str">
            <v>関西支店</v>
          </cell>
          <cell r="I2209" t="str">
            <v>関西支店長　 大岩　典文</v>
          </cell>
          <cell r="J2209" t="str">
            <v>東京都</v>
          </cell>
          <cell r="K2209" t="str">
            <v>06-6377-5992</v>
          </cell>
          <cell r="L2209" t="str">
            <v>dnsnst0604@tanseisha.co.jp</v>
          </cell>
          <cell r="M2209" t="str">
            <v>ﾀﾝｾｲｼﾔ</v>
          </cell>
          <cell r="N2209" t="str">
            <v>有</v>
          </cell>
          <cell r="O2209">
            <v>72</v>
          </cell>
          <cell r="P2209">
            <v>920</v>
          </cell>
          <cell r="Q2209">
            <v>3010501007440</v>
          </cell>
          <cell r="R2209">
            <v>4026750</v>
          </cell>
          <cell r="S2209">
            <v>23921832</v>
          </cell>
          <cell r="T2209">
            <v>71394389</v>
          </cell>
          <cell r="V2209" t="str">
            <v>fu735229</v>
          </cell>
          <cell r="W2209" t="str">
            <v>qq113995</v>
          </cell>
          <cell r="Y2209" t="str">
            <v>27.63.64.66.77.80</v>
          </cell>
          <cell r="Z2209">
            <v>80</v>
          </cell>
          <cell r="AA2209">
            <v>77</v>
          </cell>
          <cell r="AB2209">
            <v>27</v>
          </cell>
          <cell r="AC2209">
            <v>64</v>
          </cell>
          <cell r="AD2209" t="str">
            <v/>
          </cell>
          <cell r="AE2209" t="str">
            <v>１；２；博物館等展示施設の展示関連備品（模型等造形物、展示装置・システム、サイン・デジタルサイネージ・グラフィックパネル、展示用照明等）３；展示に関する調査、構想・計画策定支援業務４；展示ケース等展示用特注什器</v>
          </cell>
          <cell r="AF2209" t="str">
            <v>博物館等展示施設に関する調査・構想・計画・設計、製作施工、展示関連物品（展示ケース等特注什器、模型等造形物、展示装置・システム、サイン・デジタルサイネージ等）、展示関連サービス（映像コンテンツ制作、イベント企画製作、展示保守点検、運営業務等）に幅広く対応します。</v>
          </cell>
        </row>
        <row r="2210">
          <cell r="B2210">
            <v>10474</v>
          </cell>
          <cell r="C2210" t="str">
            <v>神戸環境クリエート(株)</v>
          </cell>
          <cell r="D2210" t="str">
            <v>078-651-5060</v>
          </cell>
          <cell r="E2210" t="str">
            <v>653-0033</v>
          </cell>
          <cell r="F2210" t="str">
            <v>兵庫県神戸市長田区苅藻島町1-1-28</v>
          </cell>
          <cell r="G2210" t="str">
            <v>神戸市</v>
          </cell>
          <cell r="H2210" t="str">
            <v/>
          </cell>
          <cell r="I2210" t="str">
            <v>代表取締役 山本　宏光</v>
          </cell>
          <cell r="J2210" t="str">
            <v>本店</v>
          </cell>
          <cell r="K2210" t="str">
            <v>078-681-2853</v>
          </cell>
          <cell r="L2210" t="str">
            <v>info@kobe-k-create.co.jp</v>
          </cell>
          <cell r="M2210" t="str">
            <v>ｺｳﾍﾞｶﾝｷｮｳｸﾘｴｰﾄ</v>
          </cell>
          <cell r="N2210" t="str">
            <v>無</v>
          </cell>
          <cell r="O2210">
            <v>37</v>
          </cell>
          <cell r="P2210">
            <v>33</v>
          </cell>
          <cell r="Q2210">
            <v>3140001017126</v>
          </cell>
          <cell r="R2210">
            <v>30000</v>
          </cell>
          <cell r="S2210">
            <v>85045</v>
          </cell>
          <cell r="T2210">
            <v>913591</v>
          </cell>
          <cell r="V2210" t="str">
            <v>px478481</v>
          </cell>
          <cell r="W2210" t="str">
            <v>je157935</v>
          </cell>
          <cell r="Y2210" t="str">
            <v>68，</v>
          </cell>
          <cell r="Z2210">
            <v>68</v>
          </cell>
          <cell r="AA2210" t="str">
            <v/>
          </cell>
          <cell r="AB2210" t="str">
            <v/>
          </cell>
          <cell r="AC2210" t="str">
            <v/>
          </cell>
          <cell r="AD2210" t="str">
            <v/>
          </cell>
          <cell r="AE2210" t="str">
            <v>１；産業廃棄物の収集運搬業及び処分業（焼却）、特別管理産業廃棄物の収集運搬業及び処分業（焼却）、低濃度PCB無害化処理に係る環境大臣認定２；３；４；</v>
          </cell>
          <cell r="AF2210" t="str">
            <v>医療系廃棄物の収集運搬業及び中間処分業をしている。１１００℃運転の可能な焼却室で有害物質を含む多種多様の廃棄物を適切に処理し環境への負担も軽減している。（「低濃度ポリ塩化ビフェニル廃棄物の無害化処理に係る環境大臣認定」を取得している。平成２６年第２号、平成２８年第１１号）</v>
          </cell>
        </row>
        <row r="2211">
          <cell r="B2211">
            <v>10476</v>
          </cell>
          <cell r="C2211" t="str">
            <v>文化シヤッターサービス(株)</v>
          </cell>
          <cell r="D2211" t="str">
            <v>06-6782-6343</v>
          </cell>
          <cell r="E2211" t="str">
            <v>577-0012</v>
          </cell>
          <cell r="F2211" t="str">
            <v>大阪府東大阪市長田東1-3-28</v>
          </cell>
          <cell r="G2211" t="str">
            <v/>
          </cell>
          <cell r="H2211" t="str">
            <v>関西サービス支店</v>
          </cell>
          <cell r="I2211" t="str">
            <v>支店長 服部　光一</v>
          </cell>
          <cell r="J2211" t="str">
            <v>東京都</v>
          </cell>
          <cell r="K2211" t="str">
            <v>06-6782-6322</v>
          </cell>
          <cell r="L2211" t="str">
            <v>soumu@service.bunka-s.co.jp</v>
          </cell>
          <cell r="M2211" t="str">
            <v>ﾌﾞﾝｶｼﾔｯﾀｰｻｰﾋﾞｽ</v>
          </cell>
          <cell r="N2211" t="str">
            <v>有</v>
          </cell>
          <cell r="O2211">
            <v>24</v>
          </cell>
          <cell r="P2211">
            <v>1058</v>
          </cell>
          <cell r="Q2211">
            <v>3010001088964</v>
          </cell>
          <cell r="R2211">
            <v>110000</v>
          </cell>
          <cell r="S2211">
            <v>5686685</v>
          </cell>
          <cell r="T2211">
            <v>21034854</v>
          </cell>
          <cell r="V2211" t="str">
            <v>uu296749</v>
          </cell>
          <cell r="W2211" t="str">
            <v>dt176913</v>
          </cell>
          <cell r="Y2211" t="str">
            <v/>
          </cell>
          <cell r="Z2211" t="str">
            <v/>
          </cell>
          <cell r="AA2211" t="str">
            <v/>
          </cell>
          <cell r="AB2211" t="str">
            <v/>
          </cell>
          <cell r="AC2211" t="str">
            <v/>
          </cell>
          <cell r="AD2211" t="str">
            <v/>
          </cell>
          <cell r="AE2211" t="str">
            <v>１；各種シャッターの保守点検業務２；３；４；</v>
          </cell>
          <cell r="AF2211" t="str">
            <v>防煙防火シャッター、汎用シャッター、軽量シャッター、電動雨戸シャッター、鋼鉄ドア・パーティション等製品の修理及び点検業務</v>
          </cell>
        </row>
        <row r="2212">
          <cell r="B2212">
            <v>10477</v>
          </cell>
          <cell r="C2212" t="str">
            <v>都築テクノサービス(株)</v>
          </cell>
          <cell r="D2212" t="str">
            <v>078-854-6010</v>
          </cell>
          <cell r="E2212" t="str">
            <v>657-0035</v>
          </cell>
          <cell r="F2212" t="str">
            <v>兵庫県神戸市灘区友田町3-6-15</v>
          </cell>
          <cell r="G2212" t="str">
            <v>神戸市</v>
          </cell>
          <cell r="H2212" t="str">
            <v>神戸支店</v>
          </cell>
          <cell r="I2212" t="str">
            <v>支店長 吉住　幸一</v>
          </cell>
          <cell r="J2212" t="str">
            <v>東京都</v>
          </cell>
          <cell r="K2212" t="str">
            <v>078-854-6050</v>
          </cell>
          <cell r="L2212" t="str">
            <v>yoshizumi@tsuzuki-techno.com</v>
          </cell>
          <cell r="M2212" t="str">
            <v>ﾂﾂﾞｷﾃｸﾉｻｰﾋﾞｽ</v>
          </cell>
          <cell r="N2212" t="str">
            <v>有</v>
          </cell>
          <cell r="O2212">
            <v>49</v>
          </cell>
          <cell r="P2212">
            <v>500</v>
          </cell>
          <cell r="Q2212">
            <v>9010401034942</v>
          </cell>
          <cell r="R2212">
            <v>209287</v>
          </cell>
          <cell r="S2212">
            <v>2908346</v>
          </cell>
          <cell r="T2212">
            <v>11915076</v>
          </cell>
          <cell r="V2212" t="str">
            <v>wc443808</v>
          </cell>
          <cell r="W2212" t="str">
            <v>xq163389</v>
          </cell>
          <cell r="Y2212" t="str">
            <v>058，14，15，36，50，58，</v>
          </cell>
          <cell r="Z2212">
            <v>36</v>
          </cell>
          <cell r="AA2212">
            <v>14</v>
          </cell>
          <cell r="AB2212">
            <v>50</v>
          </cell>
          <cell r="AC2212">
            <v>58</v>
          </cell>
          <cell r="AD2212" t="str">
            <v/>
          </cell>
          <cell r="AE2212" t="str">
            <v>１；パソコン、サーバ、プリンター、周辺機器（サプライ品）など２；プリンタ専用帳票　など３；デジタルサーネージ４；基幹システム開発　など</v>
          </cell>
          <cell r="AF2212" t="str">
            <v>ハードメンテナンスを基本としＩＣＴサービス企業として培った技術、信頼を基盤にＩＣＴソリューションの中核となるコンピュータシステム、ネットワークシステムを企画、設計、導入、構築、運用サービス、メンテナンスまでトータルサポートを提供・提案する企業です。</v>
          </cell>
        </row>
        <row r="2213">
          <cell r="B2213">
            <v>10478</v>
          </cell>
          <cell r="C2213" t="str">
            <v>(株)ヤマセ</v>
          </cell>
          <cell r="D2213" t="str">
            <v>06-6539-0681</v>
          </cell>
          <cell r="E2213" t="str">
            <v>530-0053</v>
          </cell>
          <cell r="F2213" t="str">
            <v>大阪府大阪市西区西本町1-13-38 新興産ﾋﾞﾙ607</v>
          </cell>
          <cell r="G2213" t="str">
            <v>大阪市</v>
          </cell>
          <cell r="H2213" t="str">
            <v/>
          </cell>
          <cell r="I2213" t="str">
            <v>代表取締役　 早瀬　求</v>
          </cell>
          <cell r="J2213" t="str">
            <v>本店</v>
          </cell>
          <cell r="K2213" t="str">
            <v>06-6539-0685</v>
          </cell>
          <cell r="L2213" t="str">
            <v>m-yamase@iris.ocn.ne.jp</v>
          </cell>
          <cell r="M2213" t="str">
            <v>ﾔﾏｾ</v>
          </cell>
          <cell r="N2213" t="str">
            <v>無</v>
          </cell>
          <cell r="O2213">
            <v>31</v>
          </cell>
          <cell r="P2213">
            <v>5</v>
          </cell>
          <cell r="Q2213">
            <v>8120000000000</v>
          </cell>
          <cell r="R2213">
            <v>10000</v>
          </cell>
          <cell r="S2213">
            <v>86642</v>
          </cell>
          <cell r="T2213">
            <v>16588</v>
          </cell>
          <cell r="V2213" t="str">
            <v>cf216719</v>
          </cell>
          <cell r="W2213" t="str">
            <v>gz189919</v>
          </cell>
          <cell r="Y2213">
            <v>66.8</v>
          </cell>
          <cell r="Z2213">
            <v>80</v>
          </cell>
          <cell r="AA2213">
            <v>66</v>
          </cell>
          <cell r="AB2213" t="str">
            <v/>
          </cell>
          <cell r="AC2213" t="str">
            <v/>
          </cell>
          <cell r="AD2213" t="str">
            <v/>
          </cell>
          <cell r="AE2213" t="str">
            <v>１；２；駐輪機用コインポスト（一時利用・月極）の企画から制作取付。３；看板・標識（ステンレス・アルミ・塩ビ・アルミ複合板）の企画から制作取付。４；</v>
          </cell>
          <cell r="AF2213" t="str">
            <v>１．駐輪機用コインポスト（一時利用・月極）の企画から制作取付。２．看板・標識（ステンレス・アルミ・塩ビ・アルミ複合板）の企画から制作取付。</v>
          </cell>
        </row>
        <row r="2214">
          <cell r="B2214">
            <v>10479</v>
          </cell>
          <cell r="C2214" t="str">
            <v>日本トーター(株)</v>
          </cell>
          <cell r="D2214" t="str">
            <v>06-6302-9261</v>
          </cell>
          <cell r="E2214" t="str">
            <v>532-0011</v>
          </cell>
          <cell r="F2214" t="str">
            <v>大阪府大阪市淀川区西中島六丁目1番3号アストロ新大阪第2ビル8階</v>
          </cell>
          <cell r="G2214" t="str">
            <v>大阪市</v>
          </cell>
          <cell r="H2214" t="str">
            <v>大阪支社</v>
          </cell>
          <cell r="I2214" t="str">
            <v>代表取締役社長 平田　和稔</v>
          </cell>
          <cell r="J2214" t="str">
            <v>東京都</v>
          </cell>
          <cell r="K2214" t="str">
            <v>06-6302-9268</v>
          </cell>
          <cell r="L2214" t="str">
            <v>CS_Div@totor.co.jp</v>
          </cell>
          <cell r="M2214" t="str">
            <v>ﾆｯﾎﾟﾝﾄｰﾀｰ</v>
          </cell>
          <cell r="N2214" t="str">
            <v>無</v>
          </cell>
          <cell r="O2214">
            <v>22</v>
          </cell>
          <cell r="P2214">
            <v>1304</v>
          </cell>
          <cell r="Q2214">
            <v>6010401039960</v>
          </cell>
          <cell r="R2214">
            <v>1000000</v>
          </cell>
          <cell r="S2214">
            <v>25267157</v>
          </cell>
          <cell r="T2214">
            <v>32705821</v>
          </cell>
          <cell r="V2214" t="str">
            <v>ss402491</v>
          </cell>
          <cell r="W2214" t="str">
            <v>ab168751</v>
          </cell>
          <cell r="Y2214" t="str">
            <v>057，14，36，44，45，47，50，57，58，73，74，76，</v>
          </cell>
          <cell r="Z2214">
            <v>36</v>
          </cell>
          <cell r="AA2214">
            <v>47</v>
          </cell>
          <cell r="AB2214">
            <v>50</v>
          </cell>
          <cell r="AC2214">
            <v>57</v>
          </cell>
          <cell r="AD2214" t="str">
            <v/>
          </cell>
          <cell r="AE2214" t="str">
            <v>１；公営競技向けトータリゼータシステム機器２；公営競技向けトータリゼータシステム機器の運用管理およびトータリゼータシステム用無停電電源装置の保守３；公営競技向け放送設備等の通信設備保守４；公営競技向けトータリゼータシステム機器における情報処理</v>
          </cell>
          <cell r="AF2214" t="str">
            <v>公営競技場における機器・消耗品販売を筆頭に、公営競技場全体の運営・運用を行っています。また、それに伴う設置工事・電気工事全般を取り仕切っています。</v>
          </cell>
        </row>
        <row r="2215">
          <cell r="B2215">
            <v>10480</v>
          </cell>
          <cell r="C2215" t="str">
            <v>日本ドライケミカル(株)</v>
          </cell>
          <cell r="D2215" t="str">
            <v>06-6399-3344</v>
          </cell>
          <cell r="E2215" t="str">
            <v>532-0004</v>
          </cell>
          <cell r="F2215" t="str">
            <v>大阪府大阪市淀川区西宮原1-4-13</v>
          </cell>
          <cell r="G2215" t="str">
            <v>大阪市</v>
          </cell>
          <cell r="H2215" t="str">
            <v>大阪支店</v>
          </cell>
          <cell r="I2215" t="str">
            <v>大阪支店長　中川　信夫</v>
          </cell>
          <cell r="J2215" t="str">
            <v>東京都</v>
          </cell>
          <cell r="K2215" t="str">
            <v>06-6399-5100</v>
          </cell>
          <cell r="L2215" t="str">
            <v>Koichi.Fuwa@ndc-group.co.jp</v>
          </cell>
          <cell r="M2215" t="str">
            <v>ﾆｯﾎﾟﾝﾄﾞﾗｲｹﾐｶﾙ</v>
          </cell>
          <cell r="N2215" t="str">
            <v>有</v>
          </cell>
          <cell r="O2215">
            <v>63</v>
          </cell>
          <cell r="P2215">
            <v>656</v>
          </cell>
          <cell r="Q2215">
            <v>2010701007860</v>
          </cell>
          <cell r="R2215">
            <v>700549</v>
          </cell>
          <cell r="S2215">
            <v>9309227</v>
          </cell>
          <cell r="T2215">
            <v>30137978</v>
          </cell>
          <cell r="V2215" t="str">
            <v>jd163949</v>
          </cell>
          <cell r="W2215" t="str">
            <v>mt198669</v>
          </cell>
          <cell r="Y2215" t="str">
            <v>24，38，</v>
          </cell>
          <cell r="Z2215">
            <v>24</v>
          </cell>
          <cell r="AA2215">
            <v>38</v>
          </cell>
          <cell r="AB2215" t="str">
            <v/>
          </cell>
          <cell r="AC2215" t="str">
            <v/>
          </cell>
          <cell r="AD2215" t="str">
            <v/>
          </cell>
          <cell r="AE2215" t="str">
            <v>１；専門性の高い自社製品である各種消防自動車は各自治体様や企業様にご愛顧いただいております。最近の関西圏での納入は、枚方寝屋川消防組合様、門真市様、舞鶴市様や関西電力様など多岐にわたります。２；自社製品である各種消火器は、各自治体様や企業様にご愛顧いただいている商品です。３；４；</v>
          </cell>
          <cell r="AF2215" t="str">
            <v>弊社は、消防用設備の総合メーカーであり、そのノウハウや技術、購買力を活かして最先端かつ、専門性の高い消防自動車の製造をおこなっております。そのため、消防自動車の納入実績は、官公庁だけでなくコンビナートや原子力発電所など、多岐にわたります。</v>
          </cell>
        </row>
        <row r="2216">
          <cell r="B2216">
            <v>10481</v>
          </cell>
          <cell r="C2216" t="str">
            <v>(株)ニチダン</v>
          </cell>
          <cell r="D2216" t="str">
            <v>06-6623-2551</v>
          </cell>
          <cell r="E2216" t="str">
            <v>545-0021</v>
          </cell>
          <cell r="F2216" t="str">
            <v>大阪府大阪市阿倍野区阪南町5-3-5</v>
          </cell>
          <cell r="G2216" t="str">
            <v>大阪市</v>
          </cell>
          <cell r="H2216" t="str">
            <v/>
          </cell>
          <cell r="I2216" t="str">
            <v>代表取締役 小笠原　力一</v>
          </cell>
          <cell r="J2216" t="str">
            <v>本店</v>
          </cell>
          <cell r="K2216" t="str">
            <v>06-6623-2566</v>
          </cell>
          <cell r="L2216" t="str">
            <v>iijima@nichidan-inc.co.jp</v>
          </cell>
          <cell r="M2216" t="str">
            <v>ｶﾌﾞｼｷｶｲｼｬ ﾆﾁﾀﾞﾝ</v>
          </cell>
          <cell r="N2216" t="str">
            <v>無</v>
          </cell>
          <cell r="O2216">
            <v>58</v>
          </cell>
          <cell r="P2216">
            <v>2451</v>
          </cell>
          <cell r="Q2216">
            <v>2120001006065</v>
          </cell>
          <cell r="R2216">
            <v>22000</v>
          </cell>
          <cell r="S2216">
            <v>77944</v>
          </cell>
          <cell r="T2216">
            <v>944114</v>
          </cell>
          <cell r="V2216" t="str">
            <v>xn601191</v>
          </cell>
          <cell r="W2216" t="str">
            <v>nz133915</v>
          </cell>
          <cell r="Y2216" t="str">
            <v>02，</v>
          </cell>
          <cell r="Z2216" t="str">
            <v/>
          </cell>
          <cell r="AA2216" t="str">
            <v/>
          </cell>
          <cell r="AB2216" t="str">
            <v/>
          </cell>
          <cell r="AC2216" t="str">
            <v/>
          </cell>
          <cell r="AD2216" t="str">
            <v/>
          </cell>
          <cell r="AE2216" t="str">
            <v>１；２；３；４；</v>
          </cell>
          <cell r="AF2216" t="str">
            <v>栄養士・調理師の養成機関として創業し、病院及び学校、施設等で手作りにこだわったお食事を提供しています。</v>
          </cell>
        </row>
        <row r="2217">
          <cell r="B2217">
            <v>10483</v>
          </cell>
          <cell r="C2217" t="str">
            <v>(株)魚国総本社</v>
          </cell>
          <cell r="D2217" t="str">
            <v>06-6478-5700</v>
          </cell>
          <cell r="E2217" t="str">
            <v>567-0801</v>
          </cell>
          <cell r="F2217" t="str">
            <v>大阪府大阪市中央区道修町1-6-19</v>
          </cell>
          <cell r="G2217" t="str">
            <v>大阪市</v>
          </cell>
          <cell r="H2217" t="str">
            <v/>
          </cell>
          <cell r="I2217" t="str">
            <v>代表取締役社長　 田所　伸浩</v>
          </cell>
          <cell r="J2217" t="str">
            <v>本店</v>
          </cell>
          <cell r="K2217" t="str">
            <v>06-6478-5702</v>
          </cell>
          <cell r="L2217" t="str">
            <v>kaihatu_osk@uokuni-s.co.jp</v>
          </cell>
          <cell r="M2217" t="str">
            <v>ｳｵｸﾆｿｳﾎﾝｼﾔ</v>
          </cell>
          <cell r="N2217" t="str">
            <v>無</v>
          </cell>
          <cell r="O2217">
            <v>104</v>
          </cell>
          <cell r="P2217">
            <v>18426</v>
          </cell>
          <cell r="Q2217">
            <v>1120000000000</v>
          </cell>
          <cell r="R2217">
            <v>286000</v>
          </cell>
          <cell r="S2217">
            <v>6547301</v>
          </cell>
          <cell r="T2217">
            <v>65758436</v>
          </cell>
          <cell r="V2217" t="str">
            <v>vu329755</v>
          </cell>
          <cell r="W2217" t="str">
            <v>ｒe168399</v>
          </cell>
          <cell r="Y2217">
            <v>80</v>
          </cell>
          <cell r="Z2217" t="str">
            <v/>
          </cell>
          <cell r="AA2217" t="str">
            <v/>
          </cell>
          <cell r="AB2217" t="str">
            <v/>
          </cell>
          <cell r="AC2217" t="str">
            <v/>
          </cell>
          <cell r="AD2217" t="str">
            <v/>
          </cell>
          <cell r="AE2217" t="str">
            <v>１；２；給食業務３；４；</v>
          </cell>
          <cell r="AF2217" t="str">
            <v>オフィス・工場・寮・学校・病院・シルバー福祉施設等の給食業務請負</v>
          </cell>
        </row>
        <row r="2218">
          <cell r="B2218">
            <v>10484</v>
          </cell>
          <cell r="C2218" t="str">
            <v>辰野(株)</v>
          </cell>
          <cell r="D2218" t="str">
            <v>06-6263-2332</v>
          </cell>
          <cell r="E2218" t="str">
            <v>541-0054</v>
          </cell>
          <cell r="F2218" t="str">
            <v>大阪府大阪市中央区南本町2-2-9</v>
          </cell>
          <cell r="G2218" t="str">
            <v>大阪市</v>
          </cell>
          <cell r="H2218" t="str">
            <v/>
          </cell>
          <cell r="I2218" t="str">
            <v>代表取締役 辰野　克彦</v>
          </cell>
          <cell r="J2218" t="str">
            <v>本店</v>
          </cell>
          <cell r="K2218" t="str">
            <v>06-6263-2791</v>
          </cell>
          <cell r="L2218" t="str">
            <v>o.iwakumo@tatuno.co.jp</v>
          </cell>
          <cell r="M2218" t="str">
            <v>ﾀﾂﾉ</v>
          </cell>
          <cell r="N2218" t="str">
            <v>無</v>
          </cell>
          <cell r="O2218">
            <v>84</v>
          </cell>
          <cell r="P2218">
            <v>131</v>
          </cell>
          <cell r="Q2218">
            <v>1120001077462</v>
          </cell>
          <cell r="R2218">
            <v>100000</v>
          </cell>
          <cell r="S2218">
            <v>14680519</v>
          </cell>
          <cell r="T2218">
            <v>11302416</v>
          </cell>
          <cell r="V2218" t="str">
            <v>ck843131</v>
          </cell>
          <cell r="W2218" t="str">
            <v>rr111389</v>
          </cell>
          <cell r="Y2218" t="str">
            <v>03，04，38，</v>
          </cell>
          <cell r="Z2218">
            <v>3</v>
          </cell>
          <cell r="AA2218">
            <v>38</v>
          </cell>
          <cell r="AB2218" t="str">
            <v/>
          </cell>
          <cell r="AC2218" t="str">
            <v/>
          </cell>
          <cell r="AD2218" t="str">
            <v/>
          </cell>
          <cell r="AE2218" t="str">
            <v>１；制服、作業服、雨衣、白衣、防寒衣、ワイシャツ、靴下　他２；災害備蓄用食糧品、災害備蓄用簡易トイレ、災害用毛布、マスク、防護服、ヘルメット　他　防災用品３；４；</v>
          </cell>
          <cell r="AF2218" t="str">
            <v/>
          </cell>
        </row>
        <row r="2219">
          <cell r="B2219">
            <v>10485</v>
          </cell>
          <cell r="C2219" t="str">
            <v>(株)愛善商会</v>
          </cell>
          <cell r="D2219" t="str">
            <v>06-6966-2371</v>
          </cell>
          <cell r="E2219" t="str">
            <v>540-0003</v>
          </cell>
          <cell r="F2219" t="str">
            <v>大阪府大阪市中央区森ﾉ宮中央2-8-16</v>
          </cell>
          <cell r="G2219" t="str">
            <v>大阪市</v>
          </cell>
          <cell r="H2219" t="str">
            <v/>
          </cell>
          <cell r="I2219" t="str">
            <v>代表取締役 中島　啓</v>
          </cell>
          <cell r="J2219" t="str">
            <v>本店</v>
          </cell>
          <cell r="K2219" t="str">
            <v>06-6966-2370</v>
          </cell>
          <cell r="L2219" t="str">
            <v>z.nakajima@k-aizen.co.jp</v>
          </cell>
          <cell r="M2219" t="str">
            <v>ｱｲｾﾞﾝｼｮｳｶｲ</v>
          </cell>
          <cell r="N2219" t="str">
            <v>無</v>
          </cell>
          <cell r="O2219">
            <v>24</v>
          </cell>
          <cell r="P2219">
            <v>57</v>
          </cell>
          <cell r="Q2219">
            <v>6120001073291</v>
          </cell>
          <cell r="R2219">
            <v>16000</v>
          </cell>
          <cell r="S2219">
            <v>2095981</v>
          </cell>
          <cell r="T2219">
            <v>1481499</v>
          </cell>
          <cell r="V2219" t="str">
            <v>nt195291</v>
          </cell>
          <cell r="W2219" t="str">
            <v>zf198819</v>
          </cell>
          <cell r="Y2219" t="str">
            <v>030，30，40，41，42，</v>
          </cell>
          <cell r="Z2219">
            <v>40</v>
          </cell>
          <cell r="AA2219">
            <v>41</v>
          </cell>
          <cell r="AB2219">
            <v>42</v>
          </cell>
          <cell r="AC2219">
            <v>30</v>
          </cell>
          <cell r="AD2219" t="str">
            <v/>
          </cell>
          <cell r="AE2219" t="str">
            <v>１；コンベヤベルト、Ｖベルト及びその他の伝動製品＝代）三ツ星ベルト（株）、コンベヤローラ・プーリ＝代）大東輸送機（株）、代）岡部機械工業（株）、ゴムシート類・型物類＝代）クレハエラストマー（株）２；３；４；</v>
          </cell>
          <cell r="AF2219" t="str">
            <v>工業用ゴムベルトにおいては、三ツ星ベルト代理店随一の在庫量を誇ります。工事においては、清掃施設、下水処理場、ポンプ場、駐輪場のコンベア設置・補修工事を得意としております。また、自社工場を保有しているため、あらゆるご要望にも迅速にお応えできるものと自負しております。</v>
          </cell>
        </row>
        <row r="2220">
          <cell r="B2220">
            <v>10486</v>
          </cell>
          <cell r="C2220" t="str">
            <v>(株)エヌジェーシー</v>
          </cell>
          <cell r="D2220" t="str">
            <v>06-6136-3230</v>
          </cell>
          <cell r="E2220" t="str">
            <v>530-0001</v>
          </cell>
          <cell r="F2220" t="str">
            <v>大阪府大阪市北区梅田1-11-4-2200</v>
          </cell>
          <cell r="G2220" t="str">
            <v>大阪市</v>
          </cell>
          <cell r="H2220" t="str">
            <v>大阪支社</v>
          </cell>
          <cell r="I2220" t="str">
            <v>常務取締役 古賀　茂</v>
          </cell>
          <cell r="J2220" t="str">
            <v>東京都</v>
          </cell>
          <cell r="K2220" t="str">
            <v>06-6136-3231</v>
          </cell>
          <cell r="L2220" t="str">
            <v>toroku-osaka@njc-web.co.jp</v>
          </cell>
          <cell r="M2220" t="str">
            <v>ｴﾇｼﾞｪｰｼｰ</v>
          </cell>
          <cell r="N2220" t="str">
            <v>有</v>
          </cell>
          <cell r="O2220">
            <v>18</v>
          </cell>
          <cell r="P2220">
            <v>1810</v>
          </cell>
          <cell r="Q2220">
            <v>5010001067669</v>
          </cell>
          <cell r="R2220">
            <v>25000</v>
          </cell>
          <cell r="S2220">
            <v>314782</v>
          </cell>
          <cell r="T2220">
            <v>4180934</v>
          </cell>
          <cell r="V2220" t="str">
            <v>ew387401</v>
          </cell>
          <cell r="W2220" t="str">
            <v>ns199967</v>
          </cell>
          <cell r="Y2220" t="str">
            <v>56，60，</v>
          </cell>
          <cell r="Z2220">
            <v>60</v>
          </cell>
          <cell r="AA2220">
            <v>56</v>
          </cell>
          <cell r="AB2220" t="str">
            <v/>
          </cell>
          <cell r="AC2220" t="str">
            <v/>
          </cell>
          <cell r="AD2220" t="str">
            <v/>
          </cell>
          <cell r="AE2220" t="str">
            <v>１；医事業務全般、救急外来受付業務、地域医療連携室業務、診療報酬請求業務、診療科受付業務２；医師事務作業補助業務、看護師事務補助業務、宿日直業務、物品管理業務３；４；</v>
          </cell>
          <cell r="AF2220" t="str">
            <v>医療事務業務を中心として、自治体病院（診療所）・民間病院（診療所）において、委託・派遣の契約形態にて、多数の契約を頂いております。</v>
          </cell>
        </row>
        <row r="2221">
          <cell r="B2221">
            <v>10492</v>
          </cell>
          <cell r="C2221" t="str">
            <v>管清工業(株)</v>
          </cell>
          <cell r="D2221" t="str">
            <v>078-802-8630</v>
          </cell>
          <cell r="E2221" t="str">
            <v>657-0816</v>
          </cell>
          <cell r="F2221" t="str">
            <v>兵庫県神戸市灘区国玉通2-8-5</v>
          </cell>
          <cell r="G2221" t="str">
            <v>神戸市</v>
          </cell>
          <cell r="H2221" t="str">
            <v>神戸営業所</v>
          </cell>
          <cell r="I2221" t="str">
            <v>所長 植木　孝司</v>
          </cell>
          <cell r="J2221" t="str">
            <v>東京都</v>
          </cell>
          <cell r="K2221" t="str">
            <v>078-802-8631</v>
          </cell>
          <cell r="L2221" t="str">
            <v>kobe@kansei-pipe.co.jp</v>
          </cell>
          <cell r="M2221" t="str">
            <v>ｶﾝｾｲｺｳｷﾞｮｳ</v>
          </cell>
          <cell r="N2221" t="str">
            <v>有</v>
          </cell>
          <cell r="O2221">
            <v>55</v>
          </cell>
          <cell r="P2221">
            <v>464</v>
          </cell>
          <cell r="Q2221">
            <v>1010901002720</v>
          </cell>
          <cell r="R2221">
            <v>250000</v>
          </cell>
          <cell r="S2221">
            <v>2661174</v>
          </cell>
          <cell r="T2221">
            <v>12130006</v>
          </cell>
          <cell r="V2221" t="str">
            <v>rr295227</v>
          </cell>
          <cell r="W2221" t="str">
            <v>rx189118</v>
          </cell>
          <cell r="Y2221" t="str">
            <v>55，79，</v>
          </cell>
          <cell r="Z2221">
            <v>79</v>
          </cell>
          <cell r="AA2221">
            <v>80</v>
          </cell>
          <cell r="AB2221">
            <v>55</v>
          </cell>
          <cell r="AC2221" t="str">
            <v/>
          </cell>
          <cell r="AD2221" t="str">
            <v/>
          </cell>
          <cell r="AE2221" t="str">
            <v>１；下水道施設の調査（テレビカメラ、大口径テレビカメラ、目視、流量、漏水、不明水対策調査等）・産業廃棄物収集運搬業許可証（兵庫県）・伊丹市排水設備指定工事店証２；建物内外排水管、下水道管渠内、貯水槽の清掃作業　・産業廃棄物収集運搬業許可証（兵庫県）・建築物飲料水貯水槽清掃業登録証明証（兵庫県）・伊丹市排水設備指定工事店証３；道路清掃（側溝他）、池などの浚渫業務　・産業廃棄物収集運搬業許可証（兵庫県）・伊丹市排水設備指定工事店証４；</v>
          </cell>
          <cell r="AF2221" t="str">
            <v>昭和３７年より下水道施設の維持管理を行っております。下水道管渠更生工事（オールライナー工法・ＭＬＲ工法・ＳＺ工法等）・調査・清掃は当社が得意とする分野です。また直営の作業員・特殊車両も多く抱えているため迅速な対応が可能であり全国的な実績もあります。</v>
          </cell>
        </row>
        <row r="2222">
          <cell r="B2222">
            <v>10493</v>
          </cell>
          <cell r="C2222" t="str">
            <v>吉田機電(株)</v>
          </cell>
          <cell r="D2222" t="str">
            <v>06-6973-4501</v>
          </cell>
          <cell r="E2222" t="str">
            <v>537-0024</v>
          </cell>
          <cell r="F2222" t="str">
            <v>大阪府大阪市東成区東小橋1-15-19</v>
          </cell>
          <cell r="G2222" t="str">
            <v>大阪市</v>
          </cell>
          <cell r="H2222" t="str">
            <v>大阪支店</v>
          </cell>
          <cell r="I2222" t="str">
            <v>代表取締役 吉田　武人</v>
          </cell>
          <cell r="J2222" t="str">
            <v>奈良県奈良市</v>
          </cell>
          <cell r="K2222" t="str">
            <v>06-6973-4537</v>
          </cell>
          <cell r="L2222" t="str">
            <v>shunichi.ishida@yoshida-kiden.co.jp</v>
          </cell>
          <cell r="M2222" t="str">
            <v>ﾖｼﾀﾞｷﾃﾞﾝ</v>
          </cell>
          <cell r="N2222" t="str">
            <v>有</v>
          </cell>
          <cell r="O2222">
            <v>72</v>
          </cell>
          <cell r="P2222">
            <v>104</v>
          </cell>
          <cell r="Q2222">
            <v>8150001002576</v>
          </cell>
          <cell r="R2222">
            <v>90000</v>
          </cell>
          <cell r="S2222">
            <v>1312466</v>
          </cell>
          <cell r="T2222">
            <v>5712095</v>
          </cell>
          <cell r="V2222" t="str">
            <v>sh578639</v>
          </cell>
          <cell r="W2222" t="str">
            <v>ｒn199575</v>
          </cell>
          <cell r="Y2222" t="str">
            <v>40，42，</v>
          </cell>
          <cell r="Z2222">
            <v>40</v>
          </cell>
          <cell r="AA2222">
            <v>42</v>
          </cell>
          <cell r="AB2222" t="str">
            <v/>
          </cell>
          <cell r="AC2222" t="str">
            <v/>
          </cell>
          <cell r="AD2222" t="str">
            <v/>
          </cell>
          <cell r="AE2222" t="str">
            <v>１；ポンプ・圧縮機・特（株）日立産機システム２；計量機器・特（株）日立産機システム３；４；</v>
          </cell>
          <cell r="AF2222" t="str">
            <v>産業用機械器具全般の卸売及び機器設置工事、特に、空調製品、給配水関係の製品実績が販売、工事共に多くあります。</v>
          </cell>
        </row>
        <row r="2223">
          <cell r="B2223">
            <v>10494</v>
          </cell>
          <cell r="C2223" t="str">
            <v>(株)ベイ・コミュニケーションズ</v>
          </cell>
          <cell r="D2223" t="str">
            <v>06-6450-1179</v>
          </cell>
          <cell r="E2223" t="str">
            <v>553-0001</v>
          </cell>
          <cell r="F2223" t="str">
            <v>大阪府大阪市福島区海老江1-1-31</v>
          </cell>
          <cell r="G2223" t="str">
            <v>大阪市</v>
          </cell>
          <cell r="H2223" t="str">
            <v/>
          </cell>
          <cell r="I2223" t="str">
            <v>代表取締役社長 竹間　郁夫</v>
          </cell>
          <cell r="J2223" t="str">
            <v>本店</v>
          </cell>
          <cell r="K2223" t="str">
            <v>06-6450-1181</v>
          </cell>
          <cell r="L2223" t="str">
            <v>takemura.k@baycom.jp</v>
          </cell>
          <cell r="M2223" t="str">
            <v>ﾍﾞｲ･ｺﾐｭﾆｹｰｼｮﾝｽﾞ</v>
          </cell>
          <cell r="N2223" t="str">
            <v>有</v>
          </cell>
          <cell r="O2223">
            <v>25</v>
          </cell>
          <cell r="P2223">
            <v>257</v>
          </cell>
          <cell r="Q2223">
            <v>8120001035166</v>
          </cell>
          <cell r="R2223">
            <v>4000000</v>
          </cell>
          <cell r="S2223">
            <v>13985446</v>
          </cell>
          <cell r="T2223">
            <v>16940654</v>
          </cell>
          <cell r="V2223" t="str">
            <v>rk885872</v>
          </cell>
          <cell r="W2223" t="str">
            <v>mh183679</v>
          </cell>
          <cell r="Y2223" t="str">
            <v>080，50，64，65，</v>
          </cell>
          <cell r="Z2223">
            <v>50</v>
          </cell>
          <cell r="AA2223">
            <v>64</v>
          </cell>
          <cell r="AB2223">
            <v>65</v>
          </cell>
          <cell r="AC2223">
            <v>80</v>
          </cell>
          <cell r="AD2223" t="str">
            <v/>
          </cell>
          <cell r="AE2223" t="str">
            <v>１；２；３；４；</v>
          </cell>
          <cell r="AF2223" t="str">
            <v>伊丹市、尼崎市、西宮市、大阪市西部をサービスエリアとするケーブルテレビ放送局。サービスエリア内の各市より自社のコミュニティチャンネルを利用した広報番組の作成・放送業務の受注実績あり。テレビ工事から通信工事全般を行います。</v>
          </cell>
        </row>
        <row r="2224">
          <cell r="B2224">
            <v>10495</v>
          </cell>
          <cell r="C2224" t="str">
            <v>デサントジャパン(株)</v>
          </cell>
          <cell r="D2224" t="str">
            <v>06-6774-0338</v>
          </cell>
          <cell r="E2224" t="str">
            <v>543-8921</v>
          </cell>
          <cell r="F2224" t="str">
            <v>大阪府大阪市天王寺区堂ヶ芝1-11-3</v>
          </cell>
          <cell r="G2224" t="str">
            <v>大阪市</v>
          </cell>
          <cell r="H2224" t="str">
            <v>経営企画部</v>
          </cell>
          <cell r="I2224" t="str">
            <v>部長 宮井　浩二</v>
          </cell>
          <cell r="J2224" t="str">
            <v>大阪府大阪市</v>
          </cell>
          <cell r="K2224" t="str">
            <v>06-6774-0379</v>
          </cell>
          <cell r="L2224" t="str">
            <v>m-kanaji@descente.co.jp</v>
          </cell>
          <cell r="M2224" t="str">
            <v>ﾃﾞｻﾝﾄｼﾞｬﾊﾟﾝ</v>
          </cell>
          <cell r="N2224" t="str">
            <v>有</v>
          </cell>
          <cell r="O2224">
            <v>2</v>
          </cell>
          <cell r="P2224">
            <v>1776</v>
          </cell>
          <cell r="Q2224">
            <v>6120001024419</v>
          </cell>
          <cell r="R2224">
            <v>90000</v>
          </cell>
          <cell r="S2224">
            <v>28015323</v>
          </cell>
          <cell r="T2224">
            <v>141124000</v>
          </cell>
          <cell r="V2224" t="str">
            <v>hs888259</v>
          </cell>
          <cell r="W2224" t="str">
            <v>ｒz199369</v>
          </cell>
          <cell r="Y2224" t="str">
            <v/>
          </cell>
          <cell r="Z2224" t="str">
            <v/>
          </cell>
          <cell r="AA2224" t="str">
            <v/>
          </cell>
          <cell r="AB2224" t="str">
            <v/>
          </cell>
          <cell r="AC2224" t="str">
            <v/>
          </cell>
          <cell r="AD2224" t="str">
            <v/>
          </cell>
          <cell r="AE2224" t="str">
            <v>１；介護予防（総合）事業、生活習慣病予防事業、ロコモ予防事業、健康増進事業、早期介入事業等２；３；４；</v>
          </cell>
          <cell r="AF2224" t="str">
            <v>介護予防＜総合＞事業（運動を中心とし、認知症予防・口腔・栄養を合わせた指導）。脱メタボのための生活習慣病予防やロコモ予防、体力測定やウォーキング指導等の健康増進プログラム。特定保健指導に準ずる早期介入プログラムを提供。</v>
          </cell>
        </row>
        <row r="2225">
          <cell r="B2225">
            <v>10496</v>
          </cell>
          <cell r="C2225" t="str">
            <v>東芝ライテック(株)</v>
          </cell>
          <cell r="D2225" t="str">
            <v>06-6208-6111</v>
          </cell>
          <cell r="E2225" t="str">
            <v>541-0043</v>
          </cell>
          <cell r="F2225" t="str">
            <v>大阪府大阪市中央区高麗橋4-3-7</v>
          </cell>
          <cell r="G2225" t="str">
            <v>川崎市</v>
          </cell>
          <cell r="H2225" t="str">
            <v>関西営業所</v>
          </cell>
          <cell r="I2225" t="str">
            <v>所長 杉島　直樹</v>
          </cell>
          <cell r="J2225" t="str">
            <v>神奈川県川崎市</v>
          </cell>
          <cell r="K2225" t="str">
            <v>06-6208-6118</v>
          </cell>
          <cell r="L2225" t="str">
            <v xml:space="preserve">yosjihiro.nobusawa@toshiba.co.jp </v>
          </cell>
          <cell r="M2225" t="str">
            <v>ﾄｳｼﾊﾞﾗｲﾃｯｸ</v>
          </cell>
          <cell r="N2225" t="str">
            <v>有</v>
          </cell>
          <cell r="O2225">
            <v>63</v>
          </cell>
          <cell r="P2225">
            <v>2673</v>
          </cell>
          <cell r="Q2225">
            <v>5021001044112</v>
          </cell>
          <cell r="R2225">
            <v>6000000</v>
          </cell>
          <cell r="S2225">
            <v>11400463</v>
          </cell>
          <cell r="T2225">
            <v>99440820</v>
          </cell>
          <cell r="V2225" t="str">
            <v>wt828082</v>
          </cell>
          <cell r="W2225" t="str">
            <v>wb333993</v>
          </cell>
          <cell r="Y2225" t="str">
            <v>34，</v>
          </cell>
          <cell r="Z2225">
            <v>34</v>
          </cell>
          <cell r="AA2225" t="str">
            <v/>
          </cell>
          <cell r="AB2225" t="str">
            <v/>
          </cell>
          <cell r="AC2225" t="str">
            <v/>
          </cell>
          <cell r="AD2225" t="str">
            <v/>
          </cell>
          <cell r="AE2225" t="str">
            <v>１；舞台照明器具（自社製品）２；３；４；</v>
          </cell>
          <cell r="AF2225" t="str">
            <v>舞台照明設備工事及び舞台照明器具の販売</v>
          </cell>
        </row>
        <row r="2226">
          <cell r="B2226">
            <v>10497</v>
          </cell>
          <cell r="C2226" t="str">
            <v>(株)隅谷商店</v>
          </cell>
          <cell r="D2226" t="str">
            <v>06-6752-1233</v>
          </cell>
          <cell r="E2226" t="str">
            <v>577-0836</v>
          </cell>
          <cell r="F2226" t="str">
            <v>大阪府東大阪市渋川町2‐3‐14</v>
          </cell>
          <cell r="G2226" t="str">
            <v>東大阪市</v>
          </cell>
          <cell r="H2226" t="str">
            <v/>
          </cell>
          <cell r="I2226" t="str">
            <v>代表取締役 隅谷　光一郎</v>
          </cell>
          <cell r="J2226" t="str">
            <v>本店</v>
          </cell>
          <cell r="K2226" t="str">
            <v>06-6752-6011</v>
          </cell>
          <cell r="L2226" t="str">
            <v>itou@sumitani-gp.co.jp</v>
          </cell>
          <cell r="M2226" t="str">
            <v>ｽﾐﾀﾆｼｮｳﾃﾝ</v>
          </cell>
          <cell r="N2226" t="str">
            <v>無</v>
          </cell>
          <cell r="O2226">
            <v>65</v>
          </cell>
          <cell r="P2226">
            <v>20</v>
          </cell>
          <cell r="Q2226">
            <v>3122001003743</v>
          </cell>
          <cell r="R2226">
            <v>33000</v>
          </cell>
          <cell r="S2226">
            <v>486644</v>
          </cell>
          <cell r="T2226">
            <v>2052083</v>
          </cell>
          <cell r="V2226" t="str">
            <v>xe685050</v>
          </cell>
          <cell r="W2226" t="str">
            <v>fx153671</v>
          </cell>
          <cell r="Y2226" t="str">
            <v>10，</v>
          </cell>
          <cell r="Z2226">
            <v>10</v>
          </cell>
          <cell r="AA2226" t="str">
            <v/>
          </cell>
          <cell r="AB2226" t="str">
            <v/>
          </cell>
          <cell r="AC2226" t="str">
            <v/>
          </cell>
          <cell r="AD2226" t="str">
            <v/>
          </cell>
          <cell r="AE2226" t="str">
            <v>１；苛性ソーダ、次亜塩素、活性炭素、消石灰、硫酸バンド、塩化カルシウム、ＰＡＣ、塩素、高分子凝集剤、シリコン、分析試薬、他工業薬品全般２；３；４；</v>
          </cell>
          <cell r="AF2226" t="str">
            <v>苛性ソーダ、次亜塩素、活性炭素、消石灰、硫酸バンド、塩化カルシウム、ＰＡＣ、塩素、高分子凝集剤、シリコン、分析試薬、他工業薬品全般</v>
          </cell>
        </row>
        <row r="2227">
          <cell r="B2227">
            <v>10498</v>
          </cell>
          <cell r="C2227" t="str">
            <v>Ｗｉｎｔｅｃ　Ｊａｐａｎ(株)</v>
          </cell>
          <cell r="D2227" t="str">
            <v>06-6243-2877</v>
          </cell>
          <cell r="E2227" t="str">
            <v>541-0058</v>
          </cell>
          <cell r="F2227" t="str">
            <v>大阪府大阪市中央区南久宝寺町3-2-7</v>
          </cell>
          <cell r="G2227" t="str">
            <v>大阪市</v>
          </cell>
          <cell r="H2227" t="str">
            <v/>
          </cell>
          <cell r="I2227" t="str">
            <v>代表取締役社長 市坪　勇</v>
          </cell>
          <cell r="J2227" t="str">
            <v>本店</v>
          </cell>
          <cell r="K2227" t="str">
            <v>06-6243-2887</v>
          </cell>
          <cell r="L2227" t="str">
            <v>kanri@wintec-japan.co.jp</v>
          </cell>
          <cell r="M2227" t="str">
            <v>ｳｨﾝﾃｯｸｼﾞｬﾊﾟﾝ</v>
          </cell>
          <cell r="N2227" t="str">
            <v>無</v>
          </cell>
          <cell r="O2227">
            <v>16</v>
          </cell>
          <cell r="P2227">
            <v>70</v>
          </cell>
          <cell r="Q2227">
            <v>6120001115597</v>
          </cell>
          <cell r="R2227">
            <v>10000</v>
          </cell>
          <cell r="S2227">
            <v>138304</v>
          </cell>
          <cell r="T2227">
            <v>363541</v>
          </cell>
          <cell r="V2227" t="str">
            <v>zk106204</v>
          </cell>
          <cell r="W2227" t="str">
            <v>wv143379</v>
          </cell>
          <cell r="Y2227" t="str">
            <v>57，58，</v>
          </cell>
          <cell r="Z2227" t="str">
            <v/>
          </cell>
          <cell r="AA2227" t="str">
            <v/>
          </cell>
          <cell r="AB2227" t="str">
            <v/>
          </cell>
          <cell r="AC2227" t="str">
            <v/>
          </cell>
          <cell r="AD2227" t="str">
            <v/>
          </cell>
          <cell r="AE2227" t="str">
            <v>１；２；３；４；</v>
          </cell>
          <cell r="AF2227" t="str">
            <v>医療情報システム（電子カルテシステム）の運用管理業務や導入コンサルタントを主たる業種としています。</v>
          </cell>
        </row>
        <row r="2228">
          <cell r="B2228">
            <v>10499</v>
          </cell>
          <cell r="C2228" t="str">
            <v>トッパン・フォームズ(株)</v>
          </cell>
          <cell r="D2228" t="str">
            <v>06-4390-0671</v>
          </cell>
          <cell r="E2228" t="str">
            <v>550-0005</v>
          </cell>
          <cell r="F2228" t="str">
            <v>大阪府大阪市西区西本町2-3-10 ｲﾝﾃｽﾋﾞﾙ</v>
          </cell>
          <cell r="G2228" t="str">
            <v>大阪市</v>
          </cell>
          <cell r="H2228" t="str">
            <v>関西事業部</v>
          </cell>
          <cell r="I2228" t="str">
            <v>第二営業本部長　 高野　智樹</v>
          </cell>
          <cell r="J2228" t="str">
            <v>東京都</v>
          </cell>
          <cell r="K2228" t="str">
            <v>06-4390-0720</v>
          </cell>
          <cell r="L2228" t="str">
            <v/>
          </cell>
          <cell r="M2228" t="str">
            <v>ﾄﾂﾊﾟﾝ.ﾌｵ-ﾑｽﾞ</v>
          </cell>
          <cell r="N2228" t="str">
            <v>有</v>
          </cell>
          <cell r="O2228">
            <v>63</v>
          </cell>
          <cell r="P2228">
            <v>1910</v>
          </cell>
          <cell r="Q2228">
            <v>4010400000000</v>
          </cell>
          <cell r="R2228">
            <v>11750000</v>
          </cell>
          <cell r="S2228">
            <v>162113000</v>
          </cell>
          <cell r="T2228">
            <v>189107000</v>
          </cell>
          <cell r="V2228" t="str">
            <v>rv763991</v>
          </cell>
          <cell r="W2228" t="str">
            <v>lh119389</v>
          </cell>
          <cell r="Y2228" t="str">
            <v>14.15.36.38.56.57.58.59.63.73.74.76</v>
          </cell>
          <cell r="Z2228">
            <v>74</v>
          </cell>
          <cell r="AA2228">
            <v>76</v>
          </cell>
          <cell r="AB2228">
            <v>15</v>
          </cell>
          <cell r="AC2228">
            <v>56</v>
          </cell>
          <cell r="AD2228" t="str">
            <v/>
          </cell>
          <cell r="AE2228" t="str">
            <v>１；２；ビジネスフォーム、連続帳票（全般）、圧着はがき３；偽造防止用紙、ＯＣＲフォーム、ステッカー、ラベル、磁気カード、ＩＣカード、点字印刷４；コピー用紙、連続用紙（全般）</v>
          </cell>
          <cell r="AF2228" t="str">
            <v>各種申込書や納付書等の事務帳票全般・お預かりしたデータの用紙への印字・加工、様々な事務作業の一括請負サービス、特殊印刷（偽造防止用紙等）、圧着はがき、ＩＣカード、磁気カード、カード発行機、オフィス関連危機全般、オフィスサプライ品全般、防災用品全般等。</v>
          </cell>
        </row>
        <row r="2229">
          <cell r="B2229">
            <v>10500</v>
          </cell>
          <cell r="C2229" t="str">
            <v>(株)ビー・エム・エル</v>
          </cell>
          <cell r="D2229" t="str">
            <v>072-621-8811</v>
          </cell>
          <cell r="E2229" t="str">
            <v>567-0034</v>
          </cell>
          <cell r="F2229" t="str">
            <v>大阪府茨木市中穂積3-15-24</v>
          </cell>
          <cell r="G2229" t="str">
            <v>茨木市</v>
          </cell>
          <cell r="H2229" t="str">
            <v>大阪第三営業所</v>
          </cell>
          <cell r="I2229" t="str">
            <v>所長 岩間　裕介</v>
          </cell>
          <cell r="J2229" t="str">
            <v>東京都</v>
          </cell>
          <cell r="K2229" t="str">
            <v>072-621-8817</v>
          </cell>
          <cell r="L2229" t="str">
            <v>ryota_kosako@bml.co.jp</v>
          </cell>
          <cell r="M2229" t="str">
            <v>ﾋﾞｰ･ｴﾑ･ｴﾙ</v>
          </cell>
          <cell r="N2229" t="str">
            <v>有</v>
          </cell>
          <cell r="O2229">
            <v>63</v>
          </cell>
          <cell r="P2229">
            <v>3902</v>
          </cell>
          <cell r="Q2229">
            <v>7011001019237</v>
          </cell>
          <cell r="R2229">
            <v>6045586</v>
          </cell>
          <cell r="S2229">
            <v>57721300</v>
          </cell>
          <cell r="T2229">
            <v>89129107</v>
          </cell>
          <cell r="V2229" t="str">
            <v>bd435506</v>
          </cell>
          <cell r="W2229" t="str">
            <v>mq158313</v>
          </cell>
          <cell r="Y2229" t="str">
            <v>78，</v>
          </cell>
          <cell r="Z2229">
            <v>78</v>
          </cell>
          <cell r="AA2229" t="str">
            <v/>
          </cell>
          <cell r="AB2229" t="str">
            <v/>
          </cell>
          <cell r="AC2229" t="str">
            <v/>
          </cell>
          <cell r="AD2229" t="str">
            <v/>
          </cell>
          <cell r="AE2229" t="str">
            <v>１；２；３；４；</v>
          </cell>
          <cell r="AF2229" t="str">
            <v>臨床検査受託業務につき、一般から特殊、遺伝子検査に至るまで広く、全国の医療機関より受託しております。</v>
          </cell>
        </row>
        <row r="2230">
          <cell r="B2230">
            <v>10501</v>
          </cell>
          <cell r="C2230" t="str">
            <v>東洋紙業(株)</v>
          </cell>
          <cell r="D2230" t="str">
            <v>06-6567-2401</v>
          </cell>
          <cell r="E2230" t="str">
            <v>556-8555</v>
          </cell>
          <cell r="F2230" t="str">
            <v>大阪府大阪市浪速区芦原1-3-18</v>
          </cell>
          <cell r="G2230" t="str">
            <v>大阪市</v>
          </cell>
          <cell r="H2230" t="str">
            <v>ＩＰＳ事業部</v>
          </cell>
          <cell r="I2230" t="str">
            <v>ＩＰＳ事業部　事業部長 衣笠　文朗</v>
          </cell>
          <cell r="J2230" t="str">
            <v>大阪府大阪市</v>
          </cell>
          <cell r="K2230" t="str">
            <v>06-6567-5721</v>
          </cell>
          <cell r="L2230" t="str">
            <v>t-tukuda@toyo-s.co.jp</v>
          </cell>
          <cell r="M2230" t="str">
            <v>ﾄｳﾖｳｼｷﾞｮｳ</v>
          </cell>
          <cell r="N2230" t="str">
            <v>有</v>
          </cell>
          <cell r="O2230">
            <v>81</v>
          </cell>
          <cell r="P2230">
            <v>952</v>
          </cell>
          <cell r="Q2230">
            <v>2120001039189</v>
          </cell>
          <cell r="R2230">
            <v>3448125</v>
          </cell>
          <cell r="S2230">
            <v>7457588</v>
          </cell>
          <cell r="T2230">
            <v>33360366</v>
          </cell>
          <cell r="V2230" t="str">
            <v>fp221891</v>
          </cell>
          <cell r="W2230" t="str">
            <v>it199373</v>
          </cell>
          <cell r="Y2230" t="str">
            <v>080，57，73，74，</v>
          </cell>
          <cell r="Z2230">
            <v>74</v>
          </cell>
          <cell r="AA2230">
            <v>57</v>
          </cell>
          <cell r="AB2230">
            <v>73</v>
          </cell>
          <cell r="AC2230">
            <v>80</v>
          </cell>
          <cell r="AD2230" t="str">
            <v/>
          </cell>
          <cell r="AE2230" t="str">
            <v>１；連続伝票・ＯＣＲ帳票・圧着はがき２；データ入力　データ印字　３；カタログ　ちらし　ポスター４；選挙案内状や納付書等の封入封緘、発送業務</v>
          </cell>
          <cell r="AF2230" t="str">
            <v>当社は、大阪と東京に拠点を置き、企画・制作からの印刷（商業印刷・フォーム印刷）や情報処理業務（印字・封入業務）まで請負う総合印刷会社です。大手量販店様・官庁関係様より多くの受注をいただいております。</v>
          </cell>
        </row>
        <row r="2231">
          <cell r="B2231">
            <v>10502</v>
          </cell>
          <cell r="C2231" t="str">
            <v>(株)高速オフセット</v>
          </cell>
          <cell r="D2231" t="str">
            <v>06-6346-2800</v>
          </cell>
          <cell r="E2231" t="str">
            <v>530-0001</v>
          </cell>
          <cell r="F2231" t="str">
            <v>大阪府大阪市北区梅田3-4-5</v>
          </cell>
          <cell r="G2231" t="str">
            <v>大阪市</v>
          </cell>
          <cell r="H2231" t="str">
            <v/>
          </cell>
          <cell r="I2231" t="str">
            <v>代表取締役社長 橋本　伸一</v>
          </cell>
          <cell r="J2231" t="str">
            <v>本店</v>
          </cell>
          <cell r="K2231" t="str">
            <v>06-6346-8848</v>
          </cell>
          <cell r="L2231" t="str">
            <v>s.takada@kousoku-offset.jp</v>
          </cell>
          <cell r="M2231" t="str">
            <v>ｺｳｿｸｵﾌｾｯﾄ</v>
          </cell>
          <cell r="N2231" t="str">
            <v>無</v>
          </cell>
          <cell r="O2231">
            <v>31</v>
          </cell>
          <cell r="P2231">
            <v>391</v>
          </cell>
          <cell r="Q2231">
            <v>9120001063629</v>
          </cell>
          <cell r="R2231">
            <v>91000</v>
          </cell>
          <cell r="S2231" t="str">
            <v/>
          </cell>
          <cell r="T2231">
            <v>13262842</v>
          </cell>
          <cell r="V2231" t="str">
            <v>ta383297</v>
          </cell>
          <cell r="W2231" t="str">
            <v>eｒ139381</v>
          </cell>
          <cell r="Y2231" t="str">
            <v>013，13，73，74，76，</v>
          </cell>
          <cell r="Z2231">
            <v>73</v>
          </cell>
          <cell r="AA2231">
            <v>74</v>
          </cell>
          <cell r="AB2231">
            <v>76</v>
          </cell>
          <cell r="AC2231">
            <v>13</v>
          </cell>
          <cell r="AD2231" t="str">
            <v/>
          </cell>
          <cell r="AE2231" t="str">
            <v>１；２；３；４；</v>
          </cell>
          <cell r="AF2231" t="str">
            <v>一般印刷・新聞印刷およびフォーム印刷など、印刷業務全般</v>
          </cell>
        </row>
        <row r="2232">
          <cell r="B2232">
            <v>10503</v>
          </cell>
          <cell r="C2232" t="str">
            <v>ネットワンシステムズ(株)</v>
          </cell>
          <cell r="D2232" t="str">
            <v>03-6256-0600</v>
          </cell>
          <cell r="E2232" t="str">
            <v>140-8621</v>
          </cell>
          <cell r="F2232" t="str">
            <v>東京都千代田区丸の内2-7-2 JPﾀﾜｰ</v>
          </cell>
          <cell r="G2232" t="str">
            <v>東京都</v>
          </cell>
          <cell r="H2232" t="str">
            <v/>
          </cell>
          <cell r="I2232" t="str">
            <v>代表取締役　 荒井　透</v>
          </cell>
          <cell r="J2232" t="str">
            <v>本店</v>
          </cell>
          <cell r="K2232" t="str">
            <v>03-6433-1709</v>
          </cell>
          <cell r="L2232" t="str">
            <v>nyusatsu@netone.co.jp</v>
          </cell>
          <cell r="M2232" t="str">
            <v>ﾈﾂﾄﾜﾝｼｽﾃﾑｽﾞ</v>
          </cell>
          <cell r="N2232" t="str">
            <v>無</v>
          </cell>
          <cell r="O2232">
            <v>26</v>
          </cell>
          <cell r="P2232">
            <v>2422</v>
          </cell>
          <cell r="Q2232">
            <v>7010700000000</v>
          </cell>
          <cell r="R2232">
            <v>12279470</v>
          </cell>
          <cell r="S2232">
            <v>56008644</v>
          </cell>
          <cell r="T2232">
            <v>130753616</v>
          </cell>
          <cell r="V2232" t="str">
            <v>qn872152</v>
          </cell>
          <cell r="W2232" t="str">
            <v>bx158793</v>
          </cell>
          <cell r="Y2232" t="str">
            <v>36.44.50.58</v>
          </cell>
          <cell r="Z2232">
            <v>36</v>
          </cell>
          <cell r="AA2232">
            <v>50</v>
          </cell>
          <cell r="AB2232">
            <v>58</v>
          </cell>
          <cell r="AC2232">
            <v>44</v>
          </cell>
          <cell r="AD2232" t="str">
            <v/>
          </cell>
          <cell r="AE2232" t="str">
            <v>１；２；コンピュータネットワーク機器の販売（代）シスコシステムズ（合）、代）ジュニパーネットワークス（株）、代）ＥＭＣジャパン（株）、代）パロアルトネットワークス（合）、その他多数）３；コンピュータネットワーク関連機器、システムの保守４；コンピュータネットワーク関連機器、システムの開発、運用、管理</v>
          </cell>
          <cell r="AF2232" t="str">
            <v>１９８８年に創業し２０年以上に渡って日本のネットワーク市場のリーダーとして、品質の高いソリューションとサービスを提供しています。コンピュータネットワーク関連機器の販売、設置、工事、保守・運用業務を中心にお客様のお役に立てたらと考えております。</v>
          </cell>
        </row>
        <row r="2233">
          <cell r="B2233">
            <v>10504</v>
          </cell>
          <cell r="C2233" t="str">
            <v>ミナト消毒(株)</v>
          </cell>
          <cell r="D2233" t="str">
            <v>078-741-0606</v>
          </cell>
          <cell r="E2233" t="str">
            <v>654-0102</v>
          </cell>
          <cell r="F2233" t="str">
            <v>兵庫県神戸市須磨区東白川台2-20-3</v>
          </cell>
          <cell r="G2233" t="str">
            <v>神戸市</v>
          </cell>
          <cell r="H2233" t="str">
            <v/>
          </cell>
          <cell r="I2233" t="str">
            <v>代表取締役 辰巳　幸雄</v>
          </cell>
          <cell r="J2233" t="str">
            <v>本店</v>
          </cell>
          <cell r="K2233" t="str">
            <v>078-741-7373</v>
          </cell>
          <cell r="L2233" t="str">
            <v>minato.s@crux.ocn.ne.jp</v>
          </cell>
          <cell r="M2233" t="str">
            <v>ﾐﾅﾄｼｮｳﾄﾞｸ</v>
          </cell>
          <cell r="N2233" t="str">
            <v>無</v>
          </cell>
          <cell r="O2233">
            <v>50</v>
          </cell>
          <cell r="P2233">
            <v>7</v>
          </cell>
          <cell r="Q2233">
            <v>4140001017967</v>
          </cell>
          <cell r="R2233">
            <v>10000</v>
          </cell>
          <cell r="S2233">
            <v>13268</v>
          </cell>
          <cell r="T2233">
            <v>39038</v>
          </cell>
          <cell r="V2233" t="str">
            <v>nf942226</v>
          </cell>
          <cell r="W2233" t="str">
            <v>of163917</v>
          </cell>
          <cell r="Y2233" t="str">
            <v>52，</v>
          </cell>
          <cell r="Z2233" t="str">
            <v/>
          </cell>
          <cell r="AA2233" t="str">
            <v/>
          </cell>
          <cell r="AB2233" t="str">
            <v/>
          </cell>
          <cell r="AC2233" t="str">
            <v/>
          </cell>
          <cell r="AD2233" t="str">
            <v/>
          </cell>
          <cell r="AE2233" t="str">
            <v>１；２；３；４；</v>
          </cell>
          <cell r="AF2233" t="str">
            <v>鼠、衛生害虫、ハチ、樹木害虫、白あり等の駆除を専門分野とし、兵庫県下の業界では最も古い位置に存在する。創立５０周年を迎え、害虫駆除の技術改革に日夜邁進している。</v>
          </cell>
        </row>
        <row r="2234">
          <cell r="B2234">
            <v>10506</v>
          </cell>
          <cell r="C2234" t="str">
            <v>(株)ケーエスケー</v>
          </cell>
          <cell r="D2234" t="str">
            <v>06-6432-2221</v>
          </cell>
          <cell r="E2234" t="str">
            <v>661-0047</v>
          </cell>
          <cell r="F2234" t="str">
            <v>兵庫県尼崎市西昆陽2-15-4</v>
          </cell>
          <cell r="G2234" t="str">
            <v>尼崎市</v>
          </cell>
          <cell r="H2234" t="str">
            <v>尼崎支店</v>
          </cell>
          <cell r="I2234" t="str">
            <v>支店長 原囿　勝浩</v>
          </cell>
          <cell r="J2234" t="str">
            <v>大阪府大阪市</v>
          </cell>
          <cell r="K2234" t="str">
            <v>06-642-4002</v>
          </cell>
          <cell r="L2234" t="str">
            <v>ohtsu_hiroshi@web-ksk.co.jp</v>
          </cell>
          <cell r="M2234" t="str">
            <v>ｹｰｴｽｹｰ</v>
          </cell>
          <cell r="N2234" t="str">
            <v>有</v>
          </cell>
          <cell r="O2234">
            <v>56</v>
          </cell>
          <cell r="P2234">
            <v>1334</v>
          </cell>
          <cell r="Q2234">
            <v>2120001078303</v>
          </cell>
          <cell r="R2234">
            <v>1328718</v>
          </cell>
          <cell r="S2234">
            <v>40293070</v>
          </cell>
          <cell r="T2234">
            <v>269622903</v>
          </cell>
          <cell r="V2234" t="str">
            <v>yu155468</v>
          </cell>
          <cell r="W2234" t="str">
            <v>oh198635</v>
          </cell>
          <cell r="Y2234" t="str">
            <v>9，39，</v>
          </cell>
          <cell r="Z2234">
            <v>9</v>
          </cell>
          <cell r="AA2234">
            <v>39</v>
          </cell>
          <cell r="AB2234" t="str">
            <v/>
          </cell>
          <cell r="AC2234" t="str">
            <v/>
          </cell>
          <cell r="AD2234" t="str">
            <v/>
          </cell>
          <cell r="AE2234" t="str">
            <v>１；第一三共株会社（代）、武田薬品工業株式会社（代）、田辺三菱製薬株式会社（代）、アステラス製薬株式会社（代）、中外製薬株式会社（代）、大塚製薬株式会社（代）２；テルモ株式会社（代）、ニプロ株式会社（代）、株式会社ジェイ・エム・エス（代）、株式会社ユヤマ（代）、株式会社タカゾノ（代）３；４；</v>
          </cell>
          <cell r="AF2234" t="str">
            <v>医療用医薬品・医療機器・衛生材料・試薬・理化学機器・医療食など</v>
          </cell>
        </row>
        <row r="2235">
          <cell r="B2235">
            <v>10508</v>
          </cell>
          <cell r="C2235" t="str">
            <v>(有)オーアイシステム</v>
          </cell>
          <cell r="D2235" t="str">
            <v>072-837-3799</v>
          </cell>
          <cell r="E2235" t="str">
            <v>573-0094</v>
          </cell>
          <cell r="F2235" t="str">
            <v>大阪府枚方市南中振1-14-19</v>
          </cell>
          <cell r="G2235" t="str">
            <v>枚方市</v>
          </cell>
          <cell r="H2235" t="str">
            <v/>
          </cell>
          <cell r="I2235" t="str">
            <v>取締役 小椋　亮二</v>
          </cell>
          <cell r="J2235" t="str">
            <v>本店</v>
          </cell>
          <cell r="K2235" t="str">
            <v>072-837-3790</v>
          </cell>
          <cell r="L2235" t="str">
            <v>ogura00@gold.ocn.ne.jp</v>
          </cell>
          <cell r="M2235" t="str">
            <v>ｵｰｱｲｼｽﾃﾑ</v>
          </cell>
          <cell r="N2235" t="str">
            <v>無</v>
          </cell>
          <cell r="O2235">
            <v>20</v>
          </cell>
          <cell r="P2235">
            <v>1</v>
          </cell>
          <cell r="Q2235">
            <v>1120002073832</v>
          </cell>
          <cell r="R2235">
            <v>3000</v>
          </cell>
          <cell r="S2235">
            <v>3000</v>
          </cell>
          <cell r="T2235">
            <v>749</v>
          </cell>
          <cell r="V2235" t="str">
            <v>uw238210</v>
          </cell>
          <cell r="W2235" t="str">
            <v>lb199813</v>
          </cell>
          <cell r="Y2235" t="str">
            <v>057，36，57，58，74，</v>
          </cell>
          <cell r="Z2235">
            <v>58</v>
          </cell>
          <cell r="AA2235">
            <v>36</v>
          </cell>
          <cell r="AB2235">
            <v>74</v>
          </cell>
          <cell r="AC2235">
            <v>57</v>
          </cell>
          <cell r="AD2235" t="str">
            <v/>
          </cell>
          <cell r="AE2235" t="str">
            <v>１；自治体業務のシステム設計及びプログラム開発。２；３；４；</v>
          </cell>
          <cell r="AF2235" t="str">
            <v>コンビューターソフトウエアのシステム設計及びプログラム開発。特に地方自治体業務。</v>
          </cell>
        </row>
        <row r="2236">
          <cell r="B2236">
            <v>10509</v>
          </cell>
          <cell r="C2236" t="str">
            <v>リコーリース(株)</v>
          </cell>
          <cell r="D2236" t="str">
            <v>078-265-2661</v>
          </cell>
          <cell r="E2236" t="str">
            <v>651-0087</v>
          </cell>
          <cell r="F2236" t="str">
            <v>兵庫県神戸市中央区御幸通4-1-1</v>
          </cell>
          <cell r="G2236" t="str">
            <v>神戸市</v>
          </cell>
          <cell r="H2236" t="str">
            <v>兵庫支店</v>
          </cell>
          <cell r="I2236" t="str">
            <v>支店長 大門　孝次</v>
          </cell>
          <cell r="J2236" t="str">
            <v>東京都</v>
          </cell>
          <cell r="K2236" t="str">
            <v>078-265-2666</v>
          </cell>
          <cell r="L2236" t="str">
            <v>mkotani@rle.ricoh.co.jp</v>
          </cell>
          <cell r="M2236" t="str">
            <v>ﾘｺｰﾘｰｽ</v>
          </cell>
          <cell r="N2236" t="str">
            <v>有</v>
          </cell>
          <cell r="O2236">
            <v>42</v>
          </cell>
          <cell r="P2236">
            <v>812</v>
          </cell>
          <cell r="Q2236">
            <v>7010601037788</v>
          </cell>
          <cell r="R2236">
            <v>7896000</v>
          </cell>
          <cell r="S2236">
            <v>163511000</v>
          </cell>
          <cell r="T2236">
            <v>295050147</v>
          </cell>
          <cell r="V2236" t="str">
            <v>jf438391</v>
          </cell>
          <cell r="W2236" t="str">
            <v>fl179933</v>
          </cell>
          <cell r="Y2236" t="str">
            <v>44，</v>
          </cell>
          <cell r="Z2236" t="str">
            <v/>
          </cell>
          <cell r="AA2236" t="str">
            <v/>
          </cell>
          <cell r="AB2236" t="str">
            <v/>
          </cell>
          <cell r="AC2236" t="str">
            <v/>
          </cell>
          <cell r="AD2236" t="str">
            <v/>
          </cell>
          <cell r="AE2236" t="str">
            <v>１；複合機機、パソコン、サーバー、医療機器、自動車２；３；４；</v>
          </cell>
          <cell r="AF2236" t="str">
            <v>（株）リコーのグループ会社。中小企業のお客様を基盤に、小額・大量契約で貸倒リスクが分散された優良な営業資産を形成している。</v>
          </cell>
        </row>
        <row r="2237">
          <cell r="B2237">
            <v>10511</v>
          </cell>
          <cell r="C2237" t="str">
            <v>(株)日立システムズ</v>
          </cell>
          <cell r="D2237" t="str">
            <v>06-6147-2894</v>
          </cell>
          <cell r="E2237" t="str">
            <v>530-0004</v>
          </cell>
          <cell r="F2237" t="str">
            <v>大阪府大阪市北区堂島浜一丁目2番1号</v>
          </cell>
          <cell r="G2237" t="str">
            <v>大阪市</v>
          </cell>
          <cell r="H2237" t="str">
            <v>関西支社</v>
          </cell>
          <cell r="I2237" t="str">
            <v>支社長 山村　陽一</v>
          </cell>
          <cell r="J2237" t="str">
            <v>東京都</v>
          </cell>
          <cell r="K2237" t="str">
            <v>06-6344-3240</v>
          </cell>
          <cell r="L2237" t="str">
            <v>touroku.kansai.by@hitachi-systems.com</v>
          </cell>
          <cell r="M2237" t="str">
            <v>ﾋﾀﾁｼｽﾃﾑｽﾞ</v>
          </cell>
          <cell r="N2237" t="str">
            <v>有</v>
          </cell>
          <cell r="O2237">
            <v>56</v>
          </cell>
          <cell r="P2237">
            <v>9904</v>
          </cell>
          <cell r="Q2237">
            <v>6010700000000</v>
          </cell>
          <cell r="R2237">
            <v>19162136</v>
          </cell>
          <cell r="S2237">
            <v>139612000</v>
          </cell>
          <cell r="T2237">
            <v>393294000</v>
          </cell>
          <cell r="V2237" t="str">
            <v>yr123653</v>
          </cell>
          <cell r="W2237" t="str">
            <v>gq199119</v>
          </cell>
          <cell r="Y2237" t="str">
            <v>36.50.58.59</v>
          </cell>
          <cell r="Z2237">
            <v>58</v>
          </cell>
          <cell r="AA2237">
            <v>59</v>
          </cell>
          <cell r="AB2237">
            <v>36</v>
          </cell>
          <cell r="AC2237">
            <v>50</v>
          </cell>
          <cell r="AD2237" t="str">
            <v/>
          </cell>
          <cell r="AE2237" t="str">
            <v>１；２；システムインテグレーション・ソフトウェア開発３；情報処理サービス・ネットワークサービス４；機器販売・コンピュータ関連消耗品販売</v>
          </cell>
          <cell r="AF2237" t="str">
            <v>アウトソーシングのサービスやネットワークサービス等のシステム運用事業、システムインテグレーション、ソフトウェア開発等のシステム構築事業、それらの事業に係る機器、サプライ品販売事業を通じて、事業戦略から顧客サービスの現場までをシームレスに貫く最適なＩＴサービスの提供。</v>
          </cell>
        </row>
        <row r="2238">
          <cell r="B2238">
            <v>10512</v>
          </cell>
          <cell r="C2238" t="str">
            <v>伊丹産業電気工事(株)(合併による消滅）</v>
          </cell>
          <cell r="D2238" t="str">
            <v>072-785-1200</v>
          </cell>
          <cell r="E2238" t="str">
            <v>664-0836</v>
          </cell>
          <cell r="F2238" t="str">
            <v>兵庫県伊丹市北本町2-259</v>
          </cell>
          <cell r="G2238" t="str">
            <v>伊丹市</v>
          </cell>
          <cell r="H2238" t="str">
            <v/>
          </cell>
          <cell r="I2238" t="str">
            <v>代表取締役 東仲　淳隆</v>
          </cell>
          <cell r="J2238" t="str">
            <v>本店</v>
          </cell>
          <cell r="K2238" t="str">
            <v>072-777-2199</v>
          </cell>
          <cell r="L2238" t="str">
            <v>isdk@pearl.ocn.ne.jp</v>
          </cell>
          <cell r="M2238" t="str">
            <v>ｲﾀﾐｻﾝｷﾞｮｳﾃﾞﾝｷｺｳｼﾞ</v>
          </cell>
          <cell r="N2238" t="str">
            <v>無</v>
          </cell>
          <cell r="O2238">
            <v>56</v>
          </cell>
          <cell r="P2238">
            <v>33</v>
          </cell>
          <cell r="Q2238">
            <v>1140001077997</v>
          </cell>
          <cell r="R2238">
            <v>48000</v>
          </cell>
          <cell r="S2238">
            <v>913530</v>
          </cell>
          <cell r="T2238">
            <v>1364852</v>
          </cell>
          <cell r="V2238" t="str">
            <v>gf897009</v>
          </cell>
          <cell r="W2238" t="str">
            <v>df168507</v>
          </cell>
          <cell r="Y2238" t="str">
            <v/>
          </cell>
          <cell r="Z2238">
            <v>35</v>
          </cell>
          <cell r="AA2238">
            <v>34</v>
          </cell>
          <cell r="AB2238">
            <v>47</v>
          </cell>
          <cell r="AC2238">
            <v>38</v>
          </cell>
          <cell r="AD2238" t="str">
            <v/>
          </cell>
          <cell r="AE2238">
            <v>0</v>
          </cell>
          <cell r="AF2238" t="str">
            <v>近畿エリアを基盤に各種建築物の電気工事を主体として、防災・防犯システムの構築、ＬＥＤ照明等省エネ工事、街路灯、交通信号機の設置、スマートエネルギーシステムの普及等、あらゆる電気工事に対応出来る施工体制を有しております。</v>
          </cell>
        </row>
        <row r="2239">
          <cell r="B2239">
            <v>10514</v>
          </cell>
          <cell r="C2239" t="str">
            <v>エアーポート企業(株)</v>
          </cell>
          <cell r="D2239" t="str">
            <v>06-6855-1113</v>
          </cell>
          <cell r="E2239" t="str">
            <v>563-0034</v>
          </cell>
          <cell r="F2239" t="str">
            <v>大阪府池田市空港2ｰ368 大阪国際空港内</v>
          </cell>
          <cell r="G2239" t="str">
            <v>池田市</v>
          </cell>
          <cell r="H2239" t="str">
            <v/>
          </cell>
          <cell r="I2239" t="str">
            <v>代表取締役 澤村　正良</v>
          </cell>
          <cell r="J2239" t="str">
            <v>本店</v>
          </cell>
          <cell r="K2239" t="str">
            <v>072-771-0337</v>
          </cell>
          <cell r="L2239" t="str">
            <v>k-aec@hcc6.bai.ne.jp</v>
          </cell>
          <cell r="M2239" t="str">
            <v>ｴｱｰﾎﾟｰﾄｷｷﾞｮｳ</v>
          </cell>
          <cell r="N2239" t="str">
            <v>無</v>
          </cell>
          <cell r="O2239">
            <v>54</v>
          </cell>
          <cell r="P2239">
            <v>43</v>
          </cell>
          <cell r="Q2239">
            <v>8120901019417</v>
          </cell>
          <cell r="R2239">
            <v>20000</v>
          </cell>
          <cell r="S2239">
            <v>302733</v>
          </cell>
          <cell r="T2239">
            <v>690883</v>
          </cell>
          <cell r="V2239" t="str">
            <v>zd254551</v>
          </cell>
          <cell r="W2239" t="str">
            <v>en135339</v>
          </cell>
          <cell r="Y2239" t="str">
            <v>52，68，69，</v>
          </cell>
          <cell r="Z2239">
            <v>68</v>
          </cell>
          <cell r="AA2239">
            <v>52</v>
          </cell>
          <cell r="AB2239">
            <v>69</v>
          </cell>
          <cell r="AC2239" t="str">
            <v/>
          </cell>
          <cell r="AD2239" t="str">
            <v/>
          </cell>
          <cell r="AE2239" t="str">
            <v>１；一般廃棄物収集運搬業許可（伊丹市）、産業廃棄物収集運搬業許可（兵庫県）、特別管理産業廃棄物収集運搬業許可（兵庫県）、産業廃棄物処分業許可（兵庫県）２；建築物ねずみ昆虫等防除業登録（兵庫県）３；再生事業者登録（兵庫県）、古物商（兵庫県公安委員会）、金属くず商（兵庫県公安委員会）４；</v>
          </cell>
          <cell r="AF2239" t="str">
            <v>一般廃棄物収集運搬業・産業廃棄物収集運搬業・特別管理産業廃棄物収集運搬業・産業廃棄物処分業／スチロール焼却処理・廃棄物再生事業者登録／古紙・古繊維・金属くず・空き瓶・廃プラスチック類・建築物ねずみ昆虫等防除業・古物商・金属くず商</v>
          </cell>
        </row>
        <row r="2240">
          <cell r="B2240">
            <v>10515</v>
          </cell>
          <cell r="C2240" t="str">
            <v>Ｄｙｎａｂｏｏｋ(株)</v>
          </cell>
          <cell r="D2240" t="str">
            <v>06-6426-6700</v>
          </cell>
          <cell r="E2240" t="str">
            <v>661-0981</v>
          </cell>
          <cell r="F2240" t="str">
            <v>兵庫県尼崎市猪名寺3-2-10</v>
          </cell>
          <cell r="G2240" t="str">
            <v>大阪市</v>
          </cell>
          <cell r="H2240" t="str">
            <v>関西支社</v>
          </cell>
          <cell r="I2240" t="str">
            <v>支社長 水野　勉</v>
          </cell>
          <cell r="J2240" t="str">
            <v>東京都</v>
          </cell>
          <cell r="K2240" t="str">
            <v>06-6426-6710</v>
          </cell>
          <cell r="L2240" t="str">
            <v>tomoyuki2.matsuda@toshiba.co.jp</v>
          </cell>
          <cell r="M2240" t="str">
            <v>ﾄｳｼﾊﾞｸﾗｲｱﾝﾄｿﾘｭｰｼｮﾝ</v>
          </cell>
          <cell r="N2240" t="str">
            <v>有</v>
          </cell>
          <cell r="O2240">
            <v>21</v>
          </cell>
          <cell r="P2240">
            <v>824</v>
          </cell>
          <cell r="Q2240">
            <v>8010601034867</v>
          </cell>
          <cell r="R2240">
            <v>17160000</v>
          </cell>
          <cell r="S2240">
            <v>-6328883</v>
          </cell>
          <cell r="T2240">
            <v>146680595</v>
          </cell>
          <cell r="V2240" t="str">
            <v>gd998808</v>
          </cell>
          <cell r="W2240" t="str">
            <v>wr199939</v>
          </cell>
          <cell r="Y2240" t="str">
            <v>36，</v>
          </cell>
          <cell r="Z2240">
            <v>36</v>
          </cell>
          <cell r="AA2240">
            <v>80</v>
          </cell>
          <cell r="AB2240" t="str">
            <v/>
          </cell>
          <cell r="AC2240" t="str">
            <v/>
          </cell>
          <cell r="AD2240" t="str">
            <v/>
          </cell>
          <cell r="AE2240" t="str">
            <v>１；パソコン：自社、サーバー：各メーカー、周辺機器：各メーカー、アプリケーションソフト：各メーカー２；パソコン、サーバー及び周辺機器据付保守３；４；</v>
          </cell>
          <cell r="AF2240" t="str">
            <v>ＰＣ及びシステムソリューション商品の開発、製造、販売、サポート＆サービス並びに修理及びこれらに関連して使用れれる付属部品の販売。ソフトウェアサービス等の販売並びに保守サービスに関する受託業務及び要員派遣業務。電気通信工事業、電気工事業。</v>
          </cell>
        </row>
        <row r="2241">
          <cell r="B2241">
            <v>10516</v>
          </cell>
          <cell r="C2241" t="str">
            <v>(株)タナカ</v>
          </cell>
          <cell r="D2241" t="str">
            <v>06-6997-6030</v>
          </cell>
          <cell r="E2241" t="str">
            <v>570-0043</v>
          </cell>
          <cell r="F2241" t="str">
            <v>大阪府守口市南寺方東通3‐8‐6</v>
          </cell>
          <cell r="G2241" t="str">
            <v>守口市</v>
          </cell>
          <cell r="H2241" t="str">
            <v/>
          </cell>
          <cell r="I2241" t="str">
            <v>代表取締役　 田中　壮一</v>
          </cell>
          <cell r="J2241" t="str">
            <v>本店</v>
          </cell>
          <cell r="K2241" t="str">
            <v>06-6997-6035</v>
          </cell>
          <cell r="L2241" t="str">
            <v/>
          </cell>
          <cell r="M2241" t="str">
            <v>(ｶﾌﾞ)ﾀﾅｶ</v>
          </cell>
          <cell r="N2241" t="str">
            <v>無</v>
          </cell>
          <cell r="O2241">
            <v>65</v>
          </cell>
          <cell r="P2241">
            <v>7</v>
          </cell>
          <cell r="Q2241">
            <v>120001000000</v>
          </cell>
          <cell r="R2241">
            <v>10000</v>
          </cell>
          <cell r="S2241" t="str">
            <v/>
          </cell>
          <cell r="T2241">
            <v>193290</v>
          </cell>
          <cell r="V2241" t="str">
            <v>rs451297</v>
          </cell>
          <cell r="W2241" t="str">
            <v>jd189735</v>
          </cell>
          <cell r="Y2241" t="str">
            <v>5.12.14.15.27.36</v>
          </cell>
          <cell r="Z2241">
            <v>12</v>
          </cell>
          <cell r="AA2241">
            <v>14</v>
          </cell>
          <cell r="AB2241">
            <v>27</v>
          </cell>
          <cell r="AC2241" t="str">
            <v/>
          </cell>
          <cell r="AD2241" t="str">
            <v/>
          </cell>
          <cell r="AE2241" t="str">
            <v>１；２；新学習指導要領に基づいた図工・美術科の教材及び画材・文具総合全般の新日本造形（株）（株）アーテックの代理店です。３；豊富な仕入れ先と取り引きがありますので多種多様な商品に対応できます。４；家具も事務用品・機器と同じように柔軟に対応いたします。</v>
          </cell>
          <cell r="AF2241" t="str">
            <v>学校関係で使用する教材、事務用品及びそれらの備品など全般取扱いや修理ＯＡ消耗品　特にプリンターで使用するトナーカートリッジにも力を入れてます。スチール書庫や家具、ＯＡ機器などの事務機器なども対応いたします。</v>
          </cell>
        </row>
        <row r="2242">
          <cell r="B2242">
            <v>10518</v>
          </cell>
          <cell r="C2242" t="str">
            <v>(株)コスモリサーチ</v>
          </cell>
          <cell r="D2242" t="str">
            <v>06-6629-8271</v>
          </cell>
          <cell r="E2242" t="str">
            <v>558-0003</v>
          </cell>
          <cell r="F2242" t="str">
            <v>大阪府大阪市住吉区長居4-12-21</v>
          </cell>
          <cell r="G2242" t="str">
            <v>大阪市</v>
          </cell>
          <cell r="H2242" t="str">
            <v>大阪支店</v>
          </cell>
          <cell r="I2242" t="str">
            <v>支店長 岩田　登</v>
          </cell>
          <cell r="J2242" t="str">
            <v>福岡県福岡市</v>
          </cell>
          <cell r="K2242" t="str">
            <v>06-6629-8272</v>
          </cell>
          <cell r="L2242" t="str">
            <v>tenderagent@cosmo-r.co.jp</v>
          </cell>
          <cell r="M2242" t="str">
            <v>ｺｽﾓﾘｻｰﾁ</v>
          </cell>
          <cell r="N2242" t="str">
            <v>有</v>
          </cell>
          <cell r="O2242">
            <v>29</v>
          </cell>
          <cell r="P2242">
            <v>35</v>
          </cell>
          <cell r="Q2242">
            <v>6290001013165</v>
          </cell>
          <cell r="R2242">
            <v>10000</v>
          </cell>
          <cell r="S2242">
            <v>101369</v>
          </cell>
          <cell r="T2242">
            <v>417075</v>
          </cell>
          <cell r="V2242" t="str">
            <v>bg159752</v>
          </cell>
          <cell r="W2242" t="str">
            <v>lk191679</v>
          </cell>
          <cell r="Y2242" t="str">
            <v>79，</v>
          </cell>
          <cell r="Z2242">
            <v>79</v>
          </cell>
          <cell r="AA2242" t="str">
            <v/>
          </cell>
          <cell r="AB2242" t="str">
            <v/>
          </cell>
          <cell r="AC2242" t="str">
            <v/>
          </cell>
          <cell r="AD2242" t="str">
            <v/>
          </cell>
          <cell r="AE2242" t="str">
            <v>１；上水道漏水調査２；３；４；</v>
          </cell>
          <cell r="AF2242" t="str">
            <v>上水道管の漏水調査を行っています。</v>
          </cell>
        </row>
        <row r="2243">
          <cell r="B2243">
            <v>10519</v>
          </cell>
          <cell r="C2243" t="str">
            <v>大西商店</v>
          </cell>
          <cell r="D2243" t="str">
            <v>072-781-6008</v>
          </cell>
          <cell r="E2243" t="str">
            <v>664-0881</v>
          </cell>
          <cell r="F2243" t="str">
            <v>兵庫県伊丹市昆陽3丁目49番地</v>
          </cell>
          <cell r="G2243" t="str">
            <v>伊丹市</v>
          </cell>
          <cell r="H2243" t="str">
            <v/>
          </cell>
          <cell r="I2243" t="str">
            <v xml:space="preserve"> 大西　隼人</v>
          </cell>
          <cell r="J2243" t="str">
            <v>本店</v>
          </cell>
          <cell r="K2243" t="str">
            <v>072-781-4253</v>
          </cell>
          <cell r="L2243" t="str">
            <v>onisishouten@hi3.enjoy.ne.jp</v>
          </cell>
          <cell r="M2243" t="str">
            <v>ｵｵﾆｼｼｮｳﾃﾝ</v>
          </cell>
          <cell r="N2243" t="str">
            <v>無</v>
          </cell>
          <cell r="O2243">
            <v>55</v>
          </cell>
          <cell r="P2243">
            <v>1</v>
          </cell>
          <cell r="Q2243" t="str">
            <v/>
          </cell>
          <cell r="R2243" t="str">
            <v/>
          </cell>
          <cell r="S2243">
            <v>1275</v>
          </cell>
          <cell r="T2243">
            <v>6840</v>
          </cell>
          <cell r="V2243" t="str">
            <v>vs617374</v>
          </cell>
          <cell r="W2243" t="str">
            <v>bd193933</v>
          </cell>
          <cell r="Y2243" t="str">
            <v>34，</v>
          </cell>
          <cell r="Z2243" t="str">
            <v/>
          </cell>
          <cell r="AA2243" t="str">
            <v/>
          </cell>
          <cell r="AB2243" t="str">
            <v/>
          </cell>
          <cell r="AC2243" t="str">
            <v/>
          </cell>
          <cell r="AD2243" t="str">
            <v/>
          </cell>
          <cell r="AE2243" t="str">
            <v>１；製造品目　畳・上敷き２；保有許可　建設業許可　兵庫県知事（般-28）第302658号　内装仕上工事業３；主たる仕入先　（株）やまいち、（株）横谷、神戸秀正商店、（有）佐々井商店、(株）大地屋４；設備機械器具　畳框逢着器、畳逢着両用機、包丁研磨機、軽トラック、パソコン</v>
          </cell>
          <cell r="AF2243" t="str">
            <v>畳（新調・表替え）</v>
          </cell>
        </row>
        <row r="2244">
          <cell r="B2244">
            <v>10520</v>
          </cell>
          <cell r="C2244" t="str">
            <v>北日本コンピューターサービス(株)</v>
          </cell>
          <cell r="D2244" t="str">
            <v>018-834-1811</v>
          </cell>
          <cell r="E2244" t="str">
            <v>010-0013</v>
          </cell>
          <cell r="F2244" t="str">
            <v>秋田県秋田市南通築地15ｰ32</v>
          </cell>
          <cell r="G2244" t="str">
            <v>秋田市</v>
          </cell>
          <cell r="H2244" t="str">
            <v/>
          </cell>
          <cell r="I2244" t="str">
            <v>代表取締役 江畑　佳明</v>
          </cell>
          <cell r="J2244" t="str">
            <v>本店</v>
          </cell>
          <cell r="K2244" t="str">
            <v>018-834-1815</v>
          </cell>
          <cell r="L2244" t="str">
            <v>kansai-sa@kitacom.co.jp</v>
          </cell>
          <cell r="M2244" t="str">
            <v>ｷﾀﾆﾎﾝｺﾝﾋﾟｭｰﾀｰｻｰﾋﾞｽ</v>
          </cell>
          <cell r="N2244" t="str">
            <v>無</v>
          </cell>
          <cell r="O2244">
            <v>49</v>
          </cell>
          <cell r="P2244">
            <v>248</v>
          </cell>
          <cell r="Q2244">
            <v>3410001000946</v>
          </cell>
          <cell r="R2244">
            <v>10000</v>
          </cell>
          <cell r="S2244" t="str">
            <v/>
          </cell>
          <cell r="T2244" t="str">
            <v/>
          </cell>
          <cell r="V2244" t="str">
            <v>vf301711</v>
          </cell>
          <cell r="W2244" t="str">
            <v>sq198773</v>
          </cell>
          <cell r="Y2244" t="str">
            <v>36，58，</v>
          </cell>
          <cell r="Z2244">
            <v>58</v>
          </cell>
          <cell r="AA2244">
            <v>36</v>
          </cell>
          <cell r="AB2244" t="str">
            <v/>
          </cell>
          <cell r="AC2244" t="str">
            <v/>
          </cell>
          <cell r="AD2244" t="str">
            <v/>
          </cell>
          <cell r="AE2244" t="str">
            <v>１；生活保護・高齢者・障害者・児童福祉等福祉関連システムの開発２；パソコン・サーバー・プリンタ及び周辺機器３；４；</v>
          </cell>
          <cell r="AF2244" t="str">
            <v>弊社はメーカー資本のない独立のソフトハウスです。このため、システム運用に最適なハードウェアをご提案申し上げます。ソフトウェアに関しては生活保護・障害者・児童などの福祉関連システムを開発しており、特に生活保護システムは全国９００を超える自治体様にご導入いただいております。</v>
          </cell>
        </row>
        <row r="2245">
          <cell r="B2245">
            <v>10522</v>
          </cell>
          <cell r="C2245" t="str">
            <v>(株)島津製作所</v>
          </cell>
          <cell r="D2245" t="str">
            <v>078-331-9661</v>
          </cell>
          <cell r="E2245" t="str">
            <v>650-0033</v>
          </cell>
          <cell r="F2245" t="str">
            <v>兵庫県神戸市中央区江戸町93栄光ﾋﾞﾙ9階</v>
          </cell>
          <cell r="G2245" t="str">
            <v>神戸市</v>
          </cell>
          <cell r="H2245" t="str">
            <v>神戸支店</v>
          </cell>
          <cell r="I2245" t="str">
            <v>支店長　 赤瀬川　聡</v>
          </cell>
          <cell r="J2245" t="str">
            <v>京都府京都市</v>
          </cell>
          <cell r="K2245" t="str">
            <v>078-331-9774</v>
          </cell>
          <cell r="L2245" t="str">
            <v>kobe@group.shimadzu.co.jp</v>
          </cell>
          <cell r="M2245" t="str">
            <v>ｼﾏﾂﾞｾｲｻｸｼﾖ</v>
          </cell>
          <cell r="N2245" t="str">
            <v>有</v>
          </cell>
          <cell r="O2245">
            <v>101</v>
          </cell>
          <cell r="P2245">
            <v>3291</v>
          </cell>
          <cell r="Q2245">
            <v>6130000000000</v>
          </cell>
          <cell r="R2245">
            <v>26648899</v>
          </cell>
          <cell r="S2245">
            <v>159378327</v>
          </cell>
          <cell r="T2245">
            <v>201968488</v>
          </cell>
          <cell r="V2245" t="str">
            <v>ch803043</v>
          </cell>
          <cell r="W2245" t="str">
            <v>gｒ151975</v>
          </cell>
          <cell r="Y2245" t="str">
            <v>39.41.42</v>
          </cell>
          <cell r="Z2245">
            <v>42</v>
          </cell>
          <cell r="AA2245">
            <v>39</v>
          </cell>
          <cell r="AB2245">
            <v>41</v>
          </cell>
          <cell r="AC2245" t="str">
            <v/>
          </cell>
          <cell r="AD2245" t="str">
            <v/>
          </cell>
          <cell r="AE2245" t="str">
            <v>１；２；クロマト分析システム　環境測定機器　材料試験機　疲労試験機　毒物劇物一般販売業３；診断用Ｘ線システム　血管撮影システム４；天秤　はかり</v>
          </cell>
          <cell r="AF2245" t="str">
            <v>「科学技術で社会に貢献する」を社是とし、４つのフィールド（分析計測機器、医用機器、航空機器、産業機器）での製造販売活動を行っております。</v>
          </cell>
        </row>
        <row r="2246">
          <cell r="B2246">
            <v>10523</v>
          </cell>
          <cell r="C2246" t="str">
            <v>(株)三和ライン</v>
          </cell>
          <cell r="D2246" t="str">
            <v>079-427-7731</v>
          </cell>
          <cell r="E2246" t="str">
            <v>675-0103</v>
          </cell>
          <cell r="F2246" t="str">
            <v>兵庫県加古川市平岡町高畑336-1</v>
          </cell>
          <cell r="G2246" t="str">
            <v>加古川市</v>
          </cell>
          <cell r="H2246" t="str">
            <v/>
          </cell>
          <cell r="I2246" t="str">
            <v>代表取締役 井上　孝明</v>
          </cell>
          <cell r="J2246" t="str">
            <v>本店</v>
          </cell>
          <cell r="K2246" t="str">
            <v>079-427-7732</v>
          </cell>
          <cell r="L2246" t="str">
            <v>n-sato@sanwa-line.com</v>
          </cell>
          <cell r="M2246" t="str">
            <v>ｻﾝﾜﾗｲﾝ</v>
          </cell>
          <cell r="N2246" t="str">
            <v>無</v>
          </cell>
          <cell r="O2246">
            <v>41</v>
          </cell>
          <cell r="P2246">
            <v>15</v>
          </cell>
          <cell r="Q2246">
            <v>9140001044775</v>
          </cell>
          <cell r="R2246">
            <v>10000</v>
          </cell>
          <cell r="S2246">
            <v>18391</v>
          </cell>
          <cell r="T2246">
            <v>195559</v>
          </cell>
          <cell r="V2246" t="str">
            <v>ft452373</v>
          </cell>
          <cell r="W2246" t="str">
            <v>oo199556</v>
          </cell>
          <cell r="Y2246" t="str">
            <v/>
          </cell>
          <cell r="Z2246">
            <v>80</v>
          </cell>
          <cell r="AA2246" t="str">
            <v/>
          </cell>
          <cell r="AB2246" t="str">
            <v/>
          </cell>
          <cell r="AC2246" t="str">
            <v/>
          </cell>
          <cell r="AD2246" t="str">
            <v/>
          </cell>
          <cell r="AE2246" t="str">
            <v>１；交通安全・保安用品（デリネーター・ガードレール・カーブミラー・自発光鋲・道路分離鋲・防護柵・点字シート等）の納入を行っています。２；３；４；</v>
          </cell>
          <cell r="AF2246" t="str">
            <v>１．交通安全施設の設置工事（区画線・標識・看板・防護柵・ガードレール等）２．交通安全・保安用品の販売（標識・看板・ポストコーン・デリネーター・自発光鋲・防護柵等）</v>
          </cell>
        </row>
        <row r="2247">
          <cell r="B2247">
            <v>10525</v>
          </cell>
          <cell r="C2247" t="str">
            <v>(株)明治クリックス</v>
          </cell>
          <cell r="D2247" t="str">
            <v>06-6423-0662</v>
          </cell>
          <cell r="E2247" t="str">
            <v>661-0001</v>
          </cell>
          <cell r="F2247" t="str">
            <v>兵庫県尼崎市塚口本町3‐28‐8</v>
          </cell>
          <cell r="G2247" t="str">
            <v>尼崎市</v>
          </cell>
          <cell r="H2247" t="str">
            <v/>
          </cell>
          <cell r="I2247" t="str">
            <v>代表取締役 吉川　博幸</v>
          </cell>
          <cell r="J2247" t="str">
            <v>本店</v>
          </cell>
          <cell r="K2247" t="str">
            <v>06-6423-3452</v>
          </cell>
          <cell r="L2247" t="str">
            <v>world@meijiclix.co.jp</v>
          </cell>
          <cell r="M2247" t="str">
            <v>ﾒｲｼﾞｸﾘｯｸｽ</v>
          </cell>
          <cell r="N2247" t="str">
            <v>無</v>
          </cell>
          <cell r="O2247">
            <v>38</v>
          </cell>
          <cell r="P2247">
            <v>13</v>
          </cell>
          <cell r="Q2247">
            <v>5140001051602</v>
          </cell>
          <cell r="R2247">
            <v>10000</v>
          </cell>
          <cell r="S2247">
            <v>74145</v>
          </cell>
          <cell r="T2247">
            <v>154746</v>
          </cell>
          <cell r="V2247" t="str">
            <v>fe749036</v>
          </cell>
          <cell r="W2247" t="str">
            <v>sr178538</v>
          </cell>
          <cell r="Y2247" t="str">
            <v>52，</v>
          </cell>
          <cell r="Z2247" t="str">
            <v/>
          </cell>
          <cell r="AA2247" t="str">
            <v/>
          </cell>
          <cell r="AB2247" t="str">
            <v/>
          </cell>
          <cell r="AC2247" t="str">
            <v/>
          </cell>
          <cell r="AD2247" t="str">
            <v/>
          </cell>
          <cell r="AE2247" t="str">
            <v>１；害虫駆除。そ族昆虫調査駆除業務。建築物ねずみ昆虫等防除業。図書館・博物館・美術館等の燻蒸業務。ＩＰＭによる生物環境調査。２；３；４；</v>
          </cell>
          <cell r="AF2247" t="str">
            <v>図書館・博物館・美術館等の燻蒸業務やＩＰＭによる生物環境調査に実績があります。害虫駆除では近畿の工務店や一般家庭に実績があります。そ族昆虫調査駆除業務の長年の実績があります。</v>
          </cell>
        </row>
        <row r="2248">
          <cell r="B2248">
            <v>10527</v>
          </cell>
          <cell r="C2248" t="str">
            <v>(株)クニエダ</v>
          </cell>
          <cell r="D2248" t="str">
            <v>06-6532-2577</v>
          </cell>
          <cell r="E2248" t="str">
            <v>550-0013</v>
          </cell>
          <cell r="F2248" t="str">
            <v>大阪府大阪市西区新町1‐33‐12</v>
          </cell>
          <cell r="G2248" t="str">
            <v>大阪市</v>
          </cell>
          <cell r="H2248" t="str">
            <v/>
          </cell>
          <cell r="I2248" t="str">
            <v>代表取締役 國枝　靖生</v>
          </cell>
          <cell r="J2248" t="str">
            <v>本店</v>
          </cell>
          <cell r="K2248" t="str">
            <v>06-6532-2073</v>
          </cell>
          <cell r="L2248" t="str">
            <v>kunieda@ares.eonet.ne.jp</v>
          </cell>
          <cell r="M2248" t="str">
            <v>ｸﾆｴﾀﾞ</v>
          </cell>
          <cell r="N2248" t="str">
            <v>無</v>
          </cell>
          <cell r="O2248">
            <v>50</v>
          </cell>
          <cell r="P2248">
            <v>2</v>
          </cell>
          <cell r="Q2248">
            <v>3120001042836</v>
          </cell>
          <cell r="R2248">
            <v>10000</v>
          </cell>
          <cell r="S2248">
            <v>-4183</v>
          </cell>
          <cell r="T2248">
            <v>26911</v>
          </cell>
          <cell r="V2248" t="str">
            <v>kz545010</v>
          </cell>
          <cell r="W2248" t="str">
            <v>wl199333</v>
          </cell>
          <cell r="Y2248" t="str">
            <v>07，03，04，07，38，</v>
          </cell>
          <cell r="Z2248">
            <v>3</v>
          </cell>
          <cell r="AA2248">
            <v>4</v>
          </cell>
          <cell r="AB2248">
            <v>38</v>
          </cell>
          <cell r="AC2248">
            <v>7</v>
          </cell>
          <cell r="AD2248" t="str">
            <v>靴・安全靴　アキレス販売　シモン他　合羽等＝ロゴスコーポレーション　冨士ビニ－ル工業　日光商事他</v>
          </cell>
          <cell r="AE2248" t="str">
            <v>１；制服・ユニフォ－ムに関するあらゆる商品を取り扱っております。別註も請け賜っております。代＝サンエス　ジ－ベック　アイトス　クロダルマ　バ－トル　他２；ご指定マ－ク入り帽子・ヘルメットをはじめ安全靴等ユニフォ－ムに附帯するあらゆる商品を取り扱っております。　共栄　ダイキョウオオタ　他３；消防制服　ヘルメット　防犯に関する被服を含め取り扱っております。４；幟　旗　腕章　記章等取り扱っております。田中旗店</v>
          </cell>
          <cell r="AF2248" t="str">
            <v>各種ユニフォ－ム・ワ－キングウエア全般・イベント用品（ブルゾン・ベスト・Ｔシャツ・帽子・タオル・安全ブルゾン・ベスト・ヘルメット等々）・ユニフォ－ムに附帯するあらゆる商品を取扱いし、別註も請けたまっております。</v>
          </cell>
        </row>
        <row r="2249">
          <cell r="B2249">
            <v>10528</v>
          </cell>
          <cell r="C2249" t="str">
            <v>オルガノ(株)</v>
          </cell>
          <cell r="D2249" t="str">
            <v>06-6193-7601</v>
          </cell>
          <cell r="E2249" t="str">
            <v>564-0053</v>
          </cell>
          <cell r="F2249" t="str">
            <v>大阪府吹田市江の木町1番6号</v>
          </cell>
          <cell r="G2249" t="str">
            <v>吹田市</v>
          </cell>
          <cell r="H2249" t="str">
            <v>関西支店</v>
          </cell>
          <cell r="I2249" t="str">
            <v>支店長　 角　洋一郎</v>
          </cell>
          <cell r="J2249" t="str">
            <v>東京都</v>
          </cell>
          <cell r="K2249" t="str">
            <v>06-6192-8554</v>
          </cell>
          <cell r="L2249" t="str">
            <v>kankyo-ka@organo.co.jp</v>
          </cell>
          <cell r="M2249" t="str">
            <v>ｵﾙｶﾞﾉ</v>
          </cell>
          <cell r="N2249" t="str">
            <v>有</v>
          </cell>
          <cell r="O2249">
            <v>60</v>
          </cell>
          <cell r="P2249">
            <v>1163</v>
          </cell>
          <cell r="Q2249">
            <v>3010600000000</v>
          </cell>
          <cell r="R2249">
            <v>8225499</v>
          </cell>
          <cell r="S2249">
            <v>44437874</v>
          </cell>
          <cell r="T2249">
            <v>57604000</v>
          </cell>
          <cell r="V2249" t="str">
            <v>pg956053</v>
          </cell>
          <cell r="W2249" t="str">
            <v>qd199971</v>
          </cell>
          <cell r="Y2249" t="str">
            <v>10.47.48</v>
          </cell>
          <cell r="Z2249">
            <v>48</v>
          </cell>
          <cell r="AA2249">
            <v>47</v>
          </cell>
          <cell r="AB2249">
            <v>10</v>
          </cell>
          <cell r="AC2249" t="str">
            <v/>
          </cell>
          <cell r="AD2249" t="str">
            <v/>
          </cell>
          <cell r="AE2249" t="str">
            <v>１；２；水処理施設（浄水場、下水処理場）機械設備保守点検３；中央監視制御設備の保守４；水処理工業薬品</v>
          </cell>
          <cell r="AF2249" t="str">
            <v>水道施設、水処理機械器具設置、保守点検管理</v>
          </cell>
        </row>
        <row r="2250">
          <cell r="B2250">
            <v>10529</v>
          </cell>
          <cell r="C2250" t="str">
            <v>(株)ニチワ</v>
          </cell>
          <cell r="D2250" t="str">
            <v>078-231-1551</v>
          </cell>
          <cell r="E2250" t="str">
            <v>651-0084</v>
          </cell>
          <cell r="F2250" t="str">
            <v>兵庫県神戸市中央区磯辺通2-1-13</v>
          </cell>
          <cell r="G2250" t="str">
            <v>神戸市</v>
          </cell>
          <cell r="H2250" t="str">
            <v/>
          </cell>
          <cell r="I2250" t="str">
            <v>代表取締役 浅井　一成</v>
          </cell>
          <cell r="J2250" t="str">
            <v>本店</v>
          </cell>
          <cell r="K2250" t="str">
            <v>078-231-1567</v>
          </cell>
          <cell r="L2250" t="str">
            <v>sanka@nichiwa.co.jp</v>
          </cell>
          <cell r="M2250" t="str">
            <v>ﾆﾁﾜ</v>
          </cell>
          <cell r="N2250" t="str">
            <v>無</v>
          </cell>
          <cell r="O2250">
            <v>54</v>
          </cell>
          <cell r="P2250">
            <v>122</v>
          </cell>
          <cell r="Q2250">
            <v>2140001010032</v>
          </cell>
          <cell r="R2250">
            <v>50000</v>
          </cell>
          <cell r="S2250">
            <v>1181595</v>
          </cell>
          <cell r="T2250">
            <v>5387618</v>
          </cell>
          <cell r="V2250" t="str">
            <v>zz220570</v>
          </cell>
          <cell r="W2250" t="str">
            <v>va193836</v>
          </cell>
          <cell r="Y2250" t="str">
            <v>035，35，36，44，50，</v>
          </cell>
          <cell r="Z2250">
            <v>36</v>
          </cell>
          <cell r="AA2250">
            <v>44</v>
          </cell>
          <cell r="AB2250">
            <v>50</v>
          </cell>
          <cell r="AC2250">
            <v>35</v>
          </cell>
          <cell r="AD2250" t="str">
            <v/>
          </cell>
          <cell r="AE2250" t="str">
            <v>１；日本電気（特）　富士通　シャープ　東芝　レノボ　デル他２；３；４；日本電気（特）</v>
          </cell>
          <cell r="AF2250" t="str">
            <v>コンピュータ、通信機器等情報機器の販売、システム設計、工事、保守ならびに関連サービスの提供を含むＩＴ・ネットワークソリューション事業を行っています。</v>
          </cell>
        </row>
        <row r="2251">
          <cell r="B2251">
            <v>10531</v>
          </cell>
          <cell r="C2251" t="str">
            <v>赤沢産業(株)</v>
          </cell>
          <cell r="D2251" t="str">
            <v>06-6990-1250</v>
          </cell>
          <cell r="E2251" t="str">
            <v>533-0031</v>
          </cell>
          <cell r="F2251" t="str">
            <v>大阪府大阪市東淀川区西淡路1-1-32</v>
          </cell>
          <cell r="G2251" t="str">
            <v>大阪市</v>
          </cell>
          <cell r="H2251" t="str">
            <v/>
          </cell>
          <cell r="I2251" t="str">
            <v>代表取締役　 中尾　万里</v>
          </cell>
          <cell r="J2251" t="str">
            <v>本店</v>
          </cell>
          <cell r="K2251" t="str">
            <v/>
          </cell>
          <cell r="L2251" t="str">
            <v>az-kk@muc.biglobe.ne.jp</v>
          </cell>
          <cell r="M2251" t="str">
            <v>ｱｶｻﾞﾜｻﾝｷﾞｮｳ ｶﾌﾞｼｷｶﾞｲｼｬ</v>
          </cell>
          <cell r="N2251" t="str">
            <v>無</v>
          </cell>
          <cell r="O2251">
            <v>85</v>
          </cell>
          <cell r="P2251">
            <v>5</v>
          </cell>
          <cell r="Q2251">
            <v>3120001059863</v>
          </cell>
          <cell r="R2251">
            <v>10000</v>
          </cell>
          <cell r="S2251">
            <v>156333</v>
          </cell>
          <cell r="T2251">
            <v>484115</v>
          </cell>
          <cell r="V2251" t="str">
            <v>zy348752</v>
          </cell>
          <cell r="W2251" t="str">
            <v>gq169939</v>
          </cell>
          <cell r="Y2251" t="str">
            <v>10，48，</v>
          </cell>
          <cell r="Z2251" t="str">
            <v/>
          </cell>
          <cell r="AA2251" t="str">
            <v/>
          </cell>
          <cell r="AB2251" t="str">
            <v/>
          </cell>
          <cell r="AC2251" t="str">
            <v/>
          </cell>
          <cell r="AD2251" t="str">
            <v/>
          </cell>
          <cell r="AE2251" t="str">
            <v>１；毒物劇物一般販売業　代理店（ミヨシ油脂（株）　東亞合成（株））　取扱い品名（高分子重金属固定剤　キレート樹脂　消泡剤　高分子凝集剤　次亜塩素酸ソーダ　苛性ソーダ　消石灰　メタノール　硫酸）２；ろ過砂　ろ過砂利　緩速砂　アンスラサイト　乾燥珪砂　白色珪石　ガーネット　マンガン砂　除鉄除マンガンろ材　シャモット　麦飯石　フィッシュカル３；ろ過池　ろ過器　活性炭塔　キレート樹脂塔等の充填物入替及び設備点検整備４；</v>
          </cell>
          <cell r="AF2251" t="str">
            <v>ろ過塔、ろ過池、活性炭塔、キレート樹脂塔などの充填物の入替及び施設点検整備　化学工業薬品の販売　ろ過材料の販売</v>
          </cell>
        </row>
        <row r="2252">
          <cell r="B2252">
            <v>10532</v>
          </cell>
          <cell r="C2252" t="str">
            <v>広瀬化学薬品　(株)</v>
          </cell>
          <cell r="D2252" t="str">
            <v>078-303-3800</v>
          </cell>
          <cell r="E2252" t="str">
            <v>650-0046</v>
          </cell>
          <cell r="F2252" t="str">
            <v>兵庫県神戸市中央区港島中町2-2-2</v>
          </cell>
          <cell r="G2252" t="str">
            <v>神戸市</v>
          </cell>
          <cell r="H2252" t="str">
            <v/>
          </cell>
          <cell r="I2252" t="str">
            <v>代表取締役 広瀬　亮</v>
          </cell>
          <cell r="J2252" t="str">
            <v>本店</v>
          </cell>
          <cell r="K2252" t="str">
            <v>078-303-3700</v>
          </cell>
          <cell r="L2252" t="str">
            <v>y-hayashi@hirosechem.co.jp</v>
          </cell>
          <cell r="M2252" t="str">
            <v>ﾋﾛｾｶｶﾞｸﾔｸﾋﾝ</v>
          </cell>
          <cell r="N2252" t="str">
            <v>無</v>
          </cell>
          <cell r="O2252">
            <v>71</v>
          </cell>
          <cell r="P2252">
            <v>95</v>
          </cell>
          <cell r="Q2252">
            <v>8140001010448</v>
          </cell>
          <cell r="R2252">
            <v>30000</v>
          </cell>
          <cell r="S2252">
            <v>1475679</v>
          </cell>
          <cell r="T2252">
            <v>14521242</v>
          </cell>
          <cell r="V2252" t="str">
            <v>hd427578</v>
          </cell>
          <cell r="W2252" t="str">
            <v>sp146291</v>
          </cell>
          <cell r="Y2252" t="str">
            <v>039，9，10，39，41，</v>
          </cell>
          <cell r="Z2252">
            <v>9</v>
          </cell>
          <cell r="AA2252">
            <v>10</v>
          </cell>
          <cell r="AB2252">
            <v>41</v>
          </cell>
          <cell r="AC2252">
            <v>39</v>
          </cell>
          <cell r="AD2252" t="str">
            <v/>
          </cell>
          <cell r="AE2252" t="str">
            <v>１；富士フィルム和光純薬（代、東ソー（代、日水製薬（代２；東ソー（代、三洋化成工業（代、多木化学（代、ＡＧＣ（代、赤穂化成（代、大阪ソーダ（代、栗田工業３；東ソー（代、アズワン（代、メルク（代４；</v>
          </cell>
          <cell r="AF2252" t="str">
            <v>試験研究用試薬、臨床検査薬、関連機器（理化学機器・器具、臨床検査用機器）が主たる取扱商品となっております。試薬、関連機器は国内外トップメーカーを始め多数の商品を取扱っております。工業薬品は、凝集剤、減菌剤、中和剤、脱臭・消臭剤、化成品などを扱っております。</v>
          </cell>
        </row>
        <row r="2253">
          <cell r="B2253">
            <v>10533</v>
          </cell>
          <cell r="C2253" t="str">
            <v>オーイー設備(株)</v>
          </cell>
          <cell r="D2253" t="str">
            <v>078-881-4350</v>
          </cell>
          <cell r="E2253" t="str">
            <v>657-0057</v>
          </cell>
          <cell r="F2253" t="str">
            <v>兵庫県神戸市灘区神ﾉ木通2-4-1</v>
          </cell>
          <cell r="G2253" t="str">
            <v>神戸市</v>
          </cell>
          <cell r="H2253" t="str">
            <v/>
          </cell>
          <cell r="I2253" t="str">
            <v>代表取締役 田上　元英</v>
          </cell>
          <cell r="J2253" t="str">
            <v>本店</v>
          </cell>
          <cell r="K2253" t="str">
            <v>078-881-4424</v>
          </cell>
          <cell r="L2253" t="str">
            <v>oesetsubi@mizu.or.jp</v>
          </cell>
          <cell r="M2253" t="str">
            <v>ｵｰｲｰｾﾂﾋﾞ</v>
          </cell>
          <cell r="N2253" t="str">
            <v>無</v>
          </cell>
          <cell r="O2253">
            <v>46</v>
          </cell>
          <cell r="P2253">
            <v>7</v>
          </cell>
          <cell r="Q2253">
            <v>9140001003112</v>
          </cell>
          <cell r="R2253">
            <v>11000</v>
          </cell>
          <cell r="S2253">
            <v>38964</v>
          </cell>
          <cell r="T2253">
            <v>40231</v>
          </cell>
          <cell r="V2253" t="str">
            <v>nn230335</v>
          </cell>
          <cell r="W2253" t="str">
            <v>dw198699</v>
          </cell>
          <cell r="Y2253" t="str">
            <v>48，49，51，</v>
          </cell>
          <cell r="Z2253">
            <v>48</v>
          </cell>
          <cell r="AA2253">
            <v>80</v>
          </cell>
          <cell r="AB2253">
            <v>49</v>
          </cell>
          <cell r="AC2253" t="str">
            <v/>
          </cell>
          <cell r="AD2253" t="str">
            <v/>
          </cell>
          <cell r="AE2253" t="str">
            <v>１；ボイラ等の保守点検、空調設備点検２；地下タンク漏洩点検３；消防設備保守点検４；</v>
          </cell>
          <cell r="AF2253" t="str">
            <v>建設工事：ボイラ関係の入替工事を特に希望します。神戸市内での実績があります。自社内作工場にて加工修繕等も対応可能です。物品：工事登録のしておりますので、納入後の保守点検や地下タンクの漏洩点検業者許可もあり、建物設備総合管理をめざしております。</v>
          </cell>
        </row>
        <row r="2254">
          <cell r="B2254">
            <v>10536</v>
          </cell>
          <cell r="C2254" t="str">
            <v>(株)エイテック</v>
          </cell>
          <cell r="D2254" t="str">
            <v>06-4869-3321</v>
          </cell>
          <cell r="E2254" t="str">
            <v>660-0861</v>
          </cell>
          <cell r="F2254" t="str">
            <v>兵庫県尼崎市御園町24番地</v>
          </cell>
          <cell r="G2254" t="str">
            <v>尼崎市</v>
          </cell>
          <cell r="H2254" t="str">
            <v>西日本支社</v>
          </cell>
          <cell r="I2254" t="str">
            <v>支社長 久川　真史</v>
          </cell>
          <cell r="J2254" t="str">
            <v>東京都</v>
          </cell>
          <cell r="K2254" t="str">
            <v>06-4869-3320</v>
          </cell>
          <cell r="L2254" t="str">
            <v>honei@kk-atec.jp</v>
          </cell>
          <cell r="M2254" t="str">
            <v>ｴｲﾃｯｸ</v>
          </cell>
          <cell r="N2254" t="str">
            <v>有</v>
          </cell>
          <cell r="O2254">
            <v>50</v>
          </cell>
          <cell r="P2254">
            <v>131</v>
          </cell>
          <cell r="Q2254">
            <v>4011001059252</v>
          </cell>
          <cell r="R2254">
            <v>95000</v>
          </cell>
          <cell r="S2254">
            <v>816793</v>
          </cell>
          <cell r="T2254">
            <v>1823998</v>
          </cell>
          <cell r="V2254" t="str">
            <v>bq382470</v>
          </cell>
          <cell r="W2254" t="str">
            <v>ko193556</v>
          </cell>
          <cell r="Y2254" t="str">
            <v>077，42，57，58，66，72，75，77，</v>
          </cell>
          <cell r="Z2254">
            <v>72</v>
          </cell>
          <cell r="AA2254">
            <v>58</v>
          </cell>
          <cell r="AB2254">
            <v>57</v>
          </cell>
          <cell r="AC2254">
            <v>77</v>
          </cell>
          <cell r="AD2254" t="str">
            <v/>
          </cell>
          <cell r="AE2254" t="str">
            <v>１；航空写真撮影（セスナ機、ヘリコプター、ラジコンヘリ）航空写真パネル、地図カラー印刷（GISデータ利用可能）プロッター出力図２；GISソフトウェア販売、GISシステム開発、システム保守ソフト販売（ESRIジャパン　ArcView、インフォマティックスSIS）３；データベース作成、台帳入力４；意向調査（アンケート、現地調査）分析・解析、報告書作成</v>
          </cell>
          <cell r="AF2254" t="str">
            <v>建設コンサルタントは、保全業務（道路、橋梁、道路附属物、舗装、公園）に注力し、伊丹市、兵庫県土整備部等の実績を有す。航空測量は、都市計画図、台帳作成等の実績を有し航空レーザ計測が可能。GISは、尼崎市、宝塚市等で導入実績を有す。また、交通量調査、解析、計画の実績を有す。</v>
          </cell>
        </row>
        <row r="2255">
          <cell r="B2255">
            <v>10537</v>
          </cell>
          <cell r="C2255" t="str">
            <v>神戸国際ステージサービス(株)</v>
          </cell>
          <cell r="D2255" t="str">
            <v>078-994-1855</v>
          </cell>
          <cell r="E2255" t="str">
            <v>651-2228</v>
          </cell>
          <cell r="F2255" t="str">
            <v>兵庫県神戸市西区見津が丘1-16-2</v>
          </cell>
          <cell r="G2255" t="str">
            <v>神戸市</v>
          </cell>
          <cell r="H2255" t="str">
            <v/>
          </cell>
          <cell r="I2255" t="str">
            <v>代表取締役 遠藤　卓男</v>
          </cell>
          <cell r="J2255" t="str">
            <v>本店</v>
          </cell>
          <cell r="K2255" t="str">
            <v>078-994-1856</v>
          </cell>
          <cell r="L2255" t="str">
            <v>h-bid@kiss4u.co.jp</v>
          </cell>
          <cell r="M2255" t="str">
            <v>ｺｳﾍﾞｺｸｻｲｽﾃｰｼﾞｻｰﾋﾞｽ</v>
          </cell>
          <cell r="N2255" t="str">
            <v>無</v>
          </cell>
          <cell r="O2255">
            <v>47</v>
          </cell>
          <cell r="P2255">
            <v>89</v>
          </cell>
          <cell r="Q2255">
            <v>3140001011938</v>
          </cell>
          <cell r="R2255">
            <v>30000</v>
          </cell>
          <cell r="S2255">
            <v>468994</v>
          </cell>
          <cell r="T2255">
            <v>1287916</v>
          </cell>
          <cell r="V2255" t="str">
            <v>wg696388</v>
          </cell>
          <cell r="W2255" t="str">
            <v>st172173</v>
          </cell>
          <cell r="Y2255" t="str">
            <v>044，07，44，47，63，66，</v>
          </cell>
          <cell r="Z2255">
            <v>63</v>
          </cell>
          <cell r="AA2255">
            <v>47</v>
          </cell>
          <cell r="AB2255">
            <v>66</v>
          </cell>
          <cell r="AC2255">
            <v>44</v>
          </cell>
          <cell r="AD2255" t="str">
            <v/>
          </cell>
          <cell r="AE2255" t="str">
            <v>１；各種イベントの企画・運営、会場設営２；舞台照明・音響・映像設備、その他舞台機構保守３；一文字看板、立て看板、横断幕、懸垂幕他作製・設置４；各種イベント・式典備品、舞台照明・音響備品</v>
          </cell>
          <cell r="AF2255" t="str">
            <v>イベント企画・運営、会場設営他のイベントに関する総てのこと。また舞台照明・音響・映像設備、舞台機構等の保守及び工事。</v>
          </cell>
        </row>
        <row r="2256">
          <cell r="B2256">
            <v>10539</v>
          </cell>
          <cell r="C2256" t="str">
            <v>ピツニーボウズジャパン(株)</v>
          </cell>
          <cell r="D2256" t="str">
            <v>06-6264-2500</v>
          </cell>
          <cell r="E2256" t="str">
            <v>541-0048</v>
          </cell>
          <cell r="F2256" t="str">
            <v>大阪府大阪市中央区安土町2-3-13 大阪国際ﾋﾞﾙﾃﾞｨﾝｸﾞ</v>
          </cell>
          <cell r="G2256" t="str">
            <v>大阪市</v>
          </cell>
          <cell r="H2256" t="str">
            <v>大阪支店</v>
          </cell>
          <cell r="I2256" t="str">
            <v>大阪支店長　 西岡　伸晃</v>
          </cell>
          <cell r="J2256" t="str">
            <v>東京都</v>
          </cell>
          <cell r="K2256" t="str">
            <v>06-6264-2512</v>
          </cell>
          <cell r="L2256" t="str">
            <v>mari.sakagami@pb.com</v>
          </cell>
          <cell r="M2256" t="str">
            <v>ﾋﾟﾂﾆｰﾎﾞｳｽﾞｼﾞﾔﾊﾟﾝ</v>
          </cell>
          <cell r="N2256" t="str">
            <v>有</v>
          </cell>
          <cell r="O2256">
            <v>37</v>
          </cell>
          <cell r="P2256">
            <v>201</v>
          </cell>
          <cell r="Q2256">
            <v>7010700000000</v>
          </cell>
          <cell r="R2256">
            <v>400000</v>
          </cell>
          <cell r="S2256">
            <v>1814665</v>
          </cell>
          <cell r="T2256">
            <v>4786023</v>
          </cell>
          <cell r="V2256" t="str">
            <v>vr999694</v>
          </cell>
          <cell r="W2256" t="str">
            <v>es193991</v>
          </cell>
          <cell r="Y2256" t="str">
            <v>14.44.48</v>
          </cell>
          <cell r="Z2256" t="str">
            <v/>
          </cell>
          <cell r="AA2256" t="str">
            <v/>
          </cell>
          <cell r="AB2256" t="str">
            <v/>
          </cell>
          <cell r="AC2256" t="str">
            <v/>
          </cell>
          <cell r="AD2256" t="str">
            <v/>
          </cell>
          <cell r="AE2256" t="str">
            <v>１；２；郵便料金計器、封入封緘機、紙折機、開封機、アドレスプリンター、印紙税納付計器３；上記機器のリース・レンタル業４；上記機器の保守・メンテナンス業</v>
          </cell>
          <cell r="AF2256" t="str">
            <v>ピツニーボウズ社は１２０か国で事務機器の提供、保守サービスを提供しております。主な取扱商品は郵便料金計器、封入封緘機、紙折機、開封機、アドレスプリンター、印紙税納付計器等で、日本におきましては、自社製品のリース・レンタル事業も行っております。</v>
          </cell>
        </row>
        <row r="2257">
          <cell r="B2257">
            <v>10540</v>
          </cell>
          <cell r="C2257" t="str">
            <v>鎌長製衡(株)</v>
          </cell>
          <cell r="D2257" t="str">
            <v>087-845-1111</v>
          </cell>
          <cell r="E2257" t="str">
            <v>761-0196</v>
          </cell>
          <cell r="F2257" t="str">
            <v>香川県高松市牟礼町牟礼2246</v>
          </cell>
          <cell r="G2257" t="str">
            <v>高松市</v>
          </cell>
          <cell r="H2257" t="str">
            <v/>
          </cell>
          <cell r="I2257" t="str">
            <v>代表取締役 鎌田　長明</v>
          </cell>
          <cell r="J2257" t="str">
            <v>本店</v>
          </cell>
          <cell r="K2257" t="str">
            <v>087-845-7442</v>
          </cell>
          <cell r="L2257" t="str">
            <v>honsha@kamacho.co.jp</v>
          </cell>
          <cell r="M2257" t="str">
            <v>ｶﾏﾁｮｳｾｲｺｳ</v>
          </cell>
          <cell r="N2257" t="str">
            <v>無</v>
          </cell>
          <cell r="O2257">
            <v>43</v>
          </cell>
          <cell r="P2257">
            <v>172</v>
          </cell>
          <cell r="Q2257">
            <v>6470001000095</v>
          </cell>
          <cell r="R2257">
            <v>80000</v>
          </cell>
          <cell r="S2257">
            <v>1671745</v>
          </cell>
          <cell r="T2257">
            <v>4266880</v>
          </cell>
          <cell r="V2257" t="str">
            <v>pg744010</v>
          </cell>
          <cell r="W2257" t="str">
            <v>ex133919</v>
          </cell>
          <cell r="Y2257" t="str">
            <v>42，48，</v>
          </cell>
          <cell r="Z2257">
            <v>42</v>
          </cell>
          <cell r="AA2257">
            <v>80</v>
          </cell>
          <cell r="AB2257">
            <v>48</v>
          </cell>
          <cell r="AC2257" t="str">
            <v/>
          </cell>
          <cell r="AD2257" t="str">
            <v/>
          </cell>
          <cell r="AE2257" t="str">
            <v>１；トラックスケール、トラックスケールデータ処理装置、大型台はかり、クレーンスケール等計量機器２；ペットボトル及びその他プラスチック圧縮減容機、金属圧縮機、蛍光灯破砕機、石膏ボード分別機、破砕機、選別機等環境危機３；計量機器及び環境機器の保守点検４；</v>
          </cell>
          <cell r="AF2257" t="str">
            <v>産業用はかりや計量システム、各種圧縮減容機や環境プラントの専門メーカーで、製造～販売、設置～保守まで「顧客の満足する製品造り」をモットーに、幅広く対応しております。特に当社のデジタルロードセルを採用した計量機器は計量精度やメンテナンス性において高い信頼を頂いております。</v>
          </cell>
        </row>
        <row r="2258">
          <cell r="B2258">
            <v>10542</v>
          </cell>
          <cell r="C2258" t="str">
            <v>ＡＬＳＯＫあんしんケアサポート(株)</v>
          </cell>
          <cell r="D2258" t="str">
            <v>03-3773-2021</v>
          </cell>
          <cell r="E2258" t="str">
            <v>143-0023</v>
          </cell>
          <cell r="F2258" t="str">
            <v>東京都大田区山王1‐3‐5</v>
          </cell>
          <cell r="G2258" t="str">
            <v>東京都</v>
          </cell>
          <cell r="H2258" t="str">
            <v/>
          </cell>
          <cell r="I2258" t="str">
            <v>代表取締役 尻無濱　秀治</v>
          </cell>
          <cell r="J2258" t="str">
            <v>本店</v>
          </cell>
          <cell r="K2258" t="str">
            <v>03-3773-7912</v>
          </cell>
          <cell r="L2258" t="str">
            <v>sales@acs.alsok.co.jp</v>
          </cell>
          <cell r="M2258" t="str">
            <v>ｱﾙｿｯｸｱﾝｼﾝｹｱｻﾎﾟｰﾄ</v>
          </cell>
          <cell r="N2258" t="str">
            <v>無</v>
          </cell>
          <cell r="O2258">
            <v>31</v>
          </cell>
          <cell r="P2258">
            <v>275</v>
          </cell>
          <cell r="Q2258">
            <v>3010801000426</v>
          </cell>
          <cell r="R2258">
            <v>410050</v>
          </cell>
          <cell r="S2258">
            <v>1273455</v>
          </cell>
          <cell r="T2258">
            <v>4796112</v>
          </cell>
          <cell r="V2258" t="str">
            <v>un844056</v>
          </cell>
          <cell r="W2258" t="str">
            <v>zw189116</v>
          </cell>
          <cell r="Y2258" t="str">
            <v>36，60，</v>
          </cell>
          <cell r="Z2258">
            <v>60</v>
          </cell>
          <cell r="AA2258">
            <v>36</v>
          </cell>
          <cell r="AB2258" t="str">
            <v/>
          </cell>
          <cell r="AC2258" t="str">
            <v/>
          </cell>
          <cell r="AD2258" t="str">
            <v/>
          </cell>
          <cell r="AE2258" t="str">
            <v>１；緊急通報サービス、電話相談（健康・医療・栄養・介護等）、コールセンター、特定保健指導２；緊急通報端末装置３；４；</v>
          </cell>
          <cell r="AF2258" t="str">
            <v>２４時間３６５日、コミュニケーションと技術で健康を支援し安心を提供します。『予防型緊急通報サービス』『電話による健康相談サービス』『特定保健指導』等を通して、「的確な対応」「健康の支援」「安心の提供」をお届けし、健康福祉の良きパートナーとなることを目指します。</v>
          </cell>
        </row>
        <row r="2259">
          <cell r="B2259">
            <v>10543</v>
          </cell>
          <cell r="C2259" t="str">
            <v>日本誠食(株)</v>
          </cell>
          <cell r="D2259" t="str">
            <v>072-920-3941</v>
          </cell>
          <cell r="E2259" t="str">
            <v>581-0038</v>
          </cell>
          <cell r="F2259" t="str">
            <v>大阪府八尾市若林町2-68</v>
          </cell>
          <cell r="G2259" t="str">
            <v>八尾市</v>
          </cell>
          <cell r="H2259" t="str">
            <v/>
          </cell>
          <cell r="I2259" t="str">
            <v>代表取締役社長 山田　雅浩</v>
          </cell>
          <cell r="J2259" t="str">
            <v>本店</v>
          </cell>
          <cell r="K2259" t="str">
            <v>072-920-3942</v>
          </cell>
          <cell r="L2259" t="str">
            <v>info@nihonseishoku.jp</v>
          </cell>
          <cell r="M2259" t="str">
            <v>ﾆﾎﾝｾｲｼｮｸ</v>
          </cell>
          <cell r="N2259" t="str">
            <v>無</v>
          </cell>
          <cell r="O2259">
            <v>55</v>
          </cell>
          <cell r="P2259">
            <v>120</v>
          </cell>
          <cell r="Q2259">
            <v>8122001023828</v>
          </cell>
          <cell r="R2259">
            <v>30000</v>
          </cell>
          <cell r="S2259">
            <v>-11292</v>
          </cell>
          <cell r="T2259">
            <v>1163836</v>
          </cell>
          <cell r="V2259" t="str">
            <v>kd576620</v>
          </cell>
          <cell r="W2259" t="str">
            <v>wu919733</v>
          </cell>
          <cell r="Y2259" t="str">
            <v>02，08，</v>
          </cell>
          <cell r="Z2259">
            <v>2</v>
          </cell>
          <cell r="AA2259">
            <v>8</v>
          </cell>
          <cell r="AB2259" t="str">
            <v/>
          </cell>
          <cell r="AC2259" t="str">
            <v/>
          </cell>
          <cell r="AD2259" t="str">
            <v/>
          </cell>
          <cell r="AE2259" t="str">
            <v>１；２；３；４；</v>
          </cell>
          <cell r="AF2259" t="str">
            <v>食堂、レストランの運営、弁当類の製造販売、食料品・加工調理食品の販売、　備蓄用保存水の販売</v>
          </cell>
        </row>
        <row r="2260">
          <cell r="B2260">
            <v>10544</v>
          </cell>
          <cell r="C2260" t="str">
            <v>(株)フューチャーリンクネットワーク</v>
          </cell>
          <cell r="D2260" t="str">
            <v>047-495-0525</v>
          </cell>
          <cell r="E2260" t="str">
            <v>273-0031</v>
          </cell>
          <cell r="F2260" t="str">
            <v>千葉県船橋市西船4-19-3</v>
          </cell>
          <cell r="G2260" t="str">
            <v>船橋市</v>
          </cell>
          <cell r="H2260" t="str">
            <v/>
          </cell>
          <cell r="I2260" t="str">
            <v>代表取締役 石井　丈晴</v>
          </cell>
          <cell r="J2260" t="str">
            <v>本店</v>
          </cell>
          <cell r="K2260" t="str">
            <v>047-495-0625</v>
          </cell>
          <cell r="L2260" t="str">
            <v>fln-registration@futurelink.co.jp</v>
          </cell>
          <cell r="M2260" t="str">
            <v>ﾌｭｰﾁｬｰﾘﾝｸﾈｯﾄﾜｰｸ</v>
          </cell>
          <cell r="N2260" t="str">
            <v>無</v>
          </cell>
          <cell r="O2260">
            <v>19</v>
          </cell>
          <cell r="P2260">
            <v>98</v>
          </cell>
          <cell r="Q2260">
            <v>7040001019632</v>
          </cell>
          <cell r="R2260">
            <v>134500</v>
          </cell>
          <cell r="S2260">
            <v>-30315</v>
          </cell>
          <cell r="T2260">
            <v>1074683</v>
          </cell>
          <cell r="V2260" t="str">
            <v>zu160850</v>
          </cell>
          <cell r="W2260" t="str">
            <v>sz127317</v>
          </cell>
          <cell r="Y2260" t="str">
            <v>066，58，63，65，66，</v>
          </cell>
          <cell r="Z2260">
            <v>80</v>
          </cell>
          <cell r="AA2260">
            <v>58</v>
          </cell>
          <cell r="AB2260">
            <v>65</v>
          </cell>
          <cell r="AC2260">
            <v>66</v>
          </cell>
          <cell r="AD2260" t="str">
            <v/>
          </cell>
          <cell r="AE2260" t="str">
            <v>１；ふるさと納税応援寄付の発注管理業務、地域通貨・ポイントの構築と運営、その他地域情報プラットフォームを活用した広告業務等２；システム開発・保守、ホームページ作成３；新聞、雑誌、折込４；塗板、掲示板</v>
          </cell>
          <cell r="AF2260" t="str">
            <v>地域情報サイトの運営、販促支援、エリアマーケティング、ふるさと納税事務局、地域通貨・ポイント運営等</v>
          </cell>
        </row>
        <row r="2261">
          <cell r="B2261">
            <v>10545</v>
          </cell>
          <cell r="C2261" t="str">
            <v>丸文ウエスト(株)</v>
          </cell>
          <cell r="D2261" t="str">
            <v>078-331-4266</v>
          </cell>
          <cell r="E2261" t="str">
            <v>650-0024</v>
          </cell>
          <cell r="F2261" t="str">
            <v>兵庫県神戸市中央区海岸通2-2-3</v>
          </cell>
          <cell r="G2261" t="str">
            <v>神戸市</v>
          </cell>
          <cell r="H2261" t="str">
            <v/>
          </cell>
          <cell r="I2261" t="str">
            <v>代表取締役社長 藤原　忠</v>
          </cell>
          <cell r="J2261" t="str">
            <v>本店</v>
          </cell>
          <cell r="K2261" t="str">
            <v>078-331-6503</v>
          </cell>
          <cell r="L2261" t="str">
            <v>mw_sales30@marubun.co.jp</v>
          </cell>
          <cell r="M2261" t="str">
            <v>ﾏﾙﾌﾞﾝｳｴｽﾄ</v>
          </cell>
          <cell r="N2261" t="str">
            <v>無</v>
          </cell>
          <cell r="O2261">
            <v>14</v>
          </cell>
          <cell r="P2261">
            <v>35</v>
          </cell>
          <cell r="Q2261">
            <v>4140001024237</v>
          </cell>
          <cell r="R2261">
            <v>30000</v>
          </cell>
          <cell r="S2261">
            <v>241075</v>
          </cell>
          <cell r="T2261">
            <v>3413265</v>
          </cell>
          <cell r="V2261" t="str">
            <v>jg134690</v>
          </cell>
          <cell r="W2261" t="str">
            <v>if116395</v>
          </cell>
          <cell r="Y2261" t="str">
            <v>41，42，</v>
          </cell>
          <cell r="Z2261">
            <v>42</v>
          </cell>
          <cell r="AA2261">
            <v>41</v>
          </cell>
          <cell r="AB2261" t="str">
            <v/>
          </cell>
          <cell r="AC2261" t="str">
            <v/>
          </cell>
          <cell r="AD2261" t="str">
            <v/>
          </cell>
          <cell r="AE2261" t="str">
            <v>１；代：（株）島津製作所２；代：（株）島津製作所３；４；</v>
          </cell>
          <cell r="AF2261" t="str">
            <v>分析、計測機器等を中心に幅広い機器を取り扱っております。（株）島津製作所の代理店です。</v>
          </cell>
        </row>
        <row r="2262">
          <cell r="B2262">
            <v>10547</v>
          </cell>
          <cell r="C2262" t="str">
            <v>扶桑電通(株)</v>
          </cell>
          <cell r="D2262" t="str">
            <v>06-6266-3800</v>
          </cell>
          <cell r="E2262" t="str">
            <v>541-0051</v>
          </cell>
          <cell r="F2262" t="str">
            <v>大阪府大阪市中央区備後町2-6-8</v>
          </cell>
          <cell r="G2262" t="str">
            <v>大阪市</v>
          </cell>
          <cell r="H2262" t="str">
            <v>関西支店</v>
          </cell>
          <cell r="I2262" t="str">
            <v>執行役員支店長 北　拓兒</v>
          </cell>
          <cell r="J2262" t="str">
            <v>東京都</v>
          </cell>
          <cell r="K2262" t="str">
            <v>06-6266-3797</v>
          </cell>
          <cell r="L2262" t="str">
            <v>ffc6238@fusodentsu.co.jp</v>
          </cell>
          <cell r="M2262" t="str">
            <v>ﾌｿｳﾃﾞﾝﾂｳ</v>
          </cell>
          <cell r="N2262" t="str">
            <v>有</v>
          </cell>
          <cell r="O2262">
            <v>67</v>
          </cell>
          <cell r="P2262">
            <v>960</v>
          </cell>
          <cell r="Q2262">
            <v>6010001055706</v>
          </cell>
          <cell r="R2262">
            <v>1083500</v>
          </cell>
          <cell r="S2262">
            <v>7602923</v>
          </cell>
          <cell r="T2262">
            <v>35937535</v>
          </cell>
          <cell r="V2262" t="str">
            <v>an681172</v>
          </cell>
          <cell r="W2262" t="str">
            <v>mq153567</v>
          </cell>
          <cell r="Y2262" t="str">
            <v>044，35，36，44，50，57，58，</v>
          </cell>
          <cell r="Z2262">
            <v>36</v>
          </cell>
          <cell r="AA2262">
            <v>58</v>
          </cell>
          <cell r="AB2262">
            <v>50</v>
          </cell>
          <cell r="AC2262">
            <v>44</v>
          </cell>
          <cell r="AD2262" t="str">
            <v>官公庁自治体様向け営業及びシステムエンジニアを組織しており、内部業務からインフラ環境まで幅広くご提供できる環境を整えております。</v>
          </cell>
          <cell r="AE2262" t="str">
            <v>１；（特）富士通、（特）富士通コワーコ、（特）富士通フロンテック２；３；４；</v>
          </cell>
          <cell r="AF2262" t="str">
            <v>富士通パートナーである当社は電話交換設備、コンピュータ機器の販売、付随する電気通信工事や光通信ケーブル工事、システム開発、サポート、メンテナンス等トータルソリューションサービスをご提供できる企業です。京阪神地区の自治体様に多くの納入実績を持っております。</v>
          </cell>
        </row>
        <row r="2263">
          <cell r="B2263">
            <v>10549</v>
          </cell>
          <cell r="C2263" t="str">
            <v>国際航業(株)</v>
          </cell>
          <cell r="D2263" t="str">
            <v>06-6487-1284</v>
          </cell>
          <cell r="E2263" t="str">
            <v>660-0805</v>
          </cell>
          <cell r="F2263" t="str">
            <v>兵庫県尼崎市西長洲町1-1-15</v>
          </cell>
          <cell r="G2263" t="str">
            <v>尼崎市</v>
          </cell>
          <cell r="H2263" t="str">
            <v>兵庫支店</v>
          </cell>
          <cell r="I2263" t="str">
            <v>支店長 金岡　賢二</v>
          </cell>
          <cell r="J2263" t="str">
            <v>東京都</v>
          </cell>
          <cell r="K2263" t="str">
            <v>06-6487-1337</v>
          </cell>
          <cell r="L2263" t="str">
            <v>info-hyogo@kk-grp.jp</v>
          </cell>
          <cell r="M2263" t="str">
            <v>ｺｸｻｲｺｳｷﾞｮｳ</v>
          </cell>
          <cell r="N2263" t="str">
            <v>有</v>
          </cell>
          <cell r="O2263">
            <v>71</v>
          </cell>
          <cell r="P2263">
            <v>1378</v>
          </cell>
          <cell r="Q2263">
            <v>9010001008669</v>
          </cell>
          <cell r="R2263">
            <v>16729013</v>
          </cell>
          <cell r="S2263">
            <v>19558087</v>
          </cell>
          <cell r="T2263">
            <v>36970070</v>
          </cell>
          <cell r="V2263" t="str">
            <v>ez523975</v>
          </cell>
          <cell r="W2263" t="str">
            <v>ls189953</v>
          </cell>
          <cell r="Y2263" t="str">
            <v>036，13，17，36，44，57，58，63，72，75，77，79，</v>
          </cell>
          <cell r="Z2263">
            <v>58</v>
          </cell>
          <cell r="AA2263">
            <v>57</v>
          </cell>
          <cell r="AB2263">
            <v>72</v>
          </cell>
          <cell r="AC2263">
            <v>36</v>
          </cell>
          <cell r="AD2263" t="str">
            <v>電力供給・売電　等</v>
          </cell>
          <cell r="AE2263" t="str">
            <v>１；地図情報システム（ＧＩＳ）システム開発・データ作成及び入力／インターネットホームページの作成　等２；地図情報システム（GIS）システムデータ作成及び入力、保守・運用／ASP方式によるLGWAN回線等を用いたクラウド型GIS運用サービスの提供／住所情報の正規化、位置情報付与　等３；事故・災害緊急航空写真撮影／衛星により撮影した高解像度画像を利用したコンテンツの作成／垂直・斜め等各種航空写真の作成／走行車両による全方位画像、路面データ等の取得　等４；パソコン／プリンタ／スキャナ／ソフトウェア／ネットワーク関連機器　等</v>
          </cell>
          <cell r="AF2263" t="str">
            <v>空間情報コンサルティング（空間情報技術サービス、建設コンサルタントサービス）、ＲＥ関連事業、防災関連事業、環境保全事業、社会インフラ事業、マーケティングおよび位置情報サービス、その他</v>
          </cell>
        </row>
        <row r="2264">
          <cell r="B2264">
            <v>10550</v>
          </cell>
          <cell r="C2264" t="str">
            <v>(株)ダイシン</v>
          </cell>
          <cell r="D2264" t="str">
            <v>072-757-2216</v>
          </cell>
          <cell r="E2264" t="str">
            <v>666-0024</v>
          </cell>
          <cell r="F2264" t="str">
            <v>兵庫県川西市久代1-10-55</v>
          </cell>
          <cell r="G2264" t="str">
            <v>川西市</v>
          </cell>
          <cell r="H2264" t="str">
            <v/>
          </cell>
          <cell r="I2264" t="str">
            <v>代表取締役 長浜　和裕</v>
          </cell>
          <cell r="J2264" t="str">
            <v>本店</v>
          </cell>
          <cell r="K2264" t="str">
            <v>072-757-5268</v>
          </cell>
          <cell r="L2264" t="str">
            <v>info@daishin-b.co.jp</v>
          </cell>
          <cell r="M2264" t="str">
            <v>ﾀﾞｲｼﾝ</v>
          </cell>
          <cell r="N2264" t="str">
            <v>無</v>
          </cell>
          <cell r="O2264">
            <v>38</v>
          </cell>
          <cell r="P2264">
            <v>49</v>
          </cell>
          <cell r="Q2264">
            <v>8140001079442</v>
          </cell>
          <cell r="R2264">
            <v>10000</v>
          </cell>
          <cell r="S2264">
            <v>91627</v>
          </cell>
          <cell r="T2264">
            <v>213647</v>
          </cell>
          <cell r="V2264" t="str">
            <v>kc634651</v>
          </cell>
          <cell r="W2264" t="str">
            <v>kj187969</v>
          </cell>
          <cell r="Y2264" t="str">
            <v>069，56，68，69，</v>
          </cell>
          <cell r="Z2264">
            <v>68</v>
          </cell>
          <cell r="AA2264">
            <v>80</v>
          </cell>
          <cell r="AB2264">
            <v>56</v>
          </cell>
          <cell r="AC2264">
            <v>69</v>
          </cell>
          <cell r="AD2264" t="str">
            <v/>
          </cell>
          <cell r="AE2264" t="str">
            <v>１；一般廃棄物処理施設設置（変更）許可証　廃棄物再生事業者登録証明書　産業廃棄物処分業許可証　産業廃棄物収集運搬業許可証２；ごみ処理施設内での廃プラスチック類手選別業務請負３；一般労働者派遣事業許可証　有料職業紹介事業許可証４；古物商許可証　金属くず商許可証</v>
          </cell>
          <cell r="AF2264" t="str">
            <v>営業当初より廃プラスチックの再生化処理を手掛け、宝塚市、堺市等の各市町村から委託を頂いた一般廃棄物の中間処理を中心とした業務を行っております。また、産業廃棄物収集運搬やクリーンセンター内での手選別業務も取扱っています。今後は貴市ともこれらの分野でのお取引きを希望致します。</v>
          </cell>
        </row>
        <row r="2265">
          <cell r="B2265">
            <v>10551</v>
          </cell>
          <cell r="C2265" t="str">
            <v>東洋装備(株)</v>
          </cell>
          <cell r="D2265" t="str">
            <v>06-6421-6828</v>
          </cell>
          <cell r="E2265" t="str">
            <v>661-0002</v>
          </cell>
          <cell r="F2265" t="str">
            <v>兵庫県尼崎市塚口町1丁目33番地の9</v>
          </cell>
          <cell r="G2265" t="str">
            <v>尼崎市</v>
          </cell>
          <cell r="H2265" t="str">
            <v/>
          </cell>
          <cell r="I2265" t="str">
            <v>代表取締役 山下　佐和子</v>
          </cell>
          <cell r="J2265" t="str">
            <v>本店</v>
          </cell>
          <cell r="K2265" t="str">
            <v>06-6422-6272</v>
          </cell>
          <cell r="L2265" t="str">
            <v>soumu@toyosobi.ne.jp</v>
          </cell>
          <cell r="M2265" t="str">
            <v>ﾄｳﾖｳｿｳﾋﾞ</v>
          </cell>
          <cell r="N2265" t="str">
            <v>無</v>
          </cell>
          <cell r="O2265">
            <v>49</v>
          </cell>
          <cell r="P2265">
            <v>110</v>
          </cell>
          <cell r="Q2265">
            <v>1140001050194</v>
          </cell>
          <cell r="R2265">
            <v>10000</v>
          </cell>
          <cell r="S2265">
            <v>198000</v>
          </cell>
          <cell r="T2265">
            <v>153171</v>
          </cell>
          <cell r="V2265" t="str">
            <v>df739753</v>
          </cell>
          <cell r="W2265" t="str">
            <v>gv199983</v>
          </cell>
          <cell r="Y2265" t="str">
            <v>45，46，54，55，</v>
          </cell>
          <cell r="Z2265">
            <v>45</v>
          </cell>
          <cell r="AA2265">
            <v>54</v>
          </cell>
          <cell r="AB2265" t="str">
            <v/>
          </cell>
          <cell r="AC2265" t="str">
            <v/>
          </cell>
          <cell r="AD2265" t="str">
            <v/>
          </cell>
          <cell r="AE2265" t="str">
            <v>１；警備業認定　第６３００００１２号２；建築物環境衛生総合管理業　兵庫県２５総第１３号の８３；４；</v>
          </cell>
          <cell r="AF2265" t="str">
            <v/>
          </cell>
        </row>
        <row r="2266">
          <cell r="B2266">
            <v>10552</v>
          </cell>
          <cell r="C2266" t="str">
            <v>(株)清水合金製作所</v>
          </cell>
          <cell r="D2266" t="str">
            <v>06-6315-7471</v>
          </cell>
          <cell r="E2266" t="str">
            <v>530-0053</v>
          </cell>
          <cell r="F2266" t="str">
            <v>大阪府大阪市大阪市北区末広町3ｰ21</v>
          </cell>
          <cell r="G2266" t="str">
            <v>大阪市</v>
          </cell>
          <cell r="H2266" t="str">
            <v>大阪営業所</v>
          </cell>
          <cell r="I2266" t="str">
            <v>所長 内匠　宏彰</v>
          </cell>
          <cell r="J2266" t="str">
            <v>滋賀県彦根市</v>
          </cell>
          <cell r="K2266" t="str">
            <v>06-6315-8089</v>
          </cell>
          <cell r="L2266" t="str">
            <v>f-iseki@shimizugokin.co.jp</v>
          </cell>
          <cell r="M2266" t="str">
            <v>ｼﾐｽﾞｺﾞｳｷﾝｾｲｻｸｼｮ</v>
          </cell>
          <cell r="N2266" t="str">
            <v>有</v>
          </cell>
          <cell r="O2266">
            <v>71</v>
          </cell>
          <cell r="P2266">
            <v>153</v>
          </cell>
          <cell r="Q2266">
            <v>5160001008377</v>
          </cell>
          <cell r="R2266">
            <v>90304</v>
          </cell>
          <cell r="S2266">
            <v>5301855</v>
          </cell>
          <cell r="T2266">
            <v>4491814</v>
          </cell>
          <cell r="V2266" t="str">
            <v>mm465955</v>
          </cell>
          <cell r="W2266" t="str">
            <v>ll186999</v>
          </cell>
          <cell r="Y2266" t="str">
            <v>33，</v>
          </cell>
          <cell r="Z2266">
            <v>33</v>
          </cell>
          <cell r="AA2266" t="str">
            <v/>
          </cell>
          <cell r="AB2266" t="str">
            <v/>
          </cell>
          <cell r="AC2266" t="str">
            <v/>
          </cell>
          <cell r="AD2266" t="str">
            <v/>
          </cell>
          <cell r="AE2266" t="str">
            <v>１；水道用弁類メーカー・膜ろ過装置・他２；３；４；</v>
          </cell>
          <cell r="AF2266" t="str">
            <v>上下水道用各種弁類製造、膜ろ過装置を製造しています。建設工事では、『機械器具』、物品では、『建材（道路・上下水道用材）』を希望いたします。</v>
          </cell>
        </row>
        <row r="2267">
          <cell r="B2267">
            <v>10553</v>
          </cell>
          <cell r="C2267" t="str">
            <v>(株)エフウォーターマネジメント</v>
          </cell>
          <cell r="D2267" t="str">
            <v>079-295-7132</v>
          </cell>
          <cell r="E2267" t="str">
            <v>670-0996</v>
          </cell>
          <cell r="F2267" t="str">
            <v>兵庫県姫路市土山7-7-15</v>
          </cell>
          <cell r="G2267" t="str">
            <v>姫路市</v>
          </cell>
          <cell r="H2267" t="str">
            <v>兵庫事務所</v>
          </cell>
          <cell r="I2267" t="str">
            <v>所長　 山時　隆治</v>
          </cell>
          <cell r="J2267" t="str">
            <v>滋賀県大津市</v>
          </cell>
          <cell r="K2267" t="str">
            <v>079-295-7121</v>
          </cell>
          <cell r="L2267" t="str">
            <v>eigyo-w@fwater-mgt.co.jp</v>
          </cell>
          <cell r="M2267" t="str">
            <v>ｴﾌｳｫｰﾀｰﾏﾈｼﾞﾒﾝﾄ</v>
          </cell>
          <cell r="N2267" t="str">
            <v>有</v>
          </cell>
          <cell r="O2267">
            <v>59</v>
          </cell>
          <cell r="P2267">
            <v>57</v>
          </cell>
          <cell r="Q2267">
            <v>9160001001717</v>
          </cell>
          <cell r="R2267">
            <v>52700</v>
          </cell>
          <cell r="S2267">
            <v>254130</v>
          </cell>
          <cell r="T2267">
            <v>812731</v>
          </cell>
          <cell r="V2267" t="str">
            <v>qd215066</v>
          </cell>
          <cell r="W2267" t="str">
            <v>vl117899</v>
          </cell>
          <cell r="Y2267" t="str">
            <v>047，46，47，79，</v>
          </cell>
          <cell r="Z2267">
            <v>80</v>
          </cell>
          <cell r="AA2267">
            <v>79</v>
          </cell>
          <cell r="AB2267">
            <v>46</v>
          </cell>
          <cell r="AC2267">
            <v>47</v>
          </cell>
          <cell r="AD2267" t="str">
            <v/>
          </cell>
          <cell r="AE2267" t="str">
            <v>１；上水道施設運転管理及び維持管理業務２；管内テレビカメラ調査３；上下水道施設保守管理４；上下水道施設保守管理</v>
          </cell>
          <cell r="AF2267" t="str">
            <v>建設コンサルタントとして特に上水道及び工業用水道部門・下水道部門に力を入れており、管路の設計・施設設計・耐震診断・耐震補強設計等における多数の実績がございます。また、水質検査や上水道施設運転管理業務等を行っており、水道事業全般の経験・知識が豊富にございます。</v>
          </cell>
        </row>
        <row r="2268">
          <cell r="B2268">
            <v>10555</v>
          </cell>
          <cell r="C2268" t="str">
            <v>(株)ニック</v>
          </cell>
          <cell r="D2268" t="str">
            <v>092-504-2489</v>
          </cell>
          <cell r="E2268" t="str">
            <v>816-0905</v>
          </cell>
          <cell r="F2268" t="str">
            <v>福岡県大野城市川久保3-1-23</v>
          </cell>
          <cell r="G2268" t="str">
            <v>大野城市</v>
          </cell>
          <cell r="H2268" t="str">
            <v/>
          </cell>
          <cell r="I2268" t="str">
            <v>代表取締役　 松浦　豊喜</v>
          </cell>
          <cell r="J2268" t="str">
            <v>本店</v>
          </cell>
          <cell r="K2268" t="str">
            <v>092-504-2900</v>
          </cell>
          <cell r="L2268" t="str">
            <v>nic@nic-fs.co.jp</v>
          </cell>
          <cell r="M2268" t="str">
            <v>ﾆﾂｸ</v>
          </cell>
          <cell r="N2268" t="str">
            <v>無</v>
          </cell>
          <cell r="O2268">
            <v>41</v>
          </cell>
          <cell r="P2268">
            <v>48</v>
          </cell>
          <cell r="Q2268">
            <v>6290000000000</v>
          </cell>
          <cell r="R2268">
            <v>24000</v>
          </cell>
          <cell r="S2268">
            <v>675340</v>
          </cell>
          <cell r="T2268">
            <v>1024117</v>
          </cell>
          <cell r="V2268" t="str">
            <v>zw511982</v>
          </cell>
          <cell r="W2268" t="str">
            <v>kq175369</v>
          </cell>
          <cell r="Y2268" t="str">
            <v>14.15.44</v>
          </cell>
          <cell r="Z2268">
            <v>44</v>
          </cell>
          <cell r="AA2268">
            <v>14</v>
          </cell>
          <cell r="AB2268">
            <v>15</v>
          </cell>
          <cell r="AC2268" t="str">
            <v/>
          </cell>
          <cell r="AD2268" t="str">
            <v/>
          </cell>
          <cell r="AE2268" t="str">
            <v>１；２；障害福祉業務総合支援ソフト賃貸借、障害福祉サービスパッケージソフトレンタル、障害者台帳・障害福祉サービス管理システム賃貸借３；ファイル・ボックス・保存箱・カードケース・保険証カバー・印鑑登録証ケース・バインダー・ＧＰ製本セット・給報保存箱４；偽造防止用紙</v>
          </cell>
          <cell r="AF2268" t="str">
            <v>障害福祉パッケージソフトは、全国約８００市区町村でご採用頂いております。パッケージソフトのため導入コストや保守費用も抑えられます。事務用品につきましては、お客様の用途に合わせたファイルや収納ボックス等を取り扱っております。</v>
          </cell>
        </row>
        <row r="2269">
          <cell r="B2269">
            <v>10556</v>
          </cell>
          <cell r="C2269" t="str">
            <v>第一電子(株)</v>
          </cell>
          <cell r="D2269">
            <v>66938</v>
          </cell>
          <cell r="E2269" t="str">
            <v>664-0881</v>
          </cell>
          <cell r="F2269" t="str">
            <v>兵庫県伊丹市昆陽2-164-11</v>
          </cell>
          <cell r="G2269" t="str">
            <v>伊丹市</v>
          </cell>
          <cell r="H2269" t="str">
            <v>伊丹営業所</v>
          </cell>
          <cell r="I2269" t="str">
            <v>所長 山内　啓光</v>
          </cell>
          <cell r="J2269" t="str">
            <v>兵庫県神戸市</v>
          </cell>
          <cell r="K2269" t="str">
            <v>0120-743-507</v>
          </cell>
          <cell r="L2269" t="str">
            <v>kanri@ddk.ne.jp</v>
          </cell>
          <cell r="M2269" t="str">
            <v>ﾀﾞｲｲﾁﾃﾞﾝｼｶﾌﾞｼｷｶﾞｲｼｬ</v>
          </cell>
          <cell r="N2269" t="str">
            <v>有</v>
          </cell>
          <cell r="O2269">
            <v>65</v>
          </cell>
          <cell r="P2269">
            <v>116</v>
          </cell>
          <cell r="Q2269">
            <v>1140001004992</v>
          </cell>
          <cell r="R2269">
            <v>30000</v>
          </cell>
          <cell r="S2269">
            <v>76599</v>
          </cell>
          <cell r="T2269">
            <v>3659586</v>
          </cell>
          <cell r="V2269" t="str">
            <v>hq526702</v>
          </cell>
          <cell r="W2269" t="str">
            <v>os171769</v>
          </cell>
          <cell r="Y2269" t="str">
            <v>058，13，14，15，27，35，36，44，58，</v>
          </cell>
          <cell r="Z2269">
            <v>44</v>
          </cell>
          <cell r="AA2269">
            <v>36</v>
          </cell>
          <cell r="AB2269">
            <v>15</v>
          </cell>
          <cell r="AC2269">
            <v>58</v>
          </cell>
          <cell r="AD2269" t="str">
            <v>映像ＣＩＭや福祉に特化した商材、環境商材のＬＥＤや節水システム、ＡＥＤ等事務所に関わりのある商品を取り扱っています。</v>
          </cell>
          <cell r="AE2269" t="str">
            <v>１；複合機（リコー代理店）、印刷機（理想科学工業代理店）、パソコン各種メーカー取扱い、その他各種事務器取扱い２；複合機（リコー代理店）、印刷機（理想科学工業代理店）、パソコン各種メーカー取扱い、その他各種事務器取扱い３；各種用紙取扱い（リコー代理店、理想科学工業代理店）４；システム開発・保守業務、ＨＰ作成を自社ならびに各種アプリケーションの提供</v>
          </cell>
          <cell r="AF2269" t="str">
            <v>お客様により快適なオフィス環境を提供するため、ＯＡ機器・ＩＴ関連商品の販売とメンテナンス業務をはじめ、自社開発の学校向けアプリケーションソフト、システム、ソフト開発など幅広い商品を取扱いさせて頂いております。</v>
          </cell>
        </row>
        <row r="2270">
          <cell r="B2270">
            <v>10558</v>
          </cell>
          <cell r="C2270" t="str">
            <v>(株)ディエスジャパン</v>
          </cell>
          <cell r="D2270" t="str">
            <v>072-963-0044</v>
          </cell>
          <cell r="E2270" t="str">
            <v xml:space="preserve">578-0982 </v>
          </cell>
          <cell r="F2270" t="str">
            <v>大阪府東大阪市吉田本町3-3-45</v>
          </cell>
          <cell r="G2270" t="str">
            <v>東大阪市</v>
          </cell>
          <cell r="H2270" t="str">
            <v>大阪店</v>
          </cell>
          <cell r="I2270" t="str">
            <v>店長 小村　伸二</v>
          </cell>
          <cell r="J2270" t="str">
            <v>大阪府東大阪市</v>
          </cell>
          <cell r="K2270" t="str">
            <v>072-966-3213</v>
          </cell>
          <cell r="L2270" t="str">
            <v>up_front@dsj.co.jp</v>
          </cell>
          <cell r="M2270" t="str">
            <v>ﾃﾞｨｴｽｼﾞｬﾊﾟﾝ</v>
          </cell>
          <cell r="N2270" t="str">
            <v>有</v>
          </cell>
          <cell r="O2270">
            <v>34</v>
          </cell>
          <cell r="P2270">
            <v>200</v>
          </cell>
          <cell r="Q2270">
            <v>3122001004683</v>
          </cell>
          <cell r="R2270">
            <v>30000</v>
          </cell>
          <cell r="S2270">
            <v>2225666</v>
          </cell>
          <cell r="T2270">
            <v>7749605</v>
          </cell>
          <cell r="V2270" t="str">
            <v>fr302868</v>
          </cell>
          <cell r="W2270" t="str">
            <v>gk144609</v>
          </cell>
          <cell r="Y2270" t="str">
            <v>14，15，36，44，69，</v>
          </cell>
          <cell r="Z2270" t="str">
            <v/>
          </cell>
          <cell r="AA2270" t="str">
            <v/>
          </cell>
          <cell r="AB2270" t="str">
            <v/>
          </cell>
          <cell r="AC2270" t="str">
            <v/>
          </cell>
          <cell r="AD2270" t="str">
            <v/>
          </cell>
          <cell r="AE2270" t="str">
            <v>１；トナー（リサイクルトナー、純正トナー）、インク（リサイクル、純正）特にリサイクルトナーは業界シェアナンバーワンです２；ＰＣ販売、周辺機器、ケーブル類、ＰＣ買取など　古物商許可（事務機器）：兵庫県公安委員会許可　第６３１１９１２００１３６３号３；プリンター修理、複合機（販売、リース共に）取り扱い可能です４；文具、事務用品などオフィスで取り扱うものなら何でも販売いたします</v>
          </cell>
          <cell r="AF2270" t="str">
            <v>自社で製造する業界シェアＮＯ．１のリサイクルトナーを中心に、文房具からパソコンや周辺機器、プリンター、デスクなどのオフィス家具にいたるまで、オフィスで使用するありとあらゆる商品を販売しています。またプリンターの修理や不要パソコンの買取なども行っております。</v>
          </cell>
        </row>
        <row r="2271">
          <cell r="B2271">
            <v>10560</v>
          </cell>
          <cell r="C2271" t="str">
            <v>(株)コトブキ</v>
          </cell>
          <cell r="D2271" t="str">
            <v>078-252-0376</v>
          </cell>
          <cell r="E2271" t="str">
            <v>651-0086</v>
          </cell>
          <cell r="F2271" t="str">
            <v>兵庫県神戸市中央区磯上通5-1-24</v>
          </cell>
          <cell r="G2271" t="str">
            <v>神戸市</v>
          </cell>
          <cell r="H2271" t="str">
            <v>神戸営業所</v>
          </cell>
          <cell r="I2271" t="str">
            <v>所長 粟屋　常治</v>
          </cell>
          <cell r="J2271" t="str">
            <v>東京都</v>
          </cell>
          <cell r="K2271" t="str">
            <v>078-252-0377</v>
          </cell>
          <cell r="L2271" t="str">
            <v/>
          </cell>
          <cell r="M2271" t="str">
            <v>ｺﾄﾌﾞｷ</v>
          </cell>
          <cell r="N2271" t="str">
            <v>有</v>
          </cell>
          <cell r="O2271">
            <v>44</v>
          </cell>
          <cell r="P2271">
            <v>310</v>
          </cell>
          <cell r="Q2271">
            <v>4010001016602</v>
          </cell>
          <cell r="R2271">
            <v>100000</v>
          </cell>
          <cell r="S2271">
            <v>3141288</v>
          </cell>
          <cell r="T2271">
            <v>6815811</v>
          </cell>
          <cell r="V2271" t="str">
            <v>gv202596</v>
          </cell>
          <cell r="W2271" t="str">
            <v>jp164845</v>
          </cell>
          <cell r="Y2271" t="str">
            <v/>
          </cell>
          <cell r="Z2271">
            <v>80</v>
          </cell>
          <cell r="AA2271">
            <v>66</v>
          </cell>
          <cell r="AB2271">
            <v>20</v>
          </cell>
          <cell r="AC2271" t="str">
            <v/>
          </cell>
          <cell r="AD2271" t="str">
            <v/>
          </cell>
          <cell r="AE2271" t="str">
            <v/>
          </cell>
          <cell r="AF2271" t="str">
            <v/>
          </cell>
        </row>
        <row r="2272">
          <cell r="B2272">
            <v>10561</v>
          </cell>
          <cell r="C2272" t="str">
            <v>大新東(株)</v>
          </cell>
          <cell r="D2272" t="str">
            <v>078-272-6161</v>
          </cell>
          <cell r="E2272" t="str">
            <v>651-0086</v>
          </cell>
          <cell r="F2272" t="str">
            <v>兵庫県神戸市中央区磯上通4-1-13神戸磯上ﾋﾞﾙ4F</v>
          </cell>
          <cell r="G2272" t="str">
            <v>神戸市</v>
          </cell>
          <cell r="H2272" t="str">
            <v>兵庫営業所</v>
          </cell>
          <cell r="I2272" t="str">
            <v>営業所長 水谷　陽一</v>
          </cell>
          <cell r="J2272" t="str">
            <v>東京都調布市</v>
          </cell>
          <cell r="K2272" t="str">
            <v>078-272-6163</v>
          </cell>
          <cell r="L2272" t="str">
            <v>kazuhiro_masuda@shidax.co.jp</v>
          </cell>
          <cell r="M2272" t="str">
            <v>ﾀﾞｲｼﾝﾄｳ</v>
          </cell>
          <cell r="N2272" t="str">
            <v>有</v>
          </cell>
          <cell r="O2272">
            <v>56</v>
          </cell>
          <cell r="P2272">
            <v>4652</v>
          </cell>
          <cell r="Q2272">
            <v>8012401019180</v>
          </cell>
          <cell r="R2272">
            <v>100000</v>
          </cell>
          <cell r="S2272">
            <v>4390468</v>
          </cell>
          <cell r="T2272">
            <v>26720588</v>
          </cell>
          <cell r="V2272" t="str">
            <v>du720121</v>
          </cell>
          <cell r="W2272" t="str">
            <v>lo133119</v>
          </cell>
          <cell r="Y2272" t="str">
            <v>67，</v>
          </cell>
          <cell r="Z2272" t="str">
            <v/>
          </cell>
          <cell r="AA2272" t="str">
            <v/>
          </cell>
          <cell r="AB2272" t="str">
            <v/>
          </cell>
          <cell r="AC2272" t="str">
            <v/>
          </cell>
          <cell r="AD2272" t="str">
            <v/>
          </cell>
          <cell r="AE2272" t="str">
            <v>１；日本自動車運行管理協会正会員、一般貸切旅客自動車運送事業許可証（関自旅１第１１３７号）、一般乗合旅客自動車運送事業許可証（関自旅一第１０６５号）２；３；４；</v>
          </cell>
          <cell r="AF2272" t="str">
            <v>車両運行管理、陸上旅客運送、給食配送車での給食配送</v>
          </cell>
        </row>
        <row r="2273">
          <cell r="B2273">
            <v>10563</v>
          </cell>
          <cell r="C2273" t="str">
            <v>大阪ガスセキュリティサービス(株)</v>
          </cell>
          <cell r="D2273" t="str">
            <v>06-6306-2061</v>
          </cell>
          <cell r="E2273" t="str">
            <v>532-0024</v>
          </cell>
          <cell r="F2273" t="str">
            <v>大阪府大阪市淀川区十三本町3-6-35</v>
          </cell>
          <cell r="G2273" t="str">
            <v>大阪市</v>
          </cell>
          <cell r="H2273" t="str">
            <v/>
          </cell>
          <cell r="I2273" t="str">
            <v>代表取締役社長 米田　吉克</v>
          </cell>
          <cell r="J2273" t="str">
            <v>本店</v>
          </cell>
          <cell r="K2273" t="str">
            <v>06-6306-5055</v>
          </cell>
          <cell r="L2273" t="str">
            <v>y-kamon@oss-og.co.jp</v>
          </cell>
          <cell r="M2273" t="str">
            <v>ｵｵｻｶｶﾞｽｾｷｭﾘﾃｨｻｰﾋﾞｽ</v>
          </cell>
          <cell r="N2273" t="str">
            <v>無</v>
          </cell>
          <cell r="O2273">
            <v>37</v>
          </cell>
          <cell r="P2273">
            <v>748</v>
          </cell>
          <cell r="Q2273">
            <v>4120001092789</v>
          </cell>
          <cell r="R2273">
            <v>100000</v>
          </cell>
          <cell r="S2273">
            <v>3315328</v>
          </cell>
          <cell r="T2273">
            <v>8763451</v>
          </cell>
          <cell r="V2273" t="str">
            <v>fh748027</v>
          </cell>
          <cell r="W2273" t="str">
            <v>ej163579</v>
          </cell>
          <cell r="Y2273" t="str">
            <v>38，39，45，46，48，49，52，54，</v>
          </cell>
          <cell r="Z2273" t="str">
            <v/>
          </cell>
          <cell r="AA2273" t="str">
            <v/>
          </cell>
          <cell r="AB2273" t="str">
            <v/>
          </cell>
          <cell r="AC2273" t="str">
            <v/>
          </cell>
          <cell r="AD2273" t="str">
            <v/>
          </cell>
          <cell r="AE2273" t="str">
            <v>１；２；３；４；</v>
          </cell>
          <cell r="AF2273" t="str">
            <v>機械警備（高齢者等緊急通報サービスも含む）を中心に施設管理、物品ではＡＥＤの賃貸借および販売業務も実施。平成２０年からは行方不明高齢者等の徘徊メールの配信業務も実施している。</v>
          </cell>
        </row>
        <row r="2274">
          <cell r="B2274">
            <v>10569</v>
          </cell>
          <cell r="C2274" t="str">
            <v>(株)熱技研通商</v>
          </cell>
          <cell r="D2274" t="str">
            <v>078-881-4430</v>
          </cell>
          <cell r="E2274" t="str">
            <v>657-0057</v>
          </cell>
          <cell r="F2274" t="str">
            <v>兵庫県神戸市灘区神ﾉ木通2-4-1</v>
          </cell>
          <cell r="G2274" t="str">
            <v>神戸市</v>
          </cell>
          <cell r="H2274" t="str">
            <v/>
          </cell>
          <cell r="I2274" t="str">
            <v>代表取締役 田上　元英</v>
          </cell>
          <cell r="J2274" t="str">
            <v>本店</v>
          </cell>
          <cell r="K2274" t="str">
            <v>078-881-4424</v>
          </cell>
          <cell r="L2274" t="str">
            <v>info@netsugi.co.jp</v>
          </cell>
          <cell r="M2274" t="str">
            <v>ﾈﾂｷﾞｹﾝﾂｳｼｮｳ</v>
          </cell>
          <cell r="N2274" t="str">
            <v>無</v>
          </cell>
          <cell r="O2274">
            <v>39</v>
          </cell>
          <cell r="P2274">
            <v>10</v>
          </cell>
          <cell r="Q2274">
            <v>4140001010071</v>
          </cell>
          <cell r="R2274">
            <v>44000</v>
          </cell>
          <cell r="S2274">
            <v>57185</v>
          </cell>
          <cell r="T2274">
            <v>377702</v>
          </cell>
          <cell r="V2274" t="str">
            <v>ja453878</v>
          </cell>
          <cell r="W2274" t="str">
            <v>jd191569</v>
          </cell>
          <cell r="Y2274" t="str">
            <v>37，</v>
          </cell>
          <cell r="Z2274" t="str">
            <v/>
          </cell>
          <cell r="AA2274">
            <v>80</v>
          </cell>
          <cell r="AB2274" t="str">
            <v/>
          </cell>
          <cell r="AC2274" t="str">
            <v/>
          </cell>
          <cell r="AD2274" t="str">
            <v/>
          </cell>
          <cell r="AE2274" t="str">
            <v>１；ボイラ保守点検、地下タンク漏洩点検２；ボイラ（日本サーモエナー製：バコティンヒーター・エクオス）、浴槽・プール濾過機装置、産業ポンプ（荏原製作所）３；４；</v>
          </cell>
          <cell r="AF2274" t="str">
            <v>日本サーモエナーの兵庫県総代理店としてボイラ及び自社製浴槽濾過システムの販売・メンテナンスを中心に営業しております。神戸環境マネジメント（ＫＥＭＳ）取得。日本サーモエナー製ホイラに関しましては、２４時間３６５日体制でメンテナンスサービスを行っております。</v>
          </cell>
        </row>
        <row r="2275">
          <cell r="B2275">
            <v>10570</v>
          </cell>
          <cell r="C2275" t="str">
            <v>(株)大阪ビル管理</v>
          </cell>
          <cell r="D2275" t="str">
            <v>06-6352-3871</v>
          </cell>
          <cell r="E2275" t="str">
            <v>530-0044</v>
          </cell>
          <cell r="F2275" t="str">
            <v>大阪府大阪市北区東天満1-9-10</v>
          </cell>
          <cell r="G2275" t="str">
            <v>大阪市</v>
          </cell>
          <cell r="H2275" t="str">
            <v/>
          </cell>
          <cell r="I2275" t="str">
            <v>代表取締役 小川　健一</v>
          </cell>
          <cell r="J2275" t="str">
            <v>本店</v>
          </cell>
          <cell r="K2275" t="str">
            <v>06-6352-7895</v>
          </cell>
          <cell r="L2275" t="str">
            <v>kitamura@obk-net.co.jp</v>
          </cell>
          <cell r="M2275" t="str">
            <v>ｵｵｻｶﾋﾞﾙｶﾝﾘ</v>
          </cell>
          <cell r="N2275" t="str">
            <v>無</v>
          </cell>
          <cell r="O2275">
            <v>612</v>
          </cell>
          <cell r="P2275">
            <v>444</v>
          </cell>
          <cell r="Q2275">
            <v>4120001072618</v>
          </cell>
          <cell r="R2275">
            <v>30000</v>
          </cell>
          <cell r="S2275">
            <v>1217301</v>
          </cell>
          <cell r="T2275">
            <v>1493109</v>
          </cell>
          <cell r="V2275" t="str">
            <v>bk664463</v>
          </cell>
          <cell r="W2275" t="str">
            <v>md196967</v>
          </cell>
          <cell r="Y2275" t="str">
            <v>045，45，46，49，54，</v>
          </cell>
          <cell r="Z2275">
            <v>54</v>
          </cell>
          <cell r="AA2275">
            <v>46</v>
          </cell>
          <cell r="AB2275">
            <v>49</v>
          </cell>
          <cell r="AC2275">
            <v>45</v>
          </cell>
          <cell r="AD2275" t="str">
            <v>医療関連サ－ビスマ－ク認定　Ｇ９－１７１０２７０３６２</v>
          </cell>
          <cell r="AE2275" t="str">
            <v>１；建築物環境衛生総合管理業　環衛第２０－１６５号２；建築物飲料水貯水槽清掃業　環衛第２０－９号３；４；警備業法　第６２０００１１４号</v>
          </cell>
          <cell r="AF2275" t="str">
            <v>建物総合管理、清掃業務、警備業務、設備管理、植栽管理、実験動物飼育管理等</v>
          </cell>
        </row>
        <row r="2276">
          <cell r="B2276">
            <v>10571</v>
          </cell>
          <cell r="C2276" t="str">
            <v>(株)日立国際電気</v>
          </cell>
          <cell r="D2276" t="str">
            <v>06-6920-6320</v>
          </cell>
          <cell r="E2276" t="str">
            <v>540-0001</v>
          </cell>
          <cell r="F2276" t="str">
            <v>大阪府大阪市中央区城見2-2-22</v>
          </cell>
          <cell r="G2276" t="str">
            <v>大阪市</v>
          </cell>
          <cell r="H2276" t="str">
            <v>西日本支社</v>
          </cell>
          <cell r="I2276" t="str">
            <v>支社長 宮崎　晃</v>
          </cell>
          <cell r="J2276" t="str">
            <v>東京都</v>
          </cell>
          <cell r="K2276" t="str">
            <v>06-6920-6326</v>
          </cell>
          <cell r="L2276" t="str">
            <v>kansai.edi@h-kokusai.com</v>
          </cell>
          <cell r="M2276" t="str">
            <v>ﾋﾀﾁｺｸｻｲﾃﾞﾝｷ</v>
          </cell>
          <cell r="N2276" t="str">
            <v>有</v>
          </cell>
          <cell r="O2276">
            <v>68</v>
          </cell>
          <cell r="P2276">
            <v>1612</v>
          </cell>
          <cell r="Q2276">
            <v>2010001098064</v>
          </cell>
          <cell r="R2276">
            <v>10058169</v>
          </cell>
          <cell r="S2276">
            <v>125028273</v>
          </cell>
          <cell r="T2276">
            <v>171791646</v>
          </cell>
          <cell r="V2276" t="str">
            <v>qj661204</v>
          </cell>
          <cell r="W2276" t="str">
            <v>qq115933</v>
          </cell>
          <cell r="Y2276" t="str">
            <v>36，50，</v>
          </cell>
          <cell r="Z2276">
            <v>36</v>
          </cell>
          <cell r="AA2276">
            <v>50</v>
          </cell>
          <cell r="AB2276" t="str">
            <v/>
          </cell>
          <cell r="AC2276" t="str">
            <v/>
          </cell>
          <cell r="AD2276" t="str">
            <v/>
          </cell>
          <cell r="AE2276" t="str">
            <v>１；移動体通信用インフラ、防災行政無線システム、交通運輸向無線システム、各種無線機器、放送カメラシステム、広域ネットワーク・プラント・セキュリティー、監視システム、産業用カメラ他２；電気通信機器設備保守３；４；</v>
          </cell>
          <cell r="AF2276" t="str">
            <v>世界トップレベルの技術力を誇る「通信・情報システム」、「放送・映像システム」の２事業部門からユビキタス情報社会を支える社会インフラを構築するお手伝いをしております。</v>
          </cell>
        </row>
        <row r="2277">
          <cell r="B2277">
            <v>10573</v>
          </cell>
          <cell r="C2277" t="str">
            <v>東山管理センター(株)</v>
          </cell>
          <cell r="D2277" t="str">
            <v>072-626-6575</v>
          </cell>
          <cell r="E2277" t="str">
            <v>567-0801</v>
          </cell>
          <cell r="F2277" t="str">
            <v>大阪府茨木市総持寺2-2-1</v>
          </cell>
          <cell r="G2277" t="str">
            <v>茨木市</v>
          </cell>
          <cell r="H2277" t="str">
            <v>大阪支店</v>
          </cell>
          <cell r="I2277" t="str">
            <v>取締役大阪支店長 山本　学</v>
          </cell>
          <cell r="J2277" t="str">
            <v>京都府京都市</v>
          </cell>
          <cell r="K2277" t="str">
            <v>072-626-8905</v>
          </cell>
          <cell r="L2277" t="str">
            <v>higashiyama@ii-kanri.jp</v>
          </cell>
          <cell r="M2277" t="str">
            <v>ﾋｶﾞｼﾔﾏｶﾝﾘｾﾝﾀｰ</v>
          </cell>
          <cell r="N2277" t="str">
            <v>有</v>
          </cell>
          <cell r="O2277">
            <v>44</v>
          </cell>
          <cell r="P2277">
            <v>65</v>
          </cell>
          <cell r="Q2277">
            <v>2130001013218</v>
          </cell>
          <cell r="R2277">
            <v>50000</v>
          </cell>
          <cell r="S2277">
            <v>590513</v>
          </cell>
          <cell r="T2277">
            <v>1021698</v>
          </cell>
          <cell r="V2277" t="str">
            <v>bu219620</v>
          </cell>
          <cell r="W2277" t="str">
            <v>oq173915</v>
          </cell>
          <cell r="Y2277" t="str">
            <v>051，51，55，68，79，</v>
          </cell>
          <cell r="Z2277">
            <v>79</v>
          </cell>
          <cell r="AA2277">
            <v>55</v>
          </cell>
          <cell r="AB2277">
            <v>68</v>
          </cell>
          <cell r="AC2277">
            <v>51</v>
          </cell>
          <cell r="AD2277" t="str">
            <v>当社は、「清潔で、快適なまちづくり」をモットーに、品質マネジメントシステムの認証を受け、顧客の要望に沿った高品質の業務の実施に、社員全員で取り組んでいます。</v>
          </cell>
          <cell r="AE2277" t="str">
            <v>１；ＴＶカメラ搭載車（小口径φ１５０ｍｍ～φ６００ｍｍ・大口径φ１０００ｍｍ～φ２０００ｍｍ）及び取付管カメラ（φ５０ｍｍ～）を保有。流量調査・劣化調査及びそれに伴う補修計画の策定。２；路面清掃車・高圧洗浄車・強力吸引車・散水車・標識車・給水車・ダンプ等を自社保有。３；産業廃棄物収集運搬業許可（兵庫県）４；貯水槽清掃</v>
          </cell>
          <cell r="AF2277" t="str">
            <v>当社が得意とする業種は、１．下水道施設全般の現況調査及び補修・更生工事。２．道路清掃、排水施設清掃や除草等の道路メンテナンス。３．高圧洗浄車、強力汚泥吸引車による河川池沼、用水路・側溝、下水道施設等の土砂しゅんせつ。４．貯水槽清掃。</v>
          </cell>
        </row>
        <row r="2278">
          <cell r="B2278">
            <v>10574</v>
          </cell>
          <cell r="C2278" t="str">
            <v>難波電話電気工業(株)</v>
          </cell>
          <cell r="D2278" t="str">
            <v>078-341-2431</v>
          </cell>
          <cell r="E2278" t="str">
            <v>650-0015</v>
          </cell>
          <cell r="F2278" t="str">
            <v>兵庫県神戸市中央区多聞通3-2-16</v>
          </cell>
          <cell r="G2278" t="str">
            <v>神戸市</v>
          </cell>
          <cell r="H2278" t="str">
            <v/>
          </cell>
          <cell r="I2278" t="str">
            <v>代表取締役 難波　祐一郎</v>
          </cell>
          <cell r="J2278" t="str">
            <v>本店</v>
          </cell>
          <cell r="K2278" t="str">
            <v>078-382-0007</v>
          </cell>
          <cell r="L2278" t="str">
            <v>hello@nambadenwa.co.jp</v>
          </cell>
          <cell r="M2278" t="str">
            <v>ﾅﾝﾊﾞﾃﾞﾝﾜﾃﾞﾝｷｺｳｷﾞｮｳ</v>
          </cell>
          <cell r="N2278" t="str">
            <v>無</v>
          </cell>
          <cell r="O2278">
            <v>66</v>
          </cell>
          <cell r="P2278">
            <v>9</v>
          </cell>
          <cell r="Q2278">
            <v>7140001017766</v>
          </cell>
          <cell r="R2278">
            <v>10500</v>
          </cell>
          <cell r="S2278">
            <v>148442</v>
          </cell>
          <cell r="T2278">
            <v>148948</v>
          </cell>
          <cell r="V2278" t="str">
            <v>mq946274</v>
          </cell>
          <cell r="W2278" t="str">
            <v>ｒq193338</v>
          </cell>
          <cell r="Y2278" t="str">
            <v>044，34，36，44，50，</v>
          </cell>
          <cell r="Z2278">
            <v>36</v>
          </cell>
          <cell r="AA2278">
            <v>34</v>
          </cell>
          <cell r="AB2278">
            <v>50</v>
          </cell>
          <cell r="AC2278">
            <v>44</v>
          </cell>
          <cell r="AD2278" t="str">
            <v/>
          </cell>
          <cell r="AE2278" t="str">
            <v>１；富士通（特）電話機、交換機、パソコン、ルーター、ＬＡＮ製品／パナソニックシステムソリューションズ（特）電話機、ビジネスホン、ネットワークカメラ、複合機／ナースコール、留守番電話、無線通信機器２；古河電池（代）直流電源装置、無停電電源装置、蓄電池／ケーブル、配線器具３；電話設備の保守４；富士通（特）電話交換機、電話機／パナソニックシステムソリューションズ（特）ビジネスホン</v>
          </cell>
          <cell r="AF2278" t="str">
            <v>特約店の電話機、ビジネスホン、構内交換電話設備の据付工事とＬＡＮ工事を得意としております。パソコン等や、ＬＡＮ製品、ＰＨＳ、留守番電話、自動応答装置、放送設備、無線通信機、電源装置、蓄電池、ケーブルや配線器具等を取り扱っております。</v>
          </cell>
        </row>
        <row r="2279">
          <cell r="B2279">
            <v>10575</v>
          </cell>
          <cell r="C2279" t="str">
            <v>伊丹まち未来(株)</v>
          </cell>
          <cell r="D2279" t="str">
            <v>072-773-8885</v>
          </cell>
          <cell r="E2279" t="str">
            <v>664-0895</v>
          </cell>
          <cell r="F2279" t="str">
            <v>兵庫県伊丹市宮ﾉ前2-2-2</v>
          </cell>
          <cell r="G2279" t="str">
            <v>伊丹市</v>
          </cell>
          <cell r="H2279" t="str">
            <v/>
          </cell>
          <cell r="I2279" t="str">
            <v>代表取締役社長 中井　公明</v>
          </cell>
          <cell r="J2279" t="str">
            <v>本店</v>
          </cell>
          <cell r="K2279" t="str">
            <v>072-773-8884</v>
          </cell>
          <cell r="L2279" t="str">
            <v>oishi@itami-machimirai.jp</v>
          </cell>
          <cell r="M2279" t="str">
            <v>ｲﾀﾐﾏﾁﾐﾗｲ</v>
          </cell>
          <cell r="N2279" t="str">
            <v>無</v>
          </cell>
          <cell r="O2279">
            <v>23</v>
          </cell>
          <cell r="P2279">
            <v>12</v>
          </cell>
          <cell r="Q2279">
            <v>1140001078013</v>
          </cell>
          <cell r="R2279">
            <v>465000</v>
          </cell>
          <cell r="S2279">
            <v>657819</v>
          </cell>
          <cell r="T2279">
            <v>70582</v>
          </cell>
          <cell r="V2279" t="str">
            <v>zs579836</v>
          </cell>
          <cell r="W2279" t="str">
            <v>ｒj155337</v>
          </cell>
          <cell r="Y2279" t="str">
            <v>64，65，</v>
          </cell>
          <cell r="Z2279">
            <v>65</v>
          </cell>
          <cell r="AA2279">
            <v>64</v>
          </cell>
          <cell r="AB2279" t="str">
            <v/>
          </cell>
          <cell r="AC2279" t="str">
            <v/>
          </cell>
          <cell r="AD2279" t="str">
            <v/>
          </cell>
          <cell r="AE2279" t="str">
            <v>１；２；３；４；</v>
          </cell>
          <cell r="AF2279" t="str">
            <v>放送法による一般放送事業</v>
          </cell>
        </row>
        <row r="2280">
          <cell r="B2280">
            <v>10576</v>
          </cell>
          <cell r="C2280" t="str">
            <v>(株)関西エンジニヤリング</v>
          </cell>
          <cell r="D2280" t="str">
            <v>078-381-5018</v>
          </cell>
          <cell r="E2280" t="str">
            <v>650-0025</v>
          </cell>
          <cell r="F2280" t="str">
            <v>兵庫県神戸市中央区相生町5-17-12-108</v>
          </cell>
          <cell r="G2280" t="str">
            <v>神戸市</v>
          </cell>
          <cell r="H2280" t="str">
            <v/>
          </cell>
          <cell r="I2280" t="str">
            <v>代表取締役 土橋　傑</v>
          </cell>
          <cell r="J2280" t="str">
            <v>本店</v>
          </cell>
          <cell r="K2280" t="str">
            <v>078-382-4080</v>
          </cell>
          <cell r="L2280" t="str">
            <v>soumu@kansai-e.jp</v>
          </cell>
          <cell r="M2280" t="str">
            <v>ｶﾝｻｲｴﾝｼﾞﾆﾔﾘﾝｸﾞ</v>
          </cell>
          <cell r="N2280" t="str">
            <v>無</v>
          </cell>
          <cell r="O2280">
            <v>42</v>
          </cell>
          <cell r="P2280">
            <v>23</v>
          </cell>
          <cell r="Q2280">
            <v>2140001006831</v>
          </cell>
          <cell r="R2280">
            <v>10000</v>
          </cell>
          <cell r="S2280">
            <v>72585</v>
          </cell>
          <cell r="T2280">
            <v>315605</v>
          </cell>
          <cell r="V2280" t="str">
            <v>kp956339</v>
          </cell>
          <cell r="W2280" t="str">
            <v>mｒ179993</v>
          </cell>
          <cell r="Y2280" t="str">
            <v>79，</v>
          </cell>
          <cell r="Z2280">
            <v>79</v>
          </cell>
          <cell r="AA2280" t="str">
            <v/>
          </cell>
          <cell r="AB2280" t="str">
            <v/>
          </cell>
          <cell r="AC2280" t="str">
            <v/>
          </cell>
          <cell r="AD2280" t="str">
            <v/>
          </cell>
          <cell r="AE2280" t="str">
            <v>１；コンクリート劣化調査２；３；４；</v>
          </cell>
          <cell r="AF2280" t="str">
            <v>特に最近、下水道施設の老朽化又、交通量他過大負荷からくる損傷等が問題になっております。国も長寿命化に力を入れており、補助が出るようになっております。弊社は、これら老朽管・ＭＨ等の劣化状態を調査し、更生、長寿命化計画と実施設計を得意とします。</v>
          </cell>
        </row>
        <row r="2281">
          <cell r="B2281">
            <v>10577</v>
          </cell>
          <cell r="C2281" t="str">
            <v>ジャパンサービス(株)</v>
          </cell>
          <cell r="D2281" t="str">
            <v>0798-22-8394</v>
          </cell>
          <cell r="E2281" t="str">
            <v>662-0852</v>
          </cell>
          <cell r="F2281" t="str">
            <v>兵庫県西宮市中殿町5-7</v>
          </cell>
          <cell r="G2281" t="str">
            <v>西宮市</v>
          </cell>
          <cell r="H2281" t="str">
            <v/>
          </cell>
          <cell r="I2281" t="str">
            <v>代表取締役 松本　茂清</v>
          </cell>
          <cell r="J2281" t="str">
            <v>本店</v>
          </cell>
          <cell r="K2281" t="str">
            <v>0798-22-8497</v>
          </cell>
          <cell r="L2281" t="str">
            <v>matsumoto@e-japanservice.co.jp</v>
          </cell>
          <cell r="M2281" t="str">
            <v>ｼﾞｬﾊﾟﾝｻｰﾋﾞｽ</v>
          </cell>
          <cell r="N2281" t="str">
            <v>無</v>
          </cell>
          <cell r="O2281">
            <v>23</v>
          </cell>
          <cell r="P2281">
            <v>10</v>
          </cell>
          <cell r="Q2281">
            <v>2140001069102</v>
          </cell>
          <cell r="R2281">
            <v>10000</v>
          </cell>
          <cell r="S2281">
            <v>87348</v>
          </cell>
          <cell r="T2281">
            <v>113144</v>
          </cell>
          <cell r="V2281" t="str">
            <v>ya654483</v>
          </cell>
          <cell r="W2281" t="str">
            <v>dq198989</v>
          </cell>
          <cell r="Y2281" t="str">
            <v>068，55，68，79，</v>
          </cell>
          <cell r="Z2281">
            <v>79</v>
          </cell>
          <cell r="AA2281">
            <v>55</v>
          </cell>
          <cell r="AB2281">
            <v>80</v>
          </cell>
          <cell r="AC2281">
            <v>68</v>
          </cell>
          <cell r="AD2281" t="str">
            <v/>
          </cell>
          <cell r="AE2281" t="str">
            <v>１；下水道管清掃及びＴＶカメラ調査（Φ１５０～２０００）　産業廃棄物収集運搬業許可（兵庫県・大阪府）２；道路側溝及び取付管清掃、公園排水施設（取付管・側溝）清掃、　産業廃棄物収集運搬業許可（兵庫県・大阪府）３；建築物排水管清掃（市営住宅等）、　建築物排水管清掃業登録４；道路側溝及び取付管清掃、公園排水施設（取付管・側溝）清掃、　産業廃棄物収集運搬業許可（兵庫県・大阪府）</v>
          </cell>
          <cell r="AF2281" t="str">
            <v>・建設工事（土木、管）　・サービス（道路側溝清掃、公園排水施設清掃、下水道管清掃）　・調査（下水道管ＴＶカメラ調査）　・その他物品（建築物排水管清掃、グリストラップ清掃）</v>
          </cell>
        </row>
        <row r="2282">
          <cell r="B2282">
            <v>10578</v>
          </cell>
          <cell r="C2282" t="str">
            <v>地中エンジニアリング(株)</v>
          </cell>
          <cell r="D2282" t="str">
            <v>06-6131-3551</v>
          </cell>
          <cell r="E2282" t="str">
            <v>530-0047</v>
          </cell>
          <cell r="F2282" t="str">
            <v>大阪府大阪市北区西天満3-13-18</v>
          </cell>
          <cell r="G2282" t="str">
            <v>大阪市</v>
          </cell>
          <cell r="H2282" t="str">
            <v>大阪営業所</v>
          </cell>
          <cell r="I2282" t="str">
            <v>所長 飯田　俊也</v>
          </cell>
          <cell r="J2282" t="str">
            <v>埼玉県さいたま市</v>
          </cell>
          <cell r="K2282" t="str">
            <v>06-6131-3552</v>
          </cell>
          <cell r="L2282" t="str">
            <v>honsha@chichu-eng.co.jp</v>
          </cell>
          <cell r="M2282" t="str">
            <v>ﾁﾁｭｳｴﾝｼﾞﾆｱﾘﾝｸﾞ</v>
          </cell>
          <cell r="N2282" t="str">
            <v>有</v>
          </cell>
          <cell r="O2282">
            <v>39</v>
          </cell>
          <cell r="P2282">
            <v>31</v>
          </cell>
          <cell r="Q2282">
            <v>8030001005376</v>
          </cell>
          <cell r="R2282">
            <v>10000</v>
          </cell>
          <cell r="S2282">
            <v>93099</v>
          </cell>
          <cell r="T2282">
            <v>282917</v>
          </cell>
          <cell r="V2282" t="str">
            <v>kg524136</v>
          </cell>
          <cell r="W2282" t="str">
            <v>xi173997</v>
          </cell>
          <cell r="Y2282" t="str">
            <v>79，</v>
          </cell>
          <cell r="Z2282">
            <v>79</v>
          </cell>
          <cell r="AA2282" t="str">
            <v/>
          </cell>
          <cell r="AB2282" t="str">
            <v/>
          </cell>
          <cell r="AC2282" t="str">
            <v/>
          </cell>
          <cell r="AD2282" t="str">
            <v/>
          </cell>
          <cell r="AE2282" t="str">
            <v>１；漏水調査等２；３；４；</v>
          </cell>
          <cell r="AF2282" t="str">
            <v>地中エンジニアリングは「技術創造型企業」を理念に揚げた「地中の総合コンサルタント」会社として、〈地中探査〉〈漏水調査〉〈地質調査〉を行っています。</v>
          </cell>
        </row>
        <row r="2283">
          <cell r="B2283">
            <v>10579</v>
          </cell>
          <cell r="C2283" t="str">
            <v>進和テック(株)</v>
          </cell>
          <cell r="D2283" t="str">
            <v>06-7711-5522</v>
          </cell>
          <cell r="E2283" t="str">
            <v>530-0005</v>
          </cell>
          <cell r="F2283" t="str">
            <v>大阪府大阪市北区中之島3-6-32</v>
          </cell>
          <cell r="G2283" t="str">
            <v>大阪市</v>
          </cell>
          <cell r="H2283" t="str">
            <v>大阪支社</v>
          </cell>
          <cell r="I2283" t="str">
            <v>執行役員支社長 池田　勝俊</v>
          </cell>
          <cell r="J2283" t="str">
            <v>東京都</v>
          </cell>
          <cell r="K2283" t="str">
            <v>06-7711-6522</v>
          </cell>
          <cell r="L2283" t="str">
            <v/>
          </cell>
          <cell r="M2283" t="str">
            <v>ｼﾝﾜﾃｯｸ</v>
          </cell>
          <cell r="N2283" t="str">
            <v>有</v>
          </cell>
          <cell r="O2283">
            <v>73</v>
          </cell>
          <cell r="P2283">
            <v>252</v>
          </cell>
          <cell r="Q2283">
            <v>6011101009766</v>
          </cell>
          <cell r="R2283">
            <v>300000</v>
          </cell>
          <cell r="S2283">
            <v>7967791</v>
          </cell>
          <cell r="T2283">
            <v>15832245</v>
          </cell>
          <cell r="V2283" t="str">
            <v>nv702184</v>
          </cell>
          <cell r="W2283" t="str">
            <v>mx199597</v>
          </cell>
          <cell r="Y2283" t="str">
            <v/>
          </cell>
          <cell r="Z2283" t="str">
            <v/>
          </cell>
          <cell r="AA2283" t="str">
            <v/>
          </cell>
          <cell r="AB2283" t="str">
            <v/>
          </cell>
          <cell r="AC2283" t="str">
            <v/>
          </cell>
          <cell r="AD2283" t="str">
            <v/>
          </cell>
          <cell r="AE2283" t="str">
            <v>１；空気清浄装置（エアフィルタ）（代）日本エアフィルター株式会社２；３；４；</v>
          </cell>
          <cell r="AF2283" t="str">
            <v>空気清浄装置、集塵装置など環境エンジニアリング機器の設計・施工・販売を行っています。</v>
          </cell>
        </row>
        <row r="2284">
          <cell r="B2284">
            <v>10580</v>
          </cell>
          <cell r="C2284" t="str">
            <v>クボタ環境サービス(株)</v>
          </cell>
          <cell r="D2284" t="str">
            <v>06-6470-5921</v>
          </cell>
          <cell r="E2284" t="str">
            <v>661-8567</v>
          </cell>
          <cell r="F2284" t="str">
            <v>兵庫県尼崎市浜1-1-1</v>
          </cell>
          <cell r="G2284" t="str">
            <v>尼崎市</v>
          </cell>
          <cell r="H2284" t="str">
            <v>大阪支社</v>
          </cell>
          <cell r="I2284" t="str">
            <v>支社長 桒野　卓</v>
          </cell>
          <cell r="J2284" t="str">
            <v>東京都</v>
          </cell>
          <cell r="K2284" t="str">
            <v>06-6470-5928</v>
          </cell>
          <cell r="L2284" t="str">
            <v>ksk_g.osa-br@kubota.com</v>
          </cell>
          <cell r="M2284" t="str">
            <v>ｸﾎﾞﾀｶﾝｷｮｳｻｰﾋﾞｽ</v>
          </cell>
          <cell r="N2284" t="str">
            <v>有</v>
          </cell>
          <cell r="O2284">
            <v>41</v>
          </cell>
          <cell r="P2284">
            <v>1665</v>
          </cell>
          <cell r="Q2284">
            <v>7010501003238</v>
          </cell>
          <cell r="R2284">
            <v>90000</v>
          </cell>
          <cell r="S2284">
            <v>26330605</v>
          </cell>
          <cell r="T2284">
            <v>45318279</v>
          </cell>
          <cell r="V2284" t="str">
            <v>uz256584</v>
          </cell>
          <cell r="W2284" t="str">
            <v>sz183393</v>
          </cell>
          <cell r="Y2284" t="str">
            <v>40，48，</v>
          </cell>
          <cell r="Z2284">
            <v>48</v>
          </cell>
          <cell r="AA2284">
            <v>40</v>
          </cell>
          <cell r="AB2284" t="str">
            <v/>
          </cell>
          <cell r="AC2284" t="str">
            <v/>
          </cell>
          <cell r="AD2284" t="str">
            <v/>
          </cell>
          <cell r="AE2284" t="str">
            <v>１；上下水道施設の設備機器保守点検業務２；上下水道施設用機器・消耗品等（汚泥脱水機、水中ポンプ、遠心濃縮機、攪拌機等）３；４；</v>
          </cell>
          <cell r="AF2284" t="str">
            <v>クボタが納入した上下水道施設の保守、補修改造工事、運転維持管理業務を受け持つサービス会社として設立。常にクボタとの交流を密にして最新の技術を有しております。</v>
          </cell>
        </row>
        <row r="2285">
          <cell r="B2285">
            <v>10581</v>
          </cell>
          <cell r="C2285" t="str">
            <v>ローデックス(株)</v>
          </cell>
          <cell r="D2285" t="str">
            <v>0790-34-1260</v>
          </cell>
          <cell r="E2285" t="str">
            <v>679-3121</v>
          </cell>
          <cell r="F2285" t="str">
            <v>兵庫県神崎郡神河町上岩188-1</v>
          </cell>
          <cell r="G2285" t="str">
            <v>神崎郡</v>
          </cell>
          <cell r="H2285" t="str">
            <v/>
          </cell>
          <cell r="I2285" t="str">
            <v>代表取締役 田中　積</v>
          </cell>
          <cell r="J2285" t="str">
            <v>本店</v>
          </cell>
          <cell r="K2285" t="str">
            <v>0790-34-0880</v>
          </cell>
          <cell r="L2285" t="str">
            <v>info@roadex.co.jp</v>
          </cell>
          <cell r="M2285" t="str">
            <v>ﾛｰﾃﾞｯｸｽ</v>
          </cell>
          <cell r="N2285" t="str">
            <v>無</v>
          </cell>
          <cell r="O2285">
            <v>20</v>
          </cell>
          <cell r="P2285">
            <v>24</v>
          </cell>
          <cell r="Q2285">
            <v>8140001065236</v>
          </cell>
          <cell r="R2285">
            <v>10000</v>
          </cell>
          <cell r="S2285">
            <v>80010</v>
          </cell>
          <cell r="T2285">
            <v>946844</v>
          </cell>
          <cell r="V2285" t="str">
            <v>qk141268</v>
          </cell>
          <cell r="W2285" t="str">
            <v>ｒz177363</v>
          </cell>
          <cell r="Y2285" t="str">
            <v>30，32，</v>
          </cell>
          <cell r="Z2285">
            <v>80</v>
          </cell>
          <cell r="AA2285">
            <v>30</v>
          </cell>
          <cell r="AB2285">
            <v>32</v>
          </cell>
          <cell r="AC2285" t="str">
            <v/>
          </cell>
          <cell r="AD2285" t="str">
            <v/>
          </cell>
          <cell r="AE2285" t="str">
            <v>１；工事用看板、道路標識、カーブミラー、視線誘導標等道路保安用品全般（積水樹脂、グリーンクロス、光和産業、燕振興工業）２；防護柵、フェンス（ＪＦＥ建材、神鋼建材工業、積水樹脂）３；区画線用塗料（アトミクス、積水樹脂）４；</v>
          </cell>
          <cell r="AF2285" t="str">
            <v>防護柵・区画線・標識・各種フェンス工事等交通安全施設全般を得意としています。物品は道路保安用品全般を取り扱っています。</v>
          </cell>
        </row>
        <row r="2286">
          <cell r="B2286">
            <v>10586</v>
          </cell>
          <cell r="C2286" t="str">
            <v>(株)杉優</v>
          </cell>
          <cell r="D2286" t="str">
            <v>06-6722-1008</v>
          </cell>
          <cell r="E2286" t="str">
            <v>577-0806</v>
          </cell>
          <cell r="F2286" t="str">
            <v>大阪府東大阪市上小阪4-3-1</v>
          </cell>
          <cell r="G2286" t="str">
            <v>東大阪市</v>
          </cell>
          <cell r="H2286" t="str">
            <v/>
          </cell>
          <cell r="I2286" t="str">
            <v>代表取締役 杉浦　邦和</v>
          </cell>
          <cell r="J2286" t="str">
            <v>本店</v>
          </cell>
          <cell r="K2286" t="str">
            <v>06-6722-1108</v>
          </cell>
          <cell r="L2286" t="str">
            <v>cpdij505@hct.zaq.ne.jp</v>
          </cell>
          <cell r="M2286" t="str">
            <v>ｻﾝﾕｳ</v>
          </cell>
          <cell r="N2286" t="str">
            <v>無</v>
          </cell>
          <cell r="O2286">
            <v>23</v>
          </cell>
          <cell r="P2286">
            <v>7</v>
          </cell>
          <cell r="Q2286">
            <v>2122001003950</v>
          </cell>
          <cell r="R2286">
            <v>32500</v>
          </cell>
          <cell r="S2286">
            <v>40122</v>
          </cell>
          <cell r="T2286">
            <v>135647</v>
          </cell>
          <cell r="V2286" t="str">
            <v>hq390210</v>
          </cell>
          <cell r="W2286" t="str">
            <v>qq119767</v>
          </cell>
          <cell r="Y2286" t="str">
            <v>79，</v>
          </cell>
          <cell r="Z2286" t="str">
            <v/>
          </cell>
          <cell r="AA2286" t="str">
            <v/>
          </cell>
          <cell r="AB2286" t="str">
            <v/>
          </cell>
          <cell r="AC2286" t="str">
            <v/>
          </cell>
          <cell r="AD2286" t="str">
            <v/>
          </cell>
          <cell r="AE2286" t="str">
            <v>１；公共下水道管ＴＶカメラ調査・目視調査等　公共下水道管清掃　第二種酸素欠乏作業主任者　二名２；３；４；</v>
          </cell>
          <cell r="AF2286" t="str">
            <v>公共下水道管渠のＴＶカメラ調査　目視調査　補修（部分・全体）管更生　公共下水道施設等の清掃</v>
          </cell>
        </row>
        <row r="2287">
          <cell r="B2287">
            <v>10587</v>
          </cell>
          <cell r="C2287" t="str">
            <v>玉野総合コンサルタント(株)</v>
          </cell>
          <cell r="D2287" t="str">
            <v>078-392-5526</v>
          </cell>
          <cell r="E2287" t="str">
            <v>650-0032</v>
          </cell>
          <cell r="F2287" t="str">
            <v>兵庫県神戸市中央区伊藤町121</v>
          </cell>
          <cell r="G2287" t="str">
            <v>神戸市</v>
          </cell>
          <cell r="H2287" t="str">
            <v>神戸事務所</v>
          </cell>
          <cell r="I2287" t="str">
            <v>所長 佐野　靖宏</v>
          </cell>
          <cell r="J2287" t="str">
            <v>愛知県名古屋市</v>
          </cell>
          <cell r="K2287" t="str">
            <v>078-392-6126</v>
          </cell>
          <cell r="L2287" t="str">
            <v>ts-calshyo@tamano.co.jp</v>
          </cell>
          <cell r="M2287" t="str">
            <v>ﾀﾏﾉｿｳｺﾞｳｺﾝｻﾙﾀﾝﾄ</v>
          </cell>
          <cell r="N2287" t="str">
            <v>有</v>
          </cell>
          <cell r="O2287">
            <v>67</v>
          </cell>
          <cell r="P2287">
            <v>727</v>
          </cell>
          <cell r="Q2287">
            <v>4180001031246</v>
          </cell>
          <cell r="R2287">
            <v>1682000</v>
          </cell>
          <cell r="S2287">
            <v>5045170</v>
          </cell>
          <cell r="T2287">
            <v>12580323</v>
          </cell>
          <cell r="V2287" t="str">
            <v>xr920431</v>
          </cell>
          <cell r="W2287" t="str">
            <v>zd159639</v>
          </cell>
          <cell r="Y2287" t="str">
            <v>077，57，58，72，77，</v>
          </cell>
          <cell r="Z2287">
            <v>72</v>
          </cell>
          <cell r="AA2287">
            <v>57</v>
          </cell>
          <cell r="AB2287">
            <v>58</v>
          </cell>
          <cell r="AC2287">
            <v>77</v>
          </cell>
          <cell r="AD2287" t="str">
            <v/>
          </cell>
          <cell r="AE2287" t="str">
            <v>１；航空写真、地図作成２；電算処理、データ入力３；システム開発・保守、ホームページ作成４；アンケート調査</v>
          </cell>
          <cell r="AF2287" t="str">
            <v>まちづくり（都市計画　地域計画　防災等）都市整備（事業計画　換地設計等）補償（物件調査等）道路（調査　計画　設計）構造（調査　計画　設計）水工（河川砂防　上下水道等）環境（アセスメント等）防災地質（地震防災　土質地質）測量（基準点　水準等）空間情報（情報整備　地図作成等）</v>
          </cell>
        </row>
        <row r="2288">
          <cell r="B2288">
            <v>10589</v>
          </cell>
          <cell r="C2288" t="str">
            <v>石垣メンテナンス(株)</v>
          </cell>
          <cell r="D2288" t="str">
            <v>06-6350-0171</v>
          </cell>
          <cell r="E2288" t="str">
            <v>532-0003</v>
          </cell>
          <cell r="F2288" t="str">
            <v>大阪府大阪市淀川区宮原3-3-31</v>
          </cell>
          <cell r="G2288" t="str">
            <v>大阪市</v>
          </cell>
          <cell r="H2288" t="str">
            <v>大阪支店</v>
          </cell>
          <cell r="I2288" t="str">
            <v>支店長 東　良史</v>
          </cell>
          <cell r="J2288" t="str">
            <v>東京都</v>
          </cell>
          <cell r="K2288" t="str">
            <v>06-6350-0255</v>
          </cell>
          <cell r="L2288" t="str">
            <v>MOSD@ishigaki.co.jp</v>
          </cell>
          <cell r="M2288" t="str">
            <v>ｲｼｶﾞｷﾒﾝﾃﾅﾝｽ</v>
          </cell>
          <cell r="N2288" t="str">
            <v>有</v>
          </cell>
          <cell r="O2288">
            <v>45</v>
          </cell>
          <cell r="P2288">
            <v>445</v>
          </cell>
          <cell r="Q2288">
            <v>5010001036665</v>
          </cell>
          <cell r="R2288">
            <v>50000</v>
          </cell>
          <cell r="S2288">
            <v>1715511</v>
          </cell>
          <cell r="T2288">
            <v>8618148</v>
          </cell>
          <cell r="V2288" t="str">
            <v>eq600500</v>
          </cell>
          <cell r="W2288" t="str">
            <v>dh183383</v>
          </cell>
          <cell r="Y2288" t="str">
            <v>10，48，</v>
          </cell>
          <cell r="Z2288">
            <v>80</v>
          </cell>
          <cell r="AA2288">
            <v>48</v>
          </cell>
          <cell r="AB2288">
            <v>10</v>
          </cell>
          <cell r="AC2288" t="str">
            <v/>
          </cell>
          <cell r="AD2288" t="str">
            <v/>
          </cell>
          <cell r="AE2288" t="str">
            <v>１；水処理機器（脱水機・ポンプ）及び部品・ろ布２；上下水道施設及びポンプ場等水処理プラント保守・運転・維持管理業務３；水処理用高分子凝集剤４；</v>
          </cell>
          <cell r="AF2288" t="str">
            <v/>
          </cell>
        </row>
        <row r="2289">
          <cell r="B2289">
            <v>10590</v>
          </cell>
          <cell r="C2289" t="str">
            <v>(株)ＧーＰｌａｃｅ</v>
          </cell>
          <cell r="D2289" t="str">
            <v>06-6210-6666</v>
          </cell>
          <cell r="E2289" t="str">
            <v>532-0003</v>
          </cell>
          <cell r="F2289" t="str">
            <v>大阪府大阪市淀川区宮原4-1-14</v>
          </cell>
          <cell r="G2289" t="str">
            <v>大阪市</v>
          </cell>
          <cell r="H2289" t="str">
            <v>大阪支店</v>
          </cell>
          <cell r="I2289" t="str">
            <v>支店長 古川　輝雄</v>
          </cell>
          <cell r="J2289" t="str">
            <v>京都府長岡京市</v>
          </cell>
          <cell r="K2289" t="str">
            <v>06-6210-6667</v>
          </cell>
          <cell r="L2289" t="str">
            <v>kan1@greenpacks.co.jp</v>
          </cell>
          <cell r="M2289" t="str">
            <v>ﾆﾎﾝｸﾞﾘｰﾝﾊﾟｯｸｽ</v>
          </cell>
          <cell r="N2289" t="str">
            <v>有</v>
          </cell>
          <cell r="O2289">
            <v>49</v>
          </cell>
          <cell r="P2289">
            <v>45</v>
          </cell>
          <cell r="Q2289">
            <v>1130001030354</v>
          </cell>
          <cell r="R2289">
            <v>42100</v>
          </cell>
          <cell r="S2289">
            <v>317625</v>
          </cell>
          <cell r="T2289">
            <v>2988973</v>
          </cell>
          <cell r="V2289" t="str">
            <v>wy448479</v>
          </cell>
          <cell r="W2289" t="str">
            <v>bq139535</v>
          </cell>
          <cell r="Y2289" t="str">
            <v>05，58，</v>
          </cell>
          <cell r="Z2289">
            <v>80</v>
          </cell>
          <cell r="AA2289">
            <v>58</v>
          </cell>
          <cell r="AB2289">
            <v>5</v>
          </cell>
          <cell r="AC2289" t="str">
            <v/>
          </cell>
          <cell r="AD2289" t="str">
            <v/>
          </cell>
          <cell r="AE2289" t="str">
            <v>１；指定袋製造・保管・受注・配送及び取扱手数料収納業務トータルサービス２；ごみ分別アプリ開発、自治体プラットフォームアプリ開発３；指定ごみ袋、カラスネット、エコバッグ４；</v>
          </cell>
          <cell r="AF2289" t="str">
            <v>指定ごみ袋の製造・保管・受注・配送及び処理手数料の収納業務等トータルサービスや、ごみ分別アプリ・自治体プラットフォームアプリの開発等、自治体様に特化したビジネスを提案しております。</v>
          </cell>
        </row>
        <row r="2290">
          <cell r="B2290">
            <v>10591</v>
          </cell>
          <cell r="C2290" t="str">
            <v>柏原計器工業(株)</v>
          </cell>
          <cell r="D2290" t="str">
            <v>072-973-0601</v>
          </cell>
          <cell r="E2290" t="str">
            <v>651-0087</v>
          </cell>
          <cell r="F2290" t="str">
            <v>大阪府柏原市本郷5‐3‐28</v>
          </cell>
          <cell r="G2290" t="str">
            <v>柏原市</v>
          </cell>
          <cell r="H2290" t="str">
            <v/>
          </cell>
          <cell r="I2290" t="str">
            <v>代表取締役　 三浦　直人</v>
          </cell>
          <cell r="J2290" t="str">
            <v>本店</v>
          </cell>
          <cell r="K2290" t="str">
            <v>072-973-0610</v>
          </cell>
          <cell r="L2290" t="str">
            <v>info@kashikei.co.jp</v>
          </cell>
          <cell r="M2290" t="str">
            <v>ｶｼﾊﾗｹｲｷｺｳｷﾞﾖｳ</v>
          </cell>
          <cell r="N2290" t="str">
            <v>無</v>
          </cell>
          <cell r="O2290">
            <v>71</v>
          </cell>
          <cell r="P2290">
            <v>95</v>
          </cell>
          <cell r="Q2290">
            <v>8122001020858</v>
          </cell>
          <cell r="R2290">
            <v>50000</v>
          </cell>
          <cell r="S2290">
            <v>1221570</v>
          </cell>
          <cell r="T2290">
            <v>3694025</v>
          </cell>
          <cell r="V2290" t="str">
            <v>mh580485</v>
          </cell>
          <cell r="W2290" t="str">
            <v>ab193199</v>
          </cell>
          <cell r="Y2290">
            <v>41</v>
          </cell>
          <cell r="Z2290" t="str">
            <v/>
          </cell>
          <cell r="AA2290" t="str">
            <v/>
          </cell>
          <cell r="AB2290" t="str">
            <v/>
          </cell>
          <cell r="AC2290" t="str">
            <v/>
          </cell>
          <cell r="AD2290" t="str">
            <v/>
          </cell>
          <cell r="AE2290" t="str">
            <v>１；２；水道メーター（自社製品）　指定製造事業者水道メーター第一類、第二類３；４；</v>
          </cell>
          <cell r="AF2290" t="str">
            <v>当社は常に水道メータの有収率の向上及び検針の合理化に研究を重ね、アイデアと技術力に於いて新製品を開発しております。</v>
          </cell>
        </row>
        <row r="2291">
          <cell r="B2291">
            <v>10592</v>
          </cell>
          <cell r="C2291" t="str">
            <v>沖電気工業(株)</v>
          </cell>
          <cell r="D2291" t="str">
            <v>06-6260-5111</v>
          </cell>
          <cell r="E2291" t="str">
            <v>541-0051</v>
          </cell>
          <cell r="F2291" t="str">
            <v>大阪府大阪市中央区備後町2-6-8</v>
          </cell>
          <cell r="G2291" t="str">
            <v>大阪市</v>
          </cell>
          <cell r="H2291" t="str">
            <v>関西支社</v>
          </cell>
          <cell r="I2291" t="str">
            <v>支社長 樋爪　克司</v>
          </cell>
          <cell r="J2291" t="str">
            <v>東京都</v>
          </cell>
          <cell r="K2291" t="str">
            <v>06-6260-5777</v>
          </cell>
          <cell r="L2291" t="str">
            <v>kansai-koukyou@oki.com</v>
          </cell>
          <cell r="M2291" t="str">
            <v>ｵｷﾃﾞﾝｷｺｳｷﾞｮｳ</v>
          </cell>
          <cell r="N2291" t="str">
            <v>有</v>
          </cell>
          <cell r="O2291">
            <v>138</v>
          </cell>
          <cell r="P2291">
            <v>4029</v>
          </cell>
          <cell r="Q2291">
            <v>7010401006126</v>
          </cell>
          <cell r="R2291">
            <v>44000000</v>
          </cell>
          <cell r="S2291">
            <v>77505000</v>
          </cell>
          <cell r="T2291">
            <v>203987000</v>
          </cell>
          <cell r="V2291" t="str">
            <v>em421843</v>
          </cell>
          <cell r="W2291" t="str">
            <v>vr115975</v>
          </cell>
          <cell r="Y2291" t="str">
            <v>044，36，44，50，58，</v>
          </cell>
          <cell r="Z2291">
            <v>36</v>
          </cell>
          <cell r="AA2291">
            <v>50</v>
          </cell>
          <cell r="AB2291">
            <v>58</v>
          </cell>
          <cell r="AC2291">
            <v>44</v>
          </cell>
          <cell r="AD2291" t="str">
            <v/>
          </cell>
          <cell r="AE2291" t="str">
            <v>１；防災行政無線装置、消防緊急通信指令システム、ＶＯＩＰ告知放送システム、ＩＰ電話システム、無線機、電話機、電子交換機、デジタル伝送装置、情報処理装置、パソコン周辺機器、プリンター等２；防災行政無線装置保守、消防通信指令システム保守、通信用機器類保守等３；ソフトウェア開発、システム開発、プログラム開発、システム設計等４；パソコン、スマートフォン等</v>
          </cell>
          <cell r="AF2291" t="str">
            <v>緊急災害時(地震・台風・洪水等）に、地域住民に対する迅速かつ的確な情報を提供する防災行政無線機器の納入実績および施工実績が多数あります。</v>
          </cell>
        </row>
        <row r="2292">
          <cell r="B2292">
            <v>10593</v>
          </cell>
          <cell r="C2292" t="str">
            <v>(株)手芸の丸十</v>
          </cell>
          <cell r="D2292" t="str">
            <v>079-422-2970</v>
          </cell>
          <cell r="E2292" t="str">
            <v>675-0068</v>
          </cell>
          <cell r="F2292" t="str">
            <v>兵庫県加古川市加古川町中津448-1</v>
          </cell>
          <cell r="G2292" t="str">
            <v>加古川市</v>
          </cell>
          <cell r="H2292" t="str">
            <v/>
          </cell>
          <cell r="I2292" t="str">
            <v>代表取締役 畑　陽介</v>
          </cell>
          <cell r="J2292" t="str">
            <v>本店</v>
          </cell>
          <cell r="K2292" t="str">
            <v>079-423-8388</v>
          </cell>
          <cell r="L2292" t="str">
            <v/>
          </cell>
          <cell r="M2292" t="str">
            <v>ｼｭｹﾞｲﾉﾏﾙｼﾞｭｳ</v>
          </cell>
          <cell r="N2292" t="str">
            <v>無</v>
          </cell>
          <cell r="O2292">
            <v>81</v>
          </cell>
          <cell r="P2292">
            <v>368</v>
          </cell>
          <cell r="Q2292">
            <v>5140001043005</v>
          </cell>
          <cell r="R2292">
            <v>10000</v>
          </cell>
          <cell r="S2292" t="str">
            <v/>
          </cell>
          <cell r="T2292">
            <v>2080600</v>
          </cell>
          <cell r="V2292" t="str">
            <v>sa384084</v>
          </cell>
          <cell r="W2292" t="str">
            <v>xx109404</v>
          </cell>
          <cell r="Y2292" t="str">
            <v>03，04，05，06，07，12，13，27，28，</v>
          </cell>
          <cell r="Z2292">
            <v>12</v>
          </cell>
          <cell r="AA2292">
            <v>80</v>
          </cell>
          <cell r="AB2292" t="str">
            <v/>
          </cell>
          <cell r="AC2292" t="str">
            <v/>
          </cell>
          <cell r="AD2292" t="str">
            <v/>
          </cell>
          <cell r="AE2292" t="str">
            <v>１；学校教材・保育教材(各種布、糸類、付属品、ビーズ、ミシン他)手作りキット類他２；学校関係以外の、各種施設で注文頂く手芸用品全般３；４；</v>
          </cell>
          <cell r="AF2292" t="str">
            <v>兵庫県を始めとして、大阪、神奈川、千葉に４７店舗あり、手芸用品全般品数多数揃えております。それぞれの地域の各種学校関係、各種施設、病院等、ご注文を頂いております。先生方始め、お客様の手芸用品のご要望にお応えすべく、今後共日々努力する所存です。</v>
          </cell>
        </row>
        <row r="2293">
          <cell r="B2293">
            <v>10594</v>
          </cell>
          <cell r="C2293" t="str">
            <v>アイシー印刷(株)</v>
          </cell>
          <cell r="D2293" t="str">
            <v>0798-66-0741</v>
          </cell>
          <cell r="E2293" t="str">
            <v>663-8113</v>
          </cell>
          <cell r="F2293" t="str">
            <v>兵庫県西宮市甲子園口2-6-6</v>
          </cell>
          <cell r="G2293" t="str">
            <v>西宮市</v>
          </cell>
          <cell r="H2293" t="str">
            <v/>
          </cell>
          <cell r="I2293" t="str">
            <v>代表取締役 向井　康博</v>
          </cell>
          <cell r="J2293" t="str">
            <v>本店</v>
          </cell>
          <cell r="K2293" t="str">
            <v>0798-68-2250</v>
          </cell>
          <cell r="L2293" t="str">
            <v>ic@icnet.com</v>
          </cell>
          <cell r="M2293" t="str">
            <v>ｱｲｼｰｲﾝｻﾂ</v>
          </cell>
          <cell r="N2293" t="str">
            <v>無</v>
          </cell>
          <cell r="O2293">
            <v>55</v>
          </cell>
          <cell r="P2293">
            <v>9</v>
          </cell>
          <cell r="Q2293">
            <v>6140001067837</v>
          </cell>
          <cell r="R2293">
            <v>10000</v>
          </cell>
          <cell r="S2293">
            <v>10000</v>
          </cell>
          <cell r="T2293">
            <v>68177</v>
          </cell>
          <cell r="V2293" t="str">
            <v>et527336</v>
          </cell>
          <cell r="W2293" t="str">
            <v>iv197165</v>
          </cell>
          <cell r="Y2293" t="str">
            <v>73，74，76，</v>
          </cell>
          <cell r="Z2293">
            <v>73</v>
          </cell>
          <cell r="AA2293">
            <v>76</v>
          </cell>
          <cell r="AB2293">
            <v>74</v>
          </cell>
          <cell r="AC2293" t="str">
            <v/>
          </cell>
          <cell r="AD2293" t="str">
            <v/>
          </cell>
          <cell r="AE2293" t="str">
            <v>１；２；３；４；</v>
          </cell>
          <cell r="AF2293" t="str">
            <v>ＣＴＰシステム導入によるフルデジタル化を実現し小ロットカラー印刷を低価格でご提供。あらゆるデータ入稿に対応し低価格で高品質の制作、紙印刷以外にも日々時代に先駆けご提案！近年流行の自分史や自費出版にも対応。行動は迅速に仕事は丁寧にをモットーに邁進中です。</v>
          </cell>
        </row>
        <row r="2294">
          <cell r="B2294">
            <v>10595</v>
          </cell>
          <cell r="C2294" t="str">
            <v>株式会社ジャパンエニックス</v>
          </cell>
          <cell r="D2294" t="str">
            <v>03-5715-2351</v>
          </cell>
          <cell r="E2294" t="str">
            <v>140-0004</v>
          </cell>
          <cell r="F2294" t="str">
            <v>東京都品川区南品川2-7-18</v>
          </cell>
          <cell r="G2294" t="str">
            <v>東京都</v>
          </cell>
          <cell r="H2294" t="str">
            <v/>
          </cell>
          <cell r="I2294" t="str">
            <v>代表取締役 星野　信一</v>
          </cell>
          <cell r="J2294" t="str">
            <v>本店</v>
          </cell>
          <cell r="K2294" t="str">
            <v>03-5715-2560</v>
          </cell>
          <cell r="L2294" t="str">
            <v>m.shirose@jenix.co.jp</v>
          </cell>
          <cell r="M2294" t="str">
            <v>ｼﾞｬﾊﾟﾝｴﾆｯｸｽ</v>
          </cell>
          <cell r="N2294" t="str">
            <v/>
          </cell>
          <cell r="O2294">
            <v>46</v>
          </cell>
          <cell r="P2294">
            <v>103</v>
          </cell>
          <cell r="Q2294">
            <v>1010701013562</v>
          </cell>
          <cell r="R2294">
            <v>50000</v>
          </cell>
          <cell r="S2294" t="str">
            <v/>
          </cell>
          <cell r="T2294" t="str">
            <v/>
          </cell>
          <cell r="V2294" t="str">
            <v>xb516400</v>
          </cell>
          <cell r="W2294" t="str">
            <v>lo154715</v>
          </cell>
          <cell r="Y2294" t="str">
            <v>36，44，50，</v>
          </cell>
          <cell r="Z2294">
            <v>36</v>
          </cell>
          <cell r="AA2294">
            <v>44</v>
          </cell>
          <cell r="AB2294">
            <v>50</v>
          </cell>
          <cell r="AC2294" t="str">
            <v/>
          </cell>
          <cell r="AD2294" t="str">
            <v/>
          </cell>
          <cell r="AE2294" t="str">
            <v>１；無線機/トランシーバー/通信機器　モトローラソリューションズ(株)（代）/八重洲無線株式会社（代）/ケンウッド/アイコム２；無線機の短期レンタルの他、長期レンタルも承っております３；４；</v>
          </cell>
          <cell r="AF2294" t="str">
            <v>一般業務用無線通信機器、簡易業務用無線通信機器、特定小電力無線機、その他各種無線通信機器及びシステムの取り扱い（点検、保守含む）</v>
          </cell>
        </row>
        <row r="2295">
          <cell r="B2295">
            <v>10596</v>
          </cell>
          <cell r="C2295" t="str">
            <v>親和商事(株)</v>
          </cell>
          <cell r="D2295" t="str">
            <v>0797-85-6100</v>
          </cell>
          <cell r="E2295" t="str">
            <v>665-0822</v>
          </cell>
          <cell r="F2295" t="str">
            <v>兵庫県宝塚市安倉中2-10-15</v>
          </cell>
          <cell r="G2295" t="str">
            <v>宝塚市</v>
          </cell>
          <cell r="H2295" t="str">
            <v/>
          </cell>
          <cell r="I2295" t="str">
            <v>代表取締役 椎山　慶太</v>
          </cell>
          <cell r="J2295" t="str">
            <v>本店</v>
          </cell>
          <cell r="K2295" t="str">
            <v>0797-85-6101</v>
          </cell>
          <cell r="L2295" t="str">
            <v>academy@alphabio.jp</v>
          </cell>
          <cell r="M2295" t="str">
            <v>ｼﾝﾜｼｮｳｼﾞ(ｶ</v>
          </cell>
          <cell r="N2295" t="str">
            <v>無</v>
          </cell>
          <cell r="O2295">
            <v>50</v>
          </cell>
          <cell r="P2295">
            <v>5</v>
          </cell>
          <cell r="Q2295">
            <v>1140001069128</v>
          </cell>
          <cell r="R2295">
            <v>10000</v>
          </cell>
          <cell r="S2295">
            <v>644</v>
          </cell>
          <cell r="T2295">
            <v>20486</v>
          </cell>
          <cell r="V2295" t="str">
            <v>ja170965</v>
          </cell>
          <cell r="W2295" t="str">
            <v>ps120198</v>
          </cell>
          <cell r="Y2295" t="str">
            <v>52，</v>
          </cell>
          <cell r="Z2295">
            <v>52</v>
          </cell>
          <cell r="AA2295">
            <v>80</v>
          </cell>
          <cell r="AB2295" t="str">
            <v/>
          </cell>
          <cell r="AC2295" t="str">
            <v/>
          </cell>
          <cell r="AD2295" t="str">
            <v/>
          </cell>
          <cell r="AE2295" t="str">
            <v>１；殺虫消毒・防鼠管理、マツクイムシ樹幹注入業務２；病院内清潔区環境モニタリング測定、除菌清掃３；４；</v>
          </cell>
          <cell r="AF2295" t="str">
            <v>殺虫消毒・防鼠管理、マツクイムシ樹幹注入業務、病院内清潔区環境モニタリング測定、除菌清掃</v>
          </cell>
        </row>
        <row r="2296">
          <cell r="B2296">
            <v>10597</v>
          </cell>
          <cell r="C2296" t="str">
            <v>ＡＣＥ厨設(株)</v>
          </cell>
          <cell r="D2296" t="str">
            <v>06-6816-9557</v>
          </cell>
          <cell r="E2296" t="str">
            <v>565-0802</v>
          </cell>
          <cell r="F2296" t="str">
            <v>大阪府吹田市青葉丘南6-9-301</v>
          </cell>
          <cell r="G2296" t="str">
            <v>吹田市</v>
          </cell>
          <cell r="H2296" t="str">
            <v/>
          </cell>
          <cell r="I2296" t="str">
            <v>代表取締役 川畑　寛明</v>
          </cell>
          <cell r="J2296" t="str">
            <v>本店</v>
          </cell>
          <cell r="K2296" t="str">
            <v>06-6816-9558</v>
          </cell>
          <cell r="L2296" t="str">
            <v>h-kawabata@a-kiki.com</v>
          </cell>
          <cell r="M2296" t="str">
            <v>ｴｰｽﾁｭｳｾﾂ</v>
          </cell>
          <cell r="N2296" t="str">
            <v>無</v>
          </cell>
          <cell r="O2296">
            <v>41</v>
          </cell>
          <cell r="P2296">
            <v>4</v>
          </cell>
          <cell r="Q2296">
            <v>3120901005628</v>
          </cell>
          <cell r="R2296">
            <v>10000</v>
          </cell>
          <cell r="S2296">
            <v>-21808</v>
          </cell>
          <cell r="T2296">
            <v>97068</v>
          </cell>
          <cell r="V2296" t="str">
            <v>ks333208</v>
          </cell>
          <cell r="W2296" t="str">
            <v>xh165189</v>
          </cell>
          <cell r="Y2296" t="str">
            <v>05，37，38，</v>
          </cell>
          <cell r="Z2296">
            <v>37</v>
          </cell>
          <cell r="AA2296">
            <v>38</v>
          </cell>
          <cell r="AB2296">
            <v>5</v>
          </cell>
          <cell r="AC2296" t="str">
            <v/>
          </cell>
          <cell r="AD2296" t="str">
            <v/>
          </cell>
          <cell r="AE2296" t="str">
            <v>１；業務用冷蔵庫、スチーマー、釜、２；防犯カメラ３；食器４；</v>
          </cell>
          <cell r="AF2296" t="str">
            <v>公立学校や病院等の給食センターの厨房機器設置を長年受注しており、単品の入れ替えから一式の入れ替えまで請負できます。また、入れ替えに付随して管工事・内装工事・設計図の作成なども請負でできます。</v>
          </cell>
        </row>
        <row r="2297">
          <cell r="B2297">
            <v>10598</v>
          </cell>
          <cell r="C2297" t="str">
            <v>日化産業(株)</v>
          </cell>
          <cell r="D2297" t="str">
            <v>06-6462-7321</v>
          </cell>
          <cell r="E2297" t="str">
            <v>554-0012</v>
          </cell>
          <cell r="F2297" t="str">
            <v>大阪府大阪市此花区西九条3-16-3</v>
          </cell>
          <cell r="G2297" t="str">
            <v>大阪市</v>
          </cell>
          <cell r="H2297" t="str">
            <v/>
          </cell>
          <cell r="I2297" t="str">
            <v>代表取締役 上田　常義</v>
          </cell>
          <cell r="J2297" t="str">
            <v>本店</v>
          </cell>
          <cell r="K2297" t="str">
            <v>06-6462-7325</v>
          </cell>
          <cell r="L2297" t="str">
            <v>nikka06@e-nikka.jp</v>
          </cell>
          <cell r="M2297" t="str">
            <v>ﾆｯｶｻﾝｷﾞｮｳ</v>
          </cell>
          <cell r="N2297" t="str">
            <v>無</v>
          </cell>
          <cell r="O2297">
            <v>72</v>
          </cell>
          <cell r="P2297">
            <v>58</v>
          </cell>
          <cell r="Q2297">
            <v>2120001026690</v>
          </cell>
          <cell r="R2297">
            <v>30000</v>
          </cell>
          <cell r="S2297">
            <v>809950</v>
          </cell>
          <cell r="T2297">
            <v>3389952</v>
          </cell>
          <cell r="V2297" t="str">
            <v>yd778256</v>
          </cell>
          <cell r="W2297" t="str">
            <v>jd174580</v>
          </cell>
          <cell r="Y2297" t="str">
            <v>37，</v>
          </cell>
          <cell r="Z2297">
            <v>37</v>
          </cell>
          <cell r="AA2297" t="str">
            <v/>
          </cell>
          <cell r="AB2297" t="str">
            <v/>
          </cell>
          <cell r="AC2297" t="str">
            <v/>
          </cell>
          <cell r="AD2297" t="str">
            <v/>
          </cell>
          <cell r="AE2297" t="str">
            <v>１；２；３；４；</v>
          </cell>
          <cell r="AF2297" t="str">
            <v>合成樹脂製食器、厨房機器の取り扱い。食生活向上発展の為、特に集団給食の面に於いて新しいアイデアと健全な衛生思想の元に新製品開発と安価良質を提供し、アフターサービスの徹底をしております。</v>
          </cell>
        </row>
        <row r="2298">
          <cell r="B2298">
            <v>10599</v>
          </cell>
          <cell r="C2298" t="str">
            <v>(株)弘報舘</v>
          </cell>
          <cell r="D2298" t="str">
            <v>06-6341-2459</v>
          </cell>
          <cell r="E2298" t="str">
            <v xml:space="preserve">651-0084 </v>
          </cell>
          <cell r="F2298" t="str">
            <v>大阪府大阪市北区堂島浜1-4-16</v>
          </cell>
          <cell r="G2298" t="str">
            <v>大阪市</v>
          </cell>
          <cell r="H2298" t="str">
            <v/>
          </cell>
          <cell r="I2298" t="str">
            <v>代表取締役　 黒川　和秋</v>
          </cell>
          <cell r="J2298" t="str">
            <v>本店</v>
          </cell>
          <cell r="K2298" t="str">
            <v>06-6341-7207</v>
          </cell>
          <cell r="L2298" t="str">
            <v>kuroda@kohokan.co.jp</v>
          </cell>
          <cell r="M2298" t="str">
            <v>ｺｳﾎｳｶﾝ</v>
          </cell>
          <cell r="N2298" t="str">
            <v>無</v>
          </cell>
          <cell r="O2298">
            <v>63</v>
          </cell>
          <cell r="P2298">
            <v>36</v>
          </cell>
          <cell r="Q2298">
            <v>7120000000000</v>
          </cell>
          <cell r="R2298">
            <v>30000</v>
          </cell>
          <cell r="S2298">
            <v>411299</v>
          </cell>
          <cell r="T2298">
            <v>2821232</v>
          </cell>
          <cell r="V2298" t="str">
            <v>ts933583</v>
          </cell>
          <cell r="W2298" t="str">
            <v>wd198833</v>
          </cell>
          <cell r="Y2298" t="str">
            <v>064，58，63，64，65，73，</v>
          </cell>
          <cell r="Z2298">
            <v>65</v>
          </cell>
          <cell r="AA2298">
            <v>63</v>
          </cell>
          <cell r="AB2298">
            <v>58</v>
          </cell>
          <cell r="AC2298">
            <v>64</v>
          </cell>
          <cell r="AD2298" t="str">
            <v/>
          </cell>
          <cell r="AE2298" t="str">
            <v>１；テレビ・ラジオ・新聞・雑誌・インターネット等、マスメディアを中心とする広告等２；各種イベント、式典、アトラクション、パーティー等の企画・運営３；ホームページ制作・運営管理、システム開発等４；プロモーションビデオ、テレビ・ラジオＣＭ・番組等の企画・制作</v>
          </cell>
          <cell r="AF2298" t="str">
            <v>官公庁を中心に、テレビ・ラジオ・新聞・雑誌等、マスメディアを中心とした広告代理、各種イベントの企画・運営、プロモーションビデオ・ＣＭ・番組等の企画・制作、チラシ・パンフレット・クオカード等のデザイン印刷、インターネット関連業務、ホームページ制作・管理、システム開発等</v>
          </cell>
        </row>
        <row r="2299">
          <cell r="B2299">
            <v>10600</v>
          </cell>
          <cell r="C2299" t="str">
            <v>アムス・セキュリティサービス(株)</v>
          </cell>
          <cell r="D2299" t="str">
            <v>06-6473-0110</v>
          </cell>
          <cell r="E2299" t="str">
            <v>555-0024</v>
          </cell>
          <cell r="F2299" t="str">
            <v>大阪府大阪市西淀川区野里1-1-7</v>
          </cell>
          <cell r="G2299" t="str">
            <v>大阪市</v>
          </cell>
          <cell r="H2299" t="str">
            <v/>
          </cell>
          <cell r="I2299" t="str">
            <v>代表取締役 築地　正一</v>
          </cell>
          <cell r="J2299" t="str">
            <v>本店</v>
          </cell>
          <cell r="K2299" t="str">
            <v>06-6473-9900</v>
          </cell>
          <cell r="L2299" t="str">
            <v>ams@proof.ocn.ne.jp</v>
          </cell>
          <cell r="M2299" t="str">
            <v>ｱﾑｽ･ｾｷｭﾘﾃｨｻｰﾋﾞｽ</v>
          </cell>
          <cell r="N2299" t="str">
            <v>無</v>
          </cell>
          <cell r="O2299">
            <v>6</v>
          </cell>
          <cell r="P2299">
            <v>95</v>
          </cell>
          <cell r="Q2299">
            <v>5120001174009</v>
          </cell>
          <cell r="R2299">
            <v>98000</v>
          </cell>
          <cell r="S2299">
            <v>240736</v>
          </cell>
          <cell r="T2299">
            <v>743035</v>
          </cell>
          <cell r="V2299" t="str">
            <v>jn112938</v>
          </cell>
          <cell r="W2299" t="str">
            <v>kh193899</v>
          </cell>
          <cell r="Y2299" t="str">
            <v>45，</v>
          </cell>
          <cell r="Z2299" t="str">
            <v/>
          </cell>
          <cell r="AA2299" t="str">
            <v/>
          </cell>
          <cell r="AB2299" t="str">
            <v/>
          </cell>
          <cell r="AC2299" t="str">
            <v/>
          </cell>
          <cell r="AD2299" t="str">
            <v/>
          </cell>
          <cell r="AE2299" t="str">
            <v>１；機械警備２；巡回警備３；監視カメラの設置、保守、リース４；</v>
          </cell>
          <cell r="AF2299" t="str">
            <v>平成２４年１１月９日の設立以来、総合警備保障業務、防犯機器の販売並びに防災設備の設計・施工・保守業務、また建物・駐車場の管理業務にて多くの官公庁、民間企業に信頼頂き、数多くの実績を持ちます。</v>
          </cell>
        </row>
        <row r="2300">
          <cell r="B2300">
            <v>10602</v>
          </cell>
          <cell r="C2300" t="str">
            <v>石黒メディカルシステム(株)</v>
          </cell>
          <cell r="D2300" t="str">
            <v>072-696-1496</v>
          </cell>
          <cell r="E2300" t="str">
            <v>569-1145</v>
          </cell>
          <cell r="F2300" t="str">
            <v>大阪府高槻市富田丘町9-5</v>
          </cell>
          <cell r="G2300" t="str">
            <v>高槻市</v>
          </cell>
          <cell r="H2300" t="str">
            <v>大阪支店</v>
          </cell>
          <cell r="I2300" t="str">
            <v>支店長 吉松　英亮</v>
          </cell>
          <cell r="J2300" t="str">
            <v>京都府京都市</v>
          </cell>
          <cell r="K2300" t="str">
            <v>072-696-1961</v>
          </cell>
          <cell r="L2300" t="str">
            <v>e.yoshimatsu@ishiguro-medical.jp</v>
          </cell>
          <cell r="M2300" t="str">
            <v>ｲｼｸﾞﾛﾒﾃﾞｨｶﾙｼｽﾃﾑ</v>
          </cell>
          <cell r="N2300" t="str">
            <v>有</v>
          </cell>
          <cell r="O2300">
            <v>73</v>
          </cell>
          <cell r="P2300">
            <v>400</v>
          </cell>
          <cell r="Q2300">
            <v>5130001019815</v>
          </cell>
          <cell r="R2300">
            <v>20000</v>
          </cell>
          <cell r="S2300">
            <v>1395113</v>
          </cell>
          <cell r="T2300">
            <v>34852024</v>
          </cell>
          <cell r="V2300" t="str">
            <v>hm735593</v>
          </cell>
          <cell r="W2300" t="str">
            <v>ｒx155368</v>
          </cell>
          <cell r="Y2300" t="str">
            <v>037，03，04，06，9，12，13，14，24，27，29，35，36，37，38，39，41，44，45，48，56，57，58，60，</v>
          </cell>
          <cell r="Z2300">
            <v>39</v>
          </cell>
          <cell r="AA2300">
            <v>9</v>
          </cell>
          <cell r="AB2300">
            <v>41</v>
          </cell>
          <cell r="AC2300">
            <v>37</v>
          </cell>
          <cell r="AD2300" t="str">
            <v>主な仕入先　ＧＥヘルスケアジャパン、フクダ電子、日本ストライカー、パラマウントベッド、ニプロ、クリエートメディック、ジンマー、キヤノンメディカルシステムズ　等</v>
          </cell>
          <cell r="AE2300" t="str">
            <v>１；超音波診断装置、ＣＴ、ＭＲＩ、一般撮影装置、電子内視鏡、心電計、生体情報モニタ、人工呼吸器、電子カルテ、分包機、車いす、ストマ装具、血圧計、聴診器、医療用ベッド　等２；注射器、輸液関連製品、血管用カテーテル、包帯、ガーゼ、脱脂綿、衛生材料各種、血糖測定用試薬、検査用試薬、その他医療消耗品各種３；血液ガス分析装置、尿分析装置、光学顕微鏡、血球計数装置、遠心分離機、その他各種検査装置　等４；適温配膳車、スチームオーブンコンベクション、食器洗浄機　等</v>
          </cell>
          <cell r="AF2300" t="str">
            <v>医療機器、検査や画像診断等のシステム関連、医療消耗品、介護機器など、医療・介護に関しての全ての物品を取り扱う卸売販売を行っている。また医療消耗品等の医療器材の物品管理業務も手掛けている。</v>
          </cell>
        </row>
        <row r="2301">
          <cell r="B2301">
            <v>10603</v>
          </cell>
          <cell r="C2301" t="str">
            <v>(株)メディアターナー</v>
          </cell>
          <cell r="D2301" t="str">
            <v>06-6626-3511</v>
          </cell>
          <cell r="E2301" t="str">
            <v>546-0031</v>
          </cell>
          <cell r="F2301" t="str">
            <v>大阪府大阪市東住吉区田辺1-7-5-805</v>
          </cell>
          <cell r="G2301" t="str">
            <v>大阪市</v>
          </cell>
          <cell r="H2301" t="str">
            <v/>
          </cell>
          <cell r="I2301" t="str">
            <v>代表取締役 内田　宏和</v>
          </cell>
          <cell r="J2301" t="str">
            <v>本店</v>
          </cell>
          <cell r="K2301" t="str">
            <v>06-6626-3512</v>
          </cell>
          <cell r="L2301" t="str">
            <v>h-uchida@terner.co.jp</v>
          </cell>
          <cell r="M2301" t="str">
            <v>ﾒﾃﾞｨｱﾀｰﾅｰ</v>
          </cell>
          <cell r="N2301" t="str">
            <v>無</v>
          </cell>
          <cell r="O2301">
            <v>28</v>
          </cell>
          <cell r="P2301">
            <v>12</v>
          </cell>
          <cell r="Q2301">
            <v>1120001113911</v>
          </cell>
          <cell r="R2301">
            <v>10000</v>
          </cell>
          <cell r="S2301">
            <v>19029</v>
          </cell>
          <cell r="T2301">
            <v>138634</v>
          </cell>
          <cell r="V2301" t="str">
            <v>ta219333</v>
          </cell>
          <cell r="W2301" t="str">
            <v>iｒ159816</v>
          </cell>
          <cell r="Y2301" t="str">
            <v/>
          </cell>
          <cell r="Z2301" t="str">
            <v/>
          </cell>
          <cell r="AA2301" t="str">
            <v/>
          </cell>
          <cell r="AB2301" t="str">
            <v/>
          </cell>
          <cell r="AC2301" t="str">
            <v/>
          </cell>
          <cell r="AD2301" t="str">
            <v/>
          </cell>
          <cell r="AE2301" t="str">
            <v>１；２；３；４；</v>
          </cell>
          <cell r="AF2301" t="str">
            <v>伊丹市営ボートレース実況放送委託業務</v>
          </cell>
        </row>
        <row r="2302">
          <cell r="B2302">
            <v>10604</v>
          </cell>
          <cell r="C2302" t="str">
            <v>(株)トップワールド</v>
          </cell>
          <cell r="D2302" t="str">
            <v>06-4961-7645</v>
          </cell>
          <cell r="F2302" t="str">
            <v>兵庫県尼崎市久々知西町1-4-11</v>
          </cell>
          <cell r="G2302" t="str">
            <v>尼崎市</v>
          </cell>
          <cell r="H2302" t="str">
            <v/>
          </cell>
          <cell r="I2302" t="str">
            <v>代表取締役 仲西　保近</v>
          </cell>
          <cell r="J2302" t="str">
            <v>本店</v>
          </cell>
          <cell r="K2302" t="str">
            <v>06-4961-7690</v>
          </cell>
          <cell r="L2302" t="str">
            <v>top-office@topworld.co.jp</v>
          </cell>
          <cell r="M2302" t="str">
            <v>ﾄﾂﾌﾟﾜｰﾙﾄﾞ</v>
          </cell>
          <cell r="N2302" t="str">
            <v>無</v>
          </cell>
          <cell r="O2302">
            <v>29</v>
          </cell>
          <cell r="P2302">
            <v>10</v>
          </cell>
          <cell r="Q2302">
            <v>1140000000000</v>
          </cell>
          <cell r="R2302">
            <v>10000</v>
          </cell>
          <cell r="S2302">
            <v>-16204</v>
          </cell>
          <cell r="T2302">
            <v>25008</v>
          </cell>
          <cell r="V2302" t="str">
            <v>rd225981</v>
          </cell>
          <cell r="W2302" t="str">
            <v>qw173731</v>
          </cell>
          <cell r="Y2302" t="str">
            <v>7.16.44.63.66</v>
          </cell>
          <cell r="Z2302">
            <v>63</v>
          </cell>
          <cell r="AA2302">
            <v>44</v>
          </cell>
          <cell r="AB2302">
            <v>66</v>
          </cell>
          <cell r="AC2302">
            <v>7</v>
          </cell>
          <cell r="AD2302" t="str">
            <v/>
          </cell>
          <cell r="AE2302" t="str">
            <v>１；２；３；４；</v>
          </cell>
          <cell r="AF2302" t="str">
            <v>当社はイベント関連事業を行う会社です。主として、各種催し物の会場設営及びそれに伴う物品レンタル業です。コンサート、式典、運動会、展示会、パレード、フォーラム等でステージ製作、テント設営、テーブル、椅子等の備品レンタルをしています。</v>
          </cell>
        </row>
        <row r="2303">
          <cell r="B2303">
            <v>10606</v>
          </cell>
          <cell r="C2303" t="str">
            <v>兵田印刷工芸(株)</v>
          </cell>
          <cell r="D2303" t="str">
            <v>0798-47-3501</v>
          </cell>
          <cell r="E2303" t="str">
            <v>663-8136</v>
          </cell>
          <cell r="F2303" t="str">
            <v>兵庫県西宮市笠屋町3-16</v>
          </cell>
          <cell r="G2303" t="str">
            <v>西宮市</v>
          </cell>
          <cell r="H2303" t="str">
            <v/>
          </cell>
          <cell r="I2303" t="str">
            <v>代表取締役 兵田　好雄</v>
          </cell>
          <cell r="J2303" t="str">
            <v>本店</v>
          </cell>
          <cell r="K2303" t="str">
            <v>0798-41-3713</v>
          </cell>
          <cell r="L2303" t="str">
            <v>info@hyoda.com</v>
          </cell>
          <cell r="M2303" t="str">
            <v>ﾋｮｳﾀﾞｲﾝｻﾂｺｳｹﾞｲｶﾌﾞｼｷｶﾞｲｼｬ</v>
          </cell>
          <cell r="N2303" t="str">
            <v>無</v>
          </cell>
          <cell r="O2303">
            <v>52</v>
          </cell>
          <cell r="P2303">
            <v>20</v>
          </cell>
          <cell r="Q2303">
            <v>6140001070106</v>
          </cell>
          <cell r="R2303">
            <v>10000</v>
          </cell>
          <cell r="S2303">
            <v>53909</v>
          </cell>
          <cell r="T2303">
            <v>274035</v>
          </cell>
          <cell r="V2303" t="str">
            <v>uf428741</v>
          </cell>
          <cell r="W2303" t="str">
            <v>jl195869</v>
          </cell>
          <cell r="Y2303" t="str">
            <v>73，74，75，76，</v>
          </cell>
          <cell r="Z2303" t="str">
            <v/>
          </cell>
          <cell r="AA2303" t="str">
            <v/>
          </cell>
          <cell r="AB2303" t="str">
            <v/>
          </cell>
          <cell r="AC2303" t="str">
            <v/>
          </cell>
          <cell r="AD2303" t="str">
            <v/>
          </cell>
          <cell r="AE2303" t="str">
            <v>１；冊子、パンフレット、チラシ、封筒、名刺２；３；４；</v>
          </cell>
          <cell r="AF2303" t="str">
            <v>最新鋭の設備を導入し、必要数を小ロットで、チラシ・ポスター・カレンダー・ＤＭやパンフレットなど、幅広い種類の印刷物を安価に作成できる。</v>
          </cell>
        </row>
        <row r="2304">
          <cell r="B2304">
            <v>10607</v>
          </cell>
          <cell r="C2304" t="str">
            <v>(株)葯信社</v>
          </cell>
          <cell r="D2304" t="str">
            <v>06-6262-3113</v>
          </cell>
          <cell r="E2304" t="str">
            <v>541-0059</v>
          </cell>
          <cell r="F2304" t="str">
            <v>大阪府大阪市中央区博労町1-2-8</v>
          </cell>
          <cell r="G2304" t="str">
            <v>大阪市</v>
          </cell>
          <cell r="H2304" t="str">
            <v/>
          </cell>
          <cell r="I2304" t="str">
            <v>代表取締役 木下　和明</v>
          </cell>
          <cell r="J2304" t="str">
            <v>本店</v>
          </cell>
          <cell r="K2304" t="str">
            <v>06-6262-3117</v>
          </cell>
          <cell r="L2304" t="str">
            <v>info@yakushinsha.jp</v>
          </cell>
          <cell r="M2304" t="str">
            <v>ﾔｸｼﾝｼｬ</v>
          </cell>
          <cell r="N2304" t="str">
            <v>無</v>
          </cell>
          <cell r="O2304">
            <v>68</v>
          </cell>
          <cell r="P2304">
            <v>9</v>
          </cell>
          <cell r="Q2304">
            <v>2120001091116</v>
          </cell>
          <cell r="R2304">
            <v>10000</v>
          </cell>
          <cell r="S2304">
            <v>129068</v>
          </cell>
          <cell r="T2304">
            <v>482725</v>
          </cell>
          <cell r="V2304" t="str">
            <v>fp447497</v>
          </cell>
          <cell r="W2304" t="str">
            <v>jf198973</v>
          </cell>
          <cell r="Y2304" t="str">
            <v>10，22，</v>
          </cell>
          <cell r="Z2304">
            <v>10</v>
          </cell>
          <cell r="AA2304">
            <v>80</v>
          </cell>
          <cell r="AB2304">
            <v>22</v>
          </cell>
          <cell r="AC2304" t="str">
            <v/>
          </cell>
          <cell r="AD2304" t="str">
            <v/>
          </cell>
          <cell r="AE2304" t="str">
            <v>１；防疫薬剤　金鳥、アース製薬、タニサケなど２；防疫用機械器具、噴霧器、捕鼠器、捕虫器、害獣捕獲器　マルヤマエクセル、ＳＨＩＭＡＤＡ、鵬図商事３；農薬　三井アグロ、　農業用機械　マルヤマエクセル４；</v>
          </cell>
          <cell r="AF2304" t="str">
            <v>主に感染症を媒介するネズミ、衛生害虫の駆除及び予防に使用する資材の専門商社で、近年は不快害虫や害獣のコントロールに使用する資材も増加しています。</v>
          </cell>
        </row>
        <row r="2305">
          <cell r="B2305">
            <v>10608</v>
          </cell>
          <cell r="C2305" t="str">
            <v>平尾自動車工業(株)</v>
          </cell>
          <cell r="D2305" t="str">
            <v>06-6426-3333</v>
          </cell>
          <cell r="E2305" t="str">
            <v>661-0978</v>
          </cell>
          <cell r="F2305" t="str">
            <v>兵庫県尼崎市 久々知西町2-7-19</v>
          </cell>
          <cell r="G2305" t="str">
            <v>尼崎市　</v>
          </cell>
          <cell r="H2305" t="str">
            <v/>
          </cell>
          <cell r="I2305" t="str">
            <v>代表取締役 平尾　守</v>
          </cell>
          <cell r="J2305" t="str">
            <v>本店</v>
          </cell>
          <cell r="K2305" t="str">
            <v>06-6423-0191</v>
          </cell>
          <cell r="L2305" t="str">
            <v>hiraojkk@pastel.ocn.ne.jp</v>
          </cell>
          <cell r="M2305" t="str">
            <v>ﾋﾗｵｼﾞﾄﾞｳｼｬｺｳｷﾞｮｳ</v>
          </cell>
          <cell r="N2305" t="str">
            <v>無</v>
          </cell>
          <cell r="O2305">
            <v>52</v>
          </cell>
          <cell r="P2305">
            <v>14</v>
          </cell>
          <cell r="Q2305">
            <v>4140001050935</v>
          </cell>
          <cell r="R2305">
            <v>1000</v>
          </cell>
          <cell r="S2305">
            <v>73157</v>
          </cell>
          <cell r="T2305">
            <v>322812</v>
          </cell>
          <cell r="V2305" t="str">
            <v>cr276526</v>
          </cell>
          <cell r="W2305" t="str">
            <v>wd158363</v>
          </cell>
          <cell r="Y2305" t="str">
            <v>025，23，24，25，26，69，</v>
          </cell>
          <cell r="Z2305">
            <v>26</v>
          </cell>
          <cell r="AA2305">
            <v>23</v>
          </cell>
          <cell r="AB2305">
            <v>69</v>
          </cell>
          <cell r="AC2305">
            <v>25</v>
          </cell>
          <cell r="AD2305" t="str">
            <v/>
          </cell>
          <cell r="AE2305" t="str">
            <v>１；大阪陸運局認証第３５５５　大阪陸運局指定大指兵第５１６　ＣＮＧ車容器再検査事業所　軽自動車から大型特殊自動車まで車検が行えます。鈑金・塗装を自社作業で行います。２；全車種・全メーカー取り扱います。３；古物商許可証　中古自動車買取４；原動機付自転車取り扱います。</v>
          </cell>
          <cell r="AF2305" t="str">
            <v>自動車販売・民間車検工場　大型・小型・軽自動車全車種の販売、車検・修理・鈑金・塗装を取扱い、全て自社工場に手の作業を行っています。自動車リース販売・管理・福祉車両専門レンタカーも取り扱っています。修理代車もリフト付から、軽自動車、マイクロバスまで取り揃えています。</v>
          </cell>
        </row>
        <row r="2306">
          <cell r="B2306">
            <v>10609</v>
          </cell>
          <cell r="C2306" t="str">
            <v>(株)ＫＯＳＭＯ</v>
          </cell>
          <cell r="D2306" t="str">
            <v>06-6213-7051</v>
          </cell>
          <cell r="E2306" t="str">
            <v>542-0086</v>
          </cell>
          <cell r="F2306" t="str">
            <v>大阪府大阪市中央区西心斎橋2-2-3</v>
          </cell>
          <cell r="G2306" t="str">
            <v>大阪市</v>
          </cell>
          <cell r="H2306" t="str">
            <v/>
          </cell>
          <cell r="I2306" t="str">
            <v>代表取締役 柏木　徳美</v>
          </cell>
          <cell r="J2306" t="str">
            <v>本店</v>
          </cell>
          <cell r="K2306" t="str">
            <v>06-6213-7052</v>
          </cell>
          <cell r="L2306" t="str">
            <v>tender-kosmo@kosmo.net</v>
          </cell>
          <cell r="M2306" t="str">
            <v>ｺｽﾓ</v>
          </cell>
          <cell r="N2306" t="str">
            <v>無</v>
          </cell>
          <cell r="O2306">
            <v>32</v>
          </cell>
          <cell r="P2306">
            <v>462</v>
          </cell>
          <cell r="Q2306">
            <v>4120001063856</v>
          </cell>
          <cell r="R2306">
            <v>100000</v>
          </cell>
          <cell r="S2306">
            <v>200149</v>
          </cell>
          <cell r="T2306">
            <v>2114793</v>
          </cell>
          <cell r="V2306" t="str">
            <v>en806574</v>
          </cell>
          <cell r="W2306" t="str">
            <v>qｒ113555</v>
          </cell>
          <cell r="Y2306" t="str">
            <v>56，57，</v>
          </cell>
          <cell r="Z2306">
            <v>56</v>
          </cell>
          <cell r="AA2306">
            <v>57</v>
          </cell>
          <cell r="AB2306">
            <v>80</v>
          </cell>
          <cell r="AC2306" t="str">
            <v/>
          </cell>
          <cell r="AD2306" t="str">
            <v/>
          </cell>
          <cell r="AE2306" t="str">
            <v>１；選挙事務・受付・電話応対など２；データ入力３；業務委託（コールセンター運営など）４；</v>
          </cell>
          <cell r="AF2306" t="str">
            <v>人材派遣・業務委託</v>
          </cell>
        </row>
        <row r="2307">
          <cell r="B2307">
            <v>10610</v>
          </cell>
          <cell r="C2307" t="str">
            <v>(株)テクノ菱和</v>
          </cell>
          <cell r="D2307" t="str">
            <v>078-241-2178</v>
          </cell>
          <cell r="E2307" t="str">
            <v>651-0088</v>
          </cell>
          <cell r="F2307" t="str">
            <v>兵庫県神戸市中央区小野柄通3-2ｰ22</v>
          </cell>
          <cell r="G2307" t="str">
            <v>神戸市</v>
          </cell>
          <cell r="H2307" t="str">
            <v>神戸営業所</v>
          </cell>
          <cell r="I2307" t="str">
            <v>所長 山口　和輝</v>
          </cell>
          <cell r="J2307" t="str">
            <v>東京都</v>
          </cell>
          <cell r="K2307" t="str">
            <v>078-221-3909</v>
          </cell>
          <cell r="L2307" t="str">
            <v>r_morinaga@techno-ryowa.co.jp</v>
          </cell>
          <cell r="M2307" t="str">
            <v>ﾃｸﾉﾘｮｳﾜ</v>
          </cell>
          <cell r="N2307" t="str">
            <v>有</v>
          </cell>
          <cell r="O2307">
            <v>63</v>
          </cell>
          <cell r="P2307">
            <v>721</v>
          </cell>
          <cell r="Q2307">
            <v>3010401018661</v>
          </cell>
          <cell r="R2307">
            <v>2476800</v>
          </cell>
          <cell r="S2307">
            <v>32338817</v>
          </cell>
          <cell r="T2307">
            <v>60654000</v>
          </cell>
          <cell r="V2307" t="str">
            <v>xx961734</v>
          </cell>
          <cell r="W2307" t="str">
            <v>vｒ191388</v>
          </cell>
          <cell r="Y2307" t="str">
            <v>48，49，</v>
          </cell>
          <cell r="Z2307">
            <v>48</v>
          </cell>
          <cell r="AA2307">
            <v>49</v>
          </cell>
          <cell r="AB2307" t="str">
            <v/>
          </cell>
          <cell r="AC2307" t="str">
            <v/>
          </cell>
          <cell r="AD2307" t="str">
            <v/>
          </cell>
          <cell r="AE2307" t="str">
            <v>１；２；３；４；</v>
          </cell>
          <cell r="AF2307" t="str">
            <v>空調、衛生、換気、冷凍設備および生産プロセス関連のユーティリティーに関する設計、施工及び付帯サービス</v>
          </cell>
        </row>
        <row r="2308">
          <cell r="B2308">
            <v>10611</v>
          </cell>
          <cell r="C2308" t="str">
            <v>(株)メディブレーン</v>
          </cell>
          <cell r="D2308" t="str">
            <v>06-6946-1128</v>
          </cell>
          <cell r="E2308" t="str">
            <v>540-0025</v>
          </cell>
          <cell r="F2308" t="str">
            <v>大阪府大阪市中央区徳井町2-4-14</v>
          </cell>
          <cell r="G2308" t="str">
            <v>大阪市</v>
          </cell>
          <cell r="H2308" t="str">
            <v/>
          </cell>
          <cell r="I2308" t="str">
            <v>代表取締役 小島　啓太</v>
          </cell>
          <cell r="J2308" t="str">
            <v>本店</v>
          </cell>
          <cell r="K2308" t="str">
            <v>06-6946-9088</v>
          </cell>
          <cell r="L2308" t="str">
            <v>info@medibrain.ecnet.jp</v>
          </cell>
          <cell r="M2308" t="str">
            <v>ﾒﾃﾞｨﾌﾞﾚｰﾝ</v>
          </cell>
          <cell r="N2308" t="str">
            <v>無</v>
          </cell>
          <cell r="O2308">
            <v>27</v>
          </cell>
          <cell r="P2308">
            <v>40</v>
          </cell>
          <cell r="Q2308">
            <v>2120001090761</v>
          </cell>
          <cell r="R2308">
            <v>11000</v>
          </cell>
          <cell r="S2308">
            <v>159614</v>
          </cell>
          <cell r="T2308">
            <v>601428</v>
          </cell>
          <cell r="V2308" t="str">
            <v>wd209503</v>
          </cell>
          <cell r="W2308" t="str">
            <v>dm771779</v>
          </cell>
          <cell r="Y2308" t="str">
            <v>56，57，60，</v>
          </cell>
          <cell r="Z2308">
            <v>60</v>
          </cell>
          <cell r="AA2308">
            <v>57</v>
          </cell>
          <cell r="AB2308">
            <v>56</v>
          </cell>
          <cell r="AC2308" t="str">
            <v/>
          </cell>
          <cell r="AD2308" t="str">
            <v/>
          </cell>
          <cell r="AE2308" t="str">
            <v>１；レセプト点検、柔道整復施術・鍼灸あんまマッサージ療養費申請書内容点検、海外療養費申請書点検２；ジェネリック差額通知サービス、各種医療費分析３；４；</v>
          </cell>
          <cell r="AF2308" t="str">
            <v>医療費適正化のコンサルティングとして、レセプト点検、柔整・鍼灸療養費申請書点検、海外療養費の翻訳・現地照会やジェネリック差額通知サービス、各種医療費分析を行っております。</v>
          </cell>
        </row>
        <row r="2309">
          <cell r="B2309">
            <v>10612</v>
          </cell>
          <cell r="C2309" t="str">
            <v>日本工営(株)</v>
          </cell>
          <cell r="D2309" t="str">
            <v>078-326-2703</v>
          </cell>
          <cell r="E2309" t="str">
            <v>650-0024</v>
          </cell>
          <cell r="F2309" t="str">
            <v>兵庫県神戸市中央区海岸通3番地</v>
          </cell>
          <cell r="G2309" t="str">
            <v>神戸市</v>
          </cell>
          <cell r="H2309" t="str">
            <v>神戸事務所</v>
          </cell>
          <cell r="I2309" t="str">
            <v>所長 渡邊　俊幸</v>
          </cell>
          <cell r="J2309" t="str">
            <v>東京都</v>
          </cell>
          <cell r="K2309" t="str">
            <v>078-326-2704</v>
          </cell>
          <cell r="L2309" t="str">
            <v>hyogo@dx.n-koei.co.jp</v>
          </cell>
          <cell r="M2309" t="str">
            <v>ﾆﾎﾝｺｳｴｲ</v>
          </cell>
          <cell r="N2309" t="str">
            <v>有</v>
          </cell>
          <cell r="O2309">
            <v>72</v>
          </cell>
          <cell r="P2309">
            <v>2105</v>
          </cell>
          <cell r="Q2309">
            <v>2010001016851</v>
          </cell>
          <cell r="R2309">
            <v>7415290</v>
          </cell>
          <cell r="S2309">
            <v>53012798</v>
          </cell>
          <cell r="T2309">
            <v>61734176</v>
          </cell>
          <cell r="V2309" t="str">
            <v>kh973770</v>
          </cell>
          <cell r="W2309" t="str">
            <v>fｒ153991</v>
          </cell>
          <cell r="Y2309" t="str">
            <v>072，57，58，72，77，79，</v>
          </cell>
          <cell r="Z2309">
            <v>58</v>
          </cell>
          <cell r="AA2309">
            <v>57</v>
          </cell>
          <cell r="AB2309">
            <v>77</v>
          </cell>
          <cell r="AC2309">
            <v>72</v>
          </cell>
          <cell r="AD2309" t="str">
            <v/>
          </cell>
          <cell r="AE2309" t="str">
            <v>１；市の基幹情報システム開発・運用等２；構造物維持管理計画・データ処理・データ入力・電算受託等３；アンケート調査・交通量調査等４；空中写真測量・ＧＩＳ等</v>
          </cell>
          <cell r="AF2309" t="str">
            <v>総合建設コンサルタントとして広く海外にも事業を展開しており、社会資本の整備に多大の実績を重ねてきました。新しい時代の要求に応える為独自の試験研究所を有し新しい技術の開発・取得にも努め幅広い分野の技術者を揃え、多種多様な社会の要請にも十分対応できる体制を整えております。</v>
          </cell>
        </row>
        <row r="2310">
          <cell r="B2310">
            <v>10617</v>
          </cell>
          <cell r="C2310" t="str">
            <v>(株)ＭＭコーポレーション</v>
          </cell>
          <cell r="D2310" t="str">
            <v>03-3816-3546</v>
          </cell>
          <cell r="E2310" t="str">
            <v>113-0033</v>
          </cell>
          <cell r="F2310" t="str">
            <v>東京都文京区本郷3-4-6</v>
          </cell>
          <cell r="G2310" t="str">
            <v>東京都</v>
          </cell>
          <cell r="H2310" t="str">
            <v/>
          </cell>
          <cell r="I2310" t="str">
            <v>代表取締役 北内　秀明</v>
          </cell>
          <cell r="J2310" t="str">
            <v>本店</v>
          </cell>
          <cell r="K2310" t="str">
            <v>03-3816-1954</v>
          </cell>
          <cell r="L2310" t="str">
            <v>034293ohmori@mediceo-gp.com</v>
          </cell>
          <cell r="M2310" t="str">
            <v>ｴﾑｴﾑｺｰﾎﾟﾚｰｼｮﾝ</v>
          </cell>
          <cell r="N2310" t="str">
            <v>無</v>
          </cell>
          <cell r="O2310">
            <v>72</v>
          </cell>
          <cell r="P2310">
            <v>419</v>
          </cell>
          <cell r="Q2310">
            <v>2010001005697</v>
          </cell>
          <cell r="R2310">
            <v>100000</v>
          </cell>
          <cell r="S2310">
            <v>-2134015</v>
          </cell>
          <cell r="T2310">
            <v>75325378</v>
          </cell>
          <cell r="V2310" t="str">
            <v>xn778609</v>
          </cell>
          <cell r="W2310" t="str">
            <v>kq175336</v>
          </cell>
          <cell r="Y2310" t="str">
            <v>080，9，39，41，</v>
          </cell>
          <cell r="Z2310">
            <v>39</v>
          </cell>
          <cell r="AA2310">
            <v>9</v>
          </cell>
          <cell r="AB2310">
            <v>41</v>
          </cell>
          <cell r="AC2310">
            <v>80</v>
          </cell>
          <cell r="AD2310" t="str">
            <v/>
          </cell>
          <cell r="AE2310" t="str">
            <v>１；(代）テルモ　（代）日本コビディエン　（代）フィリップスエレクトロニクス　(代）キャノンメディカルシステムズ　（代）GEヘルスケアジャパン２；(代)アボットジャパン　（代）ユヤマ　(代）ラジオメーター　(代）シスメックス３；(代）三和化学研究　(代）ロッシュ・ダイアグノスティックス　（代）テルモ４；病院内医療材料等物品管理業務（SPD）</v>
          </cell>
          <cell r="AF2310" t="str">
            <v>医療機器・医療材料の販売・修理をはじめとして病院内での物品管理業務（ＳＰＤ）を主とした事業を展開し昭和２２年創業で安全安心の医療を実現するために医療機関様へ適正な管理の下で医療機器・医療材料を供給させていただいております。</v>
          </cell>
        </row>
        <row r="2311">
          <cell r="B2311">
            <v>10618</v>
          </cell>
          <cell r="C2311" t="str">
            <v>安西工業(株)</v>
          </cell>
          <cell r="D2311" t="str">
            <v>078-967-5530</v>
          </cell>
          <cell r="E2311" t="str">
            <v>651-2411</v>
          </cell>
          <cell r="F2311" t="str">
            <v>兵庫県神戸市西区上新地3-3-1</v>
          </cell>
          <cell r="G2311" t="str">
            <v>神戸市</v>
          </cell>
          <cell r="H2311" t="str">
            <v/>
          </cell>
          <cell r="I2311" t="str">
            <v>代表取締役　 清水　章弘</v>
          </cell>
          <cell r="J2311" t="str">
            <v>本店</v>
          </cell>
          <cell r="K2311" t="str">
            <v>078-967-5536</v>
          </cell>
          <cell r="L2311" t="str">
            <v>eigyo@anzaikogyo.com</v>
          </cell>
          <cell r="M2311" t="str">
            <v>ｱﾝｻﾞｲｺｳｷﾞﾖｳ</v>
          </cell>
          <cell r="N2311" t="str">
            <v>無</v>
          </cell>
          <cell r="O2311">
            <v>37</v>
          </cell>
          <cell r="P2311">
            <v>74</v>
          </cell>
          <cell r="Q2311">
            <v>7140001004401</v>
          </cell>
          <cell r="R2311">
            <v>90000</v>
          </cell>
          <cell r="S2311">
            <v>715970</v>
          </cell>
          <cell r="T2311">
            <v>1918588</v>
          </cell>
          <cell r="V2311" t="str">
            <v>de373524</v>
          </cell>
          <cell r="W2311" t="str">
            <v>fk115703</v>
          </cell>
          <cell r="Y2311" t="str">
            <v>44.56.67.80</v>
          </cell>
          <cell r="Z2311">
            <v>80</v>
          </cell>
          <cell r="AA2311">
            <v>44</v>
          </cell>
          <cell r="AB2311">
            <v>56</v>
          </cell>
          <cell r="AC2311">
            <v>67</v>
          </cell>
          <cell r="AD2311" t="str">
            <v/>
          </cell>
          <cell r="AE2311" t="str">
            <v>１；２；埋蔵文化財発掘調査３；建設機械・機材等リース・レンタル、仮設ハウス・トイレ等リース・レンタル４；</v>
          </cell>
          <cell r="AF2311" t="str">
            <v>弊社は、建設業として土木工事及び建築工事を軸とし合わせて測量業と幅広く営業しております。また長年、埋蔵文化財発掘調査を多数受注し施工実績があります。文化財調査、遺物整理作業、測量、遺構実測、航空写真撮影も多く手がけ敏速丁寧に対応できる体制を整えております。</v>
          </cell>
        </row>
        <row r="2312">
          <cell r="B2312">
            <v>10620</v>
          </cell>
          <cell r="C2312" t="str">
            <v>(株)摂津清運</v>
          </cell>
          <cell r="D2312" t="str">
            <v>06-6429-8236</v>
          </cell>
          <cell r="E2312" t="str">
            <v>661-0011</v>
          </cell>
          <cell r="F2312" t="str">
            <v>兵庫県尼崎市東塚口町2-4-27</v>
          </cell>
          <cell r="G2312" t="str">
            <v>尼崎市</v>
          </cell>
          <cell r="H2312" t="str">
            <v/>
          </cell>
          <cell r="I2312" t="str">
            <v>代表取締役 平野　博</v>
          </cell>
          <cell r="J2312" t="str">
            <v>本店</v>
          </cell>
          <cell r="K2312" t="str">
            <v>06-6429-3303</v>
          </cell>
          <cell r="L2312" t="str">
            <v>shimazawa9573@dinsgr.co.jp</v>
          </cell>
          <cell r="M2312" t="str">
            <v>ｾｯﾂｾｲｳﾝ</v>
          </cell>
          <cell r="N2312" t="str">
            <v>無</v>
          </cell>
          <cell r="O2312">
            <v>44</v>
          </cell>
          <cell r="P2312">
            <v>43</v>
          </cell>
          <cell r="Q2312">
            <v>2140001049491</v>
          </cell>
          <cell r="R2312">
            <v>60000</v>
          </cell>
          <cell r="S2312">
            <v>724195</v>
          </cell>
          <cell r="T2312">
            <v>1955937</v>
          </cell>
          <cell r="V2312" t="str">
            <v>xz211896</v>
          </cell>
          <cell r="W2312" t="str">
            <v>ud171973</v>
          </cell>
          <cell r="Y2312" t="str">
            <v>55，68，</v>
          </cell>
          <cell r="Z2312">
            <v>68</v>
          </cell>
          <cell r="AA2312">
            <v>55</v>
          </cell>
          <cell r="AB2312" t="str">
            <v/>
          </cell>
          <cell r="AC2312" t="str">
            <v/>
          </cell>
          <cell r="AD2312" t="str">
            <v/>
          </cell>
          <cell r="AE2312" t="str">
            <v>１；産業廃棄物処理：産業廃棄物、特別管理産業廃棄物収集運搬業及び産業廃棄物処分業については許可証参照２；敷地内の清掃作業一式３；４；</v>
          </cell>
          <cell r="AF2312" t="str">
            <v>ＩＳＯ１４００１認証取得、環境保全及び法令遵守を優先し、産業廃棄物の適正処理を行うことがモットーです。</v>
          </cell>
        </row>
        <row r="2313">
          <cell r="B2313">
            <v>10622</v>
          </cell>
          <cell r="C2313" t="str">
            <v>愛知時計電機(株)</v>
          </cell>
          <cell r="D2313" t="str">
            <v>06-6305-9051</v>
          </cell>
          <cell r="E2313" t="str">
            <v>532-0032</v>
          </cell>
          <cell r="F2313" t="str">
            <v>大阪府大阪市淀川区三津屋北2-22-5</v>
          </cell>
          <cell r="G2313" t="str">
            <v>大阪市</v>
          </cell>
          <cell r="H2313" t="str">
            <v>大阪支店</v>
          </cell>
          <cell r="I2313" t="str">
            <v>執行役員支店長　 中水　準二</v>
          </cell>
          <cell r="J2313" t="str">
            <v>愛知県名古屋市</v>
          </cell>
          <cell r="K2313" t="str">
            <v>06-6305-9061</v>
          </cell>
          <cell r="L2313" t="str">
            <v>nyusatsu-osal@inetl.aichitokei.co.jp</v>
          </cell>
          <cell r="M2313" t="str">
            <v>ｱｲﾁﾄｹｲﾃﾞﾝｷ</v>
          </cell>
          <cell r="N2313" t="str">
            <v>有</v>
          </cell>
          <cell r="O2313">
            <v>49</v>
          </cell>
          <cell r="P2313">
            <v>1321</v>
          </cell>
          <cell r="Q2313">
            <v>3180000000000</v>
          </cell>
          <cell r="R2313">
            <v>3218158</v>
          </cell>
          <cell r="S2313">
            <v>27301000</v>
          </cell>
          <cell r="T2313">
            <v>47275000</v>
          </cell>
          <cell r="V2313" t="str">
            <v>wh161585</v>
          </cell>
          <cell r="W2313" t="str">
            <v>hn131553</v>
          </cell>
          <cell r="Y2313">
            <v>42.43</v>
          </cell>
          <cell r="Z2313" t="str">
            <v/>
          </cell>
          <cell r="AA2313" t="str">
            <v/>
          </cell>
          <cell r="AB2313" t="str">
            <v/>
          </cell>
          <cell r="AC2313" t="str">
            <v/>
          </cell>
          <cell r="AD2313" t="str">
            <v/>
          </cell>
          <cell r="AE2313" t="str">
            <v>１；２；水道メーター（指定製造事業者）、電磁流量計３；その他計測機器４；</v>
          </cell>
          <cell r="AF2313" t="str">
            <v>建設工事：電気工事、管工事、機械機具設置工事、電気通信工事　物品：水道メーター、電磁流量計、その他計測機器</v>
          </cell>
        </row>
        <row r="2314">
          <cell r="B2314">
            <v>10624</v>
          </cell>
          <cell r="C2314" t="str">
            <v>兵庫トヨタ自動車(株)</v>
          </cell>
          <cell r="D2314" t="str">
            <v>078-732-8651</v>
          </cell>
          <cell r="E2314" t="str">
            <v>654-0026</v>
          </cell>
          <cell r="F2314" t="str">
            <v>兵庫県神戸市須磨区大池町3-1-1</v>
          </cell>
          <cell r="G2314" t="str">
            <v>神戸市</v>
          </cell>
          <cell r="H2314" t="str">
            <v>特販営業所</v>
          </cell>
          <cell r="I2314" t="str">
            <v>所長 白根　浩司</v>
          </cell>
          <cell r="J2314" t="str">
            <v>兵庫県神戸市</v>
          </cell>
          <cell r="K2314" t="str">
            <v>078-732-8560</v>
          </cell>
          <cell r="L2314" t="str">
            <v>masahiro-mizuguchi@hyogotoyota.co.jp</v>
          </cell>
          <cell r="M2314" t="str">
            <v>ﾋｮｳｺﾞﾄﾖﾀｼﾞﾄﾞｳｼｬ</v>
          </cell>
          <cell r="N2314" t="str">
            <v>有</v>
          </cell>
          <cell r="O2314">
            <v>72</v>
          </cell>
          <cell r="P2314">
            <v>941</v>
          </cell>
          <cell r="Q2314">
            <v>8140001012345</v>
          </cell>
          <cell r="R2314">
            <v>218050</v>
          </cell>
          <cell r="S2314">
            <v>13782660</v>
          </cell>
          <cell r="T2314">
            <v>57526470</v>
          </cell>
          <cell r="V2314" t="str">
            <v>ak743121</v>
          </cell>
          <cell r="W2314" t="str">
            <v>nq199933</v>
          </cell>
          <cell r="Y2314" t="str">
            <v>23，24，26，</v>
          </cell>
          <cell r="Z2314">
            <v>23</v>
          </cell>
          <cell r="AA2314">
            <v>24</v>
          </cell>
          <cell r="AB2314">
            <v>26</v>
          </cell>
          <cell r="AC2314" t="str">
            <v/>
          </cell>
          <cell r="AD2314" t="str">
            <v/>
          </cell>
          <cell r="AE2314" t="str">
            <v>１；トヨタ自動車（株）製の自動車の販売２；救急車　消防用車両　高度管理医療機器等販売業許可３；自動車分解整備事業　認証工場４；</v>
          </cell>
          <cell r="AF2314" t="str">
            <v>トヨタ自動車製の乗用車　特装車等を含む小型中型トラック　救急車等の販売　トヨタ純正部品の販売　自動車の車検　点検　整備</v>
          </cell>
        </row>
        <row r="2315">
          <cell r="B2315">
            <v>10626</v>
          </cell>
          <cell r="C2315" t="str">
            <v>(株)ＫＡＮＳＯテクノス</v>
          </cell>
          <cell r="D2315" t="str">
            <v>079-231-5485</v>
          </cell>
          <cell r="E2315" t="str">
            <v>672-8044</v>
          </cell>
          <cell r="F2315" t="str">
            <v>兵庫県姫路市飾磨区下野田2丁目525番4</v>
          </cell>
          <cell r="G2315" t="str">
            <v>大阪市</v>
          </cell>
          <cell r="H2315" t="str">
            <v>姫路支店</v>
          </cell>
          <cell r="I2315" t="str">
            <v>支店長 小松原　良次</v>
          </cell>
          <cell r="J2315" t="str">
            <v>大阪府大阪市</v>
          </cell>
          <cell r="K2315" t="str">
            <v>079-233-2960</v>
          </cell>
          <cell r="L2315" t="str">
            <v>sales@kanso.co.jp</v>
          </cell>
          <cell r="M2315" t="str">
            <v>ｶﾝｷﾖｳｿｳｺﾞｳﾃｸﾉｽ</v>
          </cell>
          <cell r="N2315" t="str">
            <v>有</v>
          </cell>
          <cell r="O2315">
            <v>44</v>
          </cell>
          <cell r="P2315">
            <v>545</v>
          </cell>
          <cell r="Q2315">
            <v>9120001077653</v>
          </cell>
          <cell r="R2315">
            <v>100000</v>
          </cell>
          <cell r="S2315">
            <v>10324018</v>
          </cell>
          <cell r="T2315">
            <v>22706364</v>
          </cell>
          <cell r="V2315" t="str">
            <v>jb852966</v>
          </cell>
          <cell r="W2315" t="str">
            <v>qs169983</v>
          </cell>
          <cell r="Y2315">
            <v>80</v>
          </cell>
          <cell r="Z2315" t="str">
            <v/>
          </cell>
          <cell r="AA2315" t="str">
            <v/>
          </cell>
          <cell r="AB2315" t="str">
            <v/>
          </cell>
          <cell r="AC2315" t="str">
            <v/>
          </cell>
          <cell r="AD2315" t="str">
            <v/>
          </cell>
          <cell r="AE2315" t="str">
            <v>１；２；３；４；</v>
          </cell>
          <cell r="AF2315" t="str">
            <v>環境影響評価業務　各種調査・解析・予測評価（騒音・振動・低周波・交通量　大気質　気象　水質　土質　地質）自然環境調査　地盤探査業務　路面下空洞調査　環境放射能分析　希少動植物調査　猛禽類調査　各種分析（大気質　水質　ダイオキシン類）</v>
          </cell>
        </row>
        <row r="2316">
          <cell r="B2316">
            <v>10627</v>
          </cell>
          <cell r="C2316" t="str">
            <v>(株)清水鐵工所</v>
          </cell>
          <cell r="D2316" t="str">
            <v>06-6541-2538</v>
          </cell>
          <cell r="E2316" t="str">
            <v>550-0014</v>
          </cell>
          <cell r="F2316" t="str">
            <v>大阪府大阪市西区北堀江1-1-3</v>
          </cell>
          <cell r="G2316" t="str">
            <v>大阪市</v>
          </cell>
          <cell r="H2316" t="str">
            <v>大阪営業所</v>
          </cell>
          <cell r="I2316" t="str">
            <v>所長 新山　力</v>
          </cell>
          <cell r="J2316" t="str">
            <v>滋賀県彦根市</v>
          </cell>
          <cell r="K2316" t="str">
            <v>06-6541-2539</v>
          </cell>
          <cell r="L2316" t="str">
            <v>osaka@shimizu-valve.co.jp</v>
          </cell>
          <cell r="M2316" t="str">
            <v>ｼﾐｽﾞﾃｯｺｳｼｮ</v>
          </cell>
          <cell r="N2316" t="str">
            <v>有</v>
          </cell>
          <cell r="O2316">
            <v>52</v>
          </cell>
          <cell r="P2316">
            <v>83</v>
          </cell>
          <cell r="Q2316">
            <v>1160001008372</v>
          </cell>
          <cell r="R2316">
            <v>24000</v>
          </cell>
          <cell r="S2316">
            <v>2570896</v>
          </cell>
          <cell r="T2316">
            <v>1576638</v>
          </cell>
          <cell r="V2316" t="str">
            <v>pa713651</v>
          </cell>
          <cell r="W2316" t="str">
            <v>ｒr987961</v>
          </cell>
          <cell r="Y2316" t="str">
            <v>33，</v>
          </cell>
          <cell r="Z2316">
            <v>33</v>
          </cell>
          <cell r="AA2316" t="str">
            <v/>
          </cell>
          <cell r="AB2316" t="str">
            <v/>
          </cell>
          <cell r="AC2316" t="str">
            <v/>
          </cell>
          <cell r="AD2316" t="str">
            <v/>
          </cell>
          <cell r="AE2316" t="str">
            <v>１；水道用弁栓類（ソフトシール弁・仕切弁・消火栓・空気弁・補修弁・バタフライ弁・逆止弁・緊急遮断弁）２；３；４；</v>
          </cell>
          <cell r="AF2316" t="str">
            <v>弊社は主にバルブのメンテナンスを中心とした工事施工を得意としております。また、水道用弁栓類を中心に製作しているメーカーで、仕切弁等の汎用弁から緊急遮断弁等の特殊弁まで幅広く取り扱っております。</v>
          </cell>
        </row>
        <row r="2317">
          <cell r="B2317">
            <v>10631</v>
          </cell>
          <cell r="C2317" t="str">
            <v>吉田体機工業(株)</v>
          </cell>
          <cell r="D2317" t="str">
            <v>06-6661-0900</v>
          </cell>
          <cell r="E2317" t="str">
            <v>545-0043</v>
          </cell>
          <cell r="F2317" t="str">
            <v>大阪府大阪市阿倍野区松虫通3-8-4</v>
          </cell>
          <cell r="G2317" t="str">
            <v>大阪市</v>
          </cell>
          <cell r="H2317" t="str">
            <v/>
          </cell>
          <cell r="I2317" t="str">
            <v>代表取締役 吉田　正樹</v>
          </cell>
          <cell r="J2317" t="str">
            <v>本店</v>
          </cell>
          <cell r="K2317" t="str">
            <v>06-6661-0901</v>
          </cell>
          <cell r="L2317" t="str">
            <v>info@yoshida-taiki.co.jp</v>
          </cell>
          <cell r="M2317" t="str">
            <v>ﾖｼﾀﾞﾀｲｷｺｳｷﾞｮｳ</v>
          </cell>
          <cell r="N2317" t="str">
            <v>無</v>
          </cell>
          <cell r="O2317">
            <v>37</v>
          </cell>
          <cell r="P2317">
            <v>33</v>
          </cell>
          <cell r="Q2317">
            <v>8120001006679</v>
          </cell>
          <cell r="R2317">
            <v>10000</v>
          </cell>
          <cell r="S2317">
            <v>44141</v>
          </cell>
          <cell r="T2317">
            <v>510208</v>
          </cell>
          <cell r="V2317" t="str">
            <v>sz765959</v>
          </cell>
          <cell r="W2317" t="str">
            <v>vq156339</v>
          </cell>
          <cell r="Y2317" t="str">
            <v>20，</v>
          </cell>
          <cell r="Z2317" t="str">
            <v/>
          </cell>
          <cell r="AA2317" t="str">
            <v/>
          </cell>
          <cell r="AB2317" t="str">
            <v/>
          </cell>
          <cell r="AC2317" t="str">
            <v/>
          </cell>
          <cell r="AD2317" t="str">
            <v/>
          </cell>
          <cell r="AE2317" t="str">
            <v>１；体育器具・遊具全般および朝礼台、ひな段、テント、ベンチ２；３；４；</v>
          </cell>
          <cell r="AF2317" t="str">
            <v>当社は体育器具・遊具全般をお客様のご要望に合わせて企画から制作、設置まで全てさせて頂きます。</v>
          </cell>
        </row>
        <row r="2318">
          <cell r="B2318">
            <v>10632</v>
          </cell>
          <cell r="C2318" t="str">
            <v>(株)池田</v>
          </cell>
          <cell r="D2318" t="str">
            <v>079-425-0360</v>
          </cell>
          <cell r="E2318" t="str">
            <v>675-0103</v>
          </cell>
          <cell r="F2318" t="str">
            <v>兵庫県加古川市平岡町高畑340番地の1</v>
          </cell>
          <cell r="G2318" t="str">
            <v>加古川市</v>
          </cell>
          <cell r="H2318" t="str">
            <v>加古川支店</v>
          </cell>
          <cell r="I2318" t="str">
            <v>支店長 岩崎　茂伸</v>
          </cell>
          <cell r="J2318" t="str">
            <v>兵庫県高砂市</v>
          </cell>
          <cell r="K2318" t="str">
            <v>079-425-0359</v>
          </cell>
          <cell r="L2318" t="str">
            <v/>
          </cell>
          <cell r="M2318" t="str">
            <v>ｶﾌﾞｼｷｶﾞｲｼｬ ｲｹﾀﾞ</v>
          </cell>
          <cell r="N2318" t="str">
            <v>有</v>
          </cell>
          <cell r="O2318" t="str">
            <v/>
          </cell>
          <cell r="P2318">
            <v>40</v>
          </cell>
          <cell r="Q2318">
            <v>8140001043828</v>
          </cell>
          <cell r="R2318">
            <v>30000</v>
          </cell>
          <cell r="S2318">
            <v>498467</v>
          </cell>
          <cell r="T2318">
            <v>605157</v>
          </cell>
          <cell r="V2318" t="str">
            <v>tb866784</v>
          </cell>
          <cell r="W2318" t="str">
            <v>ln139655</v>
          </cell>
          <cell r="Y2318" t="str">
            <v>68，69，</v>
          </cell>
          <cell r="Z2318" t="str">
            <v/>
          </cell>
          <cell r="AA2318" t="str">
            <v/>
          </cell>
          <cell r="AB2318" t="str">
            <v/>
          </cell>
          <cell r="AC2318" t="str">
            <v/>
          </cell>
          <cell r="AD2318" t="str">
            <v/>
          </cell>
          <cell r="AE2318" t="str">
            <v>１；古紙類・金属くず買受２；産業廃棄物収集運搬３；４；</v>
          </cell>
          <cell r="AF2318" t="str">
            <v>古紙回収・金属くず等買受</v>
          </cell>
        </row>
        <row r="2319">
          <cell r="B2319">
            <v>10633</v>
          </cell>
          <cell r="C2319" t="str">
            <v>三菱電機プラントエンジニアリング(株)</v>
          </cell>
          <cell r="D2319" t="str">
            <v>06-6131-6613</v>
          </cell>
          <cell r="E2319" t="str">
            <v>530-0003</v>
          </cell>
          <cell r="F2319" t="str">
            <v>大阪府大阪市北区堂島2-2-2</v>
          </cell>
          <cell r="G2319" t="str">
            <v>大阪市</v>
          </cell>
          <cell r="H2319" t="str">
            <v>西日本本部</v>
          </cell>
          <cell r="I2319" t="str">
            <v>社会システム営業部長 永山　宜公</v>
          </cell>
          <cell r="J2319" t="str">
            <v>東京都</v>
          </cell>
          <cell r="K2319" t="str">
            <v>06-6131-7077</v>
          </cell>
          <cell r="L2319" t="str">
            <v>sai-eigyou@mpec.co.jp</v>
          </cell>
          <cell r="M2319" t="str">
            <v>ﾐﾂﾋﾞｼﾃﾞﾝｷﾌﾟﾗﾝﾄｴﾝｼﾞﾆｱﾘﾝｸﾞ</v>
          </cell>
          <cell r="N2319" t="str">
            <v>有</v>
          </cell>
          <cell r="O2319">
            <v>38</v>
          </cell>
          <cell r="P2319">
            <v>2453</v>
          </cell>
          <cell r="Q2319">
            <v>5010501020251</v>
          </cell>
          <cell r="R2319">
            <v>350000</v>
          </cell>
          <cell r="S2319">
            <v>45928250</v>
          </cell>
          <cell r="T2319">
            <v>88723330</v>
          </cell>
          <cell r="V2319" t="str">
            <v>de579443</v>
          </cell>
          <cell r="W2319" t="str">
            <v>ai183799</v>
          </cell>
          <cell r="Y2319" t="str">
            <v>049，35，36，46，47，48，49，50，</v>
          </cell>
          <cell r="Z2319">
            <v>47</v>
          </cell>
          <cell r="AA2319">
            <v>48</v>
          </cell>
          <cell r="AB2319">
            <v>50</v>
          </cell>
          <cell r="AC2319">
            <v>49</v>
          </cell>
          <cell r="AD2319" t="str">
            <v/>
          </cell>
          <cell r="AE2319" t="str">
            <v>１；電気工事業届出２；電気工事業届出３；電気工事業届出４；電気工事業届出</v>
          </cell>
          <cell r="AF2319" t="str">
            <v>おもに重電機器の製作、販売及びメンテナンスを得意とする。上下水道プラント、発電プラント、一般工業プラントなど幅広い分野にわたり技術を習得しており、現在は総合技術力を背景にメンテナンスのみならずシステム設計から機器販売まで手掛けるに至っている。</v>
          </cell>
        </row>
        <row r="2320">
          <cell r="B2320">
            <v>10634</v>
          </cell>
          <cell r="C2320" t="str">
            <v>(株)ダイカン</v>
          </cell>
          <cell r="D2320" t="str">
            <v>06-6913-2222</v>
          </cell>
          <cell r="E2320" t="str">
            <v>538-0037</v>
          </cell>
          <cell r="F2320" t="str">
            <v>大阪府大阪市鶴見区焼野3丁目2番79号</v>
          </cell>
          <cell r="G2320" t="str">
            <v>大阪市</v>
          </cell>
          <cell r="H2320" t="str">
            <v/>
          </cell>
          <cell r="I2320" t="str">
            <v>代表取締役 吉村　太郎</v>
          </cell>
          <cell r="J2320" t="str">
            <v>本店</v>
          </cell>
          <cell r="K2320" t="str">
            <v>06-6913-8661</v>
          </cell>
          <cell r="L2320" t="str">
            <v>h_soumu@daikan-eco.co.jp</v>
          </cell>
          <cell r="M2320" t="str">
            <v>ﾀﾞｲｶﾝ</v>
          </cell>
          <cell r="N2320" t="str">
            <v>無</v>
          </cell>
          <cell r="O2320">
            <v>44</v>
          </cell>
          <cell r="P2320">
            <v>133</v>
          </cell>
          <cell r="Q2320">
            <v>3120001002063</v>
          </cell>
          <cell r="R2320">
            <v>48000</v>
          </cell>
          <cell r="S2320">
            <v>19875492</v>
          </cell>
          <cell r="T2320">
            <v>6157623</v>
          </cell>
          <cell r="V2320" t="str">
            <v>nt563794</v>
          </cell>
          <cell r="W2320" t="str">
            <v>je198998</v>
          </cell>
          <cell r="Y2320" t="str">
            <v>68，</v>
          </cell>
          <cell r="Z2320">
            <v>68</v>
          </cell>
          <cell r="AA2320" t="str">
            <v/>
          </cell>
          <cell r="AB2320" t="str">
            <v/>
          </cell>
          <cell r="AC2320" t="str">
            <v/>
          </cell>
          <cell r="AD2320" t="str">
            <v/>
          </cell>
          <cell r="AE2320" t="str">
            <v>１；産業廃棄物収集運搬業許可、特別管理産業廃棄物収集運搬業許可産業廃棄物処分業許可、特別管理産業廃棄物処分業許可２；３；４；</v>
          </cell>
          <cell r="AF2320" t="str">
            <v>弊社にて、焼却プラントをもち本社工場と堺事業所の焼却プラントをあわせて４２２ｔ/日です。環境影響許可(アセスメント)をクリアーし、都市計画審議会の許可(建築基準法第51条)を受けた民間では数少ない産業廃棄物の中間処理・焼却プラントです。</v>
          </cell>
        </row>
        <row r="2321">
          <cell r="B2321">
            <v>10635</v>
          </cell>
          <cell r="C2321" t="str">
            <v>(株)エヌ・ティ・ティ・データ関西</v>
          </cell>
          <cell r="D2321" t="str">
            <v>06-6455-3143</v>
          </cell>
          <cell r="E2321" t="str">
            <v>530-0003</v>
          </cell>
          <cell r="F2321" t="str">
            <v>大阪府大阪市北区堂島3-1-21</v>
          </cell>
          <cell r="G2321" t="str">
            <v>大阪市</v>
          </cell>
          <cell r="H2321" t="str">
            <v/>
          </cell>
          <cell r="I2321" t="str">
            <v>代表取締役社長 福西　克文</v>
          </cell>
          <cell r="J2321" t="str">
            <v>本店</v>
          </cell>
          <cell r="K2321" t="str">
            <v>06-6455-3268</v>
          </cell>
          <cell r="L2321" t="str">
            <v>koueigyou@nttdata-kansai.co.jp</v>
          </cell>
          <cell r="M2321" t="str">
            <v>ｴﾇ･ﾃｨ･ﾃｨ･ﾃﾞｰﾀｶﾝｻｲ</v>
          </cell>
          <cell r="N2321" t="str">
            <v>無</v>
          </cell>
          <cell r="O2321">
            <v>28</v>
          </cell>
          <cell r="P2321">
            <v>877</v>
          </cell>
          <cell r="Q2321">
            <v>4120001054120</v>
          </cell>
          <cell r="R2321">
            <v>400000</v>
          </cell>
          <cell r="S2321">
            <v>10790539</v>
          </cell>
          <cell r="T2321">
            <v>26716434</v>
          </cell>
          <cell r="V2321" t="str">
            <v>dc375592</v>
          </cell>
          <cell r="W2321" t="str">
            <v>ti187995</v>
          </cell>
          <cell r="Y2321" t="str">
            <v>044，36，44，57，58，</v>
          </cell>
          <cell r="Z2321">
            <v>58</v>
          </cell>
          <cell r="AA2321">
            <v>57</v>
          </cell>
          <cell r="AB2321">
            <v>36</v>
          </cell>
          <cell r="AC2321">
            <v>44</v>
          </cell>
          <cell r="AD2321" t="str">
            <v>医療費適正化に基づく特定健診、特定保健指導の督促、保健指導</v>
          </cell>
          <cell r="AE2321" t="str">
            <v>１；住民基本台帳等事務などの各種情報システムの開発、運用・保守、研修、コンサルティングやＳａａＳ型サービスの提供などを行います。２；特定健診代行入力サービスなどのサービスを提供しています。３；各種情報システムに係る各種センサー、パソコンなどの端末、ネットワーク設備、コンピュータ設備及びパッケージソフトウェアをメーカー各社の製品から最適な構成による製品を選定し提供しています。４；各種情報システムのハードウェアやソフトウェアを賃貸などで提供しています。</v>
          </cell>
          <cell r="AF2321" t="str">
            <v>・住民基本台帳等事務など各種情報システムの開発、運用・保守、調査・研究、研修、コンサルティングやＳａａＳやＡＳＰ型サービスの提供。・各種情報システムのハードウェア・ソフトウエアの保守の受託、販売並びに賃貸。</v>
          </cell>
        </row>
        <row r="2322">
          <cell r="B2322">
            <v>10637</v>
          </cell>
          <cell r="C2322" t="str">
            <v>株式会社サンライズ</v>
          </cell>
          <cell r="D2322" t="str">
            <v>072-775-0036</v>
          </cell>
          <cell r="E2322" t="str">
            <v>664-0855</v>
          </cell>
          <cell r="F2322" t="str">
            <v>伊丹市御願塚8-8-3</v>
          </cell>
          <cell r="G2322" t="str">
            <v>伊丹市</v>
          </cell>
          <cell r="H2322" t="str">
            <v/>
          </cell>
          <cell r="I2322" t="str">
            <v>出戸　 裕規</v>
          </cell>
          <cell r="J2322" t="str">
            <v>本店</v>
          </cell>
          <cell r="K2322" t="str">
            <v>072-775-0040</v>
          </cell>
          <cell r="L2322" t="str">
            <v>signs-sunrise@nity.com</v>
          </cell>
          <cell r="M2322" t="str">
            <v>ｶﾌﾞｼｷｶｲｼﾔｻﾝﾗｲｽﾞ</v>
          </cell>
          <cell r="N2322" t="str">
            <v>無</v>
          </cell>
          <cell r="O2322">
            <v>43</v>
          </cell>
          <cell r="P2322">
            <v>3</v>
          </cell>
          <cell r="Q2322">
            <v>5140000000000</v>
          </cell>
          <cell r="R2322">
            <v>10000000</v>
          </cell>
          <cell r="S2322">
            <v>-16307577</v>
          </cell>
          <cell r="T2322">
            <v>16800000</v>
          </cell>
          <cell r="V2322" t="str">
            <v>yp510789</v>
          </cell>
          <cell r="W2322" t="str">
            <v>va195113</v>
          </cell>
          <cell r="Y2322" t="str">
            <v>66.73.76</v>
          </cell>
          <cell r="Z2322" t="str">
            <v/>
          </cell>
          <cell r="AA2322" t="str">
            <v/>
          </cell>
          <cell r="AB2322" t="str">
            <v/>
          </cell>
          <cell r="AC2322" t="str">
            <v/>
          </cell>
          <cell r="AD2322" t="str">
            <v/>
          </cell>
          <cell r="AE2322" t="str">
            <v>１；２；３；４；</v>
          </cell>
          <cell r="AF2322" t="str">
            <v>伊丹で創業４０余年</v>
          </cell>
        </row>
        <row r="2323">
          <cell r="B2323">
            <v>10638</v>
          </cell>
          <cell r="C2323" t="str">
            <v>凸版印刷(株)</v>
          </cell>
          <cell r="D2323" t="str">
            <v>06-6454-6009</v>
          </cell>
          <cell r="E2323" t="str">
            <v>530-0005</v>
          </cell>
          <cell r="F2323" t="str">
            <v>大阪府大阪市北区中之島2-3-18 中之島ﾌｪｽﾃｨﾊﾞﾙﾀﾜｰ</v>
          </cell>
          <cell r="G2323" t="str">
            <v>大阪市</v>
          </cell>
          <cell r="H2323" t="str">
            <v>西日本事業本部　関西事業部</v>
          </cell>
          <cell r="I2323" t="str">
            <v>執行役員　 事業部長　山中　欣也</v>
          </cell>
          <cell r="J2323" t="str">
            <v>東京都</v>
          </cell>
          <cell r="K2323" t="str">
            <v>06-6226-2904</v>
          </cell>
          <cell r="L2323" t="str">
            <v>fumihiko.kojima@toppan.co.jp</v>
          </cell>
          <cell r="M2323" t="str">
            <v>ﾄﾂﾊﾟﾝｲﾝｻﾂ</v>
          </cell>
          <cell r="N2323" t="str">
            <v>有</v>
          </cell>
          <cell r="O2323">
            <v>118</v>
          </cell>
          <cell r="P2323">
            <v>9699</v>
          </cell>
          <cell r="Q2323">
            <v>7010500000000</v>
          </cell>
          <cell r="R2323">
            <v>104986430</v>
          </cell>
          <cell r="S2323">
            <v>327998000</v>
          </cell>
          <cell r="T2323">
            <v>831646000</v>
          </cell>
          <cell r="V2323" t="str">
            <v>fr942306</v>
          </cell>
          <cell r="W2323" t="str">
            <v>gｒ113695</v>
          </cell>
          <cell r="Y2323" t="str">
            <v>56.57.58.63.64.66.73.76</v>
          </cell>
          <cell r="Z2323" t="str">
            <v/>
          </cell>
          <cell r="AA2323" t="str">
            <v/>
          </cell>
          <cell r="AB2323" t="str">
            <v/>
          </cell>
          <cell r="AC2323" t="str">
            <v/>
          </cell>
          <cell r="AD2323" t="str">
            <v/>
          </cell>
          <cell r="AE2323" t="str">
            <v>１；２；３；４；</v>
          </cell>
          <cell r="AF2323" t="str">
            <v>通常の各種印刷物・プロモーションはもちろんのこと、官公庁においては、証券印刷（職員証カード・地域振興商品券等）およびビジネスプロセスアウトソーシング（資料・書籍のデジタル化、子育て支援事業などの業務受託、ＶＲコンテンツ及びシステム構築）等、幅広い受注実績がございます。</v>
          </cell>
        </row>
        <row r="2324">
          <cell r="B2324">
            <v>10639</v>
          </cell>
          <cell r="C2324" t="str">
            <v>阪神ケミカル</v>
          </cell>
          <cell r="D2324" t="str">
            <v>072-777-2781</v>
          </cell>
          <cell r="E2324" t="str">
            <v>664-0875</v>
          </cell>
          <cell r="F2324" t="str">
            <v>兵庫県伊丹市野間北2-1-25</v>
          </cell>
          <cell r="G2324" t="str">
            <v>伊丹市</v>
          </cell>
          <cell r="H2324" t="str">
            <v/>
          </cell>
          <cell r="I2324" t="str">
            <v>代表 高山　恭典</v>
          </cell>
          <cell r="J2324" t="str">
            <v>本店</v>
          </cell>
          <cell r="K2324" t="str">
            <v>072-777-2781</v>
          </cell>
          <cell r="L2324" t="str">
            <v>mayakata1971@bcb.bai.ne.jp</v>
          </cell>
          <cell r="M2324" t="str">
            <v xml:space="preserve">ﾊﾝｼﾝｹﾐｶﾙ </v>
          </cell>
          <cell r="N2324" t="str">
            <v>無</v>
          </cell>
          <cell r="O2324">
            <v>43</v>
          </cell>
          <cell r="P2324">
            <v>1</v>
          </cell>
          <cell r="Q2324" t="str">
            <v/>
          </cell>
          <cell r="R2324">
            <v>3000</v>
          </cell>
          <cell r="S2324">
            <v>3000</v>
          </cell>
          <cell r="T2324">
            <v>10000</v>
          </cell>
          <cell r="V2324" t="str">
            <v>qb456373</v>
          </cell>
          <cell r="W2324" t="str">
            <v>vw199939</v>
          </cell>
          <cell r="Y2324" t="str">
            <v>05，</v>
          </cell>
          <cell r="Z2324" t="str">
            <v/>
          </cell>
          <cell r="AA2324" t="str">
            <v/>
          </cell>
          <cell r="AB2324" t="str">
            <v/>
          </cell>
          <cell r="AC2324" t="str">
            <v/>
          </cell>
          <cell r="AD2324" t="str">
            <v/>
          </cell>
          <cell r="AE2324" t="str">
            <v>１；２；３；４；</v>
          </cell>
          <cell r="AF2324" t="str">
            <v>業務用洗剤（ディバーシー社製品）の販売業。</v>
          </cell>
        </row>
        <row r="2325">
          <cell r="B2325">
            <v>10640</v>
          </cell>
          <cell r="C2325" t="str">
            <v>小山(株)</v>
          </cell>
          <cell r="D2325" t="str">
            <v>078-975-7111</v>
          </cell>
          <cell r="E2325" t="str">
            <v>651-2117</v>
          </cell>
          <cell r="F2325" t="str">
            <v>兵庫県神戸市西区北別府4-1-1</v>
          </cell>
          <cell r="G2325" t="str">
            <v>神戸市</v>
          </cell>
          <cell r="H2325" t="str">
            <v>神戸営業所</v>
          </cell>
          <cell r="I2325" t="str">
            <v>所長 玉置　雅之</v>
          </cell>
          <cell r="J2325" t="str">
            <v>奈良県奈良市</v>
          </cell>
          <cell r="K2325" t="str">
            <v>078-975-7070</v>
          </cell>
          <cell r="L2325" t="str">
            <v>sh3608@koyama-kk.co.jp</v>
          </cell>
          <cell r="M2325" t="str">
            <v>ｺﾔﾏｶﾌﾞｼｷｶﾞｲｼｬ</v>
          </cell>
          <cell r="N2325" t="str">
            <v>有</v>
          </cell>
          <cell r="O2325">
            <v>125</v>
          </cell>
          <cell r="P2325">
            <v>661</v>
          </cell>
          <cell r="Q2325">
            <v>1150001000818</v>
          </cell>
          <cell r="R2325">
            <v>234000</v>
          </cell>
          <cell r="S2325">
            <v>14225966</v>
          </cell>
          <cell r="T2325">
            <v>26096430</v>
          </cell>
          <cell r="V2325" t="str">
            <v>rv910037</v>
          </cell>
          <cell r="W2325" t="str">
            <v>zj115695</v>
          </cell>
          <cell r="Y2325" t="str">
            <v>039，03，06，9，27，28，38，39，44，62，</v>
          </cell>
          <cell r="Z2325">
            <v>44</v>
          </cell>
          <cell r="AA2325">
            <v>62</v>
          </cell>
          <cell r="AB2325">
            <v>6</v>
          </cell>
          <cell r="AC2325">
            <v>39</v>
          </cell>
          <cell r="AD2325" t="str">
            <v/>
          </cell>
          <cell r="AE2325" t="str">
            <v>１；一般寝具の賃貸借及び医療福祉寝具の賃貸借、介護用品、車椅子レンタル２；寝具類及びリネンサプライ全般、ユニフォーム等のクリーニング３；寝具の販売及び災害備蓄真空パック毛布等の販売４；医療・介護用備品等の販売、介護用品販売</v>
          </cell>
          <cell r="AF2325" t="str">
            <v>官公庁や民間企業の研修所・保養所・警察署・消防署・医療福祉などへの寝具類・マットレス・カーテン・各種リネンサプライ等の貸出・洗濯・乾燥・販売を主に営業しております。</v>
          </cell>
        </row>
        <row r="2326">
          <cell r="B2326">
            <v>10641</v>
          </cell>
          <cell r="C2326" t="str">
            <v>(公財)兵庫県予防医学協会</v>
          </cell>
          <cell r="D2326" t="str">
            <v>078-855-2701</v>
          </cell>
          <cell r="E2326" t="str">
            <v>657-0846</v>
          </cell>
          <cell r="F2326" t="str">
            <v>兵庫県神戸市灘区岩屋北町1-8-1</v>
          </cell>
          <cell r="G2326" t="str">
            <v>神戸市</v>
          </cell>
          <cell r="H2326" t="str">
            <v/>
          </cell>
          <cell r="I2326" t="str">
            <v>会長 石原　享介</v>
          </cell>
          <cell r="J2326" t="str">
            <v>本店</v>
          </cell>
          <cell r="K2326" t="str">
            <v>078-855-2709</v>
          </cell>
          <cell r="L2326" t="str">
            <v>kenshin-01@hyogo-yobouigaku.or.jp</v>
          </cell>
          <cell r="M2326" t="str">
            <v>ﾋｮｳｺﾞｹﾝﾖﾎﾞｳｲｶﾞｸｷｮｳｶｲ</v>
          </cell>
          <cell r="N2326" t="str">
            <v>無</v>
          </cell>
          <cell r="O2326">
            <v>48</v>
          </cell>
          <cell r="P2326">
            <v>340</v>
          </cell>
          <cell r="Q2326">
            <v>8140005001781</v>
          </cell>
          <cell r="R2326">
            <v>255979</v>
          </cell>
          <cell r="S2326">
            <v>2548519</v>
          </cell>
          <cell r="T2326">
            <v>3480551</v>
          </cell>
          <cell r="V2326" t="str">
            <v>ry354337</v>
          </cell>
          <cell r="W2326" t="str">
            <v>od197359</v>
          </cell>
          <cell r="Y2326" t="str">
            <v>78，</v>
          </cell>
          <cell r="Z2326">
            <v>78</v>
          </cell>
          <cell r="AA2326">
            <v>80</v>
          </cell>
          <cell r="AB2326" t="str">
            <v/>
          </cell>
          <cell r="AC2326" t="str">
            <v/>
          </cell>
          <cell r="AD2326" t="str">
            <v/>
          </cell>
          <cell r="AE2326" t="str">
            <v>１；２；水質検査・食品検査・作業環境測定・建築物空気環境測定３；４；</v>
          </cell>
          <cell r="AF2326" t="str">
            <v>各種健康診断・水質検査・食品検査・作業環境測定・建築物空気環境測定</v>
          </cell>
        </row>
        <row r="2327">
          <cell r="B2327">
            <v>10644</v>
          </cell>
          <cell r="C2327" t="str">
            <v>(株)デイケイケイサービス関西</v>
          </cell>
          <cell r="D2327" t="str">
            <v>072-885-0261</v>
          </cell>
          <cell r="E2327" t="str">
            <v>571-0074</v>
          </cell>
          <cell r="F2327" t="str">
            <v>大阪府門真市宮前町1-6</v>
          </cell>
          <cell r="G2327" t="str">
            <v>門真市</v>
          </cell>
          <cell r="H2327" t="str">
            <v/>
          </cell>
          <cell r="I2327" t="str">
            <v>代表取締役 今吉　雅之</v>
          </cell>
          <cell r="J2327" t="str">
            <v>本店</v>
          </cell>
          <cell r="K2327" t="str">
            <v>072-883-5524</v>
          </cell>
          <cell r="L2327" t="str">
            <v>y-ikeda@dkks.co.jp</v>
          </cell>
          <cell r="M2327" t="str">
            <v>ﾃﾞｲｹｲｹｲｻｰﾋﾞｽｶﾝｻｲ</v>
          </cell>
          <cell r="N2327" t="str">
            <v>無</v>
          </cell>
          <cell r="O2327">
            <v>17</v>
          </cell>
          <cell r="P2327">
            <v>29</v>
          </cell>
          <cell r="Q2327">
            <v>6120001157813</v>
          </cell>
          <cell r="R2327">
            <v>15900</v>
          </cell>
          <cell r="S2327">
            <v>667338</v>
          </cell>
          <cell r="T2327">
            <v>539192</v>
          </cell>
          <cell r="V2327" t="str">
            <v>cg907211</v>
          </cell>
          <cell r="W2327" t="str">
            <v>ir197697</v>
          </cell>
          <cell r="Y2327" t="str">
            <v>41，</v>
          </cell>
          <cell r="Z2327">
            <v>41</v>
          </cell>
          <cell r="AA2327">
            <v>80</v>
          </cell>
          <cell r="AB2327" t="str">
            <v/>
          </cell>
          <cell r="AC2327" t="str">
            <v/>
          </cell>
          <cell r="AD2327" t="str">
            <v/>
          </cell>
          <cell r="AE2327" t="str">
            <v>１；環境用測定機器（水質自動分析装置・大気汚染測定装置・排ガス中分析装置）及び保養部品、消耗品等の販売２；環境用測定機器（水質自動分析装置・大気汚染測定装置・排ガス中分析装置）等の保守点検整備、修理等３；４；</v>
          </cell>
          <cell r="AF2327" t="str">
            <v>環境測定機器（上下水道自動分析装置・大気汚染測定装置・排ガス中分析装置等）及び消耗部品の販売。また、各測定機器の保守点検整備及び修理等、関西エリアを中心に行っております。</v>
          </cell>
        </row>
        <row r="2328">
          <cell r="B2328">
            <v>10645</v>
          </cell>
          <cell r="C2328" t="str">
            <v>(有)川端商会</v>
          </cell>
          <cell r="D2328" t="str">
            <v>664782381</v>
          </cell>
          <cell r="E2328" t="str">
            <v>555-0013</v>
          </cell>
          <cell r="F2328" t="str">
            <v>大阪府大阪市西淀川区千舟2-3-4</v>
          </cell>
          <cell r="G2328" t="str">
            <v>大阪市</v>
          </cell>
          <cell r="H2328" t="str">
            <v/>
          </cell>
          <cell r="I2328" t="str">
            <v>代表取締役 川端　英典</v>
          </cell>
          <cell r="J2328" t="str">
            <v>本店</v>
          </cell>
          <cell r="K2328" t="str">
            <v>664782382</v>
          </cell>
          <cell r="L2328" t="str">
            <v>kawabata@tr-a.jp</v>
          </cell>
          <cell r="M2328" t="str">
            <v>ｶﾜﾊﾞﾀｼｮｳｶｲ</v>
          </cell>
          <cell r="N2328" t="str">
            <v>無</v>
          </cell>
          <cell r="O2328">
            <v>41</v>
          </cell>
          <cell r="P2328">
            <v>8</v>
          </cell>
          <cell r="Q2328">
            <v>1120002045550</v>
          </cell>
          <cell r="R2328">
            <v>7000</v>
          </cell>
          <cell r="S2328">
            <v>7000</v>
          </cell>
          <cell r="T2328">
            <v>306788</v>
          </cell>
          <cell r="V2328" t="str">
            <v>wj825871</v>
          </cell>
          <cell r="W2328" t="str">
            <v>lx198639</v>
          </cell>
          <cell r="Y2328" t="str">
            <v>69，</v>
          </cell>
          <cell r="Z2328" t="str">
            <v/>
          </cell>
          <cell r="AA2328" t="str">
            <v/>
          </cell>
          <cell r="AB2328" t="str">
            <v/>
          </cell>
          <cell r="AC2328" t="str">
            <v/>
          </cell>
          <cell r="AD2328" t="str">
            <v/>
          </cell>
          <cell r="AE2328" t="str">
            <v>１；期限の切れた放置自転車の買受業務２；３；４；</v>
          </cell>
          <cell r="AF2328" t="str">
            <v>期限の切れた放置自転車の買受業務</v>
          </cell>
        </row>
        <row r="2329">
          <cell r="B2329">
            <v>10648</v>
          </cell>
          <cell r="C2329" t="str">
            <v>(株)東テスティパル</v>
          </cell>
          <cell r="D2329" t="str">
            <v>06-6909-8181</v>
          </cell>
          <cell r="E2329" t="str">
            <v>571-0045</v>
          </cell>
          <cell r="F2329" t="str">
            <v>大阪府門真市殿島町6-1</v>
          </cell>
          <cell r="G2329" t="str">
            <v>門真市</v>
          </cell>
          <cell r="H2329" t="str">
            <v/>
          </cell>
          <cell r="I2329" t="str">
            <v>代表取締役 藤井　俊成</v>
          </cell>
          <cell r="J2329" t="str">
            <v>本店</v>
          </cell>
          <cell r="K2329" t="str">
            <v>06-6909-7509</v>
          </cell>
          <cell r="L2329" t="str">
            <v>etpalj@tastipalg.co.jp</v>
          </cell>
          <cell r="M2329" t="str">
            <v>ﾋｶﾞｼﾃｽﾃｨﾊﾟﾙ</v>
          </cell>
          <cell r="N2329" t="str">
            <v>無</v>
          </cell>
          <cell r="O2329">
            <v>59</v>
          </cell>
          <cell r="P2329">
            <v>1010</v>
          </cell>
          <cell r="Q2329">
            <v>4120001158045</v>
          </cell>
          <cell r="R2329">
            <v>20000</v>
          </cell>
          <cell r="S2329">
            <v>833341</v>
          </cell>
          <cell r="T2329">
            <v>3165584</v>
          </cell>
          <cell r="V2329" t="str">
            <v>vf748927</v>
          </cell>
          <cell r="W2329" t="str">
            <v>ix199886</v>
          </cell>
          <cell r="Y2329" t="str">
            <v/>
          </cell>
          <cell r="Z2329">
            <v>80</v>
          </cell>
          <cell r="AA2329" t="str">
            <v/>
          </cell>
          <cell r="AB2329" t="str">
            <v/>
          </cell>
          <cell r="AC2329" t="str">
            <v/>
          </cell>
          <cell r="AD2329" t="str">
            <v/>
          </cell>
          <cell r="AE2329" t="str">
            <v>１；給食調理業務（学校給食、病院患者給食、福祉施設給食、企業社員食堂運営）２；３；４；</v>
          </cell>
          <cell r="AF2329" t="str">
            <v>給食調理業務（学校給食、病院患者給食、福祉施設給食、企業社員食堂運営）</v>
          </cell>
        </row>
        <row r="2330">
          <cell r="B2330">
            <v>10650</v>
          </cell>
          <cell r="C2330" t="str">
            <v>(一財)関西電気保安協会</v>
          </cell>
          <cell r="D2330" t="str">
            <v>0798-65-2310</v>
          </cell>
          <cell r="E2330" t="str">
            <v>663-8031</v>
          </cell>
          <cell r="F2330" t="str">
            <v>兵庫県西宮市伏原町6-30</v>
          </cell>
          <cell r="G2330" t="str">
            <v>西宮市</v>
          </cell>
          <cell r="H2330" t="str">
            <v>阪神営業所</v>
          </cell>
          <cell r="I2330" t="str">
            <v>営業所長 坂内　啓一郎</v>
          </cell>
          <cell r="J2330" t="str">
            <v>大阪府大阪市</v>
          </cell>
          <cell r="K2330" t="str">
            <v>0798-65-2435</v>
          </cell>
          <cell r="L2330" t="str">
            <v>shirota-sumitomo-b1@ksdh.or.jp</v>
          </cell>
          <cell r="M2330" t="str">
            <v>ｶﾝｻｲﾃﾞﾝｷﾎｱﾝｷｮｳｶｲ</v>
          </cell>
          <cell r="N2330" t="str">
            <v>有</v>
          </cell>
          <cell r="O2330">
            <v>53</v>
          </cell>
          <cell r="P2330">
            <v>1516</v>
          </cell>
          <cell r="Q2330">
            <v>6120005015182</v>
          </cell>
          <cell r="R2330">
            <v>0</v>
          </cell>
          <cell r="S2330">
            <v>0</v>
          </cell>
          <cell r="T2330">
            <v>16509</v>
          </cell>
          <cell r="V2330" t="str">
            <v>ha443802</v>
          </cell>
          <cell r="W2330" t="str">
            <v>ul199696</v>
          </cell>
          <cell r="Y2330" t="str">
            <v>47，</v>
          </cell>
          <cell r="Z2330" t="str">
            <v/>
          </cell>
          <cell r="AA2330" t="str">
            <v/>
          </cell>
          <cell r="AB2330" t="str">
            <v/>
          </cell>
          <cell r="AC2330" t="str">
            <v/>
          </cell>
          <cell r="AD2330" t="str">
            <v/>
          </cell>
          <cell r="AE2330" t="str">
            <v>１；電気保安法人２；３；４；</v>
          </cell>
          <cell r="AF2330" t="str">
            <v>自家用電気工作物保安管理業務、自家用電気工作物精密点検業務、デマンド監視業務（デマンドｗｅｂサービス）、各種監視業務（マルチモニターシステム）</v>
          </cell>
        </row>
        <row r="2331">
          <cell r="B2331">
            <v>10655</v>
          </cell>
          <cell r="C2331" t="str">
            <v>(株)ドテヤマビジネス</v>
          </cell>
          <cell r="D2331" t="str">
            <v>078-579-9140</v>
          </cell>
          <cell r="E2331" t="str">
            <v>652-0801</v>
          </cell>
          <cell r="F2331" t="str">
            <v>兵庫県神戸市兵庫区中道通3-2-10</v>
          </cell>
          <cell r="G2331" t="str">
            <v>神戸市</v>
          </cell>
          <cell r="H2331" t="str">
            <v/>
          </cell>
          <cell r="I2331" t="str">
            <v>代表取締役 広瀬　正</v>
          </cell>
          <cell r="J2331" t="str">
            <v>本店</v>
          </cell>
          <cell r="K2331" t="str">
            <v>078-579-9150</v>
          </cell>
          <cell r="L2331" t="str">
            <v>kobe@doteyama.co.jp</v>
          </cell>
          <cell r="M2331" t="str">
            <v>ﾄﾞﾃﾔﾏﾋﾞｼﾞﾈｽ</v>
          </cell>
          <cell r="N2331" t="str">
            <v>無</v>
          </cell>
          <cell r="O2331">
            <v>72</v>
          </cell>
          <cell r="P2331">
            <v>14</v>
          </cell>
          <cell r="Q2331">
            <v>2140001009693</v>
          </cell>
          <cell r="R2331">
            <v>40000</v>
          </cell>
          <cell r="S2331">
            <v>165127</v>
          </cell>
          <cell r="T2331">
            <v>1171305</v>
          </cell>
          <cell r="V2331" t="str">
            <v>rp654006</v>
          </cell>
          <cell r="W2331" t="str">
            <v>tq197585</v>
          </cell>
          <cell r="Y2331" t="str">
            <v>012，12，14，27，36，</v>
          </cell>
          <cell r="Z2331">
            <v>27</v>
          </cell>
          <cell r="AA2331">
            <v>14</v>
          </cell>
          <cell r="AB2331">
            <v>36</v>
          </cell>
          <cell r="AC2331">
            <v>12</v>
          </cell>
          <cell r="AD2331" t="str">
            <v/>
          </cell>
          <cell r="AE2331" t="str">
            <v>１；スチール家具・椅子・ロッカー・その他２；事務用品・事務機全般３；ＯＡ機器等４；キハラ・丸善・規文堂</v>
          </cell>
          <cell r="AF2331" t="str">
            <v/>
          </cell>
        </row>
        <row r="2332">
          <cell r="B2332">
            <v>10658</v>
          </cell>
          <cell r="C2332" t="str">
            <v>(株)かんでんエンジニアリング</v>
          </cell>
          <cell r="D2332" t="str">
            <v>078-224-5051</v>
          </cell>
          <cell r="E2332" t="str">
            <v>650-0047</v>
          </cell>
          <cell r="F2332" t="str">
            <v>兵庫県神戸市中央区港島南町4-5-8</v>
          </cell>
          <cell r="G2332" t="str">
            <v>神戸市</v>
          </cell>
          <cell r="H2332" t="str">
            <v>神戸支店</v>
          </cell>
          <cell r="I2332" t="str">
            <v>支店長 森村　幸男</v>
          </cell>
          <cell r="J2332" t="str">
            <v>大阪府大阪市</v>
          </cell>
          <cell r="K2332" t="str">
            <v>078-306-6155</v>
          </cell>
          <cell r="L2332" t="str">
            <v>m-fukuoka@kanden-eng.co.jp</v>
          </cell>
          <cell r="M2332" t="str">
            <v>ｶﾝﾃﾞﾝｴﾝｼﾞﾆｱﾘﾝｸﾞ</v>
          </cell>
          <cell r="N2332" t="str">
            <v>有</v>
          </cell>
          <cell r="O2332">
            <v>67</v>
          </cell>
          <cell r="P2332">
            <v>2161</v>
          </cell>
          <cell r="Q2332">
            <v>8120001062598</v>
          </cell>
          <cell r="R2332">
            <v>786000</v>
          </cell>
          <cell r="S2332">
            <v>57734000</v>
          </cell>
          <cell r="T2332">
            <v>99767000</v>
          </cell>
          <cell r="V2332" t="str">
            <v>dt349636</v>
          </cell>
          <cell r="W2332" t="str">
            <v>zn159789</v>
          </cell>
          <cell r="Y2332" t="str">
            <v>47，49，</v>
          </cell>
          <cell r="Z2332">
            <v>47</v>
          </cell>
          <cell r="AA2332">
            <v>49</v>
          </cell>
          <cell r="AB2332">
            <v>80</v>
          </cell>
          <cell r="AC2332" t="str">
            <v/>
          </cell>
          <cell r="AD2332" t="str">
            <v/>
          </cell>
          <cell r="AE2332" t="str">
            <v>１；低圧から高圧設備まであらゆる技術を有しております。２；３；【ＰＣＢ無害化処理事業】弊社独自の「溶剤循環洗浄法」で焼却炉に入らない、焼却、解体できない大型機器のＰＣＢ現地洗浄処理をおこないます。４；</v>
          </cell>
          <cell r="AF2332" t="str">
            <v>電気設備工事とそれに付随する機器の設置工事及び変圧器・石油製品等の分析診断並びにＥＩＣ絶縁劣化診断を主体に電気通信設備工事等にも携わっており、高濃度・低濃度ＰＣＢ無害化処理事業及び処理設備の設計等業務内容は多岐に渡っています。</v>
          </cell>
        </row>
        <row r="2333">
          <cell r="B2333">
            <v>10659</v>
          </cell>
          <cell r="C2333" t="str">
            <v>(株)関西環境センター</v>
          </cell>
          <cell r="D2333" t="str">
            <v>072-276-0535</v>
          </cell>
          <cell r="E2333" t="str">
            <v>599-8276</v>
          </cell>
          <cell r="F2333" t="str">
            <v>大阪府堺市中区小阪635-3</v>
          </cell>
          <cell r="G2333" t="str">
            <v>堺市</v>
          </cell>
          <cell r="H2333" t="str">
            <v>堺営業所</v>
          </cell>
          <cell r="I2333" t="str">
            <v>営業所長 那賀　博</v>
          </cell>
          <cell r="J2333" t="str">
            <v>大阪府堺市</v>
          </cell>
          <cell r="K2333" t="str">
            <v>072-276-0536</v>
          </cell>
          <cell r="L2333" t="str">
            <v>kansai-sakai@nike.eonet.ne.jp</v>
          </cell>
          <cell r="M2333" t="str">
            <v>ｶﾝｻｲｶﾝｷｮｳｾﾝﾀｰ</v>
          </cell>
          <cell r="N2333" t="str">
            <v>有</v>
          </cell>
          <cell r="O2333">
            <v>21</v>
          </cell>
          <cell r="P2333">
            <v>43</v>
          </cell>
          <cell r="Q2333">
            <v>9120101022963</v>
          </cell>
          <cell r="R2333">
            <v>3000</v>
          </cell>
          <cell r="S2333">
            <v>45232</v>
          </cell>
          <cell r="T2333">
            <v>237042</v>
          </cell>
          <cell r="V2333" t="str">
            <v>pp512434</v>
          </cell>
          <cell r="W2333" t="str">
            <v>dt199833</v>
          </cell>
          <cell r="Y2333" t="str">
            <v>78，</v>
          </cell>
          <cell r="Z2333" t="str">
            <v/>
          </cell>
          <cell r="AA2333" t="str">
            <v/>
          </cell>
          <cell r="AB2333" t="str">
            <v/>
          </cell>
          <cell r="AC2333" t="str">
            <v/>
          </cell>
          <cell r="AD2333" t="str">
            <v>登録衛生検査所（堺市長登録第１１号）、計量証明事業登録</v>
          </cell>
          <cell r="AE2333" t="str">
            <v>１；腸内細菌培養・尿・蟯虫卵・食品分析・水質検査２；３；４；</v>
          </cell>
          <cell r="AF2333" t="str">
            <v>腸内細菌培養検査、遺伝子検査、尿検査、蟯虫卵検査、食品分析検査、水質検査</v>
          </cell>
        </row>
        <row r="2334">
          <cell r="B2334">
            <v>10660</v>
          </cell>
          <cell r="C2334" t="str">
            <v>京阪神道路サービス株式会社</v>
          </cell>
          <cell r="D2334" t="str">
            <v>078-332-2541</v>
          </cell>
          <cell r="E2334" t="str">
            <v>650-0033</v>
          </cell>
          <cell r="F2334" t="str">
            <v>兵庫県神戸市中央区東町123-1</v>
          </cell>
          <cell r="G2334" t="str">
            <v>神戸市</v>
          </cell>
          <cell r="H2334" t="str">
            <v/>
          </cell>
          <cell r="I2334" t="str">
            <v>代表取締役　 小阪　勇輝</v>
          </cell>
          <cell r="J2334" t="str">
            <v>本店</v>
          </cell>
          <cell r="K2334" t="str">
            <v>078-332-7841</v>
          </cell>
          <cell r="L2334" t="str">
            <v>info@kd-s.co.jp</v>
          </cell>
          <cell r="M2334" t="str">
            <v>ｹｲﾊﾝｼﾝﾄﾞｳﾛｻ-ﾋﾞｽ</v>
          </cell>
          <cell r="N2334" t="str">
            <v>無</v>
          </cell>
          <cell r="O2334">
            <v>18</v>
          </cell>
          <cell r="P2334">
            <v>58</v>
          </cell>
          <cell r="Q2334">
            <v>1140000000000</v>
          </cell>
          <cell r="R2334">
            <v>20000</v>
          </cell>
          <cell r="S2334">
            <v>137978</v>
          </cell>
          <cell r="T2334">
            <v>1298822</v>
          </cell>
          <cell r="V2334" t="str">
            <v>nj822839</v>
          </cell>
          <cell r="W2334" t="str">
            <v>jd159795</v>
          </cell>
          <cell r="Y2334" t="str">
            <v>55.79.80</v>
          </cell>
          <cell r="Z2334">
            <v>79</v>
          </cell>
          <cell r="AA2334">
            <v>55</v>
          </cell>
          <cell r="AB2334">
            <v>80</v>
          </cell>
          <cell r="AC2334" t="str">
            <v/>
          </cell>
          <cell r="AD2334" t="str">
            <v/>
          </cell>
          <cell r="AE2334" t="str">
            <v>１；２；ＴＶカメラ車２台・高圧洗浄車２台・強力吸引車２台・その他必要車両保有３；路面清掃車・散水車・ダンプトラック・その他必要車両保有４；</v>
          </cell>
          <cell r="AF2334" t="str">
            <v>（建設工事）下水道管更生工事を得意としております。（光硬化工法）必要車両は各種保持しております。他に舗装工事、解体工事も行っております。（サービス）下水道ＴＶカメラ調査、側溝・暗渠の清掃、下水道管清掃、道路の機械清掃も行っております。</v>
          </cell>
        </row>
        <row r="2335">
          <cell r="B2335">
            <v>10661</v>
          </cell>
          <cell r="C2335" t="str">
            <v>特定非営利活動法人ブックスタート</v>
          </cell>
          <cell r="D2335" t="str">
            <v>03-5228-2891</v>
          </cell>
          <cell r="E2335" t="str">
            <v>162-0814</v>
          </cell>
          <cell r="F2335" t="str">
            <v>東京都新宿区新小川町5-19</v>
          </cell>
          <cell r="G2335" t="str">
            <v>東京都</v>
          </cell>
          <cell r="H2335" t="str">
            <v/>
          </cell>
          <cell r="I2335" t="str">
            <v>代表 白井　哲</v>
          </cell>
          <cell r="J2335" t="str">
            <v>本店</v>
          </cell>
          <cell r="K2335" t="str">
            <v>03-5228-2894</v>
          </cell>
          <cell r="L2335" t="str">
            <v>keiyaku@bookstart.or.jp</v>
          </cell>
          <cell r="M2335" t="str">
            <v>ﾌﾞｯｸｽﾀｰﾄ</v>
          </cell>
          <cell r="N2335" t="str">
            <v>無</v>
          </cell>
          <cell r="O2335">
            <v>16</v>
          </cell>
          <cell r="P2335">
            <v>11</v>
          </cell>
          <cell r="Q2335">
            <v>2011105001822</v>
          </cell>
          <cell r="R2335">
            <v>0</v>
          </cell>
          <cell r="S2335">
            <v>261780</v>
          </cell>
          <cell r="T2335">
            <v>450916</v>
          </cell>
          <cell r="V2335" t="str">
            <v>en645845</v>
          </cell>
          <cell r="W2335" t="str">
            <v>wf193136</v>
          </cell>
          <cell r="Y2335" t="str">
            <v>04，13，</v>
          </cell>
          <cell r="Z2335">
            <v>13</v>
          </cell>
          <cell r="AA2335">
            <v>4</v>
          </cell>
          <cell r="AB2335" t="str">
            <v/>
          </cell>
          <cell r="AC2335" t="str">
            <v/>
          </cell>
          <cell r="AD2335" t="str">
            <v/>
          </cell>
          <cell r="AE2335" t="str">
            <v>１；絵本２；布製バッグ３；４；</v>
          </cell>
          <cell r="AF2335" t="str">
            <v>絵本、書籍、布製バッグ</v>
          </cell>
        </row>
        <row r="2336">
          <cell r="B2336">
            <v>10662</v>
          </cell>
          <cell r="C2336" t="str">
            <v>(株)自然総研</v>
          </cell>
          <cell r="D2336" t="str">
            <v>072-751-3331</v>
          </cell>
          <cell r="E2336" t="str">
            <v>563-0025</v>
          </cell>
          <cell r="F2336" t="str">
            <v>大阪府池田市城南2-1-11</v>
          </cell>
          <cell r="G2336" t="str">
            <v>池田市</v>
          </cell>
          <cell r="H2336" t="str">
            <v/>
          </cell>
          <cell r="I2336" t="str">
            <v>代表取締役 田原　彰</v>
          </cell>
          <cell r="J2336" t="str">
            <v>本店</v>
          </cell>
          <cell r="K2336" t="str">
            <v>072-751-3241</v>
          </cell>
          <cell r="L2336" t="str">
            <v>gyoumu@toyro.co.jp</v>
          </cell>
          <cell r="M2336" t="str">
            <v>ｼｾﾞﾝｿｳｹﾝ</v>
          </cell>
          <cell r="N2336" t="str">
            <v>無</v>
          </cell>
          <cell r="O2336">
            <v>22</v>
          </cell>
          <cell r="P2336">
            <v>13</v>
          </cell>
          <cell r="Q2336">
            <v>2120901019653</v>
          </cell>
          <cell r="R2336">
            <v>8000</v>
          </cell>
          <cell r="S2336">
            <v>192854</v>
          </cell>
          <cell r="T2336">
            <v>259648</v>
          </cell>
          <cell r="V2336" t="str">
            <v>jd721438</v>
          </cell>
          <cell r="W2336" t="str">
            <v>er158353</v>
          </cell>
          <cell r="Y2336" t="str">
            <v/>
          </cell>
          <cell r="Z2336">
            <v>80</v>
          </cell>
          <cell r="AA2336" t="str">
            <v/>
          </cell>
          <cell r="AB2336" t="str">
            <v/>
          </cell>
          <cell r="AC2336" t="str">
            <v/>
          </cell>
          <cell r="AD2336" t="str">
            <v/>
          </cell>
          <cell r="AE2336" t="str">
            <v>１；職員研修（テーマ別・階層別）２；３；４；</v>
          </cell>
          <cell r="AF2336" t="str">
            <v>弊社は、兵庫県・大阪府下で職員研修を受託した実績があります。実務経験・研修実績ともに豊富なベテラン講師中心に、大学教授、弁護士、社労士など幅広いキャリアを持った講師をラインナップしておりますので、貴市の様々なご要望に対応できます。</v>
          </cell>
        </row>
        <row r="2337">
          <cell r="B2337">
            <v>10663</v>
          </cell>
          <cell r="C2337" t="str">
            <v>和田精工(株)</v>
          </cell>
          <cell r="D2337" t="str">
            <v>06-6497-4603</v>
          </cell>
          <cell r="E2337" t="str">
            <v>661-0965</v>
          </cell>
          <cell r="F2337" t="str">
            <v>兵庫県尼崎市次屋3-6-60</v>
          </cell>
          <cell r="G2337" t="str">
            <v>尼崎市</v>
          </cell>
          <cell r="H2337" t="str">
            <v/>
          </cell>
          <cell r="I2337" t="str">
            <v>代表取締役 和田　正明</v>
          </cell>
          <cell r="J2337" t="str">
            <v>本店</v>
          </cell>
          <cell r="K2337" t="str">
            <v>06-6497-4606</v>
          </cell>
          <cell r="L2337" t="str">
            <v>wadaseiko1@carrot.ocn.ne.jp</v>
          </cell>
          <cell r="M2337" t="str">
            <v>ﾜﾀﾞｾｲｺｳ</v>
          </cell>
          <cell r="N2337" t="str">
            <v>無</v>
          </cell>
          <cell r="O2337">
            <v>30</v>
          </cell>
          <cell r="P2337">
            <v>36</v>
          </cell>
          <cell r="Q2337">
            <v>9140001051920</v>
          </cell>
          <cell r="R2337">
            <v>10000</v>
          </cell>
          <cell r="S2337">
            <v>54067</v>
          </cell>
          <cell r="T2337">
            <v>374040</v>
          </cell>
          <cell r="V2337" t="str">
            <v>xz227812</v>
          </cell>
          <cell r="W2337" t="str">
            <v>vd167567</v>
          </cell>
          <cell r="Y2337" t="str">
            <v>40，</v>
          </cell>
          <cell r="Z2337">
            <v>40</v>
          </cell>
          <cell r="AA2337" t="str">
            <v/>
          </cell>
          <cell r="AB2337" t="str">
            <v/>
          </cell>
          <cell r="AC2337" t="str">
            <v/>
          </cell>
          <cell r="AD2337" t="str">
            <v/>
          </cell>
          <cell r="AE2337" t="str">
            <v>１；各種ポンプ及び付属機器、機械部品の設計、組立、販売、修理（自吸式ポンプ、濾過水タンク用ポンプ、水中ポンプ、渦巻ポンプ、ブロアー等）。エコアクション２１認証・登録しています。２；３；４；</v>
          </cell>
          <cell r="AF2337" t="str">
            <v>建設工事は、第一に機械器具設置工事（一般）、第二に管工事（一般）を希望します。物品関係は、各種ポンプ等及び付属機器、機械部品の設計、組立、販売、修理を行っています。エコアクション２１認証・登録しています。</v>
          </cell>
        </row>
        <row r="2338">
          <cell r="B2338">
            <v>10666</v>
          </cell>
          <cell r="C2338" t="str">
            <v>有限責任監査法人トーマツ</v>
          </cell>
          <cell r="D2338" t="str">
            <v>06-4560-6000</v>
          </cell>
          <cell r="E2338" t="str">
            <v>541-0042</v>
          </cell>
          <cell r="F2338" t="str">
            <v>大阪府大阪市中央区今橋4-1-1</v>
          </cell>
          <cell r="G2338" t="str">
            <v>大阪市</v>
          </cell>
          <cell r="H2338" t="str">
            <v>大阪事務所</v>
          </cell>
          <cell r="I2338" t="str">
            <v>事務所長 新免　和久</v>
          </cell>
          <cell r="J2338" t="str">
            <v>東京都</v>
          </cell>
          <cell r="K2338" t="str">
            <v>06-4560-6001</v>
          </cell>
          <cell r="L2338" t="str">
            <v>ariko.hashimoto@tohmatsu.co.jp</v>
          </cell>
          <cell r="M2338" t="str">
            <v>ﾕｳｹﾞﾝｾｷﾆﾝｶﾝｻﾎｳｼﾞﾝﾄｰﾏﾂ</v>
          </cell>
          <cell r="N2338" t="str">
            <v>有</v>
          </cell>
          <cell r="O2338">
            <v>50</v>
          </cell>
          <cell r="P2338">
            <v>6658</v>
          </cell>
          <cell r="Q2338">
            <v>5010405001703</v>
          </cell>
          <cell r="R2338">
            <v>968000</v>
          </cell>
          <cell r="S2338">
            <v>26513000</v>
          </cell>
          <cell r="T2338">
            <v>104703000</v>
          </cell>
          <cell r="V2338" t="str">
            <v>qc882367</v>
          </cell>
          <cell r="W2338" t="str">
            <v>hi163978</v>
          </cell>
          <cell r="Y2338" t="str">
            <v/>
          </cell>
          <cell r="Z2338">
            <v>80</v>
          </cell>
          <cell r="AA2338" t="str">
            <v/>
          </cell>
          <cell r="AB2338" t="str">
            <v/>
          </cell>
          <cell r="AC2338" t="str">
            <v/>
          </cell>
          <cell r="AD2338" t="str">
            <v/>
          </cell>
          <cell r="AE2338" t="str">
            <v>１；「地方公営企業会計の会計制度改正対応、法適化、経営分析、評価」「地方独立行政法人化」「監査、経営診断調査、業務改善、経営品質向上」「新地方公会計制度」「公共施設の分析」に関する指導、助言２；３；４；</v>
          </cell>
          <cell r="AF2338" t="str">
            <v>地方公営企業会計の会計制度改正対応、法適化、経営分析・評価に関する指導・助言／地方独立行政法人化に関する指導・助言／監査・経営診断調査・業務改善・経営品質向上に関する指導・助言／新地方公会計制度に関する指導・助言／公共施設の分析・評価・適正配置に関する指導・助言　他</v>
          </cell>
        </row>
        <row r="2339">
          <cell r="B2339">
            <v>10667</v>
          </cell>
          <cell r="C2339" t="str">
            <v>ＮＴＴ・ＴＣリース(株)</v>
          </cell>
          <cell r="D2339" t="str">
            <v>078-252-3371</v>
          </cell>
          <cell r="E2339" t="str">
            <v>651-0088</v>
          </cell>
          <cell r="F2339" t="str">
            <v>兵庫県神戸市中央区小野柄通4-1-22</v>
          </cell>
          <cell r="G2339" t="str">
            <v>神戸市</v>
          </cell>
          <cell r="H2339" t="str">
            <v>神戸支店</v>
          </cell>
          <cell r="I2339" t="str">
            <v>支店長 上和田　浩一</v>
          </cell>
          <cell r="J2339" t="str">
            <v>東京都</v>
          </cell>
          <cell r="K2339" t="str">
            <v>078-252-3377</v>
          </cell>
          <cell r="L2339" t="str">
            <v/>
          </cell>
          <cell r="M2339" t="str">
            <v>ｴﾇﾃｨﾃｨ･ﾘｰｽ</v>
          </cell>
          <cell r="N2339" t="str">
            <v>有</v>
          </cell>
          <cell r="O2339">
            <v>33</v>
          </cell>
          <cell r="P2339">
            <v>6851</v>
          </cell>
          <cell r="Q2339">
            <v>8010401005011</v>
          </cell>
          <cell r="R2339">
            <v>16770960</v>
          </cell>
          <cell r="S2339">
            <v>120234000</v>
          </cell>
          <cell r="T2339">
            <v>399044000</v>
          </cell>
          <cell r="V2339" t="str">
            <v>ak669387</v>
          </cell>
          <cell r="W2339" t="str">
            <v>jｒ199599</v>
          </cell>
          <cell r="Y2339" t="str">
            <v>44，</v>
          </cell>
          <cell r="Z2339">
            <v>44</v>
          </cell>
          <cell r="AA2339" t="str">
            <v/>
          </cell>
          <cell r="AB2339" t="str">
            <v/>
          </cell>
          <cell r="AC2339" t="str">
            <v/>
          </cell>
          <cell r="AD2339" t="str">
            <v/>
          </cell>
          <cell r="AE2339" t="str">
            <v>１；（自動車は除く）リース全般取扱２；３；４；</v>
          </cell>
          <cell r="AF2339" t="str">
            <v>取扱物品は通信機器・設備、情報関連機器の他、産業機械、工作機械、輸送用機械、土木建設機械、医療機器、商業用設備などさまざまなリース取引が可能です。</v>
          </cell>
        </row>
        <row r="2340">
          <cell r="B2340">
            <v>10668</v>
          </cell>
          <cell r="C2340" t="str">
            <v>(株)きんでん</v>
          </cell>
          <cell r="D2340" t="str">
            <v>078-252-0415</v>
          </cell>
          <cell r="E2340" t="str">
            <v>651-0083</v>
          </cell>
          <cell r="F2340" t="str">
            <v>兵庫県神戸市中央区浜辺通4-1-1</v>
          </cell>
          <cell r="G2340" t="str">
            <v>神戸市</v>
          </cell>
          <cell r="H2340" t="str">
            <v>神戸支店</v>
          </cell>
          <cell r="I2340" t="str">
            <v>常務執行役員支店長 一瓢　豊</v>
          </cell>
          <cell r="J2340" t="str">
            <v>大阪府大阪市</v>
          </cell>
          <cell r="K2340" t="str">
            <v>078-252-0564</v>
          </cell>
          <cell r="L2340" t="str">
            <v>kuwahara_eiji@kinden.co.jp</v>
          </cell>
          <cell r="M2340" t="str">
            <v>ｷﾝﾃﾞﾝ</v>
          </cell>
          <cell r="N2340" t="str">
            <v>有</v>
          </cell>
          <cell r="O2340">
            <v>68</v>
          </cell>
          <cell r="P2340">
            <v>7398</v>
          </cell>
          <cell r="Q2340">
            <v>1120001063033</v>
          </cell>
          <cell r="R2340">
            <v>26411487</v>
          </cell>
          <cell r="S2340">
            <v>406924000</v>
          </cell>
          <cell r="T2340">
            <v>500700000</v>
          </cell>
          <cell r="V2340" t="str">
            <v>sj984186</v>
          </cell>
          <cell r="W2340" t="str">
            <v>dq196796</v>
          </cell>
          <cell r="Y2340" t="str">
            <v>050，22，33，34，35，36，37，39，40，47，50，</v>
          </cell>
          <cell r="Z2340">
            <v>34</v>
          </cell>
          <cell r="AA2340">
            <v>35</v>
          </cell>
          <cell r="AB2340">
            <v>47</v>
          </cell>
          <cell r="AC2340">
            <v>50</v>
          </cell>
          <cell r="AD2340" t="str">
            <v/>
          </cell>
          <cell r="AE2340" t="str">
            <v>１；２；３；４；</v>
          </cell>
          <cell r="AF2340" t="str">
            <v>関西電力（株）の配電線工事及びＦＴＴＨ工事と一般顧客の電気整備工事を全国で営業展開。その他情報通信・地下ケーブル・管・内装工事まで対応できる総合設備会社です。風力・太陽光発電設備事業も全国的に施工。あらゆる分野で多くの技術者を有し、迅速かつ責任ある施工に努めています。</v>
          </cell>
        </row>
        <row r="2341">
          <cell r="B2341">
            <v>10669</v>
          </cell>
          <cell r="C2341" t="str">
            <v>(株)きしもと</v>
          </cell>
          <cell r="D2341" t="str">
            <v>06-6854-1345</v>
          </cell>
          <cell r="E2341" t="str">
            <v>664-0004</v>
          </cell>
          <cell r="F2341" t="str">
            <v>兵庫県伊丹市東野3-32</v>
          </cell>
          <cell r="G2341" t="str">
            <v>伊丹市</v>
          </cell>
          <cell r="H2341" t="str">
            <v>伊丹店</v>
          </cell>
          <cell r="I2341" t="str">
            <v>代表取締役 岸本　吉人</v>
          </cell>
          <cell r="J2341" t="str">
            <v>本店</v>
          </cell>
          <cell r="K2341" t="str">
            <v>06-6854-0390</v>
          </cell>
          <cell r="L2341" t="str">
            <v>kisshies-y@tcct.zaq.ne.jp</v>
          </cell>
          <cell r="M2341" t="str">
            <v>ｷｼﾓﾄ</v>
          </cell>
          <cell r="N2341" t="str">
            <v>無</v>
          </cell>
          <cell r="O2341">
            <v>103</v>
          </cell>
          <cell r="P2341">
            <v>6</v>
          </cell>
          <cell r="Q2341">
            <v>9120901023426</v>
          </cell>
          <cell r="R2341">
            <v>10000</v>
          </cell>
          <cell r="S2341">
            <v>48876</v>
          </cell>
          <cell r="T2341">
            <v>218322</v>
          </cell>
          <cell r="V2341" t="str">
            <v>mv392215</v>
          </cell>
          <cell r="W2341" t="str">
            <v>ui193933</v>
          </cell>
          <cell r="Y2341" t="str">
            <v>05，05，14，15，35，36，37，</v>
          </cell>
          <cell r="Z2341">
            <v>35</v>
          </cell>
          <cell r="AA2341">
            <v>36</v>
          </cell>
          <cell r="AB2341">
            <v>37</v>
          </cell>
          <cell r="AC2341">
            <v>5</v>
          </cell>
          <cell r="AD2341" t="str">
            <v/>
          </cell>
          <cell r="AE2341" t="str">
            <v>１；２；３；４；</v>
          </cell>
          <cell r="AF2341" t="str">
            <v>電気製品各社メーカー取り扱い可能音響機器空調機器視聴覚機器業務用厨房用品清掃用品</v>
          </cell>
        </row>
        <row r="2342">
          <cell r="B2342">
            <v>10670</v>
          </cell>
          <cell r="C2342" t="str">
            <v>ワタキューセイモア(株)</v>
          </cell>
          <cell r="D2342" t="str">
            <v>078-982-2940</v>
          </cell>
          <cell r="E2342" t="str">
            <v>651-1301</v>
          </cell>
          <cell r="F2342" t="str">
            <v>兵庫県神戸市北区藤原台北町7-4-1</v>
          </cell>
          <cell r="G2342" t="str">
            <v>神戸市</v>
          </cell>
          <cell r="H2342" t="str">
            <v>神戸営業所</v>
          </cell>
          <cell r="I2342" t="str">
            <v>所長 國弘　賢紀</v>
          </cell>
          <cell r="J2342" t="str">
            <v>京都府綴喜郡</v>
          </cell>
          <cell r="K2342" t="str">
            <v>078-982-2990</v>
          </cell>
          <cell r="L2342" t="str">
            <v>nakamura-tar@watakyu.co.jp</v>
          </cell>
          <cell r="M2342" t="str">
            <v>ﾜﾀｷｭｰｾｲﾓｱ</v>
          </cell>
          <cell r="N2342" t="str">
            <v>有</v>
          </cell>
          <cell r="O2342">
            <v>146</v>
          </cell>
          <cell r="P2342">
            <v>14101</v>
          </cell>
          <cell r="Q2342">
            <v>7130001037872</v>
          </cell>
          <cell r="R2342">
            <v>48500</v>
          </cell>
          <cell r="S2342">
            <v>84322037</v>
          </cell>
          <cell r="T2342">
            <v>143823</v>
          </cell>
          <cell r="V2342" t="str">
            <v>xv934596</v>
          </cell>
          <cell r="W2342" t="str">
            <v>be197659</v>
          </cell>
          <cell r="Y2342" t="str">
            <v>080，03，05，06，9，27，28，37，44，52，54，62，</v>
          </cell>
          <cell r="Z2342">
            <v>62</v>
          </cell>
          <cell r="AA2342">
            <v>44</v>
          </cell>
          <cell r="AB2342">
            <v>6</v>
          </cell>
          <cell r="AC2342">
            <v>80</v>
          </cell>
          <cell r="AD2342" t="str">
            <v/>
          </cell>
          <cell r="AE2342" t="str">
            <v>１；クリーニング検査済証２；医療関連サービスマーク認定証書（寝具類洗濯業務）　寝具・白衣・タオル・マットレス・カーテン等の洗濯付リース３；布団・枕・リネン類・マットレス・タオル等の販売も可能４；医療関連サービスマーク認定証書（院内滅菌・院外滅菌・院内清掃）ベッドメイク・配膳業務・物流管理・リネン管理・医療器具の洗浄滅菌・病院内清掃などの各種請負業務が可能</v>
          </cell>
          <cell r="AF2342" t="str">
            <v>医療・療養環境で重要な寝具・白衣・患者衣等の洗濯付リースを提供しています。清掃・滅菌・リネン管理等各種請負業務においても専属スタッフが行き届いたサービスを提供しています。昨今は幅広い商品の販売にも力を入れており、あらゆる要望に対応出来るシステムを構築しています。</v>
          </cell>
        </row>
        <row r="2343">
          <cell r="B2343">
            <v>10671</v>
          </cell>
          <cell r="C2343" t="str">
            <v>(株)尚美堂</v>
          </cell>
          <cell r="D2343" t="str">
            <v>06-6202-0161</v>
          </cell>
          <cell r="E2343" t="str">
            <v>541-0046</v>
          </cell>
          <cell r="F2343" t="str">
            <v>大阪府大阪市中央区平野町1-8-13 平野町八千代ﾋﾞﾙ1F</v>
          </cell>
          <cell r="G2343" t="str">
            <v>大阪市</v>
          </cell>
          <cell r="H2343" t="str">
            <v/>
          </cell>
          <cell r="I2343" t="str">
            <v>代表取締役　 江藤　克二</v>
          </cell>
          <cell r="J2343" t="str">
            <v>本店</v>
          </cell>
          <cell r="K2343" t="str">
            <v>06-6226-1779</v>
          </cell>
          <cell r="L2343" t="str">
            <v>akiyama@shobido.jp</v>
          </cell>
          <cell r="M2343" t="str">
            <v>ｼﾖｳﾋﾞﾄﾞｳ</v>
          </cell>
          <cell r="N2343" t="str">
            <v>無</v>
          </cell>
          <cell r="O2343">
            <v>119</v>
          </cell>
          <cell r="P2343">
            <v>16</v>
          </cell>
          <cell r="Q2343">
            <v>5120000000000</v>
          </cell>
          <cell r="R2343">
            <v>30000</v>
          </cell>
          <cell r="S2343" t="str">
            <v/>
          </cell>
          <cell r="T2343">
            <v>365254</v>
          </cell>
          <cell r="V2343" t="str">
            <v>ab952181</v>
          </cell>
          <cell r="W2343" t="str">
            <v>ｒd198893</v>
          </cell>
          <cell r="Y2343" t="str">
            <v>7.8.21</v>
          </cell>
          <cell r="Z2343">
            <v>7</v>
          </cell>
          <cell r="AA2343">
            <v>8</v>
          </cell>
          <cell r="AB2343">
            <v>21</v>
          </cell>
          <cell r="AC2343" t="str">
            <v/>
          </cell>
          <cell r="AD2343" t="str">
            <v/>
          </cell>
          <cell r="AE2343" t="str">
            <v>１；２；徽章、トロフィー、楯、賞牌３；記念品、贈答品、時計（腕時計、置時計、掛時計）、銀杯、装身具（ネックレス・指輪・カフス）４；陶器、ガラス、七宝、漆器、オリジナル美術工芸品</v>
          </cell>
          <cell r="AF2343" t="str">
            <v>「いいものだけを愛したい」「いいものだけをお薦めしたい」という尚美堂の”心”を大切に、これからもお客様からの厚い信頼にお応えしていく所存です。時代を超えて、人々を魅了し続ける品々を多くのお客様にご提供してまいります。</v>
          </cell>
        </row>
        <row r="2344">
          <cell r="B2344">
            <v>10672</v>
          </cell>
          <cell r="C2344" t="str">
            <v>(株)スイカン</v>
          </cell>
          <cell r="D2344" t="str">
            <v>0798-22-9185</v>
          </cell>
          <cell r="E2344" t="str">
            <v>662-0934</v>
          </cell>
          <cell r="F2344" t="str">
            <v>兵庫県西宮市西宮浜3-14-3</v>
          </cell>
          <cell r="G2344" t="str">
            <v>西宮市</v>
          </cell>
          <cell r="H2344" t="str">
            <v/>
          </cell>
          <cell r="I2344" t="str">
            <v>代表取締役 松本　雅稔</v>
          </cell>
          <cell r="J2344" t="str">
            <v>本店</v>
          </cell>
          <cell r="K2344" t="str">
            <v>0798-22-5858</v>
          </cell>
          <cell r="L2344" t="str">
            <v>moriguchi@suikan.co.jp</v>
          </cell>
          <cell r="M2344" t="str">
            <v>ｽｲｶﾝ</v>
          </cell>
          <cell r="N2344" t="str">
            <v>無</v>
          </cell>
          <cell r="O2344">
            <v>36</v>
          </cell>
          <cell r="P2344">
            <v>60</v>
          </cell>
          <cell r="Q2344">
            <v>4140001069141</v>
          </cell>
          <cell r="R2344">
            <v>30000</v>
          </cell>
          <cell r="S2344">
            <v>125518</v>
          </cell>
          <cell r="T2344">
            <v>1233105</v>
          </cell>
          <cell r="V2344" t="str">
            <v>bw953206</v>
          </cell>
          <cell r="W2344" t="str">
            <v>uf199957</v>
          </cell>
          <cell r="Y2344" t="str">
            <v>061，48，51，55，61，79，</v>
          </cell>
          <cell r="Z2344">
            <v>79</v>
          </cell>
          <cell r="AA2344">
            <v>55</v>
          </cell>
          <cell r="AB2344">
            <v>51</v>
          </cell>
          <cell r="AC2344">
            <v>61</v>
          </cell>
          <cell r="AD2344" t="str">
            <v/>
          </cell>
          <cell r="AE2344" t="str">
            <v>１；自走式管内調査カメラ搭載車２；４ｔの高圧洗浄車及び強力吸引車を保有しており、汚泥その他の清掃に威力を発揮します。産業廃棄物収集運搬業許可（兵庫県）３；建築物飲料水貯水槽清掃業登録（兵庫県）、建築物排水管清掃業登録（兵庫県）、浄化槽保守点検業登録（兵庫県）４；工事部門の経験豊富な１級、２級管工事施工管理技士他技術者が施工を担当致します。</v>
          </cell>
          <cell r="AF2344" t="str">
            <v>工事部門と管理部門が相互補完し、アフターサービスも万全です。年中無休２４時間体制で緊急対応します。工事部門は給排水、空調、汚水処理施設等の改修工事を、管理部門では貯水槽、排水管、下水道、側溝、公園水景設備、共同浴場、プール等の点検清掃、維持管理を得意とします。</v>
          </cell>
        </row>
        <row r="2345">
          <cell r="B2345">
            <v>10673</v>
          </cell>
          <cell r="C2345" t="str">
            <v>(株)大川商事</v>
          </cell>
          <cell r="D2345" t="str">
            <v>072-682-2136</v>
          </cell>
          <cell r="E2345" t="str">
            <v>569-1123</v>
          </cell>
          <cell r="F2345" t="str">
            <v>大阪府高槻市芥川町2-19-1</v>
          </cell>
          <cell r="G2345" t="str">
            <v>高槻市</v>
          </cell>
          <cell r="H2345" t="str">
            <v/>
          </cell>
          <cell r="I2345" t="str">
            <v>代表取締役 大川　靖志</v>
          </cell>
          <cell r="J2345" t="str">
            <v>本店</v>
          </cell>
          <cell r="K2345" t="str">
            <v>072-682-8464</v>
          </cell>
          <cell r="L2345" t="str">
            <v>k.k-okawashoji@wine.ocn.ne.jp</v>
          </cell>
          <cell r="M2345" t="str">
            <v>ｵｵｶﾜｼｮｳｼﾞ</v>
          </cell>
          <cell r="N2345" t="str">
            <v>無</v>
          </cell>
          <cell r="O2345">
            <v>40</v>
          </cell>
          <cell r="P2345">
            <v>4</v>
          </cell>
          <cell r="Q2345">
            <v>1120901010563</v>
          </cell>
          <cell r="R2345">
            <v>10000</v>
          </cell>
          <cell r="S2345">
            <v>21113</v>
          </cell>
          <cell r="T2345">
            <v>47824</v>
          </cell>
          <cell r="V2345" t="str">
            <v>qc913223</v>
          </cell>
          <cell r="W2345" t="str">
            <v>fb393971</v>
          </cell>
          <cell r="Y2345" t="str">
            <v>55，68，79，</v>
          </cell>
          <cell r="Z2345">
            <v>55</v>
          </cell>
          <cell r="AA2345">
            <v>79</v>
          </cell>
          <cell r="AB2345">
            <v>68</v>
          </cell>
          <cell r="AC2345" t="str">
            <v/>
          </cell>
          <cell r="AD2345" t="str">
            <v/>
          </cell>
          <cell r="AE2345" t="str">
            <v>１；建設業許可　般ー２９　第７１２６４号　土木工事業　とび・土工工事　石工事業　管工事業　鋼構造物工事業　舗装工事業　浚渫工事業　塗装工事業　水道施設工事業２；建設業許可　般ー２９　第７１２６４号　土木工事業　とび・土工工事　石工事業　管工事業　鋼構造物工事業　舗装工事業　浚渫工事業　塗装工事業　水道施設工事業３；産業廃棄物収集運搬業許可（大阪府、京都府、兵庫県、奈良県、滋賀県）汚泥、廃油、廃酸、廃アルカリ、建設系産廃４；</v>
          </cell>
          <cell r="AF2345" t="str">
            <v>河川、排水路、下水管等の浚渫、清掃、土砂の運搬まで含む。下水管渠清掃、側溝清掃、受水槽・高置水槽の高圧洗浄、汚水桝清掃、浄化槽清掃、産業廃棄物収集運搬（汚泥、廃油、廃酸、廃アルカリ、建設系産廃）、下水管渠等のカメラ調査。</v>
          </cell>
        </row>
        <row r="2346">
          <cell r="B2346">
            <v>10677</v>
          </cell>
          <cell r="C2346" t="str">
            <v>(株)タムラ</v>
          </cell>
          <cell r="D2346" t="str">
            <v>03-3652-4000</v>
          </cell>
          <cell r="E2346" t="str">
            <v>132-0023</v>
          </cell>
          <cell r="F2346" t="str">
            <v>東京都江戸川区西一之江4-9-28</v>
          </cell>
          <cell r="G2346" t="str">
            <v>東京都</v>
          </cell>
          <cell r="H2346" t="str">
            <v/>
          </cell>
          <cell r="I2346" t="str">
            <v>代表取締役 田村　良久</v>
          </cell>
          <cell r="J2346" t="str">
            <v>本店</v>
          </cell>
          <cell r="K2346" t="str">
            <v>03-3652-4065</v>
          </cell>
          <cell r="L2346" t="str">
            <v>kabu-tamura@rapid.ocn.ne.jp</v>
          </cell>
          <cell r="M2346" t="str">
            <v>ﾀﾑﾗ</v>
          </cell>
          <cell r="N2346" t="str">
            <v>無</v>
          </cell>
          <cell r="O2346">
            <v>51</v>
          </cell>
          <cell r="P2346">
            <v>22</v>
          </cell>
          <cell r="Q2346">
            <v>4011701005035</v>
          </cell>
          <cell r="R2346">
            <v>20000</v>
          </cell>
          <cell r="S2346">
            <v>1729097</v>
          </cell>
          <cell r="T2346">
            <v>857664</v>
          </cell>
          <cell r="V2346" t="str">
            <v>pv174403</v>
          </cell>
          <cell r="W2346" t="str">
            <v>gt181736</v>
          </cell>
          <cell r="Y2346" t="str">
            <v/>
          </cell>
          <cell r="Z2346" t="str">
            <v/>
          </cell>
          <cell r="AA2346" t="str">
            <v/>
          </cell>
          <cell r="AB2346" t="str">
            <v/>
          </cell>
          <cell r="AC2346" t="str">
            <v/>
          </cell>
          <cell r="AD2346" t="str">
            <v/>
          </cell>
          <cell r="AE2346" t="str">
            <v>１；斎場火葬残骨灰処理業務２；３；４；</v>
          </cell>
          <cell r="AF2346" t="str">
            <v>火葬残灰処理業務委託を行い５０年以上の実績があります。運搬・収集から自社工場で処理し、埋葬までを行います。全国１００カ所以上の実績があります。</v>
          </cell>
        </row>
        <row r="2347">
          <cell r="B2347">
            <v>10678</v>
          </cell>
          <cell r="C2347" t="str">
            <v>日本メンテナスエンジニヤリング(株)</v>
          </cell>
          <cell r="D2347" t="str">
            <v>078-335-1280</v>
          </cell>
          <cell r="E2347" t="str">
            <v>650-0021</v>
          </cell>
          <cell r="F2347" t="str">
            <v>兵庫県神戸市中央区下山手通4丁目15番1号</v>
          </cell>
          <cell r="G2347" t="str">
            <v>神戸市</v>
          </cell>
          <cell r="H2347" t="str">
            <v>神戸支店</v>
          </cell>
          <cell r="I2347" t="str">
            <v>支店長　 堀江　卓司</v>
          </cell>
          <cell r="J2347" t="str">
            <v>大阪府大阪市</v>
          </cell>
          <cell r="K2347" t="str">
            <v>078-335-1281</v>
          </cell>
          <cell r="L2347" t="str">
            <v>kobe@jme-net.co.jp</v>
          </cell>
          <cell r="M2347" t="str">
            <v>ﾆﾎﾝﾒﾝﾃﾅｽｴﾝｼﾞﾆﾔﾘﾝｸﾞ</v>
          </cell>
          <cell r="N2347" t="str">
            <v>有</v>
          </cell>
          <cell r="O2347">
            <v>50</v>
          </cell>
          <cell r="P2347">
            <v>1202</v>
          </cell>
          <cell r="Q2347">
            <v>5120001073004</v>
          </cell>
          <cell r="R2347">
            <v>60000</v>
          </cell>
          <cell r="S2347">
            <v>5111083</v>
          </cell>
          <cell r="T2347">
            <v>10875004</v>
          </cell>
          <cell r="V2347" t="str">
            <v>vw839174</v>
          </cell>
          <cell r="W2347" t="str">
            <v>qs133739</v>
          </cell>
          <cell r="Y2347" t="str">
            <v>10.41.42.46.47.48.51.57.58.61.79.80</v>
          </cell>
          <cell r="Z2347">
            <v>48</v>
          </cell>
          <cell r="AA2347">
            <v>47</v>
          </cell>
          <cell r="AB2347">
            <v>46</v>
          </cell>
          <cell r="AC2347">
            <v>51</v>
          </cell>
          <cell r="AD2347" t="str">
            <v/>
          </cell>
          <cell r="AE2347" t="str">
            <v>１；２；上下水道施設、ゴミ処理施設、トンネル換気設備等機械設備保守点検業務（維持管理業務）３；上下水道施設、ゴミ処理施設、トンネル換気設備等電気設備点検業務（維持管理業務）４；上下水道施設、ゴミ処理施設、トンネル換気設備等機械設備保守点検業務（維持管理業務）</v>
          </cell>
          <cell r="AF2347" t="str">
            <v>浄水場、下水処理場、ポンプ場、ゴミ処理場等の運転維持管理業務を中止音に、その改築・更新設計業務、劣化診断、漏水調査、環境分析（計量証明事業（濃度）、水道水質分析）、薬品（高分子凝集剤、活性炭等）、遠隔監視装置、酸化チタンの納入等をおこなっています。</v>
          </cell>
        </row>
        <row r="2348">
          <cell r="B2348">
            <v>10680</v>
          </cell>
          <cell r="C2348" t="str">
            <v>近畿物産(株)</v>
          </cell>
          <cell r="D2348" t="str">
            <v>06-6787-2158</v>
          </cell>
          <cell r="E2348" t="str">
            <v>577-0046</v>
          </cell>
          <cell r="F2348" t="str">
            <v>大阪府東大阪市西堤本通西1-4-23</v>
          </cell>
          <cell r="G2348" t="str">
            <v>東大阪市</v>
          </cell>
          <cell r="H2348" t="str">
            <v/>
          </cell>
          <cell r="I2348" t="str">
            <v>代表取締役 角田　哲也</v>
          </cell>
          <cell r="J2348" t="str">
            <v>本店</v>
          </cell>
          <cell r="K2348" t="str">
            <v>06-6781-0425</v>
          </cell>
          <cell r="L2348" t="str">
            <v>kinkibussan@abelia.ocn.ne.jp</v>
          </cell>
          <cell r="M2348" t="str">
            <v>ｷﾝｷﾌﾞｯｻﾝ</v>
          </cell>
          <cell r="N2348" t="str">
            <v>無</v>
          </cell>
          <cell r="O2348">
            <v>48</v>
          </cell>
          <cell r="P2348">
            <v>6</v>
          </cell>
          <cell r="Q2348">
            <v>5122001001745</v>
          </cell>
          <cell r="R2348">
            <v>16000</v>
          </cell>
          <cell r="S2348">
            <v>583569</v>
          </cell>
          <cell r="T2348">
            <v>148631</v>
          </cell>
          <cell r="V2348" t="str">
            <v>tu650713</v>
          </cell>
          <cell r="W2348" t="str">
            <v>ｒx137956</v>
          </cell>
          <cell r="Y2348" t="str">
            <v>05，02，05，37，44，</v>
          </cell>
          <cell r="Z2348">
            <v>2</v>
          </cell>
          <cell r="AA2348">
            <v>37</v>
          </cell>
          <cell r="AB2348">
            <v>44</v>
          </cell>
          <cell r="AC2348">
            <v>5</v>
          </cell>
          <cell r="AD2348" t="str">
            <v>上記関連商品　関連業務全般</v>
          </cell>
          <cell r="AE2348" t="str">
            <v>１；給茶機用飲料材料（自社、他）ポーションミルク、砂糖類、茶葉（緑茶、紅茶、他）ティーバッグ各種、珈琲、喫茶飲食材料（三井農林、ＵＣＣ、守山乳業、ポッカサッポロ、山本珈琲、ＡＧＦ、白鶴、他）２；大型自動湯茶接待機、給茶機（事務所用、病棟用）自社（給茶機はＲＩＣ，ホシザキ等も有り）業務用厨房機器等３；給茶機システム借上げ（大型自動湯茶接待機・給茶機）４；紙コップ等容器類（東罐興業　他）マドラースプーン等（東商化学　他）低温物流資材（吉良紙工　他）高性能油吸着材（タフネルオイルドリッパー）（三井化学）紙おしぼり（大国産業　他）等</v>
          </cell>
          <cell r="AF2348" t="str">
            <v>給茶機、給茶機用飲料材料をはじめ喫茶飲食材料等を取り扱っております。関連商品は紙コッププラストコップ。皿、マドラースプーン等食器・容器類。紙おしぼり、定温物流資材、保冷剤、公害対策に高性能油吸着材の販売。給茶機（販売、借上げ契約等）これらの機器の保守点検、管理等の業務委託</v>
          </cell>
        </row>
        <row r="2349">
          <cell r="B2349">
            <v>10682</v>
          </cell>
          <cell r="C2349" t="str">
            <v>(株)ウエスコ</v>
          </cell>
          <cell r="D2349" t="str">
            <v>078-252-2552</v>
          </cell>
          <cell r="E2349" t="str">
            <v>651-0092</v>
          </cell>
          <cell r="F2349" t="str">
            <v>兵庫県神戸市中央区生田町2-2-2</v>
          </cell>
          <cell r="G2349" t="str">
            <v>神戸市</v>
          </cell>
          <cell r="H2349" t="str">
            <v>神戸支店</v>
          </cell>
          <cell r="I2349" t="str">
            <v>支店長 大畑　実</v>
          </cell>
          <cell r="J2349" t="str">
            <v>岡山県岡山市</v>
          </cell>
          <cell r="K2349" t="str">
            <v>078-252-2550</v>
          </cell>
          <cell r="L2349" t="str">
            <v>ec-hyogo@wesco.co.jp</v>
          </cell>
          <cell r="M2349" t="str">
            <v>ｳｴｽｺ</v>
          </cell>
          <cell r="N2349" t="str">
            <v>有</v>
          </cell>
          <cell r="O2349">
            <v>48</v>
          </cell>
          <cell r="P2349">
            <v>450</v>
          </cell>
          <cell r="Q2349">
            <v>4260001000622</v>
          </cell>
          <cell r="R2349">
            <v>100000</v>
          </cell>
          <cell r="S2349">
            <v>2596118</v>
          </cell>
          <cell r="T2349">
            <v>9736610</v>
          </cell>
          <cell r="V2349" t="str">
            <v>na142044</v>
          </cell>
          <cell r="W2349" t="str">
            <v>ja199971</v>
          </cell>
          <cell r="Y2349" t="str">
            <v>36，58，72，</v>
          </cell>
          <cell r="Z2349">
            <v>58</v>
          </cell>
          <cell r="AA2349">
            <v>72</v>
          </cell>
          <cell r="AB2349">
            <v>36</v>
          </cell>
          <cell r="AC2349" t="str">
            <v/>
          </cell>
          <cell r="AD2349" t="str">
            <v/>
          </cell>
          <cell r="AE2349" t="str">
            <v>１；上水道施設管理システム、下水道管理施設システム、地図基本システム、Ｗｅｂ対応地図システム、道路台帳システム２；航空写真、地図作成３；パソコン（Ｄｅｌｌ製パソコン、ＨＰ製パソコン）４；</v>
          </cell>
          <cell r="AF2349" t="str">
            <v>道路、公園、橋梁、都市計画、ＧＩＳ、防災計画、長寿命化計画等広範囲な専門技術者が多角的なサービスを提供いたします。また、デジタル航空カメラ、ヘリレーザ、地上レーザ、移動計測車両（ＭＭＳ）、ＵＡＶ、マルチビーム無人ボート、路面下空洞探査車による三次元計測も行っています。</v>
          </cell>
        </row>
        <row r="2350">
          <cell r="B2350">
            <v>10684</v>
          </cell>
          <cell r="C2350" t="str">
            <v>(株)野木</v>
          </cell>
          <cell r="D2350" t="str">
            <v>06-6262-3142</v>
          </cell>
          <cell r="E2350" t="str">
            <v>542-0081</v>
          </cell>
          <cell r="F2350" t="str">
            <v>大阪府大阪市中央区南船場1-11-9</v>
          </cell>
          <cell r="G2350" t="str">
            <v>大阪市</v>
          </cell>
          <cell r="H2350" t="str">
            <v/>
          </cell>
          <cell r="I2350" t="str">
            <v>代表取締役 野木　寿也</v>
          </cell>
          <cell r="J2350" t="str">
            <v>本店</v>
          </cell>
          <cell r="K2350" t="str">
            <v>06-6266-2466</v>
          </cell>
          <cell r="L2350" t="str">
            <v>sugahara@pho.nogi.co.jp</v>
          </cell>
          <cell r="M2350" t="str">
            <v>ﾉｷﾞ</v>
          </cell>
          <cell r="N2350" t="str">
            <v>無</v>
          </cell>
          <cell r="O2350">
            <v>69</v>
          </cell>
          <cell r="P2350">
            <v>12</v>
          </cell>
          <cell r="Q2350">
            <v>2120001087023</v>
          </cell>
          <cell r="R2350">
            <v>50000</v>
          </cell>
          <cell r="S2350">
            <v>104450</v>
          </cell>
          <cell r="T2350">
            <v>449211</v>
          </cell>
          <cell r="V2350" t="str">
            <v>gr617499</v>
          </cell>
          <cell r="W2350" t="str">
            <v>ef178695</v>
          </cell>
          <cell r="Y2350" t="str">
            <v>014，12，14，15，35，36，</v>
          </cell>
          <cell r="Z2350">
            <v>12</v>
          </cell>
          <cell r="AA2350">
            <v>35</v>
          </cell>
          <cell r="AB2350">
            <v>36</v>
          </cell>
          <cell r="AC2350">
            <v>14</v>
          </cell>
          <cell r="AD2350" t="str">
            <v/>
          </cell>
          <cell r="AE2350" t="str">
            <v>１；（代）（株）パルデザイン　（代）（株）エルモ社２；（特）ソニーマーケティング（株）　（特）ＪＶＣケンウッド　（代）ＴＯＡ（株）（特）パナソニックシステムソリューションズジャパン（株）日立コンシューマ・マーケティング（株）３；（代）リコージャパン（株）（代）ダイワボウ情報システム（株）キヤノンマーケティングジャパン（株）４；（代）リコージャパン</v>
          </cell>
          <cell r="AF2350" t="str">
            <v>語学演習装置（ＬＬ）、視聴覚教室、校内放送設備、ホール・会議室の視聴覚設備等、映像・音響システムの設計・施工、アフターサービス。液晶プロジェクター、大型テレビ等の天井・壁面取付工事。視聴覚機器全般の販売・設置。</v>
          </cell>
        </row>
        <row r="2351">
          <cell r="B2351">
            <v>10686</v>
          </cell>
          <cell r="C2351" t="str">
            <v>(株)ファノバ</v>
          </cell>
          <cell r="D2351" t="str">
            <v>078-335-2424</v>
          </cell>
          <cell r="E2351" t="str">
            <v>650-0022</v>
          </cell>
          <cell r="F2351" t="str">
            <v>兵庫県神戸市中央区元町通3-17-8</v>
          </cell>
          <cell r="G2351" t="str">
            <v>神戸市</v>
          </cell>
          <cell r="H2351" t="str">
            <v>神戸営業所</v>
          </cell>
          <cell r="I2351" t="str">
            <v>所長 森川　悟</v>
          </cell>
          <cell r="J2351" t="str">
            <v>大阪府大阪市</v>
          </cell>
          <cell r="K2351" t="str">
            <v>078-335-2424</v>
          </cell>
          <cell r="L2351" t="str">
            <v>osk.con@fanova.co.jp</v>
          </cell>
          <cell r="M2351" t="str">
            <v>ﾀｶﾀﾞ</v>
          </cell>
          <cell r="N2351" t="str">
            <v>有</v>
          </cell>
          <cell r="O2351">
            <v>49</v>
          </cell>
          <cell r="P2351">
            <v>520</v>
          </cell>
          <cell r="Q2351">
            <v>7120901001235</v>
          </cell>
          <cell r="R2351">
            <v>30000</v>
          </cell>
          <cell r="S2351">
            <v>738995</v>
          </cell>
          <cell r="T2351">
            <v>4141669</v>
          </cell>
          <cell r="V2351" t="str">
            <v>ah176866</v>
          </cell>
          <cell r="W2351" t="str">
            <v>vd193998</v>
          </cell>
          <cell r="Y2351" t="str">
            <v>47，48，</v>
          </cell>
          <cell r="Z2351">
            <v>47</v>
          </cell>
          <cell r="AA2351">
            <v>48</v>
          </cell>
          <cell r="AB2351" t="str">
            <v/>
          </cell>
          <cell r="AC2351" t="str">
            <v/>
          </cell>
          <cell r="AD2351" t="str">
            <v>下水道処理施設維持管理業者登録　(7)処28-095</v>
          </cell>
          <cell r="AE2351" t="str">
            <v>１；上・下水道施設、受変電設備保守点検２；上・下水道施設３；４；</v>
          </cell>
          <cell r="AF2351" t="str">
            <v>主な実績：浄水場・下水処理場、総合補償コンサルタントとして用地取得に伴う物件調査算定・移転工法案作成・補償審査業務・現場技術業務・事業損失調査、測量、ＰＦＩコンサルタント</v>
          </cell>
        </row>
        <row r="2352">
          <cell r="B2352">
            <v>10687</v>
          </cell>
          <cell r="C2352" t="str">
            <v>(株)兵庫教育産業</v>
          </cell>
          <cell r="D2352" t="str">
            <v>0794-63-4654</v>
          </cell>
          <cell r="E2352" t="str">
            <v>675-1371</v>
          </cell>
          <cell r="F2352" t="str">
            <v>兵庫県小野市黒川町916-58</v>
          </cell>
          <cell r="G2352" t="str">
            <v>小野市</v>
          </cell>
          <cell r="H2352" t="str">
            <v/>
          </cell>
          <cell r="I2352" t="str">
            <v>代表取締役 松尾　隆造</v>
          </cell>
          <cell r="J2352" t="str">
            <v>本店</v>
          </cell>
          <cell r="K2352" t="str">
            <v>0794-63-4671</v>
          </cell>
          <cell r="L2352" t="str">
            <v>hyokyo@themis.ocn.ne.jp</v>
          </cell>
          <cell r="M2352" t="str">
            <v>ﾋｮｳｺﾞｷｮｳｲｸｻﾝｷﾞｮｳ</v>
          </cell>
          <cell r="N2352" t="str">
            <v>無</v>
          </cell>
          <cell r="O2352">
            <v>45</v>
          </cell>
          <cell r="P2352">
            <v>5</v>
          </cell>
          <cell r="Q2352">
            <v>9140001076851</v>
          </cell>
          <cell r="R2352">
            <v>10000</v>
          </cell>
          <cell r="S2352">
            <v>13981</v>
          </cell>
          <cell r="T2352">
            <v>163023</v>
          </cell>
          <cell r="V2352" t="str">
            <v>ys645496</v>
          </cell>
          <cell r="W2352" t="str">
            <v>ｒh199996</v>
          </cell>
          <cell r="Y2352" t="str">
            <v>9，12，</v>
          </cell>
          <cell r="Z2352">
            <v>12</v>
          </cell>
          <cell r="AA2352">
            <v>9</v>
          </cell>
          <cell r="AB2352" t="str">
            <v/>
          </cell>
          <cell r="AC2352" t="str">
            <v/>
          </cell>
          <cell r="AD2352" t="str">
            <v>高度管理医療機器等販売業許可証</v>
          </cell>
          <cell r="AE2352" t="str">
            <v>１；学校教材教具・備品全般　（代）（株）トップマン　（代）山崎教育システム（株）　他２；学校保健福祉用品・衛生材料全般　（代）（株）三和製作所３；４；</v>
          </cell>
          <cell r="AF2352" t="str">
            <v>学校教材・教具の販売　保健福祉・衛生材料の販売</v>
          </cell>
        </row>
        <row r="2353">
          <cell r="B2353">
            <v>10688</v>
          </cell>
          <cell r="C2353" t="str">
            <v>(株)明電舎</v>
          </cell>
          <cell r="D2353" t="str">
            <v>06-6203-6598</v>
          </cell>
          <cell r="E2353" t="str">
            <v>541-0048</v>
          </cell>
          <cell r="F2353" t="str">
            <v>大阪府大阪市中央区瓦町4-2-14</v>
          </cell>
          <cell r="G2353" t="str">
            <v>大阪市</v>
          </cell>
          <cell r="H2353" t="str">
            <v>関西支社</v>
          </cell>
          <cell r="I2353" t="str">
            <v>執行役員支社長 松下　法隆</v>
          </cell>
          <cell r="J2353" t="str">
            <v>東京都</v>
          </cell>
          <cell r="K2353" t="str">
            <v>06-6203-6545</v>
          </cell>
          <cell r="L2353" t="str">
            <v>hyugpf-kskb@mb.meidensha.co.jp</v>
          </cell>
          <cell r="M2353" t="str">
            <v>ﾒｲﾃﾞﾝｼｬ</v>
          </cell>
          <cell r="N2353" t="str">
            <v>有</v>
          </cell>
          <cell r="O2353">
            <v>68</v>
          </cell>
          <cell r="P2353">
            <v>3777</v>
          </cell>
          <cell r="Q2353">
            <v>4010701009640</v>
          </cell>
          <cell r="R2353">
            <v>17070086</v>
          </cell>
          <cell r="S2353">
            <v>80234000</v>
          </cell>
          <cell r="T2353">
            <v>241832000</v>
          </cell>
          <cell r="V2353" t="str">
            <v>ss902952</v>
          </cell>
          <cell r="W2353" t="str">
            <v>fg176957</v>
          </cell>
          <cell r="Y2353" t="str">
            <v>41，47，</v>
          </cell>
          <cell r="Z2353">
            <v>47</v>
          </cell>
          <cell r="AA2353">
            <v>41</v>
          </cell>
          <cell r="AB2353" t="str">
            <v/>
          </cell>
          <cell r="AC2353" t="str">
            <v/>
          </cell>
          <cell r="AD2353" t="str">
            <v>発電機・開閉装置・静止電力変換装置・電動機・継電装置・変圧器・避雷器・計測装置・水質計器・可変速制御装置・縮小形変電設備・移動電源車等製造しております。</v>
          </cell>
          <cell r="AE2353" t="str">
            <v>１；発電機、変電機器、情報機器等多岐にわたる製品を提供しており、製品の提供だけでなく保守メンテナンスからエンジニアリング運用、維持管理まで設備の全てにわたり一貫したサービスを提供します。２；水質計器等３；４；</v>
          </cell>
          <cell r="AF2353" t="str">
            <v>発電機、変電、電子、情報機器、上下水道、広域水道、下水道管理システム、道路トンネル管理システム、電力向け遠制装置等多くの実績を有している。製品の提供以外に保守メンテナンスからエンジニアリング運用、維持管理まで設備のライフサイクルに渡り一貫したサービスを提供致します。</v>
          </cell>
        </row>
        <row r="2354">
          <cell r="B2354">
            <v>10689</v>
          </cell>
          <cell r="C2354" t="str">
            <v>昭和リース(株)</v>
          </cell>
          <cell r="D2354" t="str">
            <v>03-4284-1110</v>
          </cell>
          <cell r="E2354" t="str">
            <v>112-8574</v>
          </cell>
          <cell r="F2354" t="str">
            <v>東京都文京区後楽1-4-14</v>
          </cell>
          <cell r="G2354" t="str">
            <v>東京都</v>
          </cell>
          <cell r="H2354" t="str">
            <v/>
          </cell>
          <cell r="I2354" t="str">
            <v>代表取締役 瀬戸　伸一郎</v>
          </cell>
          <cell r="J2354" t="str">
            <v>本店</v>
          </cell>
          <cell r="K2354" t="str">
            <v>03-4284-1100</v>
          </cell>
          <cell r="L2354" t="str">
            <v>Hiroko_Kanemitsu@s-l.co.jp</v>
          </cell>
          <cell r="M2354" t="str">
            <v>ｼｮｳﾜﾘｰｽ(ｶ</v>
          </cell>
          <cell r="N2354" t="str">
            <v>無</v>
          </cell>
          <cell r="O2354">
            <v>48</v>
          </cell>
          <cell r="P2354">
            <v>530</v>
          </cell>
          <cell r="Q2354">
            <v>9010001142187</v>
          </cell>
          <cell r="R2354">
            <v>29360000</v>
          </cell>
          <cell r="S2354">
            <v>104691149</v>
          </cell>
          <cell r="T2354">
            <v>87957957</v>
          </cell>
          <cell r="V2354" t="str">
            <v>fr844708</v>
          </cell>
          <cell r="W2354" t="str">
            <v>lj175993</v>
          </cell>
          <cell r="Y2354" t="str">
            <v>44，</v>
          </cell>
          <cell r="Z2354" t="str">
            <v/>
          </cell>
          <cell r="AA2354" t="str">
            <v/>
          </cell>
          <cell r="AB2354" t="str">
            <v/>
          </cell>
          <cell r="AC2354" t="str">
            <v/>
          </cell>
          <cell r="AD2354" t="str">
            <v/>
          </cell>
          <cell r="AE2354" t="str">
            <v>１；２；３；４；</v>
          </cell>
          <cell r="AF2354" t="str">
            <v>リースを中心とした金融ソリューションをスピーディに提供し、お客様から選ばれる、収益性と成長性に富んだ企業</v>
          </cell>
        </row>
        <row r="2355">
          <cell r="B2355">
            <v>10690</v>
          </cell>
          <cell r="C2355" t="str">
            <v>(株)ＴＫＣ</v>
          </cell>
          <cell r="D2355" t="str">
            <v>028-648-2111</v>
          </cell>
          <cell r="E2355" t="str">
            <v>320-8644</v>
          </cell>
          <cell r="F2355" t="str">
            <v>栃木県宇都宮市鶴田町1758</v>
          </cell>
          <cell r="G2355" t="str">
            <v>宇都宮市</v>
          </cell>
          <cell r="H2355" t="str">
            <v/>
          </cell>
          <cell r="I2355" t="str">
            <v>代表取締役社長 飯塚　真規</v>
          </cell>
          <cell r="J2355" t="str">
            <v>本店</v>
          </cell>
          <cell r="K2355" t="str">
            <v>028-647-1215</v>
          </cell>
          <cell r="L2355" t="str">
            <v>task_contract1966@tkc.co.jp</v>
          </cell>
          <cell r="M2355" t="str">
            <v>ﾃｲｹｲｼｲ</v>
          </cell>
          <cell r="N2355" t="str">
            <v>無</v>
          </cell>
          <cell r="O2355">
            <v>52</v>
          </cell>
          <cell r="P2355">
            <v>2225</v>
          </cell>
          <cell r="Q2355">
            <v>5060001002844</v>
          </cell>
          <cell r="R2355">
            <v>5700000</v>
          </cell>
          <cell r="S2355">
            <v>68863738</v>
          </cell>
          <cell r="T2355">
            <v>56769364</v>
          </cell>
          <cell r="V2355" t="str">
            <v>qd880700</v>
          </cell>
          <cell r="W2355" t="str">
            <v>of199333</v>
          </cell>
          <cell r="Y2355" t="str">
            <v>36，57，58，</v>
          </cell>
          <cell r="Z2355">
            <v>58</v>
          </cell>
          <cell r="AA2355">
            <v>57</v>
          </cell>
          <cell r="AB2355">
            <v>36</v>
          </cell>
          <cell r="AC2355" t="str">
            <v/>
          </cell>
          <cell r="AD2355" t="str">
            <v/>
          </cell>
          <cell r="AE2355" t="str">
            <v>１；２；ページプリンタ装置：富士通ＰＳ５６００Ｂ他　計３０セット　圧着値測定器：ＰＯＳＴＥＸ剥離試験器１セット等３；仕入先：富士通（株）、（株）東芝、キャノンマーケティングジャパン（株）４；</v>
          </cell>
          <cell r="AF2355" t="str">
            <v>行政事務全般の電算処理及び電算機ＯＡ機器類の販売</v>
          </cell>
        </row>
        <row r="2356">
          <cell r="B2356">
            <v>10691</v>
          </cell>
          <cell r="C2356" t="str">
            <v>宮野医療器(株)</v>
          </cell>
          <cell r="D2356" t="str">
            <v>078-371-2121</v>
          </cell>
          <cell r="E2356" t="str">
            <v>650-8677</v>
          </cell>
          <cell r="F2356" t="str">
            <v>兵庫県神戸市中央区楠町5-4-8</v>
          </cell>
          <cell r="G2356" t="str">
            <v>神戸市</v>
          </cell>
          <cell r="H2356" t="str">
            <v/>
          </cell>
          <cell r="I2356" t="str">
            <v>代表取締役 宮野　哲</v>
          </cell>
          <cell r="J2356" t="str">
            <v>本店</v>
          </cell>
          <cell r="K2356" t="str">
            <v>078-371-2300</v>
          </cell>
          <cell r="L2356" t="str">
            <v>maruo@miyano.co.jp</v>
          </cell>
          <cell r="M2356" t="str">
            <v>ﾐﾔﾉｲﾘｮｳｷ</v>
          </cell>
          <cell r="N2356" t="str">
            <v>無</v>
          </cell>
          <cell r="O2356">
            <v>70</v>
          </cell>
          <cell r="P2356">
            <v>850</v>
          </cell>
          <cell r="Q2356">
            <v>2140001011212</v>
          </cell>
          <cell r="R2356">
            <v>96000</v>
          </cell>
          <cell r="S2356">
            <v>14043201</v>
          </cell>
          <cell r="T2356">
            <v>108335965</v>
          </cell>
          <cell r="V2356" t="str">
            <v>tm221287</v>
          </cell>
          <cell r="W2356" t="str">
            <v>ar173399</v>
          </cell>
          <cell r="Y2356" t="str">
            <v>042，9，37，39，41，42，44，</v>
          </cell>
          <cell r="Z2356">
            <v>39</v>
          </cell>
          <cell r="AA2356">
            <v>9</v>
          </cell>
          <cell r="AB2356">
            <v>41</v>
          </cell>
          <cell r="AC2356">
            <v>42</v>
          </cell>
          <cell r="AD2356" t="str">
            <v/>
          </cell>
          <cell r="AE2356" t="str">
            <v>１；高度管理医療機器等販売業・貸与業　特）日本ストライカー（株）、代）ニプロ（株）、代）東レ・メディカル（株）、代）日機装（株）、特）日本光電工業（株）、特）スリーエムジャパン（株）２；医薬品販売業　代）テルモ（株）、代）シスメックス（株）３；代）エスペック（株）、代）サーモフィッシャーサイエンティフィック（株）４；代）（株）日立ハイテクノロジーズ</v>
          </cell>
          <cell r="AF2356" t="str">
            <v>医療機器・器具・材料、衛生材料、介護用品等全般、理化学機器全般の販売</v>
          </cell>
        </row>
        <row r="2357">
          <cell r="B2357">
            <v>10694</v>
          </cell>
          <cell r="C2357" t="str">
            <v>(株)ニチジョー</v>
          </cell>
          <cell r="D2357" t="str">
            <v>078-303-6600</v>
          </cell>
          <cell r="E2357" t="str">
            <v>650-0047</v>
          </cell>
          <cell r="F2357" t="str">
            <v>兵庫県神戸市中央区港島南町4-7-8</v>
          </cell>
          <cell r="G2357" t="str">
            <v>神戸市</v>
          </cell>
          <cell r="H2357" t="str">
            <v/>
          </cell>
          <cell r="I2357" t="str">
            <v>代表取締役社長 真野　和年</v>
          </cell>
          <cell r="J2357" t="str">
            <v>本店</v>
          </cell>
          <cell r="K2357" t="str">
            <v>078-303-6701</v>
          </cell>
          <cell r="L2357" t="str">
            <v>nyusatsu@nichijo-inc.co.jp</v>
          </cell>
          <cell r="M2357" t="str">
            <v>ﾆﾁｼﾞｮｰ</v>
          </cell>
          <cell r="N2357" t="str">
            <v>無</v>
          </cell>
          <cell r="O2357">
            <v>45</v>
          </cell>
          <cell r="P2357">
            <v>158</v>
          </cell>
          <cell r="Q2357">
            <v>5140001009996</v>
          </cell>
          <cell r="R2357">
            <v>100000</v>
          </cell>
          <cell r="S2357">
            <v>439629</v>
          </cell>
          <cell r="T2357">
            <v>1215033</v>
          </cell>
          <cell r="V2357" t="str">
            <v>sw151534</v>
          </cell>
          <cell r="W2357" t="str">
            <v>aj193179</v>
          </cell>
          <cell r="Y2357" t="str">
            <v>47，48，51，</v>
          </cell>
          <cell r="Z2357">
            <v>48</v>
          </cell>
          <cell r="AA2357">
            <v>51</v>
          </cell>
          <cell r="AB2357">
            <v>47</v>
          </cell>
          <cell r="AC2357" t="str">
            <v/>
          </cell>
          <cell r="AD2357" t="str">
            <v/>
          </cell>
          <cell r="AE2357" t="str">
            <v>１；下水道処理施設維持管理業者登録２；浄化槽保守点検業者登録３；４；</v>
          </cell>
          <cell r="AF2357" t="str">
            <v>公共下水処理場、雨水ポンプ施設、汚泥処理設備の運転維持管理業務を行い、これらに関連する設備の改良や補修工事として建設業で管・水道施設・機械器具設置・電気工事を行っています。</v>
          </cell>
        </row>
        <row r="2358">
          <cell r="B2358">
            <v>10696</v>
          </cell>
          <cell r="C2358" t="str">
            <v>(株)ニッセイコム</v>
          </cell>
          <cell r="D2358" t="str">
            <v>06-7507-2255</v>
          </cell>
          <cell r="E2358" t="str">
            <v>530-0005</v>
          </cell>
          <cell r="F2358" t="str">
            <v>大阪府大阪市北区中之島3-2-4</v>
          </cell>
          <cell r="G2358" t="str">
            <v>大阪市</v>
          </cell>
          <cell r="H2358" t="str">
            <v>公共システム事業部</v>
          </cell>
          <cell r="I2358" t="str">
            <v>常務執行役員事業部長 矢野　修司</v>
          </cell>
          <cell r="J2358" t="str">
            <v>東京都</v>
          </cell>
          <cell r="K2358" t="str">
            <v>06-7507-2239</v>
          </cell>
          <cell r="L2358" t="str">
            <v>koukyo23@nisseicom.co.jp</v>
          </cell>
          <cell r="M2358" t="str">
            <v/>
          </cell>
          <cell r="N2358" t="str">
            <v>有</v>
          </cell>
          <cell r="O2358">
            <v>44</v>
          </cell>
          <cell r="P2358">
            <v>817</v>
          </cell>
          <cell r="Q2358">
            <v>2010701007547</v>
          </cell>
          <cell r="R2358">
            <v>300000</v>
          </cell>
          <cell r="S2358">
            <v>6077039</v>
          </cell>
          <cell r="T2358">
            <v>20515844</v>
          </cell>
          <cell r="V2358" t="str">
            <v>rn576785</v>
          </cell>
          <cell r="W2358" t="str">
            <v>qa191119</v>
          </cell>
          <cell r="Y2358" t="str">
            <v>050，36，50，57，58，</v>
          </cell>
          <cell r="Z2358">
            <v>58</v>
          </cell>
          <cell r="AA2358">
            <v>57</v>
          </cell>
          <cell r="AB2358">
            <v>36</v>
          </cell>
          <cell r="AC2358">
            <v>50</v>
          </cell>
          <cell r="AD2358" t="str">
            <v/>
          </cell>
          <cell r="AE2358" t="str">
            <v>１；システム設計・開発、システム保守２；電算処理業務、ＡＳＰ／ハウジング／ホスティングなどのアウトソーシング業務３；サーバー／クライアントＰＣ／映像・音響を含む視聴覚機器／ネットワーク機器／ＰＢＸ／電話機などの販売４；電話交換機保守</v>
          </cell>
          <cell r="AF2358" t="str">
            <v>情報システムやネットワークの企画・設計・構築・運用・サポートとアプリケーションパッケージの開発と販売、メンテナンスサービスに加え、情報・通信機器の販売やＡＳＰ、ハウジング・ホスティンク等のアウトソーシングサービス迄提供いたします。</v>
          </cell>
        </row>
        <row r="2359">
          <cell r="B2359">
            <v>10697</v>
          </cell>
          <cell r="C2359" t="str">
            <v>アルナ輸送機用品(株)</v>
          </cell>
          <cell r="D2359" t="str">
            <v>06-6397-0701</v>
          </cell>
          <cell r="E2359" t="str">
            <v>532-0003</v>
          </cell>
          <cell r="F2359" t="str">
            <v>大阪府大阪市淀川区宮原5-1-28</v>
          </cell>
          <cell r="G2359" t="str">
            <v>大阪市</v>
          </cell>
          <cell r="H2359" t="str">
            <v>大阪営業所</v>
          </cell>
          <cell r="I2359" t="str">
            <v>大阪営業所　所長 大八木　利彦</v>
          </cell>
          <cell r="J2359" t="str">
            <v>岐阜県養老郡養老町</v>
          </cell>
          <cell r="K2359" t="str">
            <v>06-6397-0701</v>
          </cell>
          <cell r="L2359" t="str">
            <v>d-ookita@alna.co.jp</v>
          </cell>
          <cell r="M2359" t="str">
            <v>ｱﾙﾅﾕｿｳｷﾖｳﾋﾝ</v>
          </cell>
          <cell r="N2359" t="str">
            <v>有</v>
          </cell>
          <cell r="O2359">
            <v>17</v>
          </cell>
          <cell r="P2359">
            <v>148</v>
          </cell>
          <cell r="Q2359" t="str">
            <v/>
          </cell>
          <cell r="R2359">
            <v>100000</v>
          </cell>
          <cell r="S2359">
            <v>0</v>
          </cell>
          <cell r="T2359">
            <v>3551988</v>
          </cell>
          <cell r="V2359" t="str">
            <v>tk799171</v>
          </cell>
          <cell r="W2359" t="str">
            <v>bh145601</v>
          </cell>
          <cell r="Y2359" t="str">
            <v>66，</v>
          </cell>
          <cell r="Z2359" t="str">
            <v/>
          </cell>
          <cell r="AA2359" t="str">
            <v/>
          </cell>
          <cell r="AB2359" t="str">
            <v/>
          </cell>
          <cell r="AC2359" t="str">
            <v/>
          </cell>
          <cell r="AD2359" t="str">
            <v/>
          </cell>
          <cell r="AE2359" t="str">
            <v>１；２；３；４；</v>
          </cell>
          <cell r="AF2359" t="str">
            <v>乗物用窓枠やドア（鉄道車両、バスなど）、バス停標識柱などの金属加工、特にアルミ加工製品を多く手掛けており、製造販売を行っております。</v>
          </cell>
        </row>
        <row r="2360">
          <cell r="B2360">
            <v>10698</v>
          </cell>
          <cell r="C2360" t="str">
            <v>(株)旭プリント</v>
          </cell>
          <cell r="D2360" t="str">
            <v>0798-33-5025</v>
          </cell>
          <cell r="E2360" t="str">
            <v>663-8247</v>
          </cell>
          <cell r="F2360" t="str">
            <v>兵庫県西宮市津門稲荷町4番11号</v>
          </cell>
          <cell r="G2360" t="str">
            <v>西宮市</v>
          </cell>
          <cell r="H2360" t="str">
            <v/>
          </cell>
          <cell r="I2360" t="str">
            <v>代表取締役 加地　照尚</v>
          </cell>
          <cell r="J2360" t="str">
            <v>本店</v>
          </cell>
          <cell r="K2360" t="str">
            <v>0798-26-3132</v>
          </cell>
          <cell r="L2360" t="str">
            <v>asahip@asahiprint.com</v>
          </cell>
          <cell r="M2360" t="str">
            <v>ｱｻﾋﾌﾟﾘﾝﾄ</v>
          </cell>
          <cell r="N2360" t="str">
            <v>無</v>
          </cell>
          <cell r="O2360">
            <v>68</v>
          </cell>
          <cell r="P2360">
            <v>11</v>
          </cell>
          <cell r="Q2360">
            <v>2140001067816</v>
          </cell>
          <cell r="R2360">
            <v>10000</v>
          </cell>
          <cell r="S2360">
            <v>2023</v>
          </cell>
          <cell r="T2360">
            <v>102987</v>
          </cell>
          <cell r="V2360" t="str">
            <v>zq326417</v>
          </cell>
          <cell r="W2360" t="str">
            <v>ah199996</v>
          </cell>
          <cell r="Y2360" t="str">
            <v>058，57，58，59，73，74，76，</v>
          </cell>
          <cell r="Z2360">
            <v>73</v>
          </cell>
          <cell r="AA2360">
            <v>74</v>
          </cell>
          <cell r="AB2360">
            <v>76</v>
          </cell>
          <cell r="AC2360">
            <v>58</v>
          </cell>
          <cell r="AD2360" t="str">
            <v/>
          </cell>
          <cell r="AE2360" t="str">
            <v>１；頁物（カラー・モノクロ）オンデマンド・オフセット印刷　新聞　チラシ　伝票　封筒　パンフレット　名刺　賞状　製本（折り・筋入れ・ナンバリング・中綴じ・無線・丁合・エコプレス等）２；連続帳票３；ステッカー　ラベル　マグネット印刷４；ホームページ作成</v>
          </cell>
          <cell r="AF2360" t="str">
            <v>企画・提案・印刷・製本加工のすべてを自社で出来る体制を整えており、あらゆるデジタル・オフセット印刷物にも対応できます。自社内ですべてが出来るので、短期納期も可能。環境に配慮したエコプレス機も導入済み。</v>
          </cell>
        </row>
        <row r="2361">
          <cell r="B2361">
            <v>10699</v>
          </cell>
          <cell r="C2361" t="str">
            <v>(株)サン・ライティング</v>
          </cell>
          <cell r="D2361" t="str">
            <v>078-367-2236</v>
          </cell>
          <cell r="E2361" t="str">
            <v>650-0015</v>
          </cell>
          <cell r="F2361" t="str">
            <v>兵庫県神戸市中央区多聞通3-3-16</v>
          </cell>
          <cell r="G2361" t="str">
            <v>神戸市</v>
          </cell>
          <cell r="H2361" t="str">
            <v/>
          </cell>
          <cell r="I2361" t="str">
            <v>代表取締役 谷村　朋昭</v>
          </cell>
          <cell r="J2361" t="str">
            <v>本店</v>
          </cell>
          <cell r="K2361" t="str">
            <v>078-367-2237</v>
          </cell>
          <cell r="L2361" t="str">
            <v>info@san-w.co.jp</v>
          </cell>
          <cell r="M2361" t="str">
            <v>ｻﾝﾗｲﾃｨﾝｸﾞ</v>
          </cell>
          <cell r="N2361" t="str">
            <v>無</v>
          </cell>
          <cell r="O2361">
            <v>14</v>
          </cell>
          <cell r="P2361">
            <v>4</v>
          </cell>
          <cell r="Q2361">
            <v>2140001025220</v>
          </cell>
          <cell r="R2361">
            <v>3000</v>
          </cell>
          <cell r="S2361">
            <v>15204</v>
          </cell>
          <cell r="T2361">
            <v>72121</v>
          </cell>
          <cell r="V2361" t="str">
            <v>vy703617</v>
          </cell>
          <cell r="W2361" t="str">
            <v>ir161393</v>
          </cell>
          <cell r="Y2361" t="str">
            <v>59，</v>
          </cell>
          <cell r="Z2361">
            <v>59</v>
          </cell>
          <cell r="AA2361" t="str">
            <v/>
          </cell>
          <cell r="AB2361" t="str">
            <v/>
          </cell>
          <cell r="AC2361" t="str">
            <v/>
          </cell>
          <cell r="AD2361" t="str">
            <v/>
          </cell>
          <cell r="AE2361" t="str">
            <v>１；速記・テープ起こしによる会議録作成業務２；３；４；</v>
          </cell>
          <cell r="AF2361" t="str">
            <v>速記・テープ起こしによる会議録作成</v>
          </cell>
        </row>
        <row r="2362">
          <cell r="B2362">
            <v>10700</v>
          </cell>
          <cell r="C2362" t="str">
            <v>(株)エコ・テクノ</v>
          </cell>
          <cell r="D2362" t="str">
            <v>06-4255-5550</v>
          </cell>
          <cell r="E2362" t="str">
            <v>536-0006</v>
          </cell>
          <cell r="F2362" t="str">
            <v>大阪府大阪市城東区野江2ｰ17ｰ13</v>
          </cell>
          <cell r="G2362" t="str">
            <v>大阪市</v>
          </cell>
          <cell r="H2362" t="str">
            <v/>
          </cell>
          <cell r="I2362" t="str">
            <v>代表取締役 武藤　正幸</v>
          </cell>
          <cell r="J2362" t="str">
            <v>本店</v>
          </cell>
          <cell r="K2362" t="str">
            <v>06-4255-5551</v>
          </cell>
          <cell r="L2362" t="str">
            <v>eco-tecno1999@arion.ocn.ne.jp</v>
          </cell>
          <cell r="M2362" t="str">
            <v>ｴｺﾃｸﾉ</v>
          </cell>
          <cell r="N2362" t="str">
            <v>無</v>
          </cell>
          <cell r="O2362">
            <v>18</v>
          </cell>
          <cell r="P2362">
            <v>12</v>
          </cell>
          <cell r="Q2362">
            <v>6120001138978</v>
          </cell>
          <cell r="R2362">
            <v>40000</v>
          </cell>
          <cell r="S2362">
            <v>501677</v>
          </cell>
          <cell r="T2362">
            <v>778650</v>
          </cell>
          <cell r="V2362" t="str">
            <v>je205924</v>
          </cell>
          <cell r="W2362" t="str">
            <v>lh177399</v>
          </cell>
          <cell r="Y2362" t="str">
            <v>068，51，53，54，55，68，79，</v>
          </cell>
          <cell r="Z2362">
            <v>55</v>
          </cell>
          <cell r="AA2362">
            <v>79</v>
          </cell>
          <cell r="AB2362">
            <v>51</v>
          </cell>
          <cell r="AC2362">
            <v>68</v>
          </cell>
          <cell r="AD2362" t="str">
            <v/>
          </cell>
          <cell r="AE2362" t="str">
            <v>１；路面清掃車・側溝清掃車・排水管清掃車を使用して路面、側溝、桝、管渠の清掃を行います。２；ＴＶカメラ車を使用して管渠内のＴＶ調査・目視調査を行います。３；高圧洗浄車・揚水ポンプ・送風機・残水処理機・換気ファン等を使用して貯水槽の清掃、点検を行います。４；兵庫県、大阪府、京都府、奈良県、和歌山県、三重県の産業廃棄物収集運搬許可を保有しております。</v>
          </cell>
          <cell r="AF2362" t="str">
            <v>弊社が得意とするのは管更生工事です。また業務委託では専用特殊車両を使用して　道路面・側溝・桝・管渠・水路・河川の清掃　管渠内のＴＶ・目視調査　貯水槽・庁舎等の清掃です。各分野とも業務実績も多様にあります。</v>
          </cell>
        </row>
        <row r="2363">
          <cell r="B2363">
            <v>10701</v>
          </cell>
          <cell r="C2363" t="str">
            <v>環境テクノス(株)</v>
          </cell>
          <cell r="D2363" t="str">
            <v>06-4397-7240</v>
          </cell>
          <cell r="E2363" t="str">
            <v>570-0014</v>
          </cell>
          <cell r="F2363" t="str">
            <v>大阪府守口市藤田町2-15-10-201</v>
          </cell>
          <cell r="G2363" t="str">
            <v>守口市</v>
          </cell>
          <cell r="H2363" t="str">
            <v>大阪支店</v>
          </cell>
          <cell r="I2363" t="str">
            <v>大阪支店長 山本　正和</v>
          </cell>
          <cell r="J2363" t="str">
            <v>京都府京都市</v>
          </cell>
          <cell r="K2363" t="str">
            <v>06-4397-7241</v>
          </cell>
          <cell r="L2363" t="str">
            <v>kankyotecnos@celery.ocn.ne.jp</v>
          </cell>
          <cell r="M2363" t="str">
            <v>ｶﾝｷｮｳﾃｸﾉｽ</v>
          </cell>
          <cell r="N2363" t="str">
            <v>有</v>
          </cell>
          <cell r="O2363">
            <v>13</v>
          </cell>
          <cell r="P2363">
            <v>9</v>
          </cell>
          <cell r="Q2363">
            <v>1130001025544</v>
          </cell>
          <cell r="R2363">
            <v>20000</v>
          </cell>
          <cell r="S2363">
            <v>250999</v>
          </cell>
          <cell r="T2363">
            <v>561506</v>
          </cell>
          <cell r="V2363" t="str">
            <v>sh448039</v>
          </cell>
          <cell r="W2363" t="str">
            <v>ir198893</v>
          </cell>
          <cell r="Y2363" t="str">
            <v>054，51，54，55，79，</v>
          </cell>
          <cell r="Z2363">
            <v>79</v>
          </cell>
          <cell r="AA2363">
            <v>55</v>
          </cell>
          <cell r="AB2363">
            <v>51</v>
          </cell>
          <cell r="AC2363">
            <v>54</v>
          </cell>
          <cell r="AD2363" t="str">
            <v/>
          </cell>
          <cell r="AE2363" t="str">
            <v>１；管渠内ＴＶカメラ・目視・漏水・流量等の調査。ＴＶカメラ車・大口径ＴＶカメラ車も保有しております。２；道路・側溝・桝・管渠・水路・河川などの清掃。専用車輌（路面清掃車・高圧洗浄車・強力吸引車）も保有しております。３；貯水槽清掃業の許可を保有しており、貯水槽清掃作業監督者のもとで作業を行います。４；官公庁の実績が多数ございます。</v>
          </cell>
          <cell r="AF2363" t="str">
            <v>弊社が得意とする工事は、管更生工事です。施工機材、特殊車両も自社で保有しており、清掃、調査から管更生まで自社で施工できます。また、道路面、側溝、桝、管渠、河川、公園清掃等も得意としており、専用車輌なども保有しております。</v>
          </cell>
        </row>
        <row r="2364">
          <cell r="B2364">
            <v>10703</v>
          </cell>
          <cell r="C2364" t="str">
            <v>(株)カワキ屋クリーニング店</v>
          </cell>
          <cell r="D2364" t="str">
            <v>0798-35-9029</v>
          </cell>
          <cell r="E2364" t="str">
            <v>662-0934</v>
          </cell>
          <cell r="F2364" t="str">
            <v>兵庫県西宮市西宮浜2-21-8</v>
          </cell>
          <cell r="G2364" t="str">
            <v>西宮市</v>
          </cell>
          <cell r="H2364" t="str">
            <v/>
          </cell>
          <cell r="I2364" t="str">
            <v>代表取締役 石崎　二郎</v>
          </cell>
          <cell r="J2364" t="str">
            <v>本店</v>
          </cell>
          <cell r="K2364" t="str">
            <v>0798-22-9029</v>
          </cell>
          <cell r="L2364" t="str">
            <v>soumu@kawakiya.co.jp</v>
          </cell>
          <cell r="M2364" t="str">
            <v>ｶﾜｷﾔｸﾘｰﾆﾝｸﾞﾃﾝ</v>
          </cell>
          <cell r="N2364" t="str">
            <v>無</v>
          </cell>
          <cell r="O2364">
            <v>117</v>
          </cell>
          <cell r="P2364">
            <v>64</v>
          </cell>
          <cell r="Q2364">
            <v>1140001068385</v>
          </cell>
          <cell r="R2364">
            <v>20000</v>
          </cell>
          <cell r="S2364">
            <v>41076</v>
          </cell>
          <cell r="T2364">
            <v>229880</v>
          </cell>
          <cell r="V2364" t="str">
            <v>yh806715</v>
          </cell>
          <cell r="W2364" t="str">
            <v>kv185759</v>
          </cell>
          <cell r="Y2364" t="str">
            <v>62，</v>
          </cell>
          <cell r="Z2364" t="str">
            <v/>
          </cell>
          <cell r="AA2364" t="str">
            <v/>
          </cell>
          <cell r="AB2364" t="str">
            <v/>
          </cell>
          <cell r="AC2364" t="str">
            <v/>
          </cell>
          <cell r="AD2364" t="str">
            <v>クリーニング営業届済証、防炎加工適合施設登録</v>
          </cell>
          <cell r="AE2364" t="str">
            <v>１；２；３；４；</v>
          </cell>
          <cell r="AF2364" t="str">
            <v>カッターシャツから毛皮まで衣類全般のクリーニング及び、防炎加工、シロセット加工などクリーニングに関する加工を行っています。また、カーテンやジュータン、寝具類などのインテリア用品のクリーニングも行っています。</v>
          </cell>
        </row>
        <row r="2365">
          <cell r="B2365">
            <v>10705</v>
          </cell>
          <cell r="C2365" t="str">
            <v>(有)サカイエンタープライズ</v>
          </cell>
          <cell r="D2365" t="str">
            <v>0798-57-3433</v>
          </cell>
          <cell r="E2365" t="str">
            <v>663-8003</v>
          </cell>
          <cell r="F2365" t="str">
            <v>兵庫県西宮市上大市5-8-14</v>
          </cell>
          <cell r="G2365" t="str">
            <v>西宮市</v>
          </cell>
          <cell r="H2365" t="str">
            <v/>
          </cell>
          <cell r="I2365" t="str">
            <v>代表取締役 坂井　利江</v>
          </cell>
          <cell r="J2365" t="str">
            <v>本店</v>
          </cell>
          <cell r="K2365" t="str">
            <v>0798-57-3432</v>
          </cell>
          <cell r="L2365" t="str">
            <v>sep.kinugawa@gmail.com</v>
          </cell>
          <cell r="M2365" t="str">
            <v>ｻｶｲｴﾝﾀｰﾌﾟﾗｲｽﾞ</v>
          </cell>
          <cell r="N2365" t="str">
            <v>無</v>
          </cell>
          <cell r="O2365">
            <v>19</v>
          </cell>
          <cell r="P2365">
            <v>7</v>
          </cell>
          <cell r="Q2365">
            <v>4140002060776</v>
          </cell>
          <cell r="R2365">
            <v>3000</v>
          </cell>
          <cell r="S2365">
            <v>-13239</v>
          </cell>
          <cell r="T2365">
            <v>219074</v>
          </cell>
          <cell r="V2365" t="str">
            <v>dn858985</v>
          </cell>
          <cell r="W2365" t="str">
            <v>xl187969</v>
          </cell>
          <cell r="Y2365" t="str">
            <v>039，05，9，39，44，</v>
          </cell>
          <cell r="Z2365">
            <v>5</v>
          </cell>
          <cell r="AA2365">
            <v>9</v>
          </cell>
          <cell r="AB2365">
            <v>44</v>
          </cell>
          <cell r="AC2365">
            <v>39</v>
          </cell>
          <cell r="AD2365" t="str">
            <v/>
          </cell>
          <cell r="AE2365" t="str">
            <v>１；２；３；４；</v>
          </cell>
          <cell r="AF2365" t="str">
            <v>トイレットペーパー・ペーパータオル等の紙類、ポリ袋、使い捨て手袋、紙おむつ等。少量から迅速な対応をモットーにしております。</v>
          </cell>
        </row>
        <row r="2366">
          <cell r="B2366">
            <v>10706</v>
          </cell>
          <cell r="C2366" t="str">
            <v>タカギエレクトロニクス(株)</v>
          </cell>
          <cell r="D2366" t="str">
            <v>06-6209-3331</v>
          </cell>
          <cell r="E2366" t="str">
            <v>541-0041</v>
          </cell>
          <cell r="F2366" t="str">
            <v>大阪府大阪市中央区北浜4-7-19</v>
          </cell>
          <cell r="G2366" t="str">
            <v>大阪市</v>
          </cell>
          <cell r="H2366" t="str">
            <v/>
          </cell>
          <cell r="I2366" t="str">
            <v>代表取締役 高木　健</v>
          </cell>
          <cell r="J2366" t="str">
            <v>本店</v>
          </cell>
          <cell r="K2366" t="str">
            <v>06-6209-3390</v>
          </cell>
          <cell r="L2366" t="str">
            <v>okamoto@takagi-ele.co.jp</v>
          </cell>
          <cell r="M2366" t="str">
            <v>ﾀｶｷﾞｴﾚｸﾄﾛﾆｸｽ</v>
          </cell>
          <cell r="N2366" t="str">
            <v>無</v>
          </cell>
          <cell r="O2366">
            <v>36</v>
          </cell>
          <cell r="P2366">
            <v>73</v>
          </cell>
          <cell r="Q2366">
            <v>4120001066751</v>
          </cell>
          <cell r="R2366">
            <v>65000</v>
          </cell>
          <cell r="S2366">
            <v>456009</v>
          </cell>
          <cell r="T2366">
            <v>1782409</v>
          </cell>
          <cell r="V2366" t="str">
            <v>kj321267</v>
          </cell>
          <cell r="W2366" t="str">
            <v>if193911</v>
          </cell>
          <cell r="Y2366" t="str">
            <v>035，35，36，44，50，</v>
          </cell>
          <cell r="Z2366">
            <v>36</v>
          </cell>
          <cell r="AA2366">
            <v>50</v>
          </cell>
          <cell r="AB2366">
            <v>44</v>
          </cell>
          <cell r="AC2366">
            <v>35</v>
          </cell>
          <cell r="AD2366" t="str">
            <v/>
          </cell>
          <cell r="AE2366" t="str">
            <v>１；特日本電気、代キャノン、代コニカミノルタ２；電話交換機　通信機器　ネットワークシステム　構内ＬＡＮ機器　中央監視装置　入退室装置　複写機　ファクシミリ　パソコン　監視カメラ　ＷＥＢカメラ　大型ディスプレイ装置　電光表示装置３；電話交換機、電話機、通信機器　ネットワークシステム　中央監視装置　入退出装置　複写機　ファクシミリ　パソコン　監視カメラ　ＷＥＢカメラ　大型ディスプレイ装置　電光表示装置４；</v>
          </cell>
          <cell r="AF2366" t="str">
            <v>通信全般の工事及び保守。特に電話交換機設備、ビル管理、消防指令設備、監視カメラ設備及び学校関係のシステムを得意とします。物品は通信機器、パソコン、映像機器、複合機等の情報通信機器を中心に販売します。</v>
          </cell>
        </row>
        <row r="2367">
          <cell r="B2367">
            <v>10708</v>
          </cell>
          <cell r="C2367" t="str">
            <v>アズビル(株)</v>
          </cell>
          <cell r="D2367" t="str">
            <v>06-6105-3980</v>
          </cell>
          <cell r="E2367" t="str">
            <v>530-6038</v>
          </cell>
          <cell r="F2367" t="str">
            <v>大阪府大阪市北区天満橋一丁目8番30号</v>
          </cell>
          <cell r="G2367" t="str">
            <v>大阪市</v>
          </cell>
          <cell r="H2367" t="str">
            <v>ビルシステムカンパニー関西支社</v>
          </cell>
          <cell r="I2367" t="str">
            <v>執行役員支社長 武田　知行</v>
          </cell>
          <cell r="J2367" t="str">
            <v>東京都</v>
          </cell>
          <cell r="K2367" t="str">
            <v>06-6105-3990</v>
          </cell>
          <cell r="L2367" t="str">
            <v>azbil_nyusatsu@azbil.com</v>
          </cell>
          <cell r="M2367" t="str">
            <v>ｱｽﾞﾋﾞﾙ</v>
          </cell>
          <cell r="N2367" t="str">
            <v>有</v>
          </cell>
          <cell r="O2367">
            <v>112</v>
          </cell>
          <cell r="P2367">
            <v>5043</v>
          </cell>
          <cell r="Q2367">
            <v>9010001096367</v>
          </cell>
          <cell r="R2367">
            <v>10522716</v>
          </cell>
          <cell r="S2367">
            <v>157064611</v>
          </cell>
          <cell r="T2367">
            <v>184920257</v>
          </cell>
          <cell r="V2367" t="str">
            <v>mk449310</v>
          </cell>
          <cell r="W2367" t="str">
            <v>qr191999</v>
          </cell>
          <cell r="Y2367" t="str">
            <v>41，46，47，48，</v>
          </cell>
          <cell r="Z2367">
            <v>46</v>
          </cell>
          <cell r="AA2367">
            <v>47</v>
          </cell>
          <cell r="AB2367">
            <v>48</v>
          </cell>
          <cell r="AC2367" t="str">
            <v/>
          </cell>
          <cell r="AD2367" t="str">
            <v/>
          </cell>
          <cell r="AE2367" t="str">
            <v>１；２；３；４；</v>
          </cell>
          <cell r="AF2367" t="str">
            <v>工業用から建物設備の自動制御機器及び中央監視装置メーカとしてだけで無く、施工から保守まで一貫とした体制でお客様に安心快適さの追求に応えています。</v>
          </cell>
        </row>
        <row r="2368">
          <cell r="B2368">
            <v>10710</v>
          </cell>
          <cell r="C2368" t="str">
            <v>日本カルミック(株)</v>
          </cell>
          <cell r="D2368" t="str">
            <v>03-3230-6753</v>
          </cell>
          <cell r="E2368" t="str">
            <v>102-0074</v>
          </cell>
          <cell r="F2368" t="str">
            <v>東京都千代田区九段南1-5-10</v>
          </cell>
          <cell r="G2368" t="str">
            <v>東京都</v>
          </cell>
          <cell r="H2368" t="str">
            <v/>
          </cell>
          <cell r="I2368" t="str">
            <v>代表取締役 高居　隆章</v>
          </cell>
          <cell r="J2368" t="str">
            <v>本店</v>
          </cell>
          <cell r="K2368" t="str">
            <v>03-3230-6767</v>
          </cell>
          <cell r="L2368" t="str">
            <v>mic@calmic.co.jp</v>
          </cell>
          <cell r="M2368" t="str">
            <v>ﾆｯﾎﾟﾝｶﾙﾐｯｸ</v>
          </cell>
          <cell r="N2368" t="str">
            <v>無</v>
          </cell>
          <cell r="O2368">
            <v>49</v>
          </cell>
          <cell r="P2368">
            <v>543</v>
          </cell>
          <cell r="Q2368">
            <v>8010001032991</v>
          </cell>
          <cell r="R2368">
            <v>20000</v>
          </cell>
          <cell r="S2368">
            <v>7173022</v>
          </cell>
          <cell r="T2368">
            <v>14244717</v>
          </cell>
          <cell r="V2368" t="str">
            <v>qj515503</v>
          </cell>
          <cell r="W2368" t="str">
            <v>uh133639</v>
          </cell>
          <cell r="Y2368" t="str">
            <v>44，46，51，52，54，</v>
          </cell>
          <cell r="Z2368" t="str">
            <v/>
          </cell>
          <cell r="AA2368" t="str">
            <v/>
          </cell>
          <cell r="AB2368" t="str">
            <v/>
          </cell>
          <cell r="AC2368" t="str">
            <v/>
          </cell>
          <cell r="AD2368" t="str">
            <v/>
          </cell>
          <cell r="AE2368" t="str">
            <v>１；２；３；４；</v>
          </cell>
          <cell r="AF2368" t="str">
            <v>サニタイザーＭＫ７（カルミックエアーユニット）は特許品で、水洗トイレの殺菌洗浄・脱臭にかなりの効果があります。</v>
          </cell>
        </row>
        <row r="2369">
          <cell r="B2369">
            <v>10712</v>
          </cell>
          <cell r="C2369" t="str">
            <v>(株)スナミ</v>
          </cell>
          <cell r="D2369" t="str">
            <v>078-241-7301</v>
          </cell>
          <cell r="E2369" t="str">
            <v>650-0001</v>
          </cell>
          <cell r="F2369" t="str">
            <v>兵庫県神戸市中央区加納町2-6-26</v>
          </cell>
          <cell r="G2369" t="str">
            <v>神戸市</v>
          </cell>
          <cell r="H2369" t="str">
            <v/>
          </cell>
          <cell r="I2369" t="str">
            <v>代表取締役社長 東海林　隆</v>
          </cell>
          <cell r="J2369" t="str">
            <v>本店</v>
          </cell>
          <cell r="K2369" t="str">
            <v>078-241-7309</v>
          </cell>
          <cell r="L2369" t="str">
            <v>info@kk-sunami.com</v>
          </cell>
          <cell r="M2369" t="str">
            <v>ｽﾅﾐ</v>
          </cell>
          <cell r="N2369" t="str">
            <v>無</v>
          </cell>
          <cell r="O2369">
            <v>96</v>
          </cell>
          <cell r="P2369">
            <v>12</v>
          </cell>
          <cell r="Q2369">
            <v>9140001008672</v>
          </cell>
          <cell r="R2369">
            <v>10000</v>
          </cell>
          <cell r="S2369">
            <v>55316</v>
          </cell>
          <cell r="T2369">
            <v>411811</v>
          </cell>
          <cell r="V2369" t="str">
            <v>mx570633</v>
          </cell>
          <cell r="W2369" t="str">
            <v>qq117959</v>
          </cell>
          <cell r="Y2369" t="str">
            <v>049，12，14，24，27，38，39，49，</v>
          </cell>
          <cell r="Z2369">
            <v>38</v>
          </cell>
          <cell r="AA2369">
            <v>24</v>
          </cell>
          <cell r="AB2369">
            <v>14</v>
          </cell>
          <cell r="AC2369">
            <v>49</v>
          </cell>
          <cell r="AD2369" t="str">
            <v>（代）ヤガミ、アイリスチトセ、日学、高度管理医療機器等販売業許可（神保第０５３ＳＶ００７０）</v>
          </cell>
          <cell r="AE2369" t="str">
            <v>１；（特）トーハツ、（代）モリタ宮田工業、（代）赤尾、（代）初田製作所、（特）芦森工業、（代）オリロー２；（代）モリタ、（特）トーハツ３；（特）オカムラ、（特）ナイキ、（代）生興４；自社</v>
          </cell>
          <cell r="AF2369" t="str">
            <v>防災関連部門としては、消防車両をはじめ各種消防機材の販売、各種自動消火設備施工、消防設備の保守点検業務を行っております。また、オフィス家具なども扱っており、オカムラ製品をメインに、事務所から公共施設・学校等へ家具の提供を行っております。</v>
          </cell>
        </row>
        <row r="2370">
          <cell r="B2370">
            <v>10715</v>
          </cell>
          <cell r="C2370" t="str">
            <v>(株)ヒューマンネット</v>
          </cell>
          <cell r="D2370" t="str">
            <v>076-236-4266</v>
          </cell>
          <cell r="E2370" t="str">
            <v>920-0024</v>
          </cell>
          <cell r="F2370" t="str">
            <v>石川県金沢市西念3-15-23</v>
          </cell>
          <cell r="G2370" t="str">
            <v>金沢市</v>
          </cell>
          <cell r="H2370" t="str">
            <v/>
          </cell>
          <cell r="I2370" t="str">
            <v>代表取締役 川畑　明</v>
          </cell>
          <cell r="J2370" t="str">
            <v>本店</v>
          </cell>
          <cell r="K2370" t="str">
            <v>076-236-4286</v>
          </cell>
          <cell r="L2370" t="str">
            <v>general@phisnet.ne.jp</v>
          </cell>
          <cell r="M2370" t="str">
            <v>ﾋｭｰﾏﾝﾈｯﾄ</v>
          </cell>
          <cell r="N2370" t="str">
            <v>無</v>
          </cell>
          <cell r="O2370">
            <v>29</v>
          </cell>
          <cell r="P2370">
            <v>20</v>
          </cell>
          <cell r="Q2370">
            <v>3220001005527</v>
          </cell>
          <cell r="R2370">
            <v>15000</v>
          </cell>
          <cell r="S2370">
            <v>52783</v>
          </cell>
          <cell r="T2370">
            <v>532422</v>
          </cell>
          <cell r="V2370" t="str">
            <v>ww479352</v>
          </cell>
          <cell r="W2370" t="str">
            <v>jm839583</v>
          </cell>
          <cell r="Y2370" t="str">
            <v>44，57，58，</v>
          </cell>
          <cell r="Z2370">
            <v>58</v>
          </cell>
          <cell r="AA2370">
            <v>57</v>
          </cell>
          <cell r="AB2370" t="str">
            <v/>
          </cell>
          <cell r="AC2370" t="str">
            <v/>
          </cell>
          <cell r="AD2370" t="str">
            <v/>
          </cell>
          <cell r="AE2370" t="str">
            <v>１；公営住宅の入居管理システム、修繕管理システムを中心に開発・保守等の業務を行っています。２；システム開発に伴うデータ移行や処理、デジタル図面の作成等の業務を行っています。３；４；</v>
          </cell>
          <cell r="AF2370" t="str">
            <v>公営住宅管理業務の指定管理者として実務を行いながら、自社の情報システム開発部門で公営住宅管理に特化したシステムソフトウェアを開発しており、全国の多数の自治体にて導入いただいています。</v>
          </cell>
        </row>
        <row r="2371">
          <cell r="B2371">
            <v>10716</v>
          </cell>
          <cell r="C2371" t="str">
            <v>(株)ＧＥＯソリューションズ</v>
          </cell>
          <cell r="D2371" t="str">
            <v>0798-37-1280</v>
          </cell>
          <cell r="E2371" t="str">
            <v>662-0971</v>
          </cell>
          <cell r="F2371" t="str">
            <v>兵庫県西宮市和上町1-31</v>
          </cell>
          <cell r="G2371" t="str">
            <v>西宮市</v>
          </cell>
          <cell r="H2371" t="str">
            <v/>
          </cell>
          <cell r="I2371" t="str">
            <v>代表取締役 藤井　達司</v>
          </cell>
          <cell r="J2371" t="str">
            <v>本店</v>
          </cell>
          <cell r="K2371" t="str">
            <v>0798-37-1281</v>
          </cell>
          <cell r="L2371" t="str">
            <v>info@geo-sol.co.jp</v>
          </cell>
          <cell r="M2371" t="str">
            <v>ｼﾞｵｿﾘｭｰｼｮﾝｽﾞ</v>
          </cell>
          <cell r="N2371" t="str">
            <v>無</v>
          </cell>
          <cell r="O2371">
            <v>13</v>
          </cell>
          <cell r="P2371">
            <v>56</v>
          </cell>
          <cell r="Q2371">
            <v>2140001072031</v>
          </cell>
          <cell r="R2371">
            <v>13000</v>
          </cell>
          <cell r="S2371">
            <v>69962</v>
          </cell>
          <cell r="T2371">
            <v>437268</v>
          </cell>
          <cell r="V2371" t="str">
            <v>zq523700</v>
          </cell>
          <cell r="W2371" t="str">
            <v>bm137378</v>
          </cell>
          <cell r="Y2371" t="str">
            <v>58，72，</v>
          </cell>
          <cell r="Z2371" t="str">
            <v/>
          </cell>
          <cell r="AA2371" t="str">
            <v/>
          </cell>
          <cell r="AB2371" t="str">
            <v/>
          </cell>
          <cell r="AC2371" t="str">
            <v/>
          </cell>
          <cell r="AD2371" t="str">
            <v/>
          </cell>
          <cell r="AE2371" t="str">
            <v>１；自社で利用するシステム開発から、デジタル図化システム・オルソ作成システム・点群データ編集システム等・ＷｅｂＧＩＳシステムの保有開発２；３；４；</v>
          </cell>
          <cell r="AF2371" t="str">
            <v>測量業務は、航空写真測量・オルソ画像作成・ＷｅｂＧＩＳ・３次元図化・各種道路台帳等を主力としています。システム開発では、デジタル図化・オルソ作成・点群データ編集システムの開発等を行っています。ドローンを使った写真測量なども行っております。</v>
          </cell>
        </row>
        <row r="2372">
          <cell r="B2372">
            <v>10720</v>
          </cell>
          <cell r="C2372" t="str">
            <v>(株)モリタ</v>
          </cell>
          <cell r="D2372" t="str">
            <v>079-568-7970</v>
          </cell>
          <cell r="E2372" t="str">
            <v>669-1339</v>
          </cell>
          <cell r="F2372" t="str">
            <v>兵庫県三田市ﾃｸﾉﾊﾟｰｸ2-3</v>
          </cell>
          <cell r="G2372" t="str">
            <v>三田市</v>
          </cell>
          <cell r="H2372" t="str">
            <v>関西支店</v>
          </cell>
          <cell r="I2372" t="str">
            <v>支店長 土居　典生</v>
          </cell>
          <cell r="J2372" t="str">
            <v>兵庫県三田市</v>
          </cell>
          <cell r="K2372" t="str">
            <v>079-568-7971</v>
          </cell>
          <cell r="L2372" t="str">
            <v>osaka-pump@morita119.com</v>
          </cell>
          <cell r="M2372" t="str">
            <v>ﾓﾘﾀ</v>
          </cell>
          <cell r="N2372" t="str">
            <v>有</v>
          </cell>
          <cell r="O2372">
            <v>111</v>
          </cell>
          <cell r="P2372">
            <v>432</v>
          </cell>
          <cell r="Q2372">
            <v>3140001067146</v>
          </cell>
          <cell r="R2372">
            <v>1000000</v>
          </cell>
          <cell r="S2372">
            <v>6605745</v>
          </cell>
          <cell r="T2372">
            <v>28437831</v>
          </cell>
          <cell r="V2372" t="str">
            <v>zx393369</v>
          </cell>
          <cell r="W2372" t="str">
            <v>ｒa195769</v>
          </cell>
          <cell r="Y2372" t="str">
            <v>24，26，38，</v>
          </cell>
          <cell r="Z2372">
            <v>24</v>
          </cell>
          <cell r="AA2372">
            <v>38</v>
          </cell>
          <cell r="AB2372">
            <v>26</v>
          </cell>
          <cell r="AC2372" t="str">
            <v/>
          </cell>
          <cell r="AD2372" t="str">
            <v/>
          </cell>
          <cell r="AE2372" t="str">
            <v>１；各種消防車両製造販売２；消防ホース、各種救助資機材等販売３；自動車分解整備事業認証書所有４；</v>
          </cell>
          <cell r="AF2372" t="str">
            <v>ポンプ付消防自動車、水槽付消防ポンプ自動車、梯子付消防ポンプ自動車、化学消防ポンプ自動車、支援車等の製造販売。消火薬剤、各種救助資機材、化学防護服、ガス検知器等の製造販売。</v>
          </cell>
        </row>
        <row r="2373">
          <cell r="B2373">
            <v>10721</v>
          </cell>
          <cell r="C2373" t="str">
            <v>ティーペック(株)</v>
          </cell>
          <cell r="D2373" t="str">
            <v>03-3839-1100</v>
          </cell>
          <cell r="E2373" t="str">
            <v>110-0005</v>
          </cell>
          <cell r="F2373" t="str">
            <v>東京都台東区上野五丁目6番10号</v>
          </cell>
          <cell r="G2373" t="str">
            <v>東京都</v>
          </cell>
          <cell r="H2373" t="str">
            <v/>
          </cell>
          <cell r="I2373" t="str">
            <v>代表取締役 鼠家　和彦</v>
          </cell>
          <cell r="J2373" t="str">
            <v>本店</v>
          </cell>
          <cell r="K2373" t="str">
            <v>03-3839-1101</v>
          </cell>
          <cell r="L2373" t="str">
            <v>fuda@t-pec.co.jp</v>
          </cell>
          <cell r="M2373" t="str">
            <v>ﾃｨｰﾍﾟｯｸ</v>
          </cell>
          <cell r="N2373" t="str">
            <v>無</v>
          </cell>
          <cell r="O2373">
            <v>29</v>
          </cell>
          <cell r="P2373">
            <v>264</v>
          </cell>
          <cell r="Q2373">
            <v>2010001023468</v>
          </cell>
          <cell r="R2373">
            <v>250000</v>
          </cell>
          <cell r="S2373">
            <v>1701107</v>
          </cell>
          <cell r="T2373">
            <v>4743704</v>
          </cell>
          <cell r="V2373" t="str">
            <v>ya800530</v>
          </cell>
          <cell r="W2373" t="str">
            <v>dd186699</v>
          </cell>
          <cell r="Y2373" t="str">
            <v>60，77，</v>
          </cell>
          <cell r="Z2373">
            <v>80</v>
          </cell>
          <cell r="AA2373">
            <v>77</v>
          </cell>
          <cell r="AB2373">
            <v>60</v>
          </cell>
          <cell r="AC2373" t="str">
            <v/>
          </cell>
          <cell r="AD2373" t="str">
            <v/>
          </cell>
          <cell r="AE2373" t="str">
            <v>１；各種健康相談（小児・救急医療・介護相談等）、手配紹介業、メンタルヘルス事業（研修／セミナー含む）※ストレスチェックを除く、生活習慣病に関するセミナー・相談・手配紹介２；メンタルヘルス・ストレスに関する調査（ストレスチェック）３；介護に関する相談、認知症対策４；</v>
          </cell>
          <cell r="AF2373" t="str">
            <v>検査・測定・調査、福士サービス、その他</v>
          </cell>
        </row>
        <row r="2374">
          <cell r="B2374">
            <v>10722</v>
          </cell>
          <cell r="C2374" t="str">
            <v>ムサシ・アイ・テクノ(株)</v>
          </cell>
          <cell r="D2374" t="str">
            <v>06-6744-6311</v>
          </cell>
          <cell r="E2374" t="str">
            <v>577-0013</v>
          </cell>
          <cell r="F2374" t="str">
            <v>大阪府東大阪市長田中3-6-1</v>
          </cell>
          <cell r="G2374" t="str">
            <v>東大阪市</v>
          </cell>
          <cell r="H2374" t="str">
            <v/>
          </cell>
          <cell r="I2374" t="str">
            <v>代表取締役 平口　恵三</v>
          </cell>
          <cell r="J2374" t="str">
            <v>本店</v>
          </cell>
          <cell r="K2374" t="str">
            <v>06-6744-6315</v>
          </cell>
          <cell r="L2374" t="str">
            <v>info@musashi-i-techno.co.jp</v>
          </cell>
          <cell r="M2374" t="str">
            <v>ﾑｻｼ･ｱｲ･ﾃｸﾉ</v>
          </cell>
          <cell r="N2374" t="str">
            <v>無</v>
          </cell>
          <cell r="O2374">
            <v>56</v>
          </cell>
          <cell r="P2374">
            <v>65</v>
          </cell>
          <cell r="Q2374">
            <v>7122001012170</v>
          </cell>
          <cell r="R2374">
            <v>20000</v>
          </cell>
          <cell r="S2374">
            <v>4775</v>
          </cell>
          <cell r="T2374">
            <v>507737</v>
          </cell>
          <cell r="V2374" t="str">
            <v>bb715841</v>
          </cell>
          <cell r="W2374" t="str">
            <v>xf156886</v>
          </cell>
          <cell r="Y2374" t="str">
            <v>075，36，57，71，75，</v>
          </cell>
          <cell r="Z2374">
            <v>57</v>
          </cell>
          <cell r="AA2374">
            <v>71</v>
          </cell>
          <cell r="AB2374">
            <v>36</v>
          </cell>
          <cell r="AC2374">
            <v>75</v>
          </cell>
          <cell r="AD2374" t="str">
            <v>プライバシーマーク登録証・マネジメントシステム登録証</v>
          </cell>
          <cell r="AE2374" t="str">
            <v>１；データパンチ入力・ペーパースキャニング・フイルムスキャニング２；マイクロ撮影・複製作成・新聞マイクロ販売３；マイクロフイルム関連機器機材販売４；</v>
          </cell>
          <cell r="AF2374" t="str">
            <v>イメージ情報処理業務としてマイクロ撮影、ペーパースキャニング、マイクロコンバートを受託し、近年電子化の売上割合が増加しています。又電子化に伴いデータ入力業務にも注力しています。</v>
          </cell>
        </row>
        <row r="2375">
          <cell r="B2375">
            <v>10723</v>
          </cell>
          <cell r="C2375" t="str">
            <v>(株)インターネットイニシアティブ</v>
          </cell>
          <cell r="D2375" t="str">
            <v>03-5205-6500</v>
          </cell>
          <cell r="E2375" t="str">
            <v>102-0071</v>
          </cell>
          <cell r="F2375" t="str">
            <v>東京都千代田区富士見2-10-2</v>
          </cell>
          <cell r="G2375" t="str">
            <v>東京都</v>
          </cell>
          <cell r="H2375" t="str">
            <v/>
          </cell>
          <cell r="I2375" t="str">
            <v>代表取締役社長 勝　栄二郎</v>
          </cell>
          <cell r="J2375" t="str">
            <v>本店</v>
          </cell>
          <cell r="K2375" t="str">
            <v>03-5205-6441</v>
          </cell>
          <cell r="L2375" t="str">
            <v>bid-kansai@iij.ad.jp</v>
          </cell>
          <cell r="M2375" t="str">
            <v>ｲﾝﾀｰﾈｯﾄｲﾆｼｱﾃｨﾌﾞ</v>
          </cell>
          <cell r="N2375" t="str">
            <v>無</v>
          </cell>
          <cell r="O2375">
            <v>26</v>
          </cell>
          <cell r="P2375">
            <v>1966</v>
          </cell>
          <cell r="Q2375">
            <v>6010001011147</v>
          </cell>
          <cell r="R2375">
            <v>22960636</v>
          </cell>
          <cell r="S2375">
            <v>66090481</v>
          </cell>
          <cell r="T2375">
            <v>139436288</v>
          </cell>
          <cell r="V2375" t="str">
            <v>qx733900</v>
          </cell>
          <cell r="W2375" t="str">
            <v>qb181863</v>
          </cell>
          <cell r="Y2375" t="str">
            <v>044，36，44，58，</v>
          </cell>
          <cell r="Z2375">
            <v>80</v>
          </cell>
          <cell r="AA2375">
            <v>58</v>
          </cell>
          <cell r="AB2375">
            <v>36</v>
          </cell>
          <cell r="AC2375">
            <v>44</v>
          </cell>
          <cell r="AD2375" t="str">
            <v/>
          </cell>
          <cell r="AE2375" t="str">
            <v>１；インターネット接続、接続付加サービス、クラウドサービス、データセンタサービス、ネットワーク構築・運用・管理２；システムインテグレーション、ホームページ作成３；通信機器、ｉＰａｄの販売４；ルータ等通信機器の賃貸借</v>
          </cell>
          <cell r="AF2375" t="str">
            <v>インターネット接続サービス、接続付加サービス、クラウドサービス、データセンターサービス、ネットワークの構築・運用・管理、システムインテグレーション、通信機器の賃貸借・販売、ｉＰａｄの販売、ホームページ作成</v>
          </cell>
        </row>
        <row r="2376">
          <cell r="B2376">
            <v>10725</v>
          </cell>
          <cell r="C2376" t="str">
            <v>神戸調理機(株)</v>
          </cell>
          <cell r="D2376" t="str">
            <v>078-974-5525</v>
          </cell>
          <cell r="E2376" t="str">
            <v>651-2113</v>
          </cell>
          <cell r="F2376" t="str">
            <v>兵庫県神戸市西区伊川谷町有瀬702-3</v>
          </cell>
          <cell r="G2376" t="str">
            <v>神戸市</v>
          </cell>
          <cell r="H2376" t="str">
            <v/>
          </cell>
          <cell r="I2376" t="str">
            <v>代表取締役 黒岩　栄太郎</v>
          </cell>
          <cell r="J2376" t="str">
            <v>本店</v>
          </cell>
          <cell r="K2376" t="str">
            <v>078-974-7976</v>
          </cell>
          <cell r="L2376" t="str">
            <v>choriki@pure.ne.jp</v>
          </cell>
          <cell r="M2376" t="str">
            <v>ｺｳﾍﾞﾁｮｳﾘｷ</v>
          </cell>
          <cell r="N2376" t="str">
            <v>無</v>
          </cell>
          <cell r="O2376">
            <v>49</v>
          </cell>
          <cell r="P2376">
            <v>6</v>
          </cell>
          <cell r="Q2376">
            <v>7140001005580</v>
          </cell>
          <cell r="R2376">
            <v>10000</v>
          </cell>
          <cell r="S2376">
            <v>17433</v>
          </cell>
          <cell r="T2376">
            <v>135384</v>
          </cell>
          <cell r="V2376" t="str">
            <v>gn725815</v>
          </cell>
          <cell r="W2376" t="str">
            <v>fr119389</v>
          </cell>
          <cell r="Y2376" t="str">
            <v>05，37，</v>
          </cell>
          <cell r="Z2376" t="str">
            <v/>
          </cell>
          <cell r="AA2376" t="str">
            <v/>
          </cell>
          <cell r="AB2376" t="str">
            <v/>
          </cell>
          <cell r="AC2376" t="str">
            <v/>
          </cell>
          <cell r="AD2376" t="str">
            <v/>
          </cell>
          <cell r="AE2376" t="str">
            <v>１；ホシザキ阪神（株）・（株）明城製作所・服部工業（株）・高川産業（株）・タニコー（株）・（株）マルゼン・日本洗浄機（株）２；国際化工（株）・三信加工（株）・遠藤商事（株）・　シーバイエス（株）３；４；</v>
          </cell>
          <cell r="AF2376" t="str">
            <v>業務用厨房機器・食品加工機械器具の設計、施工、販売、厨房関係什器・備品の販売を中心とし、敏速・丁寧をモットーに誠心誠意対応しております。</v>
          </cell>
        </row>
        <row r="2377">
          <cell r="B2377">
            <v>10726</v>
          </cell>
          <cell r="C2377" t="str">
            <v>日本アイ・ビー・エム(株)</v>
          </cell>
          <cell r="D2377" t="str">
            <v>03-6667-1111</v>
          </cell>
          <cell r="E2377" t="str">
            <v>103-8510</v>
          </cell>
          <cell r="F2377" t="str">
            <v>東京都中央区日本橋箱崎町19-21</v>
          </cell>
          <cell r="G2377" t="str">
            <v>東京都</v>
          </cell>
          <cell r="H2377" t="str">
            <v/>
          </cell>
          <cell r="I2377" t="str">
            <v>代表取締役 山口　明夫</v>
          </cell>
          <cell r="J2377" t="str">
            <v>本店</v>
          </cell>
          <cell r="K2377" t="str">
            <v/>
          </cell>
          <cell r="L2377" t="str">
            <v>EB52770@jp.ibm.com</v>
          </cell>
          <cell r="M2377" t="str">
            <v>ﾆﾎﾝｱｲ･ﾋﾞｰ･ｴﾑ</v>
          </cell>
          <cell r="N2377" t="str">
            <v>無</v>
          </cell>
          <cell r="O2377">
            <v>81</v>
          </cell>
          <cell r="P2377">
            <v>12526</v>
          </cell>
          <cell r="Q2377">
            <v>1010001128061</v>
          </cell>
          <cell r="R2377">
            <v>103500000</v>
          </cell>
          <cell r="S2377">
            <v>176724000</v>
          </cell>
          <cell r="T2377">
            <v>895318000</v>
          </cell>
          <cell r="V2377" t="str">
            <v>vd341600</v>
          </cell>
          <cell r="W2377" t="str">
            <v>wt185895</v>
          </cell>
          <cell r="Y2377" t="str">
            <v>044，36，44，57，58，</v>
          </cell>
          <cell r="Z2377">
            <v>36</v>
          </cell>
          <cell r="AA2377">
            <v>58</v>
          </cell>
          <cell r="AB2377">
            <v>57</v>
          </cell>
          <cell r="AC2377">
            <v>44</v>
          </cell>
          <cell r="AD2377" t="str">
            <v/>
          </cell>
          <cell r="AE2377" t="str">
            <v>１；サーバー、ワークステーション、ストレージシステム、インダストリーズシステム２；システムインテグレーション、アプリケーション開発・保守、アウトソーシング、システム及びネットワーク運用・監理・搬入・保守サービス３；ビジネス・トランスフォーメーション・アウトソーシング４；上記ハードウェアのリースおよびソフトウェア、サービスのファイナンシング</v>
          </cell>
          <cell r="AF2377" t="str">
            <v>電子計算機、及び情報処理組織の製造・輸出入・販売・賃貸、これらに関する保守サービス、サービスの提供前述に関する消耗品の販売、ならびに情報通信サービス</v>
          </cell>
        </row>
        <row r="2378">
          <cell r="B2378">
            <v>10728</v>
          </cell>
          <cell r="C2378" t="str">
            <v>(株)カンポ</v>
          </cell>
          <cell r="D2378" t="str">
            <v>075-933-6030</v>
          </cell>
          <cell r="E2378" t="str">
            <v>612-8486</v>
          </cell>
          <cell r="F2378" t="str">
            <v>京都府京都市伏見区羽束師古川町233</v>
          </cell>
          <cell r="G2378" t="str">
            <v>京都市</v>
          </cell>
          <cell r="H2378" t="str">
            <v/>
          </cell>
          <cell r="I2378" t="str">
            <v>代表取締役 横山　秀昭</v>
          </cell>
          <cell r="J2378" t="str">
            <v>本店</v>
          </cell>
          <cell r="K2378" t="str">
            <v>075-934-5491</v>
          </cell>
          <cell r="L2378" t="str">
            <v>kanri@campo.co.jp</v>
          </cell>
          <cell r="M2378" t="str">
            <v>ｶﾝﾎﾟ</v>
          </cell>
          <cell r="N2378" t="str">
            <v>無</v>
          </cell>
          <cell r="O2378">
            <v>50</v>
          </cell>
          <cell r="P2378">
            <v>176</v>
          </cell>
          <cell r="Q2378">
            <v>5130001014163</v>
          </cell>
          <cell r="R2378">
            <v>30000</v>
          </cell>
          <cell r="S2378">
            <v>1741555</v>
          </cell>
          <cell r="T2378">
            <v>2145167</v>
          </cell>
          <cell r="V2378" t="str">
            <v>ms852276</v>
          </cell>
          <cell r="W2378" t="str">
            <v>mi178813</v>
          </cell>
          <cell r="Y2378" t="str">
            <v>67，68，69，</v>
          </cell>
          <cell r="Z2378">
            <v>68</v>
          </cell>
          <cell r="AA2378">
            <v>69</v>
          </cell>
          <cell r="AB2378">
            <v>67</v>
          </cell>
          <cell r="AC2378" t="str">
            <v/>
          </cell>
          <cell r="AD2378" t="str">
            <v/>
          </cell>
          <cell r="AE2378" t="str">
            <v>１；産業廃棄物収集運搬・処理、特別管理産業廃棄物収取運搬２；廃棄物再生事業者３；一般貨物自動車運送業４；</v>
          </cell>
          <cell r="AF2378" t="str">
            <v>近畿地区を中心に産業廃棄物の収集運搬を行っており、京都市では廃棄物選別・圧縮固化、資源ごみの選別等の処分業を行っています。また、滋賀県では廃棄物の焼却・選別圧縮固化も行っております。</v>
          </cell>
        </row>
        <row r="2379">
          <cell r="B2379">
            <v>10729</v>
          </cell>
          <cell r="C2379" t="str">
            <v>(株)地域社会研究所</v>
          </cell>
          <cell r="D2379" t="str">
            <v>075-212-8181</v>
          </cell>
          <cell r="E2379" t="str">
            <v>604-8151</v>
          </cell>
          <cell r="F2379" t="str">
            <v>京都府京都市中京区蛸薬師通烏丸西入橋弁慶町228</v>
          </cell>
          <cell r="G2379" t="str">
            <v>京都市</v>
          </cell>
          <cell r="H2379" t="str">
            <v/>
          </cell>
          <cell r="I2379" t="str">
            <v>代表取締役社長 大橋　浩</v>
          </cell>
          <cell r="J2379" t="str">
            <v>本店</v>
          </cell>
          <cell r="K2379" t="str">
            <v>075-212-8122</v>
          </cell>
          <cell r="L2379" t="str">
            <v>chishaken@icom-kyoto.jp</v>
          </cell>
          <cell r="M2379" t="str">
            <v>ﾁｲｷｼｬｶｲｹﾝｷｭｳｼｮ</v>
          </cell>
          <cell r="N2379" t="str">
            <v>無</v>
          </cell>
          <cell r="O2379">
            <v>27</v>
          </cell>
          <cell r="P2379">
            <v>9</v>
          </cell>
          <cell r="Q2379">
            <v>2130001021617</v>
          </cell>
          <cell r="R2379">
            <v>10000</v>
          </cell>
          <cell r="S2379">
            <v>-63011</v>
          </cell>
          <cell r="T2379">
            <v>78857</v>
          </cell>
          <cell r="V2379" t="str">
            <v>zf924160</v>
          </cell>
          <cell r="W2379" t="str">
            <v>so169351</v>
          </cell>
          <cell r="Y2379" t="str">
            <v>77，</v>
          </cell>
          <cell r="Z2379">
            <v>80</v>
          </cell>
          <cell r="AA2379">
            <v>77</v>
          </cell>
          <cell r="AB2379" t="str">
            <v/>
          </cell>
          <cell r="AC2379" t="str">
            <v/>
          </cell>
          <cell r="AD2379" t="str">
            <v/>
          </cell>
          <cell r="AE2379" t="str">
            <v>１；高齢者・障害者・子ども・地域等福祉、食育・健康等保健、人権、男女参画、産業、労働、雇用、観光、まちづくりなど計画策定業務。２；意識、世論、市場、実態、動向等アンケートや聞き取り調査、計画策定にかかる調査、及び集計、分析業務。３；４；</v>
          </cell>
          <cell r="AF2379" t="str">
            <v>主に、官公庁行政計画策定業務及び調査、研究業務の受託。計画策定、総合計画、人口ビジョン、及び計画策定に係るアンケート調査、集計、分析業務など。</v>
          </cell>
        </row>
        <row r="2380">
          <cell r="B2380">
            <v>10731</v>
          </cell>
          <cell r="C2380" t="str">
            <v>アマノ(株)</v>
          </cell>
          <cell r="D2380" t="str">
            <v>06-6531-9915</v>
          </cell>
          <cell r="E2380" t="str">
            <v>550-0012</v>
          </cell>
          <cell r="F2380" t="str">
            <v>大阪府大阪市西区立売堀1-6-17</v>
          </cell>
          <cell r="G2380" t="str">
            <v>大阪市</v>
          </cell>
          <cell r="H2380" t="str">
            <v>大阪支店</v>
          </cell>
          <cell r="I2380" t="str">
            <v>支店長 林　真広</v>
          </cell>
          <cell r="J2380" t="str">
            <v>神奈川県横浜市</v>
          </cell>
          <cell r="K2380" t="str">
            <v>06-6539-2061</v>
          </cell>
          <cell r="L2380" t="str">
            <v>amano_kinki@amano.co.jp</v>
          </cell>
          <cell r="M2380" t="str">
            <v>ｱﾏﾉ</v>
          </cell>
          <cell r="N2380" t="str">
            <v>有</v>
          </cell>
          <cell r="O2380">
            <v>87</v>
          </cell>
          <cell r="P2380">
            <v>2108</v>
          </cell>
          <cell r="Q2380">
            <v>3020001019365</v>
          </cell>
          <cell r="R2380">
            <v>18239589</v>
          </cell>
          <cell r="S2380">
            <v>99973165</v>
          </cell>
          <cell r="T2380">
            <v>124405000</v>
          </cell>
          <cell r="V2380" t="str">
            <v>gs146864</v>
          </cell>
          <cell r="W2380" t="str">
            <v>rm183315</v>
          </cell>
          <cell r="Y2380" t="str">
            <v>048，05，14，35，36，46，47，48，58，76，</v>
          </cell>
          <cell r="Z2380">
            <v>14</v>
          </cell>
          <cell r="AA2380">
            <v>58</v>
          </cell>
          <cell r="AB2380">
            <v>80</v>
          </cell>
          <cell r="AC2380">
            <v>48</v>
          </cell>
          <cell r="AD2380" t="str">
            <v/>
          </cell>
          <cell r="AE2380" t="str">
            <v>１；タイムレコーダー、タイムスタンプ、システムタイムレコーダー、カードラック、職員証、ＩＤカード発行機、サプライ品（タイムカード、駐車券、タイムレジロール紙、給与明細書、法定帳票）２；就業・給与・入室・人事・食堂管理システム、駐車場・駐輪場管制システム３；駐車場管制機器、駐輪場管理機器、セキュリティーゲート、集塵機、空気輸送システム、産業用掃除機、床面洗浄機、ロボット掃除機、ポリッシャー４；駐車場管制機器保守、駐輪場管理機器保守、システムタイムレコーダー保守、集塵装置保守、洗浄機等クリーン機器保守</v>
          </cell>
          <cell r="AF2380" t="str">
            <v>情報システム事業（就業・給与・入室・人事・食堂システム）、時間管理機器事業（タイムレコーダー）、パーキングシステム事業（駐車場・駐輪場管制システム）、環境システム事業（集塵機、空気輸送装置）、クリーンシステム事業（床面洗浄機、ポリッシャー）の５つの事業を展開</v>
          </cell>
        </row>
        <row r="2381">
          <cell r="B2381">
            <v>10732</v>
          </cell>
          <cell r="C2381" t="str">
            <v>寺岡オート・ドアシステム(株)</v>
          </cell>
          <cell r="D2381" t="str">
            <v>078-822-1564</v>
          </cell>
          <cell r="E2381" t="str">
            <v>658-0053</v>
          </cell>
          <cell r="F2381" t="str">
            <v>兵庫県神戸市東灘区住吉宮町6-14-14</v>
          </cell>
          <cell r="G2381" t="str">
            <v>神戸市</v>
          </cell>
          <cell r="H2381" t="str">
            <v>神戸営業所</v>
          </cell>
          <cell r="I2381" t="str">
            <v>所長 大阪　貴寛</v>
          </cell>
          <cell r="J2381" t="str">
            <v>東京都</v>
          </cell>
          <cell r="K2381" t="str">
            <v>078-822-1879</v>
          </cell>
          <cell r="L2381" t="str">
            <v>mie.yoshida@teraoka-ads.co.jp</v>
          </cell>
          <cell r="M2381" t="str">
            <v>ﾃﾗｵｶ･ｵｰﾄﾄﾞｱｼｽﾃﾑ</v>
          </cell>
          <cell r="N2381" t="str">
            <v>有</v>
          </cell>
          <cell r="O2381">
            <v>53</v>
          </cell>
          <cell r="P2381">
            <v>275</v>
          </cell>
          <cell r="Q2381">
            <v>3010701006399</v>
          </cell>
          <cell r="R2381">
            <v>40000</v>
          </cell>
          <cell r="S2381">
            <v>1724696</v>
          </cell>
          <cell r="T2381">
            <v>5411237</v>
          </cell>
          <cell r="V2381" t="str">
            <v>uj399215</v>
          </cell>
          <cell r="W2381" t="str">
            <v>qu197899</v>
          </cell>
          <cell r="Y2381" t="str">
            <v>34，48，</v>
          </cell>
          <cell r="Z2381">
            <v>48</v>
          </cell>
          <cell r="AA2381">
            <v>34</v>
          </cell>
          <cell r="AB2381" t="str">
            <v/>
          </cell>
          <cell r="AC2381" t="str">
            <v/>
          </cell>
          <cell r="AD2381" t="str">
            <v/>
          </cell>
          <cell r="AE2381" t="str">
            <v>１；自動ドアの保守点検管理２；自動ドアの販売、施工３；４；</v>
          </cell>
          <cell r="AF2381" t="str">
            <v>当社の全身である寺岡精工が国内初の電動式自動ドアを開発して以来４９年間、業界のパイオニアとして自動ドアの開発、製造、販売、施工、修理、メンテナンスに携わってまいりました。</v>
          </cell>
        </row>
        <row r="2382">
          <cell r="B2382">
            <v>10733</v>
          </cell>
          <cell r="C2382" t="str">
            <v>富士産業(株)</v>
          </cell>
          <cell r="D2382" t="str">
            <v>06-4703-2345</v>
          </cell>
          <cell r="E2382" t="str">
            <v>559-0034</v>
          </cell>
          <cell r="F2382" t="str">
            <v>大阪府大阪市住之江区南港北2-1-10</v>
          </cell>
          <cell r="G2382" t="str">
            <v>大阪市</v>
          </cell>
          <cell r="H2382" t="str">
            <v/>
          </cell>
          <cell r="I2382" t="str">
            <v>代表取締役 栗田　隆志</v>
          </cell>
          <cell r="J2382" t="str">
            <v>本店</v>
          </cell>
          <cell r="K2382" t="str">
            <v>06-4703-1188</v>
          </cell>
          <cell r="L2382" t="str">
            <v>soumu@fuji-sangyou.co.jp</v>
          </cell>
          <cell r="M2382" t="str">
            <v>ﾌｼﾞｻﾝｷﾞｮｳ</v>
          </cell>
          <cell r="N2382" t="str">
            <v>無</v>
          </cell>
          <cell r="O2382">
            <v>38</v>
          </cell>
          <cell r="P2382">
            <v>151</v>
          </cell>
          <cell r="Q2382">
            <v>8120001088619</v>
          </cell>
          <cell r="R2382">
            <v>99000</v>
          </cell>
          <cell r="S2382">
            <v>714609</v>
          </cell>
          <cell r="T2382">
            <v>5639256</v>
          </cell>
          <cell r="V2382" t="str">
            <v>eq700816</v>
          </cell>
          <cell r="W2382" t="str">
            <v>dk189997</v>
          </cell>
          <cell r="Y2382" t="str">
            <v>44，</v>
          </cell>
          <cell r="Z2382">
            <v>44</v>
          </cell>
          <cell r="AA2382" t="str">
            <v/>
          </cell>
          <cell r="AB2382" t="str">
            <v/>
          </cell>
          <cell r="AC2382" t="str">
            <v/>
          </cell>
          <cell r="AD2382" t="str">
            <v/>
          </cell>
          <cell r="AE2382" t="str">
            <v>１；仮設建物、プレハブ、仮設トイレ２；３；４；</v>
          </cell>
          <cell r="AF2382" t="str">
            <v>プレハブ（仮設校舎、事務所、倉庫、応急仮設住宅等）工事、販売、リース・レンタル</v>
          </cell>
        </row>
        <row r="2383">
          <cell r="B2383">
            <v>10734</v>
          </cell>
          <cell r="C2383" t="str">
            <v>(株)トージツフーズ</v>
          </cell>
          <cell r="D2383" t="str">
            <v>06-6267-7177</v>
          </cell>
          <cell r="E2383" t="str">
            <v>541-0056</v>
          </cell>
          <cell r="F2383" t="str">
            <v>大阪府大阪市中央区久太郎町2-4-27</v>
          </cell>
          <cell r="G2383" t="str">
            <v>大阪市</v>
          </cell>
          <cell r="H2383" t="str">
            <v/>
          </cell>
          <cell r="I2383" t="str">
            <v>代表取締役 石田　久</v>
          </cell>
          <cell r="J2383" t="str">
            <v>本店</v>
          </cell>
          <cell r="K2383" t="str">
            <v>06-6267-7180</v>
          </cell>
          <cell r="L2383" t="str">
            <v>food-service@tojitsufoods.co.jp</v>
          </cell>
          <cell r="M2383" t="str">
            <v>ﾄｰｼﾞﾂﾌｰｽﾞ</v>
          </cell>
          <cell r="N2383" t="str">
            <v>無</v>
          </cell>
          <cell r="O2383">
            <v>68</v>
          </cell>
          <cell r="P2383">
            <v>283</v>
          </cell>
          <cell r="Q2383">
            <v>6120001110540</v>
          </cell>
          <cell r="R2383">
            <v>50000</v>
          </cell>
          <cell r="S2383">
            <v>204013</v>
          </cell>
          <cell r="T2383">
            <v>2424538</v>
          </cell>
          <cell r="V2383" t="str">
            <v>yy871651</v>
          </cell>
          <cell r="W2383" t="str">
            <v>zj113198</v>
          </cell>
          <cell r="Y2383" t="str">
            <v/>
          </cell>
          <cell r="Z2383" t="str">
            <v/>
          </cell>
          <cell r="AA2383" t="str">
            <v/>
          </cell>
          <cell r="AB2383" t="str">
            <v/>
          </cell>
          <cell r="AC2383" t="str">
            <v/>
          </cell>
          <cell r="AD2383" t="str">
            <v/>
          </cell>
          <cell r="AE2383" t="str">
            <v>１；学校給食、老人保健施設、病院、保育園、職員食堂、少年自然の家、保養所、寮、研修所等給食業務委託。２；３；４；</v>
          </cell>
          <cell r="AF2383" t="str">
            <v>学校給食、老人保健施設、病院、保育園、職員食堂、少年自然の家、保養所、寮、研修所等給食業務委託。</v>
          </cell>
        </row>
        <row r="2384">
          <cell r="B2384">
            <v>10735</v>
          </cell>
          <cell r="C2384" t="str">
            <v>(株)ＴＭＣ</v>
          </cell>
          <cell r="D2384" t="str">
            <v>078-936-1113</v>
          </cell>
          <cell r="E2384" t="str">
            <v>674-0053</v>
          </cell>
          <cell r="F2384" t="str">
            <v>兵庫県明石市大久保町松陰1127-32</v>
          </cell>
          <cell r="G2384" t="str">
            <v>明石市</v>
          </cell>
          <cell r="H2384" t="str">
            <v/>
          </cell>
          <cell r="I2384" t="str">
            <v>代表取締役 松村　大三</v>
          </cell>
          <cell r="J2384" t="str">
            <v>本店</v>
          </cell>
          <cell r="K2384" t="str">
            <v>078-935-8477</v>
          </cell>
          <cell r="L2384" t="str">
            <v>197106@kk-tmc.com</v>
          </cell>
          <cell r="M2384" t="str">
            <v>ﾃｨｴﾑｼｰ</v>
          </cell>
          <cell r="N2384" t="str">
            <v>無</v>
          </cell>
          <cell r="O2384">
            <v>32</v>
          </cell>
          <cell r="P2384">
            <v>46</v>
          </cell>
          <cell r="Q2384">
            <v>6140001034416</v>
          </cell>
          <cell r="R2384">
            <v>30000</v>
          </cell>
          <cell r="S2384">
            <v>265508</v>
          </cell>
          <cell r="T2384">
            <v>790741</v>
          </cell>
          <cell r="V2384" t="str">
            <v>tv879503</v>
          </cell>
          <cell r="W2384" t="str">
            <v>et189913</v>
          </cell>
          <cell r="Y2384" t="str">
            <v>047，10，47，54，79，</v>
          </cell>
          <cell r="Z2384">
            <v>10</v>
          </cell>
          <cell r="AA2384">
            <v>80</v>
          </cell>
          <cell r="AB2384">
            <v>54</v>
          </cell>
          <cell r="AC2384">
            <v>47</v>
          </cell>
          <cell r="AD2384" t="str">
            <v/>
          </cell>
          <cell r="AE2384" t="str">
            <v>１；高分子凝集剤、活性炭、冷却水用薬品、重金属固定材、高反応性高反応消石灰、消泡剤、飛灰安定処理剤、スケール防止剤、　等　／代理店：水ｉｎｇ（株）、住重環境エンジニアリング（株）２；破砕選別施設、下水道処理施設等の維持管理業務　／下水道処理施設維持管理業登録、（社）日本下水道処理施設管理業協会３；建築物貯水槽清掃作業登録、建築物排水管清掃業登録、建築物清掃業登録４；</v>
          </cell>
          <cell r="AF2384" t="str">
            <v>当社は、昭和４６年に発足し、各種水処理施設の設計施工及び一般廃棄物、産業廃棄物の処理、焼却・リサイクル設備・上下水道設備の運転管理・補修・薬品販売まで幅広く環境設備に携わっております。</v>
          </cell>
        </row>
        <row r="2385">
          <cell r="B2385">
            <v>10736</v>
          </cell>
          <cell r="C2385" t="str">
            <v>日本テクトス(株)</v>
          </cell>
          <cell r="D2385" t="str">
            <v>078-578-2200</v>
          </cell>
          <cell r="E2385" t="str">
            <v>652-0047</v>
          </cell>
          <cell r="F2385" t="str">
            <v>兵庫県神戸市兵庫区下沢通7-1-23</v>
          </cell>
          <cell r="G2385" t="str">
            <v>神戸市</v>
          </cell>
          <cell r="H2385" t="str">
            <v/>
          </cell>
          <cell r="I2385" t="str">
            <v>代表取締役 勝矢　善弘</v>
          </cell>
          <cell r="J2385" t="str">
            <v>本店</v>
          </cell>
          <cell r="K2385" t="str">
            <v>078-578-2210</v>
          </cell>
          <cell r="L2385" t="str">
            <v>yokoyam@star.kyotec.co.jp</v>
          </cell>
          <cell r="M2385" t="str">
            <v>ﾆﾎﾝﾃｸﾄｽ</v>
          </cell>
          <cell r="N2385" t="str">
            <v>無</v>
          </cell>
          <cell r="O2385">
            <v>68</v>
          </cell>
          <cell r="P2385">
            <v>25</v>
          </cell>
          <cell r="Q2385">
            <v>3140001014684</v>
          </cell>
          <cell r="R2385">
            <v>15000</v>
          </cell>
          <cell r="S2385">
            <v>75354</v>
          </cell>
          <cell r="T2385">
            <v>226305</v>
          </cell>
          <cell r="V2385" t="str">
            <v>eg202542</v>
          </cell>
          <cell r="W2385" t="str">
            <v>sb187397</v>
          </cell>
          <cell r="Y2385" t="str">
            <v>035，35，36，50，</v>
          </cell>
          <cell r="Z2385">
            <v>36</v>
          </cell>
          <cell r="AA2385">
            <v>50</v>
          </cell>
          <cell r="AB2385">
            <v>80</v>
          </cell>
          <cell r="AC2385">
            <v>35</v>
          </cell>
          <cell r="AD2385" t="str">
            <v/>
          </cell>
          <cell r="AE2385" t="str">
            <v>１；日本電気（株）　特　電話機・無線機・中央監視装置・ＰＣ２；日本電気（株）　特　電話交換機保守３；日本電気（株）　特　プロジェクタ。ビクタ・パナソニック監視カメラ。　４；日本電気（株）　特　電話交換機保守</v>
          </cell>
          <cell r="AF2385" t="str">
            <v>情報通信分野、特に電話交換機・監視カメラ等の販売・施工・保守を中心に事業を展開しています。</v>
          </cell>
        </row>
        <row r="2386">
          <cell r="B2386">
            <v>10737</v>
          </cell>
          <cell r="C2386" t="str">
            <v>日本機械工業(株)</v>
          </cell>
          <cell r="D2386" t="str">
            <v>06-6263-2990</v>
          </cell>
          <cell r="E2386" t="str">
            <v>541-0057</v>
          </cell>
          <cell r="F2386" t="str">
            <v>大阪府大阪市中央区北久宝寺町2-2-13</v>
          </cell>
          <cell r="G2386" t="str">
            <v>大阪市</v>
          </cell>
          <cell r="H2386" t="str">
            <v>大阪営業所</v>
          </cell>
          <cell r="I2386" t="str">
            <v>所長 小椋　敏行</v>
          </cell>
          <cell r="J2386" t="str">
            <v>東京都</v>
          </cell>
          <cell r="K2386" t="str">
            <v>06-6263-2991</v>
          </cell>
          <cell r="L2386" t="str">
            <v>osaka@nikki-net.co.jp</v>
          </cell>
          <cell r="M2386" t="str">
            <v>ﾆﾎﾝｷｶｲｺｳｷﾞｮｳ</v>
          </cell>
          <cell r="N2386" t="str">
            <v>有</v>
          </cell>
          <cell r="O2386">
            <v>96</v>
          </cell>
          <cell r="P2386">
            <v>158</v>
          </cell>
          <cell r="Q2386">
            <v>7010001061950</v>
          </cell>
          <cell r="R2386">
            <v>172000</v>
          </cell>
          <cell r="S2386">
            <v>339133</v>
          </cell>
          <cell r="T2386">
            <v>7600651</v>
          </cell>
          <cell r="V2386" t="str">
            <v>pf613902</v>
          </cell>
          <cell r="W2386" t="str">
            <v>nw133179</v>
          </cell>
          <cell r="Y2386" t="str">
            <v>24，</v>
          </cell>
          <cell r="Z2386">
            <v>24</v>
          </cell>
          <cell r="AA2386" t="str">
            <v/>
          </cell>
          <cell r="AB2386" t="str">
            <v/>
          </cell>
          <cell r="AC2386" t="str">
            <v/>
          </cell>
          <cell r="AD2386" t="str">
            <v/>
          </cell>
          <cell r="AE2386" t="str">
            <v>１；消防車全般２；３；４；</v>
          </cell>
          <cell r="AF2386" t="str">
            <v>消防車両全般を製造・販売しています。</v>
          </cell>
        </row>
        <row r="2387">
          <cell r="B2387">
            <v>10739</v>
          </cell>
          <cell r="C2387" t="str">
            <v>(有)メイカン</v>
          </cell>
          <cell r="D2387" t="str">
            <v>072-785-3555</v>
          </cell>
          <cell r="E2387" t="str">
            <v>664-0842</v>
          </cell>
          <cell r="F2387" t="str">
            <v>兵庫県伊丹市森本1-53-4</v>
          </cell>
          <cell r="G2387" t="str">
            <v>伊丹市</v>
          </cell>
          <cell r="H2387" t="str">
            <v/>
          </cell>
          <cell r="I2387" t="str">
            <v>代表取締役 岩崎　哲也</v>
          </cell>
          <cell r="J2387" t="str">
            <v>本店</v>
          </cell>
          <cell r="K2387" t="str">
            <v>072-785-2230</v>
          </cell>
          <cell r="L2387" t="str">
            <v>meik@dolphin.ocn.ne.jp</v>
          </cell>
          <cell r="M2387" t="str">
            <v>ﾒｲｶﾝ</v>
          </cell>
          <cell r="N2387" t="str">
            <v>無</v>
          </cell>
          <cell r="O2387">
            <v>27</v>
          </cell>
          <cell r="P2387">
            <v>10</v>
          </cell>
          <cell r="Q2387">
            <v>2140002064102</v>
          </cell>
          <cell r="R2387">
            <v>15750</v>
          </cell>
          <cell r="S2387">
            <v>12347</v>
          </cell>
          <cell r="T2387">
            <v>402264</v>
          </cell>
          <cell r="V2387" t="str">
            <v>bq246335</v>
          </cell>
          <cell r="W2387" t="str">
            <v>dq197987</v>
          </cell>
          <cell r="Y2387" t="str">
            <v>051，9，10，48，51，</v>
          </cell>
          <cell r="Z2387">
            <v>9</v>
          </cell>
          <cell r="AA2387">
            <v>48</v>
          </cell>
          <cell r="AB2387">
            <v>10</v>
          </cell>
          <cell r="AC2387">
            <v>51</v>
          </cell>
          <cell r="AD2387" t="str">
            <v/>
          </cell>
          <cell r="AE2387" t="str">
            <v>１；プール用殺菌消毒剤（ハイクロン・日本曹達(株)）２；プール循環ろ過装置保守点検３；キレート剤（オリエンタル技研工業(株)）、消石灰（(株)カーボテック）、活性炭（太平化学産業(株)）、次亜塩素酸ソーダ（恵美須薬品化工(株)）４；貯水槽清掃点検</v>
          </cell>
          <cell r="AF2387" t="str">
            <v>プール用薬品の販売及びプール循環ろ過装置の保守・点検・修理、水処理薬剤の販売及び水処理施設の修理が主な業務になります。</v>
          </cell>
        </row>
        <row r="2388">
          <cell r="B2388">
            <v>10740</v>
          </cell>
          <cell r="C2388" t="str">
            <v>蛇の目ミシン工業(株)</v>
          </cell>
          <cell r="D2388" t="str">
            <v>06-6583-8067</v>
          </cell>
          <cell r="E2388" t="str">
            <v>552-0002</v>
          </cell>
          <cell r="F2388" t="str">
            <v>大阪府大阪市港区市岡元町3-1-4</v>
          </cell>
          <cell r="G2388" t="str">
            <v>大阪市</v>
          </cell>
          <cell r="H2388" t="str">
            <v>大阪支店</v>
          </cell>
          <cell r="I2388" t="str">
            <v>地区部長 小林　義明</v>
          </cell>
          <cell r="J2388" t="str">
            <v>東京都八王子市</v>
          </cell>
          <cell r="K2388" t="str">
            <v>06-6583-8068</v>
          </cell>
          <cell r="L2388" t="str">
            <v>janome-school.osaka@gm.janome.co.jp</v>
          </cell>
          <cell r="M2388" t="str">
            <v>ｼﾞｬﾉﾒﾐｼﾝｺｳｷﾞｮｳ</v>
          </cell>
          <cell r="N2388" t="str">
            <v>有</v>
          </cell>
          <cell r="O2388">
            <v>97</v>
          </cell>
          <cell r="P2388">
            <v>841</v>
          </cell>
          <cell r="Q2388">
            <v>7010101008876</v>
          </cell>
          <cell r="R2388">
            <v>11372000</v>
          </cell>
          <cell r="S2388">
            <v>18999000</v>
          </cell>
          <cell r="T2388">
            <v>28366000</v>
          </cell>
          <cell r="V2388" t="str">
            <v>qn211652</v>
          </cell>
          <cell r="W2388" t="str">
            <v>wj158979</v>
          </cell>
          <cell r="Y2388" t="str">
            <v>014，12，14，27，35，</v>
          </cell>
          <cell r="Z2388">
            <v>12</v>
          </cell>
          <cell r="AA2388">
            <v>35</v>
          </cell>
          <cell r="AB2388">
            <v>27</v>
          </cell>
          <cell r="AC2388">
            <v>14</v>
          </cell>
          <cell r="AD2388" t="str">
            <v/>
          </cell>
          <cell r="AE2388" t="str">
            <v>１；学校専用ミシン（自社製）・洋裁用具（清原）・家庭科教材キット（サンプランニン）２；家庭用ミシン（自社製）・家事調理家電（パナソニック）・２４時間風呂（自社製）３；被服実習机・作業机・椅子・ミシン収納棚・アイロン収納棚（帝国器材）４；スチール書庫・椅子・棚（岡村製作所・くろがね工作所）</v>
          </cell>
          <cell r="AF2388" t="str">
            <v>ミシンメーカーでは唯一学校専任部門を設け、家庭科教具としてのミシンの開発に取り組み、安全性と堅牢性に優れた「学校専用ミシン」（教科書掲載モデル機種）の販売と、学校現場に訪問し点検や修理を実施いたします。先生方へのミシンの講習会なども無料でお受けしサポートしています。</v>
          </cell>
        </row>
        <row r="2389">
          <cell r="B2389">
            <v>10741</v>
          </cell>
          <cell r="C2389" t="str">
            <v>(株)アコード</v>
          </cell>
          <cell r="D2389" t="str">
            <v>079-492-9989</v>
          </cell>
          <cell r="E2389" t="str">
            <v>675-1122</v>
          </cell>
          <cell r="F2389" t="str">
            <v>兵庫県加古郡稲美町中村540-73</v>
          </cell>
          <cell r="G2389" t="str">
            <v>加古郡稲美町</v>
          </cell>
          <cell r="H2389" t="str">
            <v>神戸営業所</v>
          </cell>
          <cell r="I2389" t="str">
            <v>所長 白樫　淳</v>
          </cell>
          <cell r="J2389" t="str">
            <v>大阪府大阪市</v>
          </cell>
          <cell r="K2389" t="str">
            <v>079-492-9960</v>
          </cell>
          <cell r="L2389" t="str">
            <v>accord@pearl.ocn.ne.jp</v>
          </cell>
          <cell r="M2389" t="str">
            <v>ｱｺｰﾄﾞ</v>
          </cell>
          <cell r="N2389" t="str">
            <v>有</v>
          </cell>
          <cell r="O2389">
            <v>43</v>
          </cell>
          <cell r="P2389">
            <v>29</v>
          </cell>
          <cell r="Q2389">
            <v>8120001040851</v>
          </cell>
          <cell r="R2389">
            <v>10000</v>
          </cell>
          <cell r="S2389">
            <v>83827</v>
          </cell>
          <cell r="T2389" t="str">
            <v/>
          </cell>
          <cell r="V2389" t="str">
            <v>bv701501</v>
          </cell>
          <cell r="W2389" t="str">
            <v>re108078</v>
          </cell>
          <cell r="Y2389" t="str">
            <v>56，</v>
          </cell>
          <cell r="Z2389" t="str">
            <v/>
          </cell>
          <cell r="AA2389" t="str">
            <v/>
          </cell>
          <cell r="AB2389" t="str">
            <v/>
          </cell>
          <cell r="AC2389" t="str">
            <v/>
          </cell>
          <cell r="AD2389" t="str">
            <v/>
          </cell>
          <cell r="AE2389" t="str">
            <v>１；埋蔵文化財発掘調査、遺物実測トレース２；模型作成３；人材派遣４；</v>
          </cell>
          <cell r="AF2389" t="str">
            <v>埋蔵文化財発掘調査に係る業務全般　発掘調査・試掘調査・報告書作成・三次元計測・航空測量・一般測量・保存計画策定</v>
          </cell>
        </row>
        <row r="2390">
          <cell r="B2390">
            <v>10743</v>
          </cell>
          <cell r="C2390" t="str">
            <v>(株)アクトライズ</v>
          </cell>
          <cell r="D2390" t="str">
            <v>0798-74-6215</v>
          </cell>
          <cell r="E2390" t="str">
            <v>662-0837</v>
          </cell>
          <cell r="F2390" t="str">
            <v>兵庫県西宮市広田町12-12</v>
          </cell>
          <cell r="G2390" t="str">
            <v>西宮市</v>
          </cell>
          <cell r="H2390" t="str">
            <v/>
          </cell>
          <cell r="I2390" t="str">
            <v>代表取締役 田中　義郎</v>
          </cell>
          <cell r="J2390" t="str">
            <v>本店</v>
          </cell>
          <cell r="K2390" t="str">
            <v>0798-74-6216</v>
          </cell>
          <cell r="L2390" t="str">
            <v>t.higashiyama@ar-actrise.co.jp</v>
          </cell>
          <cell r="M2390" t="str">
            <v>ｱｸﾄﾗｲｽﾞ</v>
          </cell>
          <cell r="N2390" t="str">
            <v>無</v>
          </cell>
          <cell r="O2390">
            <v>20</v>
          </cell>
          <cell r="P2390">
            <v>10</v>
          </cell>
          <cell r="Q2390">
            <v>5140001070866</v>
          </cell>
          <cell r="R2390">
            <v>10000</v>
          </cell>
          <cell r="S2390">
            <v>21982</v>
          </cell>
          <cell r="T2390">
            <v>433698</v>
          </cell>
          <cell r="V2390" t="str">
            <v>vj656169</v>
          </cell>
          <cell r="W2390" t="str">
            <v>md111913</v>
          </cell>
          <cell r="Y2390" t="str">
            <v>9，10，41，</v>
          </cell>
          <cell r="Z2390">
            <v>10</v>
          </cell>
          <cell r="AA2390">
            <v>9</v>
          </cell>
          <cell r="AB2390">
            <v>80</v>
          </cell>
          <cell r="AC2390" t="str">
            <v/>
          </cell>
          <cell r="AD2390" t="str">
            <v/>
          </cell>
          <cell r="AE2390" t="str">
            <v>１；毒物劇物一般販売業登録票２；医薬品販売業許可証　プール薬品　（代）日本曹達３；プール循環濾過装置保守点検４；</v>
          </cell>
          <cell r="AF2390" t="str">
            <v>日本曹達の代理店とし、役所　スポーツクラブ　浄化槽管理業者などに営業を行う。Ｈ７年日本曹達と共同で固形塩素用全自動滅菌器を開発し自社ブランドでろ過機と一緒に全国のスポーツクラブに売込む。現在コナミスポーツクラブ　ジェクサーなど全国約３００店舗に納入し実績をあげている</v>
          </cell>
        </row>
        <row r="2391">
          <cell r="B2391">
            <v>10744</v>
          </cell>
          <cell r="C2391" t="str">
            <v>(株)中西製作所</v>
          </cell>
          <cell r="D2391" t="str">
            <v>078-5798-1361</v>
          </cell>
          <cell r="E2391" t="str">
            <v>652-0801</v>
          </cell>
          <cell r="F2391" t="str">
            <v>兵庫県神戸市兵庫区中道通4丁目2番19号</v>
          </cell>
          <cell r="G2391" t="str">
            <v>神戸市</v>
          </cell>
          <cell r="H2391" t="str">
            <v>神戸営業所</v>
          </cell>
          <cell r="I2391" t="str">
            <v>所長 前原　祐司</v>
          </cell>
          <cell r="J2391" t="str">
            <v>大阪府大阪市</v>
          </cell>
          <cell r="K2391" t="str">
            <v>078-578-1363</v>
          </cell>
          <cell r="L2391" t="str">
            <v>kobe-jimu@nakanishi-mfg.com</v>
          </cell>
          <cell r="M2391" t="str">
            <v>ﾅｶﾆｼｾｲｻｸｼｮ</v>
          </cell>
          <cell r="N2391" t="str">
            <v>有</v>
          </cell>
          <cell r="O2391">
            <v>72</v>
          </cell>
          <cell r="P2391">
            <v>513</v>
          </cell>
          <cell r="Q2391">
            <v>3120001018349</v>
          </cell>
          <cell r="R2391">
            <v>1445600</v>
          </cell>
          <cell r="S2391">
            <v>14225803</v>
          </cell>
          <cell r="T2391">
            <v>26932358</v>
          </cell>
          <cell r="V2391" t="str">
            <v>av247842</v>
          </cell>
          <cell r="W2391" t="str">
            <v>ds159955</v>
          </cell>
          <cell r="Y2391" t="str">
            <v>03，05，37，</v>
          </cell>
          <cell r="Z2391">
            <v>37</v>
          </cell>
          <cell r="AA2391">
            <v>5</v>
          </cell>
          <cell r="AB2391">
            <v>3</v>
          </cell>
          <cell r="AC2391" t="str">
            <v/>
          </cell>
          <cell r="AD2391" t="str">
            <v>【設備機械器具】パネルベンダー、ハイブリッドベンダー、電動パンチ＆Ｌシャー複合機、リア置きマニブレーター、シャーリング、ハイブリッドドライブベンダー、プレスブレーキ、ラックマスター</v>
          </cell>
          <cell r="AE2391" t="str">
            <v>１；洗浄機、消毒機、真空冷却機、調理機器、加熱機器、冷却機器、炊飯システム、シンク類、厨房用洗剤　他厨房機械器具一式２；給食用食器、ボール、食缶、鍋　他３；エプロン、調理作業服、調理帽、調理シューズ、長靴　他４；</v>
          </cell>
          <cell r="AF2391" t="str">
            <v>学校給食、病院給食を中心とした業務用厨房機器一式を取扱っております。（洗浄機器・消毒機器・調理機器・加熱機器・冷却機器・炊飯システム・炊飯機器・シンク類・サニタリー関連機器・什器備品）</v>
          </cell>
        </row>
        <row r="2392">
          <cell r="B2392">
            <v>10745</v>
          </cell>
          <cell r="C2392" t="str">
            <v>神戸綜合速記(株)</v>
          </cell>
          <cell r="D2392" t="str">
            <v>078-321-2522</v>
          </cell>
          <cell r="E2392" t="str">
            <v>650-0012</v>
          </cell>
          <cell r="F2392" t="str">
            <v>兵庫県神戸市北長狭通4-3-8</v>
          </cell>
          <cell r="G2392" t="str">
            <v>神戸市</v>
          </cell>
          <cell r="H2392" t="str">
            <v/>
          </cell>
          <cell r="I2392" t="str">
            <v>代表取締役 藤岡　亮介</v>
          </cell>
          <cell r="J2392" t="str">
            <v>本店</v>
          </cell>
          <cell r="K2392" t="str">
            <v>078-321-2559</v>
          </cell>
          <cell r="L2392" t="str">
            <v>info@sogoskki.co.jp</v>
          </cell>
          <cell r="M2392" t="str">
            <v>ｺｳﾍﾞｿｳｺﾞｳｿｯｷ</v>
          </cell>
          <cell r="N2392" t="str">
            <v>無</v>
          </cell>
          <cell r="O2392">
            <v>46</v>
          </cell>
          <cell r="P2392">
            <v>32</v>
          </cell>
          <cell r="Q2392">
            <v>7140001011975</v>
          </cell>
          <cell r="R2392">
            <v>10000</v>
          </cell>
          <cell r="S2392">
            <v>442551</v>
          </cell>
          <cell r="T2392">
            <v>796984</v>
          </cell>
          <cell r="V2392" t="str">
            <v>em783321</v>
          </cell>
          <cell r="W2392" t="str">
            <v>fｒ138398</v>
          </cell>
          <cell r="Y2392" t="str">
            <v>073，14，36，58，59，73，</v>
          </cell>
          <cell r="Z2392">
            <v>59</v>
          </cell>
          <cell r="AA2392">
            <v>58</v>
          </cell>
          <cell r="AB2392">
            <v>36</v>
          </cell>
          <cell r="AC2392">
            <v>73</v>
          </cell>
          <cell r="AD2392" t="str">
            <v/>
          </cell>
          <cell r="AE2392" t="str">
            <v>１；会議録作成業務（音声データ反訳・臨席速記）２；議会映像配信・会議録検索システムの開発運用、保守管理３；議会映像配信用音響・映像機設備機器（カメラ・マイク等）４；会議録の印刷製本</v>
          </cell>
          <cell r="AF2392" t="str">
            <v>会議録作成（音声反訳・速記）　議会映像配信・会議録検索システム開発運用・保守管理　議場用音響映像機器　会議録の印刷製本　議場用事務什器</v>
          </cell>
        </row>
        <row r="2393">
          <cell r="B2393">
            <v>10746</v>
          </cell>
          <cell r="C2393" t="str">
            <v>(株)藤井ポンプ製作所</v>
          </cell>
          <cell r="D2393" t="str">
            <v>079-225-2376</v>
          </cell>
          <cell r="E2393" t="str">
            <v>670-0808</v>
          </cell>
          <cell r="F2393" t="str">
            <v>兵庫県姫路市白国2丁目13-1</v>
          </cell>
          <cell r="G2393" t="str">
            <v>姫路市</v>
          </cell>
          <cell r="H2393" t="str">
            <v/>
          </cell>
          <cell r="I2393" t="str">
            <v>代表取締役 横田　浩之</v>
          </cell>
          <cell r="J2393" t="str">
            <v>本店</v>
          </cell>
          <cell r="K2393" t="str">
            <v>079-225-2378</v>
          </cell>
          <cell r="L2393" t="str">
            <v>info@fujip-net.co.jp</v>
          </cell>
          <cell r="M2393" t="str">
            <v>ﾌｼﾞｲﾎﾟﾝﾌﾟｾｲｻｸｼｮ</v>
          </cell>
          <cell r="N2393" t="str">
            <v>無</v>
          </cell>
          <cell r="O2393">
            <v>106</v>
          </cell>
          <cell r="P2393">
            <v>18</v>
          </cell>
          <cell r="Q2393">
            <v>7140001061351</v>
          </cell>
          <cell r="R2393">
            <v>10000</v>
          </cell>
          <cell r="S2393">
            <v>-9205</v>
          </cell>
          <cell r="T2393">
            <v>542928</v>
          </cell>
          <cell r="V2393" t="str">
            <v>xf402355</v>
          </cell>
          <cell r="W2393" t="str">
            <v>sh168569</v>
          </cell>
          <cell r="Y2393" t="str">
            <v>026，24，26，38，49，</v>
          </cell>
          <cell r="Z2393">
            <v>24</v>
          </cell>
          <cell r="AA2393">
            <v>38</v>
          </cell>
          <cell r="AB2393">
            <v>49</v>
          </cell>
          <cell r="AC2393">
            <v>26</v>
          </cell>
          <cell r="AD2393" t="str">
            <v/>
          </cell>
          <cell r="AE2393" t="str">
            <v>１；自動車分解整備　兵第５０７号　小型動力ポンプ付積載車・消防車・救助工作車・はしご車等　代、モリタ　代、トーハツ　自社工場にて製作２；小型動力ポンプ・消防ホース・防災資機材・救助工作機器・食糧　代、トーハツ　特、芦森工業　代、赤尾　代、船山　代、興研　代、モリタ宮田工業　代、ヤマトプロテック３；一般建設業の許可（消防設備業）　第４５８５１６　消防設備点検、防火設備検査４；　代、モリタテクノス　はしご車、消防車両等点検</v>
          </cell>
          <cell r="AF2393" t="str">
            <v>自社工場にて小型動力ポンプ付積載車を製造販売し、はしご車、消防車、救助工作車等はモリタ正規代理店として販売しており、消防用品、防災資機材、、消防設備点検等での入札参加を希望します。</v>
          </cell>
        </row>
        <row r="2394">
          <cell r="B2394">
            <v>10747</v>
          </cell>
          <cell r="C2394" t="str">
            <v>(株)新東通信</v>
          </cell>
          <cell r="D2394" t="str">
            <v>06-6282-1641</v>
          </cell>
          <cell r="E2394" t="str">
            <v>542-0081</v>
          </cell>
          <cell r="F2394" t="str">
            <v>大阪府大阪市中央区南船場4-4-3</v>
          </cell>
          <cell r="G2394" t="str">
            <v>大阪市</v>
          </cell>
          <cell r="H2394" t="str">
            <v>大阪支社</v>
          </cell>
          <cell r="I2394" t="str">
            <v>大阪支社長 林　泰成</v>
          </cell>
          <cell r="J2394" t="str">
            <v>愛知県名古屋市</v>
          </cell>
          <cell r="K2394" t="str">
            <v>06-6282-1648</v>
          </cell>
          <cell r="L2394" t="str">
            <v>etc.nyusatsu@shinto-tsushin.co.jp</v>
          </cell>
          <cell r="M2394" t="str">
            <v>ｼﾝﾄｳﾂｳｼﾝ</v>
          </cell>
          <cell r="N2394" t="str">
            <v>有</v>
          </cell>
          <cell r="O2394">
            <v>46</v>
          </cell>
          <cell r="P2394">
            <v>232</v>
          </cell>
          <cell r="Q2394">
            <v>1180001036792</v>
          </cell>
          <cell r="R2394">
            <v>90000</v>
          </cell>
          <cell r="S2394">
            <v>2249099</v>
          </cell>
          <cell r="T2394">
            <v>23070121</v>
          </cell>
          <cell r="V2394" t="str">
            <v>wx336502</v>
          </cell>
          <cell r="W2394" t="str">
            <v>xw173199</v>
          </cell>
          <cell r="Y2394" t="str">
            <v>073，63，64，65，73，</v>
          </cell>
          <cell r="Z2394">
            <v>65</v>
          </cell>
          <cell r="AA2394">
            <v>63</v>
          </cell>
          <cell r="AB2394">
            <v>64</v>
          </cell>
          <cell r="AC2394">
            <v>73</v>
          </cell>
          <cell r="AD2394" t="str">
            <v/>
          </cell>
          <cell r="AE2394" t="str">
            <v>１；２；３；４；</v>
          </cell>
          <cell r="AF2394" t="str">
            <v>新聞・雑誌・テレビ・ラジオ・交通広告・Ｗｅｂ広告の制作（デザイン）・取扱い、イベント催事は提案・立案、制作・実施まで総合的に取り扱うとともに効果的な広告を提案実施します。</v>
          </cell>
        </row>
        <row r="2395">
          <cell r="B2395">
            <v>10748</v>
          </cell>
          <cell r="C2395" t="str">
            <v>(株)乙媛印刷社</v>
          </cell>
          <cell r="D2395" t="str">
            <v>078-441-5776</v>
          </cell>
          <cell r="E2395" t="str">
            <v>658-0027</v>
          </cell>
          <cell r="F2395" t="str">
            <v>兵庫県神戸市東灘区青木2-11-12-202</v>
          </cell>
          <cell r="G2395" t="str">
            <v>神戸市</v>
          </cell>
          <cell r="H2395" t="str">
            <v>神戸営業所</v>
          </cell>
          <cell r="I2395" t="str">
            <v>所長 宮本　宏昭</v>
          </cell>
          <cell r="J2395" t="str">
            <v>愛媛県西予市</v>
          </cell>
          <cell r="K2395" t="str">
            <v>020-4664-2689</v>
          </cell>
          <cell r="L2395" t="str">
            <v>otohime@trust.ocn.ne.jp</v>
          </cell>
          <cell r="M2395" t="str">
            <v>ｵﾄﾋﾒｲﾝｻﾂｼｬ</v>
          </cell>
          <cell r="N2395" t="str">
            <v>有</v>
          </cell>
          <cell r="O2395">
            <v>70</v>
          </cell>
          <cell r="P2395">
            <v>19</v>
          </cell>
          <cell r="Q2395">
            <v>2500001007909</v>
          </cell>
          <cell r="R2395">
            <v>10000</v>
          </cell>
          <cell r="S2395">
            <v>37914</v>
          </cell>
          <cell r="T2395">
            <v>234039</v>
          </cell>
          <cell r="V2395" t="str">
            <v>ad193524</v>
          </cell>
          <cell r="W2395" t="str">
            <v>xo183959</v>
          </cell>
          <cell r="Y2395" t="str">
            <v>72，73，76，</v>
          </cell>
          <cell r="Z2395">
            <v>72</v>
          </cell>
          <cell r="AA2395">
            <v>73</v>
          </cell>
          <cell r="AB2395">
            <v>76</v>
          </cell>
          <cell r="AC2395" t="str">
            <v/>
          </cell>
          <cell r="AD2395" t="str">
            <v/>
          </cell>
          <cell r="AE2395" t="str">
            <v>１；地図作成２；地図印刷（管内図、都市計画図、防災マップ、観光マップ、パンフレット等）３；地図印刷（管内図、都市計画図、防災マップ、観光マップ、パンフレット等）４；</v>
          </cell>
          <cell r="AF2395" t="str">
            <v>地図印刷（管内図、都市計画図、防災マップ、観光マップ、パンフレット等）</v>
          </cell>
        </row>
        <row r="2396">
          <cell r="B2396">
            <v>10749</v>
          </cell>
          <cell r="C2396" t="str">
            <v>(株)京都イングス</v>
          </cell>
          <cell r="D2396" t="str">
            <v>0794-70-7531</v>
          </cell>
          <cell r="E2396" t="str">
            <v>673-0552</v>
          </cell>
          <cell r="F2396" t="str">
            <v>兵庫県三木市志染町中自由が丘1-240</v>
          </cell>
          <cell r="G2396" t="str">
            <v>三木市</v>
          </cell>
          <cell r="H2396" t="str">
            <v>神戸支店</v>
          </cell>
          <cell r="I2396" t="str">
            <v>支店長 中尾　一郎</v>
          </cell>
          <cell r="J2396" t="str">
            <v>京都府舞鶴市</v>
          </cell>
          <cell r="K2396" t="str">
            <v>0794-70-7533</v>
          </cell>
          <cell r="L2396" t="str">
            <v>osakainfo@ingz.co.jp</v>
          </cell>
          <cell r="M2396" t="str">
            <v>ｷｮｳﾄｲﾝｸﾞｽ</v>
          </cell>
          <cell r="N2396" t="str">
            <v>有</v>
          </cell>
          <cell r="O2396">
            <v>60</v>
          </cell>
          <cell r="P2396">
            <v>68</v>
          </cell>
          <cell r="Q2396">
            <v>1130001043777</v>
          </cell>
          <cell r="R2396">
            <v>20000</v>
          </cell>
          <cell r="S2396">
            <v>415016</v>
          </cell>
          <cell r="T2396">
            <v>749741</v>
          </cell>
          <cell r="V2396" t="str">
            <v>am455316</v>
          </cell>
          <cell r="W2396" t="str">
            <v>td189799</v>
          </cell>
          <cell r="Y2396" t="str">
            <v>57，58，72，</v>
          </cell>
          <cell r="Z2396">
            <v>57</v>
          </cell>
          <cell r="AA2396">
            <v>58</v>
          </cell>
          <cell r="AB2396">
            <v>72</v>
          </cell>
          <cell r="AC2396" t="str">
            <v/>
          </cell>
          <cell r="AD2396" t="str">
            <v/>
          </cell>
          <cell r="AE2396" t="str">
            <v>１；パンチ入力、スキャニング、データ作成・加工・変換、データベース構築２；ソフトウェアの開発・導入・保守・販売、自治体向け事務支援システム開発・導入・保守・販売３；地図編集・印刷・調整、電子地図、航空写真印刷４；</v>
          </cell>
          <cell r="AF2396" t="str">
            <v>測量、用地補償調査、土木設計、地質環境、情報システム、ＧＩＳ</v>
          </cell>
        </row>
        <row r="2397">
          <cell r="B2397">
            <v>10750</v>
          </cell>
          <cell r="C2397" t="str">
            <v>寿フォーム印刷(株)</v>
          </cell>
          <cell r="D2397" t="str">
            <v>075-672-8061</v>
          </cell>
          <cell r="E2397" t="str">
            <v>601-8456</v>
          </cell>
          <cell r="F2397" t="str">
            <v>京都府京都市南区唐橋南琵琶町16</v>
          </cell>
          <cell r="G2397" t="str">
            <v>京都市</v>
          </cell>
          <cell r="H2397" t="str">
            <v/>
          </cell>
          <cell r="I2397" t="str">
            <v>代表取締役 太野垣　裕二</v>
          </cell>
          <cell r="J2397" t="str">
            <v>本店</v>
          </cell>
          <cell r="K2397" t="str">
            <v>075-672-8068</v>
          </cell>
          <cell r="L2397" t="str">
            <v>furukawa@kotobuki-fp.co.jp</v>
          </cell>
          <cell r="M2397" t="str">
            <v>ｺﾄﾌﾞｷﾌｵｰﾑｲﾝｻﾂ</v>
          </cell>
          <cell r="N2397" t="str">
            <v>無</v>
          </cell>
          <cell r="O2397">
            <v>54</v>
          </cell>
          <cell r="P2397">
            <v>48</v>
          </cell>
          <cell r="Q2397">
            <v>6130001010624</v>
          </cell>
          <cell r="R2397">
            <v>10000</v>
          </cell>
          <cell r="S2397">
            <v>13658</v>
          </cell>
          <cell r="T2397">
            <v>1000748</v>
          </cell>
          <cell r="V2397" t="str">
            <v>jy331715</v>
          </cell>
          <cell r="W2397" t="str">
            <v>qb168763</v>
          </cell>
          <cell r="Y2397" t="str">
            <v>73，74，76，</v>
          </cell>
          <cell r="Z2397">
            <v>74</v>
          </cell>
          <cell r="AA2397">
            <v>73</v>
          </cell>
          <cell r="AB2397">
            <v>76</v>
          </cell>
          <cell r="AC2397" t="str">
            <v/>
          </cell>
          <cell r="AD2397" t="str">
            <v/>
          </cell>
          <cell r="AE2397" t="str">
            <v>１；フォーム印刷。コンピュータ連続帳票。２；一般印刷。パンフレット。ポスター。封筒。３；シール印刷。ラベル印刷。圧着ハガキ。４；</v>
          </cell>
          <cell r="AF2397" t="str">
            <v>京都におけるビジネスフオーム印刷の草分けで、５４年の営業経歴をもつ老舗総合印刷メーカーです。地元トツプ企業しとて京都府、阪神地区、東京地区に約１５００社取引があり、また同地区の官公庁との取引も多い。</v>
          </cell>
        </row>
        <row r="2398">
          <cell r="B2398">
            <v>10751</v>
          </cell>
          <cell r="C2398" t="str">
            <v>近畿設備(株)</v>
          </cell>
          <cell r="D2398" t="str">
            <v>06-6356-3977</v>
          </cell>
          <cell r="E2398" t="str">
            <v>530-0043</v>
          </cell>
          <cell r="F2398" t="str">
            <v>大阪府大阪市北区天満3-9-6</v>
          </cell>
          <cell r="G2398" t="str">
            <v>大阪市</v>
          </cell>
          <cell r="H2398" t="str">
            <v/>
          </cell>
          <cell r="I2398" t="str">
            <v>代表取締役 坂本　惠一</v>
          </cell>
          <cell r="J2398" t="str">
            <v>本店</v>
          </cell>
          <cell r="K2398" t="str">
            <v>06-6356-3978</v>
          </cell>
          <cell r="L2398" t="str">
            <v>daihyo@kinsetu.co.jp</v>
          </cell>
          <cell r="M2398" t="str">
            <v>ｷﾝｷｾﾂﾋﾞ</v>
          </cell>
          <cell r="N2398" t="str">
            <v>無</v>
          </cell>
          <cell r="O2398">
            <v>44</v>
          </cell>
          <cell r="P2398">
            <v>44</v>
          </cell>
          <cell r="Q2398">
            <v>3120001063056</v>
          </cell>
          <cell r="R2398">
            <v>30000</v>
          </cell>
          <cell r="S2398">
            <v>260864</v>
          </cell>
          <cell r="T2398">
            <v>494106</v>
          </cell>
          <cell r="V2398" t="str">
            <v>az429921</v>
          </cell>
          <cell r="W2398" t="str">
            <v>oa195386</v>
          </cell>
          <cell r="Y2398" t="str">
            <v>47，48，49，</v>
          </cell>
          <cell r="Z2398">
            <v>80</v>
          </cell>
          <cell r="AA2398">
            <v>47</v>
          </cell>
          <cell r="AB2398" t="str">
            <v/>
          </cell>
          <cell r="AC2398" t="str">
            <v/>
          </cell>
          <cell r="AD2398" t="str">
            <v/>
          </cell>
          <cell r="AE2398" t="str">
            <v>１；道路排水設備点検・整備　河川用ゲート設備点検・整備２；道路照明設備点検・整備　電気設備保守点検３；４；</v>
          </cell>
          <cell r="AF2398" t="str">
            <v>主な業種：機械器具設置工事（道路排水設備新設工事等）鋼構造物工事（樋門設備修繕工事等）電気工事（道路照明灯設置工事等）道路排水設備点検・整備　河川用ゲート設備点検・整備　電気設備保守点検　道路照明設備点検　マンホールポンプ点検・整備　上下水道施設点検・整備</v>
          </cell>
        </row>
        <row r="2399">
          <cell r="B2399">
            <v>10753</v>
          </cell>
          <cell r="C2399" t="str">
            <v>三協住建設備(株)</v>
          </cell>
          <cell r="D2399" t="str">
            <v>072-783-2816</v>
          </cell>
          <cell r="E2399" t="str">
            <v>664-0025</v>
          </cell>
          <cell r="F2399" t="str">
            <v>兵庫県伊丹市奥畑2-227</v>
          </cell>
          <cell r="G2399" t="str">
            <v>伊丹市</v>
          </cell>
          <cell r="H2399" t="str">
            <v/>
          </cell>
          <cell r="I2399" t="str">
            <v>代表取締役 長嶋　正雄</v>
          </cell>
          <cell r="J2399" t="str">
            <v>本店</v>
          </cell>
          <cell r="K2399" t="str">
            <v>072-777-9782</v>
          </cell>
          <cell r="L2399" t="str">
            <v>info@sankyo-itami.com</v>
          </cell>
          <cell r="M2399" t="str">
            <v>ｻﾝｷｮｳｼﾞｭｳｹﾝｾﾂﾋﾞ</v>
          </cell>
          <cell r="N2399" t="str">
            <v>無</v>
          </cell>
          <cell r="O2399">
            <v>34</v>
          </cell>
          <cell r="P2399">
            <v>9</v>
          </cell>
          <cell r="Q2399">
            <v>9140001078369</v>
          </cell>
          <cell r="R2399">
            <v>10000</v>
          </cell>
          <cell r="S2399">
            <v>37138</v>
          </cell>
          <cell r="T2399">
            <v>114585</v>
          </cell>
          <cell r="V2399" t="str">
            <v>kd559539</v>
          </cell>
          <cell r="W2399" t="str">
            <v>wo169996</v>
          </cell>
          <cell r="Y2399" t="str">
            <v>052，11，27，28，29，34，35，37，43，52，53，79，</v>
          </cell>
          <cell r="Z2399">
            <v>37</v>
          </cell>
          <cell r="AA2399">
            <v>29</v>
          </cell>
          <cell r="AB2399">
            <v>11</v>
          </cell>
          <cell r="AC2399">
            <v>52</v>
          </cell>
          <cell r="AD2399" t="str">
            <v>伊丹市排水設備工事指定店・伊丹市水道局給水装置工事事業認可取得</v>
          </cell>
          <cell r="AE2399" t="str">
            <v>１；厨房機器取替・流し台入れ替え工事他　大阪ガス簡易内管指定工事店・特定液化石油ガス設備工事店２；浴室改装工事・給湯設備取替工事他　大阪ガス簡易内管指定工事店・特定液化石油ガス設備工事店３；プロパンガス販売　液化石油ガス販売事業者４；</v>
          </cell>
          <cell r="AF2399" t="str">
            <v>一級建築士(現場管理経験20年・管理建築士・監理技術者)、二級管工事施工管理技士在籍の総合建築業者です。特に近隣の建築工事を希望します。建築業に加えてガス工事、給水工事、排水工事の許認可取得業者です。</v>
          </cell>
        </row>
        <row r="2400">
          <cell r="B2400">
            <v>10754</v>
          </cell>
          <cell r="C2400" t="str">
            <v>キヤノンメディカルシステムズ(株)</v>
          </cell>
          <cell r="D2400" t="str">
            <v>078-265-2588</v>
          </cell>
          <cell r="E2400" t="str">
            <v>651-0086</v>
          </cell>
          <cell r="F2400" t="str">
            <v>兵庫県神戸市神戸市中央区礒上通2-2-21</v>
          </cell>
          <cell r="G2400" t="str">
            <v>神戸市</v>
          </cell>
          <cell r="H2400" t="str">
            <v>兵庫支店</v>
          </cell>
          <cell r="I2400" t="str">
            <v>支店長 平田　康成</v>
          </cell>
          <cell r="J2400" t="str">
            <v>栃木県大田原市</v>
          </cell>
          <cell r="K2400" t="str">
            <v>078-272-3544</v>
          </cell>
          <cell r="L2400" t="str">
            <v>chinami.fuse@medical.canon</v>
          </cell>
          <cell r="M2400" t="str">
            <v>ｷﾔﾉﾝﾒﾃﾞｨｶﾙｼｽﾃﾑｽﾞ</v>
          </cell>
          <cell r="N2400" t="str">
            <v>有</v>
          </cell>
          <cell r="O2400">
            <v>69</v>
          </cell>
          <cell r="P2400">
            <v>4694</v>
          </cell>
          <cell r="Q2400">
            <v>8060001013525</v>
          </cell>
          <cell r="R2400">
            <v>20700000</v>
          </cell>
          <cell r="S2400">
            <v>77112247</v>
          </cell>
          <cell r="T2400">
            <v>281608328</v>
          </cell>
          <cell r="V2400" t="str">
            <v>tf585373</v>
          </cell>
          <cell r="W2400" t="str">
            <v>dx181796</v>
          </cell>
          <cell r="Y2400" t="str">
            <v>080，9，24，39，41，58，</v>
          </cell>
          <cell r="Z2400">
            <v>39</v>
          </cell>
          <cell r="AA2400">
            <v>41</v>
          </cell>
          <cell r="AB2400">
            <v>58</v>
          </cell>
          <cell r="AC2400">
            <v>80</v>
          </cell>
          <cell r="AD2400" t="str">
            <v>第一種医療機器製造販売業許可証、医療機器製造業登録証、高度管理医療機器等販売業貸与業許可証、医療機器修理業許可証</v>
          </cell>
          <cell r="AE2400" t="str">
            <v>１；Ｘ線撮影システム、ＣＴシステム、ＭＲＩシステム、超音波システム、核医学診断システム　他　自社製品２；臨床化学自動分析装置、検体前処理搬送システム　他　自社製品３；病院総合情報システム、医用画像管理システム、放射線部門情報管理システム　他　自社製品４；医療用機器修理、保守点検</v>
          </cell>
          <cell r="AF2400" t="str">
            <v>疾病の早期診断、早期治療の為　ＣＴ、ＭＲＩ、超音波診断装置、Ｘ線診断装置などの画像診断装置や検査機器を開発・製造し　世界１４０の国と地域に提供しています。病院運営に貢献し患者さんに優しい医療システム・サービスを目指しています。</v>
          </cell>
        </row>
        <row r="2401">
          <cell r="B2401">
            <v>10755</v>
          </cell>
          <cell r="C2401" t="str">
            <v>(株)ダスキン川西</v>
          </cell>
          <cell r="D2401" t="str">
            <v>072-771-0101</v>
          </cell>
          <cell r="E2401" t="str">
            <v>664-0011</v>
          </cell>
          <cell r="F2401" t="str">
            <v>兵庫県伊丹市鋳物師5-5</v>
          </cell>
          <cell r="G2401" t="str">
            <v>伊丹市</v>
          </cell>
          <cell r="H2401" t="str">
            <v>ダスキン北伊丹支店</v>
          </cell>
          <cell r="I2401" t="str">
            <v>支店長 池島　卓也</v>
          </cell>
          <cell r="J2401" t="str">
            <v>兵庫県川西市</v>
          </cell>
          <cell r="K2401" t="str">
            <v>072-771-2301</v>
          </cell>
          <cell r="L2401" t="str">
            <v>kanri-sub@pony.ocn.ne.jp</v>
          </cell>
          <cell r="M2401" t="str">
            <v>ﾀﾞｽｷﾝｶﾜﾆｼ</v>
          </cell>
          <cell r="N2401" t="str">
            <v>有</v>
          </cell>
          <cell r="O2401">
            <v>47</v>
          </cell>
          <cell r="P2401">
            <v>51</v>
          </cell>
          <cell r="Q2401">
            <v>7140001079468</v>
          </cell>
          <cell r="R2401">
            <v>10000</v>
          </cell>
          <cell r="S2401">
            <v>27416</v>
          </cell>
          <cell r="T2401">
            <v>59000</v>
          </cell>
          <cell r="V2401" t="str">
            <v>jq132734</v>
          </cell>
          <cell r="W2401" t="str">
            <v>fb157519</v>
          </cell>
          <cell r="Y2401" t="str">
            <v/>
          </cell>
          <cell r="Z2401" t="str">
            <v/>
          </cell>
          <cell r="AA2401" t="str">
            <v/>
          </cell>
          <cell r="AB2401" t="str">
            <v/>
          </cell>
          <cell r="AC2401" t="str">
            <v/>
          </cell>
          <cell r="AD2401" t="str">
            <v/>
          </cell>
          <cell r="AE2401" t="str">
            <v>１；清掃用品レンタルマット・モップ及び定期清掃・害虫駆除２；３；４；</v>
          </cell>
          <cell r="AF2401" t="str">
            <v>清掃用品のレンタル」（マット・モップ）販売及定期清掃・害虫駆除</v>
          </cell>
        </row>
        <row r="2402">
          <cell r="B2402">
            <v>10756</v>
          </cell>
          <cell r="C2402" t="str">
            <v>大槻ポンプ工業(株)</v>
          </cell>
          <cell r="D2402" t="str">
            <v>0773-42-0681</v>
          </cell>
          <cell r="E2402" t="str">
            <v>623-0021</v>
          </cell>
          <cell r="F2402" t="str">
            <v>京都府綾部市本町7-67-2</v>
          </cell>
          <cell r="G2402" t="str">
            <v>綾部市</v>
          </cell>
          <cell r="H2402" t="str">
            <v/>
          </cell>
          <cell r="I2402" t="str">
            <v>代表取締役 大槻　浩平</v>
          </cell>
          <cell r="J2402" t="str">
            <v>本店</v>
          </cell>
          <cell r="K2402" t="str">
            <v>0773-42-9229</v>
          </cell>
          <cell r="L2402" t="str">
            <v>ayabe@otsuki-pump.co.jp</v>
          </cell>
          <cell r="M2402" t="str">
            <v>ｵｵﾂｷﾎﾟﾝﾌﾟｺｳｷﾞｮｳ</v>
          </cell>
          <cell r="N2402" t="str">
            <v>無</v>
          </cell>
          <cell r="O2402">
            <v>70</v>
          </cell>
          <cell r="P2402">
            <v>26</v>
          </cell>
          <cell r="Q2402">
            <v>2130001041689</v>
          </cell>
          <cell r="R2402">
            <v>18000</v>
          </cell>
          <cell r="S2402">
            <v>257012</v>
          </cell>
          <cell r="T2402">
            <v>714080</v>
          </cell>
          <cell r="V2402" t="str">
            <v>qq281702</v>
          </cell>
          <cell r="W2402" t="str">
            <v>hn188355</v>
          </cell>
          <cell r="Y2402" t="str">
            <v>24，38，</v>
          </cell>
          <cell r="Z2402">
            <v>24</v>
          </cell>
          <cell r="AA2402">
            <v>38</v>
          </cell>
          <cell r="AB2402" t="str">
            <v/>
          </cell>
          <cell r="AC2402" t="str">
            <v/>
          </cell>
          <cell r="AD2402" t="str">
            <v/>
          </cell>
          <cell r="AE2402" t="str">
            <v>１；各種消防ポンプ自動車（普通、水槽、化学）代ジーエムいちはら工業（株）・特殊用途自動車（救助工作車、照明車）代ジーエムいちはら工業（株）・小型動力ポンプ積載車２；小型動力消防ポンプ・消防用品３；４；</v>
          </cell>
          <cell r="AF2402" t="str">
            <v>ジーエムいちはら工業株式会社の関西サービス工場を兼務し、納入車の完全なアフターサービスに努めております。自社工場にて小型動力ポンプ積載車の製造販売を行っております。</v>
          </cell>
        </row>
        <row r="2403">
          <cell r="B2403">
            <v>10757</v>
          </cell>
          <cell r="C2403" t="str">
            <v>(株)大阪環境</v>
          </cell>
          <cell r="D2403" t="str">
            <v>078-414-6370</v>
          </cell>
          <cell r="E2403" t="str">
            <v>658-0084</v>
          </cell>
          <cell r="F2403" t="str">
            <v>兵庫県神戸市東灘区甲南町3-5-15-407</v>
          </cell>
          <cell r="G2403" t="str">
            <v>神戸市</v>
          </cell>
          <cell r="H2403" t="str">
            <v>神戸支店</v>
          </cell>
          <cell r="I2403" t="str">
            <v>支店長 杉下　謙一</v>
          </cell>
          <cell r="J2403" t="str">
            <v>大阪府守口市</v>
          </cell>
          <cell r="K2403" t="str">
            <v>078-414-6371</v>
          </cell>
          <cell r="L2403" t="str">
            <v>o.kankyo@nifty.ne.jp</v>
          </cell>
          <cell r="M2403" t="str">
            <v>ｵｵｻｶｶﾝｷｮｳ</v>
          </cell>
          <cell r="N2403" t="str">
            <v>有</v>
          </cell>
          <cell r="O2403">
            <v>47</v>
          </cell>
          <cell r="P2403">
            <v>32</v>
          </cell>
          <cell r="Q2403">
            <v>2120001158583</v>
          </cell>
          <cell r="R2403">
            <v>30000</v>
          </cell>
          <cell r="S2403">
            <v>90967</v>
          </cell>
          <cell r="T2403">
            <v>949074</v>
          </cell>
          <cell r="V2403" t="str">
            <v>yg968149</v>
          </cell>
          <cell r="W2403" t="str">
            <v>lb193993</v>
          </cell>
          <cell r="Y2403" t="str">
            <v>79，</v>
          </cell>
          <cell r="Z2403">
            <v>79</v>
          </cell>
          <cell r="AA2403" t="str">
            <v/>
          </cell>
          <cell r="AB2403" t="str">
            <v/>
          </cell>
          <cell r="AC2403" t="str">
            <v/>
          </cell>
          <cell r="AD2403" t="str">
            <v/>
          </cell>
          <cell r="AE2403" t="str">
            <v>１；小口径の下水道管内にＴＶカメラを挿入し、管内の状況を調査します。２；３；４；</v>
          </cell>
          <cell r="AF2403" t="str">
            <v>管更生工事を希望します。工法：ＳＧＩＣＰ工法　３Ｓセグメント工法　スルーリング工法　管内補修工事：ＡＳＳ工法　管内止水工事：ＭＳ工法　下水道管内ＴＶカメラ調査　浚渫工事</v>
          </cell>
        </row>
        <row r="2404">
          <cell r="B2404">
            <v>10758</v>
          </cell>
          <cell r="C2404" t="str">
            <v>平和製罐(株)</v>
          </cell>
          <cell r="D2404" t="str">
            <v>072-482-0100</v>
          </cell>
          <cell r="E2404" t="str">
            <v>590-0535</v>
          </cell>
          <cell r="F2404" t="str">
            <v>大阪府泉南市りんくう南浜3番17号</v>
          </cell>
          <cell r="G2404" t="str">
            <v>泉南市</v>
          </cell>
          <cell r="H2404" t="str">
            <v/>
          </cell>
          <cell r="I2404" t="str">
            <v>代表取締役 田中　住子</v>
          </cell>
          <cell r="J2404" t="str">
            <v>本店</v>
          </cell>
          <cell r="K2404" t="str">
            <v>072-482-1015</v>
          </cell>
          <cell r="L2404" t="str">
            <v>citysupport@heiwa-seikan.co.jp</v>
          </cell>
          <cell r="M2404" t="str">
            <v>ﾍｲﾜｾｲｶﾝ</v>
          </cell>
          <cell r="N2404" t="str">
            <v>無</v>
          </cell>
          <cell r="O2404">
            <v>78</v>
          </cell>
          <cell r="P2404">
            <v>56</v>
          </cell>
          <cell r="Q2404">
            <v>1120101047431</v>
          </cell>
          <cell r="R2404">
            <v>80500</v>
          </cell>
          <cell r="S2404">
            <v>1867857</v>
          </cell>
          <cell r="T2404">
            <v>1555906</v>
          </cell>
          <cell r="V2404" t="str">
            <v>he280058</v>
          </cell>
          <cell r="W2404" t="str">
            <v>jj183931</v>
          </cell>
          <cell r="Y2404" t="str">
            <v/>
          </cell>
          <cell r="Z2404" t="str">
            <v/>
          </cell>
          <cell r="AA2404" t="str">
            <v/>
          </cell>
          <cell r="AB2404" t="str">
            <v/>
          </cell>
          <cell r="AC2404" t="str">
            <v/>
          </cell>
          <cell r="AD2404" t="str">
            <v/>
          </cell>
          <cell r="AE2404" t="str">
            <v>１；住居番号表示板・町名表示板・街区表示板・水道門標・タンク検査済証・境界標・犬鑑札・狂犬病予防注射済票・原動機付自転車オリジナルナンバープレート２；３；４；</v>
          </cell>
          <cell r="AF2404" t="str">
            <v>街区表示板・町名表示板・住居番号表示板・水道門標・境界標・タンク検査済証・犬鑑札・狂犬病予防注射済・原動機付自転車オリジナルナンバープレート</v>
          </cell>
        </row>
        <row r="2405">
          <cell r="B2405">
            <v>10759</v>
          </cell>
          <cell r="C2405" t="str">
            <v>草葉善兵衛商店</v>
          </cell>
          <cell r="D2405" t="str">
            <v>06-6691-0531</v>
          </cell>
          <cell r="E2405" t="str">
            <v>545-0014</v>
          </cell>
          <cell r="F2405" t="str">
            <v>大阪府大阪市阿倍野区西田辺町1-9-25</v>
          </cell>
          <cell r="G2405" t="str">
            <v>大阪市</v>
          </cell>
          <cell r="H2405" t="str">
            <v/>
          </cell>
          <cell r="I2405" t="str">
            <v>代表 艸葉　典久</v>
          </cell>
          <cell r="J2405" t="str">
            <v>本店</v>
          </cell>
          <cell r="K2405" t="str">
            <v>06-6693-1634</v>
          </cell>
          <cell r="L2405" t="str">
            <v>info@zenbee.com</v>
          </cell>
          <cell r="M2405" t="str">
            <v>ｸｻﾊﾞｾﾞﾝﾍﾞｲｼｮｳﾃﾝ</v>
          </cell>
          <cell r="N2405" t="str">
            <v>無</v>
          </cell>
          <cell r="O2405">
            <v>213</v>
          </cell>
          <cell r="P2405">
            <v>4</v>
          </cell>
          <cell r="Q2405" t="str">
            <v/>
          </cell>
          <cell r="R2405">
            <v>0</v>
          </cell>
          <cell r="S2405">
            <v>0</v>
          </cell>
          <cell r="T2405">
            <v>106538</v>
          </cell>
          <cell r="V2405" t="str">
            <v>zk550248</v>
          </cell>
          <cell r="W2405" t="str">
            <v>je199999</v>
          </cell>
          <cell r="Y2405" t="str">
            <v>12，</v>
          </cell>
          <cell r="Z2405">
            <v>12</v>
          </cell>
          <cell r="AA2405" t="str">
            <v/>
          </cell>
          <cell r="AB2405" t="str">
            <v/>
          </cell>
          <cell r="AC2405" t="str">
            <v/>
          </cell>
          <cell r="AD2405" t="str">
            <v/>
          </cell>
          <cell r="AE2405" t="str">
            <v>１；陶芸用電気窯・灯油窯・電動ろくろ・土練機２；３；４；</v>
          </cell>
          <cell r="AF2405" t="str">
            <v>陶芸用電気窯・灯油窯・電動ろくろ・土練機他・陶芸用品・機材販売</v>
          </cell>
        </row>
        <row r="2406">
          <cell r="B2406">
            <v>10760</v>
          </cell>
          <cell r="C2406" t="str">
            <v>関電サービス(株)</v>
          </cell>
          <cell r="D2406" t="str">
            <v>06-6365-1100</v>
          </cell>
          <cell r="E2406" t="str">
            <v>530-0047</v>
          </cell>
          <cell r="F2406" t="str">
            <v>大阪府大阪市北区西天満5-14-10</v>
          </cell>
          <cell r="G2406" t="str">
            <v>大阪市</v>
          </cell>
          <cell r="H2406" t="str">
            <v/>
          </cell>
          <cell r="I2406" t="str">
            <v>代表取締役社長 時政　幸雄</v>
          </cell>
          <cell r="J2406" t="str">
            <v>本店</v>
          </cell>
          <cell r="K2406" t="str">
            <v>06-6363-2230</v>
          </cell>
          <cell r="L2406" t="str">
            <v>terauchim@kandensv.co.jp</v>
          </cell>
          <cell r="M2406" t="str">
            <v>ｶﾝﾃﾞﾝｻｰﾋﾞｽ</v>
          </cell>
          <cell r="N2406" t="str">
            <v>無</v>
          </cell>
          <cell r="O2406">
            <v>33</v>
          </cell>
          <cell r="P2406">
            <v>4078</v>
          </cell>
          <cell r="Q2406">
            <v>8120001062482</v>
          </cell>
          <cell r="R2406">
            <v>70000</v>
          </cell>
          <cell r="S2406">
            <v>9992148</v>
          </cell>
          <cell r="T2406">
            <v>19131973</v>
          </cell>
          <cell r="V2406" t="str">
            <v>qk202695</v>
          </cell>
          <cell r="W2406" t="str">
            <v>nz393931</v>
          </cell>
          <cell r="Y2406" t="str">
            <v>59，63，66，</v>
          </cell>
          <cell r="Z2406">
            <v>66</v>
          </cell>
          <cell r="AA2406">
            <v>59</v>
          </cell>
          <cell r="AB2406">
            <v>63</v>
          </cell>
          <cell r="AC2406" t="str">
            <v/>
          </cell>
          <cell r="AD2406" t="str">
            <v/>
          </cell>
          <cell r="AE2406" t="str">
            <v>１；屋外広告業者登録　兵広登（２）第１９号２；３；４；</v>
          </cell>
          <cell r="AF2406" t="str">
            <v>電柱を利用した防災表示板（避難所誘導、想定浸水深などの表示）や防犯啓発など関西全域で掲出実績があります。また、インバウンド向け商材も多数取り扱っております</v>
          </cell>
        </row>
        <row r="2407">
          <cell r="B2407">
            <v>10761</v>
          </cell>
          <cell r="C2407" t="str">
            <v>(株)ヤマイチテクノ</v>
          </cell>
          <cell r="D2407" t="str">
            <v>06-6448-0606</v>
          </cell>
          <cell r="E2407" t="str">
            <v>560-0032</v>
          </cell>
          <cell r="F2407" t="str">
            <v>大阪府大阪市西区靭本町2-4-8</v>
          </cell>
          <cell r="G2407" t="str">
            <v>大阪市</v>
          </cell>
          <cell r="H2407" t="str">
            <v/>
          </cell>
          <cell r="I2407" t="str">
            <v>代表取締役　 山脇　雅則</v>
          </cell>
          <cell r="J2407" t="str">
            <v>本店</v>
          </cell>
          <cell r="K2407" t="str">
            <v>06-6443-1412</v>
          </cell>
          <cell r="L2407" t="str">
            <v>receipt@nts.yamaichi-techno.jp</v>
          </cell>
          <cell r="M2407" t="str">
            <v>ﾔﾏｲﾁﾃｸﾉ</v>
          </cell>
          <cell r="N2407" t="str">
            <v>無</v>
          </cell>
          <cell r="O2407">
            <v>54</v>
          </cell>
          <cell r="P2407">
            <v>200</v>
          </cell>
          <cell r="Q2407">
            <v>5120000000000</v>
          </cell>
          <cell r="R2407">
            <v>90000</v>
          </cell>
          <cell r="S2407">
            <v>1310591</v>
          </cell>
          <cell r="T2407">
            <v>4795932</v>
          </cell>
          <cell r="V2407" t="str">
            <v>sz258916</v>
          </cell>
          <cell r="W2407" t="str">
            <v>jh159838</v>
          </cell>
          <cell r="Y2407" t="str">
            <v>14.15.36.44.57.58.71</v>
          </cell>
          <cell r="Z2407">
            <v>36</v>
          </cell>
          <cell r="AA2407">
            <v>58</v>
          </cell>
          <cell r="AB2407">
            <v>14</v>
          </cell>
          <cell r="AC2407">
            <v>57</v>
          </cell>
          <cell r="AD2407" t="str">
            <v/>
          </cell>
          <cell r="AE2407" t="str">
            <v>１；２；パソコン、パソコン周辺機器、サーバ、ネットワーク機器３；電子納品保管管理システムの構築開発、ＧＩＳ構築４；ＯＡ機器全般、ＯＡ機器消耗品等</v>
          </cell>
          <cell r="AF2407" t="str">
            <v>ＯＡ機器販売（複合機、パソコン、パソコン周辺機器、ソフトウェア等）、ＯＡ消耗品全般、ソフトウェア開発（電子納品保管管理システム構築、閲覧ソフトの開発）、ＧＩＳ構築、保存図書のデータベース構築、電子ファイリング業務、ＯＡ機器の保守メンテナンス等</v>
          </cell>
        </row>
        <row r="2408">
          <cell r="B2408">
            <v>10762</v>
          </cell>
          <cell r="C2408" t="str">
            <v>近畿電設サービス(株)</v>
          </cell>
          <cell r="D2408" t="str">
            <v>06-6361-8739</v>
          </cell>
          <cell r="E2408" t="str">
            <v>530-0051</v>
          </cell>
          <cell r="F2408" t="str">
            <v>大阪府大阪市北区太融寺町1番17号</v>
          </cell>
          <cell r="G2408" t="str">
            <v>大阪市</v>
          </cell>
          <cell r="H2408" t="str">
            <v/>
          </cell>
          <cell r="I2408" t="str">
            <v>代表取締役 長野　一江</v>
          </cell>
          <cell r="J2408" t="str">
            <v>本店</v>
          </cell>
          <cell r="K2408" t="str">
            <v>06-6361-8740</v>
          </cell>
          <cell r="L2408" t="str">
            <v>nagano003@kinkidensetsu.co.jp</v>
          </cell>
          <cell r="M2408" t="str">
            <v>ｷﾝｷﾃﾞﾝｾﾂｻｰﾋﾞｽ</v>
          </cell>
          <cell r="N2408" t="str">
            <v>無</v>
          </cell>
          <cell r="O2408">
            <v>27</v>
          </cell>
          <cell r="P2408">
            <v>30</v>
          </cell>
          <cell r="Q2408">
            <v>6120001063276</v>
          </cell>
          <cell r="R2408">
            <v>10000</v>
          </cell>
          <cell r="S2408">
            <v>153998</v>
          </cell>
          <cell r="T2408">
            <v>349139</v>
          </cell>
          <cell r="V2408" t="str">
            <v>at956573</v>
          </cell>
          <cell r="W2408" t="str">
            <v>ff113633</v>
          </cell>
          <cell r="Y2408" t="str">
            <v>47，</v>
          </cell>
          <cell r="Z2408" t="str">
            <v/>
          </cell>
          <cell r="AA2408" t="str">
            <v/>
          </cell>
          <cell r="AB2408" t="str">
            <v/>
          </cell>
          <cell r="AC2408" t="str">
            <v/>
          </cell>
          <cell r="AD2408" t="str">
            <v>電気保安法人</v>
          </cell>
          <cell r="AE2408" t="str">
            <v>１；自家用電気工作物保守点検業務委託２；３；４；</v>
          </cell>
          <cell r="AF2408" t="str">
            <v>弊社は自家用電気工作物の保安管理業務（非常用発電機設備点検を含む）を得意としております。市庁舎をはじめ、浄水場、ポンプ場、小中学校、病院施設、保健所、港湾施設などの重要施設を元請として多くの自治体様から管理をお任せいただいております。</v>
          </cell>
        </row>
        <row r="2409">
          <cell r="B2409">
            <v>10763</v>
          </cell>
          <cell r="C2409" t="str">
            <v>いすゞ自動車近畿(株)</v>
          </cell>
          <cell r="D2409" t="str">
            <v>06-6476-2744</v>
          </cell>
          <cell r="E2409" t="str">
            <v>555-0041</v>
          </cell>
          <cell r="F2409" t="str">
            <v>大阪府大阪市西淀川区中島2-10-150</v>
          </cell>
          <cell r="G2409" t="str">
            <v>大阪市</v>
          </cell>
          <cell r="H2409" t="str">
            <v>西淀川支店</v>
          </cell>
          <cell r="I2409" t="str">
            <v>支店長 大畑　昌輝</v>
          </cell>
          <cell r="J2409" t="str">
            <v>大阪府守口市</v>
          </cell>
          <cell r="K2409" t="str">
            <v>06-6476-2752</v>
          </cell>
          <cell r="L2409" t="str">
            <v>keiei-kanri@kinki.isuzu.co.jp</v>
          </cell>
          <cell r="M2409" t="str">
            <v>ｲｽｽﾞｼﾞﾄﾞｳｼｬｷﾝｷ</v>
          </cell>
          <cell r="N2409" t="str">
            <v>有</v>
          </cell>
          <cell r="O2409">
            <v>72</v>
          </cell>
          <cell r="P2409">
            <v>1087</v>
          </cell>
          <cell r="Q2409">
            <v>2120001159664</v>
          </cell>
          <cell r="R2409">
            <v>100000</v>
          </cell>
          <cell r="S2409">
            <v>2900944</v>
          </cell>
          <cell r="T2409">
            <v>122959419</v>
          </cell>
          <cell r="V2409" t="str">
            <v>re536663</v>
          </cell>
          <cell r="W2409" t="str">
            <v>zｒ119933</v>
          </cell>
          <cell r="Y2409" t="str">
            <v>069，23，24，26，69，</v>
          </cell>
          <cell r="Z2409">
            <v>23</v>
          </cell>
          <cell r="AA2409">
            <v>24</v>
          </cell>
          <cell r="AB2409">
            <v>26</v>
          </cell>
          <cell r="AC2409">
            <v>69</v>
          </cell>
          <cell r="AD2409" t="str">
            <v/>
          </cell>
          <cell r="AE2409" t="str">
            <v>１；いすゞ自動車　代　塵芥車も含む２；いすゞ自動車　代　ダンプ　散水車等３；いすゞ自動車　代　自動車分解整備事業　指定自動車整備事業４；古物営業許可</v>
          </cell>
          <cell r="AF2409" t="str">
            <v>トラック・バス・塵芥車等の新車販売及びそれに伴う部品販売、車両全般の整備・点検・車検業務、車両全般の不要車両買受販売業務</v>
          </cell>
        </row>
        <row r="2410">
          <cell r="B2410">
            <v>10766</v>
          </cell>
          <cell r="C2410" t="str">
            <v>学研特約代理店　カシダ</v>
          </cell>
          <cell r="D2410" t="str">
            <v>072-772-1354</v>
          </cell>
          <cell r="E2410" t="str">
            <v>664-0874</v>
          </cell>
          <cell r="F2410" t="str">
            <v>兵庫県伊丹市山田2丁目2の6</v>
          </cell>
          <cell r="G2410" t="str">
            <v>伊丹市</v>
          </cell>
          <cell r="H2410" t="str">
            <v/>
          </cell>
          <cell r="I2410" t="str">
            <v>代表者 樫田　峰代</v>
          </cell>
          <cell r="J2410" t="str">
            <v>本店</v>
          </cell>
          <cell r="K2410" t="str">
            <v>072-779-1389</v>
          </cell>
          <cell r="L2410" t="str">
            <v>mineyo2101-k@hcc6.bai.ne.jp</v>
          </cell>
          <cell r="M2410" t="str">
            <v>ｶﾞｯｹﾝﾄｸﾔｸﾀﾞｲﾘﾃﾝ ｶｼﾀﾞ</v>
          </cell>
          <cell r="N2410" t="str">
            <v>無</v>
          </cell>
          <cell r="O2410">
            <v>38</v>
          </cell>
          <cell r="P2410">
            <v>4</v>
          </cell>
          <cell r="Q2410" t="str">
            <v/>
          </cell>
          <cell r="R2410" t="str">
            <v/>
          </cell>
          <cell r="S2410" t="str">
            <v/>
          </cell>
          <cell r="T2410" t="str">
            <v/>
          </cell>
          <cell r="V2410" t="str">
            <v>yp863934</v>
          </cell>
          <cell r="W2410" t="str">
            <v>ik193933</v>
          </cell>
          <cell r="Y2410" t="str">
            <v>014，12，14，15，18，</v>
          </cell>
          <cell r="Z2410">
            <v>12</v>
          </cell>
          <cell r="AA2410">
            <v>18</v>
          </cell>
          <cell r="AB2410">
            <v>15</v>
          </cell>
          <cell r="AC2410">
            <v>14</v>
          </cell>
          <cell r="AD2410" t="str">
            <v/>
          </cell>
          <cell r="AE2410" t="str">
            <v>１；特学研教育みらい　代アーテック２；特全音楽譜出版社３；沼田紙商店４；代アケボノクラウン</v>
          </cell>
          <cell r="AF2410" t="str">
            <v>幼児教育を主として保育用品、教材、絵本、備品、楽器などを取り扱っています。園様のご要望に迅速にお応えさせて頂きます。</v>
          </cell>
        </row>
        <row r="2411">
          <cell r="B2411">
            <v>10767</v>
          </cell>
          <cell r="C2411" t="str">
            <v>コスモトレーディング(株)</v>
          </cell>
          <cell r="D2411" t="str">
            <v>06-6309-3578</v>
          </cell>
          <cell r="E2411" t="str">
            <v>532-0011</v>
          </cell>
          <cell r="F2411" t="str">
            <v>大阪府大阪市淀川区西中島5-5-15</v>
          </cell>
          <cell r="G2411" t="str">
            <v>大阪市</v>
          </cell>
          <cell r="H2411" t="str">
            <v/>
          </cell>
          <cell r="I2411" t="str">
            <v>代表取締役 松浦　敏泰</v>
          </cell>
          <cell r="J2411" t="str">
            <v>本店</v>
          </cell>
          <cell r="K2411" t="str">
            <v>06-6309-3638</v>
          </cell>
          <cell r="L2411" t="str">
            <v>osaka@cosmotrading.co.jp</v>
          </cell>
          <cell r="M2411" t="str">
            <v>ｺｽﾓﾄﾚｰﾃﾞｨﾝｸﾞ</v>
          </cell>
          <cell r="N2411" t="str">
            <v>無</v>
          </cell>
          <cell r="O2411">
            <v>27</v>
          </cell>
          <cell r="P2411">
            <v>11</v>
          </cell>
          <cell r="Q2411">
            <v>1120001055245</v>
          </cell>
          <cell r="R2411">
            <v>20000</v>
          </cell>
          <cell r="S2411">
            <v>199875</v>
          </cell>
          <cell r="T2411">
            <v>1172414</v>
          </cell>
          <cell r="V2411" t="str">
            <v>rb406201</v>
          </cell>
          <cell r="W2411" t="str">
            <v>tr155573</v>
          </cell>
          <cell r="Y2411" t="str">
            <v>41，42，</v>
          </cell>
          <cell r="Z2411">
            <v>41</v>
          </cell>
          <cell r="AA2411">
            <v>42</v>
          </cell>
          <cell r="AB2411" t="str">
            <v/>
          </cell>
          <cell r="AC2411" t="str">
            <v/>
          </cell>
          <cell r="AD2411" t="str">
            <v/>
          </cell>
          <cell r="AE2411" t="str">
            <v>１；株式会社パーキンエルマージャパン（代）／株式会社日立ハイテクサイエンス（代）／日本電子株式会社／ブルカージャパン株式会社／日本ウォーターズ株式会社２；メトラー・トレド株式会社（代）３；４；</v>
          </cell>
          <cell r="AF2411" t="str">
            <v>理化学機器・分析機器の販売代理店をしております。世界で最先端の装置を提案させて頂きます。</v>
          </cell>
        </row>
        <row r="2412">
          <cell r="B2412">
            <v>10768</v>
          </cell>
          <cell r="C2412" t="str">
            <v>(株)関電Ｌ＆Ａ</v>
          </cell>
          <cell r="D2412" t="str">
            <v>06-7507-1349</v>
          </cell>
          <cell r="E2412" t="str">
            <v>555-0021</v>
          </cell>
          <cell r="F2412" t="str">
            <v>大阪府大阪市西淀川区歌島2-4-7</v>
          </cell>
          <cell r="G2412" t="str">
            <v>大阪市</v>
          </cell>
          <cell r="H2412" t="str">
            <v/>
          </cell>
          <cell r="I2412" t="str">
            <v>代表取締役 有吉　猛</v>
          </cell>
          <cell r="J2412" t="str">
            <v>本店</v>
          </cell>
          <cell r="K2412" t="str">
            <v>06-7178-1114</v>
          </cell>
          <cell r="L2412" t="str">
            <v/>
          </cell>
          <cell r="M2412" t="str">
            <v>ｶﾝﾃﾞﾝｴﾙｱﾝﾄﾞｴｰ</v>
          </cell>
          <cell r="N2412" t="str">
            <v>無</v>
          </cell>
          <cell r="O2412">
            <v>66</v>
          </cell>
          <cell r="P2412">
            <v>227</v>
          </cell>
          <cell r="Q2412">
            <v>2120001049428</v>
          </cell>
          <cell r="R2412">
            <v>30000</v>
          </cell>
          <cell r="S2412">
            <v>20368800</v>
          </cell>
          <cell r="T2412">
            <v>13519377</v>
          </cell>
          <cell r="V2412" t="str">
            <v>aj387123</v>
          </cell>
          <cell r="W2412" t="str">
            <v>ｒi197139</v>
          </cell>
          <cell r="Y2412" t="str">
            <v>023，23，24，26，44，</v>
          </cell>
          <cell r="Z2412">
            <v>44</v>
          </cell>
          <cell r="AA2412">
            <v>24</v>
          </cell>
          <cell r="AB2412">
            <v>26</v>
          </cell>
          <cell r="AC2412">
            <v>23</v>
          </cell>
          <cell r="AD2412" t="str">
            <v>高度管理医療機器等販売業賃貸業許可証、自動車分解整備事業認証書、指定自動車整備事業指定書、特定自主検査業者登録証</v>
          </cell>
          <cell r="AE2412" t="str">
            <v>１；自動車全般、医療機器、空調機器、受電設備機器、給湯、厨房、道路照明灯、防犯カメラ、事務機器、ＯＡ機器等２；消防車、救急車、福祉車両等の販売、架装、点検、修理３；車両全般の修理、車検、自動車部品、用品の販売及び取付４；車両全般の販売</v>
          </cell>
          <cell r="AF2412" t="str">
            <v>車両全般、医療機器、事務ＯＡ機器及び電気機器（空調、厨房、防犯カメラ等）の総合リース業です。また３箇所の直営自動車整備工場を持ち、整備、修理等を行っており、車両や自動車用品などの販売も取扱います。近年では消防車等の特殊車両のリースおよび販売にも力を入れています。</v>
          </cell>
        </row>
        <row r="2413">
          <cell r="B2413">
            <v>10769</v>
          </cell>
          <cell r="C2413" t="str">
            <v>(株)ゆずりは</v>
          </cell>
          <cell r="D2413" t="str">
            <v>072-780-0520</v>
          </cell>
          <cell r="E2413" t="str">
            <v>664-0852</v>
          </cell>
          <cell r="F2413" t="str">
            <v>兵庫県伊丹市南本町1-2-10</v>
          </cell>
          <cell r="G2413" t="str">
            <v>伊丹市</v>
          </cell>
          <cell r="H2413" t="str">
            <v/>
          </cell>
          <cell r="I2413" t="str">
            <v>代表取締役 井本　知惠</v>
          </cell>
          <cell r="J2413" t="str">
            <v>本店</v>
          </cell>
          <cell r="K2413" t="str">
            <v>072-780-0521</v>
          </cell>
          <cell r="L2413" t="str">
            <v>okuyama@yuzuriha.co.jp</v>
          </cell>
          <cell r="M2413" t="str">
            <v>ﾕｽﾞﾘﾊ</v>
          </cell>
          <cell r="N2413" t="str">
            <v>無</v>
          </cell>
          <cell r="O2413">
            <v>19</v>
          </cell>
          <cell r="P2413">
            <v>76</v>
          </cell>
          <cell r="Q2413">
            <v>4140001079074</v>
          </cell>
          <cell r="R2413">
            <v>10000</v>
          </cell>
          <cell r="S2413">
            <v>39488</v>
          </cell>
          <cell r="T2413">
            <v>361909</v>
          </cell>
          <cell r="V2413" t="str">
            <v>fu270573</v>
          </cell>
          <cell r="W2413" t="str">
            <v>ox197397</v>
          </cell>
          <cell r="Y2413" t="str">
            <v>03，03，05，06，9，38，39，44，</v>
          </cell>
          <cell r="Z2413">
            <v>39</v>
          </cell>
          <cell r="AA2413">
            <v>6</v>
          </cell>
          <cell r="AB2413">
            <v>9</v>
          </cell>
          <cell r="AC2413">
            <v>3</v>
          </cell>
          <cell r="AD2413" t="str">
            <v/>
          </cell>
          <cell r="AE2413" t="str">
            <v>１；床ずれ防止用品、車イスなど介護用品全般、医療機器は、ストマ関係、吸引・吸入器、その他全般を取扱、主な仕入先は、フランスベッドメディカルサービス（株）村中医療器（株）（株）アズワンなど。２；ベッドのほか、寝具全般を取扱。主な仕入先は、パラマウントベッド、フランスベッドメディカルサービス（株）など。３；衛生材料全般を取扱。主たる仕入先は、ハクゾウメディカル、細川医療品など。４；</v>
          </cell>
          <cell r="AF2413" t="str">
            <v>介護保険の申請と介護計画の作成から、毎日のホームヘルパーによる介護サービスその外福祉用具や住宅改修の取扱・相談まで、総合的にきめ細かく対応します。</v>
          </cell>
        </row>
        <row r="2414">
          <cell r="B2414">
            <v>10771</v>
          </cell>
          <cell r="C2414" t="str">
            <v>(株)大黒</v>
          </cell>
          <cell r="D2414" t="str">
            <v>073-431-0316</v>
          </cell>
          <cell r="E2414" t="str">
            <v>640-8525</v>
          </cell>
          <cell r="F2414" t="str">
            <v>和歌山県和歌山市手平3丁目8番43号</v>
          </cell>
          <cell r="G2414" t="str">
            <v>和歌山市</v>
          </cell>
          <cell r="H2414" t="str">
            <v/>
          </cell>
          <cell r="I2414" t="str">
            <v>代表取締役 堀井　孝一</v>
          </cell>
          <cell r="J2414" t="str">
            <v>本店</v>
          </cell>
          <cell r="K2414" t="str">
            <v>073-425-6405</v>
          </cell>
          <cell r="L2414" t="str">
            <v>kimura0998@d21ms.com</v>
          </cell>
          <cell r="M2414" t="str">
            <v>ﾀﾞｲｺｸ</v>
          </cell>
          <cell r="N2414" t="str">
            <v>無</v>
          </cell>
          <cell r="O2414">
            <v>66</v>
          </cell>
          <cell r="P2414">
            <v>394</v>
          </cell>
          <cell r="Q2414">
            <v>8170001001931</v>
          </cell>
          <cell r="R2414">
            <v>30000</v>
          </cell>
          <cell r="S2414">
            <v>1236613</v>
          </cell>
          <cell r="T2414">
            <v>35732314</v>
          </cell>
          <cell r="V2414" t="str">
            <v>jg112573</v>
          </cell>
          <cell r="W2414" t="str">
            <v>bj119968</v>
          </cell>
          <cell r="Y2414" t="str">
            <v>058，06，9，10，39，41，57，58，</v>
          </cell>
          <cell r="Z2414">
            <v>39</v>
          </cell>
          <cell r="AA2414">
            <v>41</v>
          </cell>
          <cell r="AB2414">
            <v>9</v>
          </cell>
          <cell r="AC2414">
            <v>58</v>
          </cell>
          <cell r="AD2414" t="str">
            <v/>
          </cell>
          <cell r="AE2414" t="str">
            <v>１；代　テルモ株式会社、ジョンソン・エンド・ジョンソン株式会社、アルケア株式会社、バクスター株式会社、株式会社メディコン　特　スリーエムヘルスケア株式会社２；代　テルモ株式会社、ジョンソン・エンド・ジョンソン株式会社、アルケア株式会社、バクスター株式会社、株式会社メディコン　特　スリーエムヘルスケア株式会社３；代　テルモ株式会社、ジョンソン・エンド・ジョンソン株式会社、アルケア株式会社、バクスター株式会社、株式会社メディコン　特　スリーエムヘルスケア株式会社４；病院内物流管理システム（ＳＰＤシステム）の開発・保守・運用</v>
          </cell>
          <cell r="AF2414" t="str">
            <v>和歌山県下医療機器販売では、トップの総合商社で全国有力メーカー数十社の代理・特約店契約を持ち、近畿をネットして医療器具の供給に専念している。</v>
          </cell>
        </row>
        <row r="2415">
          <cell r="B2415">
            <v>10772</v>
          </cell>
          <cell r="C2415" t="str">
            <v>(株)社会保険出版社</v>
          </cell>
          <cell r="D2415" t="str">
            <v>03-3291-9841</v>
          </cell>
          <cell r="E2415" t="str">
            <v>101-0064</v>
          </cell>
          <cell r="F2415" t="str">
            <v>東京都千代田区神田猿楽町1-5ｰ18</v>
          </cell>
          <cell r="G2415" t="str">
            <v>東京都</v>
          </cell>
          <cell r="H2415" t="str">
            <v/>
          </cell>
          <cell r="I2415" t="str">
            <v>代表取締役 高本　哲史</v>
          </cell>
          <cell r="J2415" t="str">
            <v>本店</v>
          </cell>
          <cell r="K2415" t="str">
            <v>03-3291-9847</v>
          </cell>
          <cell r="L2415" t="str">
            <v>higuchi@shaho-net.co.jp</v>
          </cell>
          <cell r="M2415" t="str">
            <v>ｼｬｶｲﾎｹﾝｼｭｯﾊﾟﾝｼｬ</v>
          </cell>
          <cell r="N2415" t="str">
            <v>無</v>
          </cell>
          <cell r="O2415">
            <v>58</v>
          </cell>
          <cell r="P2415">
            <v>49</v>
          </cell>
          <cell r="Q2415">
            <v>4010001018796</v>
          </cell>
          <cell r="R2415">
            <v>30000</v>
          </cell>
          <cell r="S2415">
            <v>208079</v>
          </cell>
          <cell r="T2415">
            <v>1298402</v>
          </cell>
          <cell r="V2415" t="str">
            <v>zf933999</v>
          </cell>
          <cell r="W2415" t="str">
            <v>ql157589</v>
          </cell>
          <cell r="Y2415" t="str">
            <v>13，73，</v>
          </cell>
          <cell r="Z2415" t="str">
            <v/>
          </cell>
          <cell r="AA2415" t="str">
            <v/>
          </cell>
          <cell r="AB2415" t="str">
            <v/>
          </cell>
          <cell r="AC2415" t="str">
            <v/>
          </cell>
          <cell r="AD2415" t="str">
            <v/>
          </cell>
          <cell r="AE2415" t="str">
            <v>１；図書２；パンフレット、リーフレット３；４；</v>
          </cell>
          <cell r="AF2415" t="str">
            <v>国民健康保険制度・介護保険制度解説図書及び医療費適正化・保健衛生・介護予防・母子保健啓発冊子の専門出版社</v>
          </cell>
        </row>
        <row r="2416">
          <cell r="B2416">
            <v>10773</v>
          </cell>
          <cell r="C2416" t="str">
            <v>(株)サーベイリサーチセンター</v>
          </cell>
          <cell r="D2416" t="str">
            <v>06-4801-9231</v>
          </cell>
          <cell r="E2416" t="str">
            <v>530-6011</v>
          </cell>
          <cell r="F2416" t="str">
            <v>大阪府大阪市北区天満橋1-8-30</v>
          </cell>
          <cell r="G2416" t="str">
            <v>大阪市</v>
          </cell>
          <cell r="H2416" t="str">
            <v>大阪事務所</v>
          </cell>
          <cell r="I2416" t="str">
            <v>大阪事務所長 中村　光明</v>
          </cell>
          <cell r="J2416" t="str">
            <v>東京都</v>
          </cell>
          <cell r="K2416" t="str">
            <v>06-4801-9233</v>
          </cell>
          <cell r="L2416" t="str">
            <v>onishi_h@surece.co.jp</v>
          </cell>
          <cell r="M2416" t="str">
            <v>ｻｰﾍﾞｲﾘｻｰﾁｾﾝﾀｰ</v>
          </cell>
          <cell r="N2416" t="str">
            <v>有</v>
          </cell>
          <cell r="O2416">
            <v>43</v>
          </cell>
          <cell r="P2416">
            <v>249</v>
          </cell>
          <cell r="Q2416">
            <v>6011501006529</v>
          </cell>
          <cell r="R2416">
            <v>60000</v>
          </cell>
          <cell r="S2416">
            <v>1905525</v>
          </cell>
          <cell r="T2416">
            <v>6581173</v>
          </cell>
          <cell r="V2416" t="str">
            <v>jm542162</v>
          </cell>
          <cell r="W2416" t="str">
            <v>bm159977</v>
          </cell>
          <cell r="Y2416" t="str">
            <v>77，</v>
          </cell>
          <cell r="Z2416">
            <v>77</v>
          </cell>
          <cell r="AA2416">
            <v>80</v>
          </cell>
          <cell r="AB2416" t="str">
            <v/>
          </cell>
          <cell r="AC2416" t="str">
            <v/>
          </cell>
          <cell r="AD2416" t="str">
            <v/>
          </cell>
          <cell r="AE2416" t="str">
            <v>１；意識調査（郵送・訪問・ＷＥＢ）・交通量調査・住宅　空き家　施設調査・商業調査・観光調査他２；計画策定（総合計画・総合戦略地方創生・福祉（介護・地域他）・健康（食育）・人権（男女他）・教育（スポーツ・生涯他）・商業観光３；４；</v>
          </cell>
          <cell r="AF2416" t="str">
            <v>コンサルタントとして、総合・地方創生・福祉・健康・人権・教育・住宅・観光・商業・防災等各種「計画策定」支援、各種「調査（世論、交通量、住宅、観光、商業等）」支援</v>
          </cell>
        </row>
        <row r="2417">
          <cell r="B2417">
            <v>10774</v>
          </cell>
          <cell r="C2417" t="str">
            <v>一冨士フードサービス(株)</v>
          </cell>
          <cell r="D2417" t="str">
            <v>06-6458-3901</v>
          </cell>
          <cell r="E2417" t="str">
            <v>553-0003</v>
          </cell>
          <cell r="F2417" t="str">
            <v>大阪府大阪市福島区福島4-6-31</v>
          </cell>
          <cell r="G2417" t="str">
            <v>大阪市</v>
          </cell>
          <cell r="H2417" t="str">
            <v>近畿支社</v>
          </cell>
          <cell r="I2417" t="str">
            <v>支社長 西園　昇平</v>
          </cell>
          <cell r="J2417" t="str">
            <v>大阪府大阪市</v>
          </cell>
          <cell r="K2417" t="str">
            <v>06-6458-3008</v>
          </cell>
          <cell r="L2417" t="str">
            <v>hiroyuki-sakashita@ifsco-group.com</v>
          </cell>
          <cell r="M2417" t="str">
            <v>ｲﾁﾌｼﾞﾌｰﾄﾞｻｰﾋﾞｽ</v>
          </cell>
          <cell r="N2417" t="str">
            <v>有</v>
          </cell>
          <cell r="O2417">
            <v>117</v>
          </cell>
          <cell r="P2417">
            <v>10739</v>
          </cell>
          <cell r="Q2417">
            <v>9120001109274</v>
          </cell>
          <cell r="R2417">
            <v>10000</v>
          </cell>
          <cell r="S2417">
            <v>4544349</v>
          </cell>
          <cell r="T2417">
            <v>32540532</v>
          </cell>
          <cell r="V2417" t="str">
            <v>kc407916</v>
          </cell>
          <cell r="W2417" t="str">
            <v>sd199133</v>
          </cell>
          <cell r="Y2417" t="str">
            <v/>
          </cell>
          <cell r="Z2417" t="str">
            <v/>
          </cell>
          <cell r="AA2417" t="str">
            <v/>
          </cell>
          <cell r="AB2417" t="str">
            <v/>
          </cell>
          <cell r="AC2417" t="str">
            <v/>
          </cell>
          <cell r="AD2417" t="str">
            <v/>
          </cell>
          <cell r="AE2417" t="str">
            <v>１；飲食店営業許可証２；３；４；</v>
          </cell>
          <cell r="AF2417" t="str">
            <v>企業・工場・学校・寮・病院・保養所・幼児施設・福祉関連施設等、あらゆる　施設における各種給食業務サービス、及びそれらに附帯する一切の事業展開。</v>
          </cell>
        </row>
        <row r="2418">
          <cell r="B2418">
            <v>10775</v>
          </cell>
          <cell r="C2418" t="str">
            <v>エイトレント(株)</v>
          </cell>
          <cell r="D2418" t="str">
            <v>06-6211-8082</v>
          </cell>
          <cell r="E2418" t="str">
            <v>542-0086</v>
          </cell>
          <cell r="F2418" t="str">
            <v>大阪府大阪市中央区西心斎橋2丁目2-3</v>
          </cell>
          <cell r="G2418" t="str">
            <v>大阪市</v>
          </cell>
          <cell r="H2418" t="str">
            <v/>
          </cell>
          <cell r="I2418" t="str">
            <v>代表取締役 中塚　克敏</v>
          </cell>
          <cell r="J2418" t="str">
            <v>本店</v>
          </cell>
          <cell r="K2418" t="str">
            <v>06-6211-8807</v>
          </cell>
          <cell r="L2418" t="str">
            <v>miyanaga@eightrent.co.jp</v>
          </cell>
          <cell r="M2418" t="str">
            <v>ｴｲﾄﾚﾝﾄ</v>
          </cell>
          <cell r="N2418" t="str">
            <v>無</v>
          </cell>
          <cell r="O2418">
            <v>55</v>
          </cell>
          <cell r="P2418">
            <v>164</v>
          </cell>
          <cell r="Q2418">
            <v>6120001061197</v>
          </cell>
          <cell r="R2418">
            <v>80000</v>
          </cell>
          <cell r="S2418">
            <v>1999481</v>
          </cell>
          <cell r="T2418">
            <v>4440566</v>
          </cell>
          <cell r="V2418" t="str">
            <v>zg737941</v>
          </cell>
          <cell r="W2418" t="str">
            <v>hm179797</v>
          </cell>
          <cell r="Y2418" t="str">
            <v>014，02，14，35，44，63，</v>
          </cell>
          <cell r="Z2418">
            <v>44</v>
          </cell>
          <cell r="AA2418">
            <v>63</v>
          </cell>
          <cell r="AB2418">
            <v>35</v>
          </cell>
          <cell r="AC2418">
            <v>14</v>
          </cell>
          <cell r="AD2418" t="str">
            <v/>
          </cell>
          <cell r="AE2418" t="str">
            <v>１；イベント機材及びオフィス機材をレンタルする総合物品レンタル会社です。イベント時のテント、テーブル、椅子、映像、音響やオフィスのデスク、パーテーション、複合機、ＰＣ、ビジネスホンなど２；上記レンタル機材などを使って会場設営をいたします。また、イベントの企画もいたします。３；各メーカー家電品４；各メーカー事務機器</v>
          </cell>
          <cell r="AF2418" t="str">
            <v>総合物品レンタル会社です。イベント用機材、オフィス用機材などをレンタルしています。また、落雷抑制型避雷針のレンタル・販売、非常食の販売、空調機のレンタルなども行っております。また、レンタル機材の設営撤去、イベント会場の設営撤去も承ります。</v>
          </cell>
        </row>
        <row r="2419">
          <cell r="B2419">
            <v>10777</v>
          </cell>
          <cell r="C2419" t="str">
            <v>ナビオコンピュータ(株)</v>
          </cell>
          <cell r="D2419" t="str">
            <v>06-6209-7802</v>
          </cell>
          <cell r="E2419" t="str">
            <v>541-0043</v>
          </cell>
          <cell r="F2419" t="str">
            <v>大阪府大阪市中央区高麗橋4-3-7</v>
          </cell>
          <cell r="G2419" t="str">
            <v>大阪市</v>
          </cell>
          <cell r="H2419" t="str">
            <v/>
          </cell>
          <cell r="I2419" t="str">
            <v>代表取締役 森　一晃</v>
          </cell>
          <cell r="J2419" t="str">
            <v>本店</v>
          </cell>
          <cell r="K2419" t="str">
            <v>06-6209-7811</v>
          </cell>
          <cell r="L2419" t="str">
            <v>hideyuki-kaji@navio.co.jp</v>
          </cell>
          <cell r="M2419" t="str">
            <v>ﾅﾋﾞｵｺﾝﾋﾟｭｰﾀ</v>
          </cell>
          <cell r="N2419" t="str">
            <v>無</v>
          </cell>
          <cell r="O2419">
            <v>50</v>
          </cell>
          <cell r="P2419">
            <v>1264</v>
          </cell>
          <cell r="Q2419">
            <v>1120001086265</v>
          </cell>
          <cell r="R2419">
            <v>80000</v>
          </cell>
          <cell r="S2419">
            <v>620286</v>
          </cell>
          <cell r="T2419">
            <v>5718153</v>
          </cell>
          <cell r="V2419" t="str">
            <v>wf826202</v>
          </cell>
          <cell r="W2419" t="str">
            <v>qq331971</v>
          </cell>
          <cell r="Y2419" t="str">
            <v>56，57，58，</v>
          </cell>
          <cell r="Z2419">
            <v>57</v>
          </cell>
          <cell r="AA2419">
            <v>56</v>
          </cell>
          <cell r="AB2419">
            <v>58</v>
          </cell>
          <cell r="AC2419" t="str">
            <v/>
          </cell>
          <cell r="AD2419" t="str">
            <v/>
          </cell>
          <cell r="AE2419" t="str">
            <v>１；システム運用管理２；人材派遣（ヘルプデスク等）３；ソフトウェア開発４；</v>
          </cell>
          <cell r="AF2419" t="str">
            <v>システム・ソフトウェア開発、システム運用管理、ネットワーク構築、データ入力（原票・イメージ）、人材派遣（事務・コールセンター、ヘルプデスク等）</v>
          </cell>
        </row>
        <row r="2420">
          <cell r="B2420">
            <v>10778</v>
          </cell>
          <cell r="C2420" t="str">
            <v>(株)管総研</v>
          </cell>
          <cell r="D2420" t="str">
            <v>06-6470-6300</v>
          </cell>
          <cell r="E2420" t="str">
            <v>661-8567</v>
          </cell>
          <cell r="F2420" t="str">
            <v>兵庫県尼崎市浜1-1-1</v>
          </cell>
          <cell r="G2420" t="str">
            <v>尼崎市</v>
          </cell>
          <cell r="H2420" t="str">
            <v/>
          </cell>
          <cell r="I2420" t="str">
            <v>代表取締役社長　 三好　秀幸</v>
          </cell>
          <cell r="J2420" t="str">
            <v>本店</v>
          </cell>
          <cell r="K2420" t="str">
            <v>06-4960-4560</v>
          </cell>
          <cell r="L2420" t="str">
            <v>wti_g.wti-o@kubota.com</v>
          </cell>
          <cell r="M2420" t="str">
            <v>ｶﾝｿｳｹﾝ</v>
          </cell>
          <cell r="N2420" t="str">
            <v>無</v>
          </cell>
          <cell r="O2420">
            <v>18</v>
          </cell>
          <cell r="P2420">
            <v>60</v>
          </cell>
          <cell r="Q2420">
            <v>8140001054437</v>
          </cell>
          <cell r="R2420">
            <v>100000</v>
          </cell>
          <cell r="S2420">
            <v>584656</v>
          </cell>
          <cell r="T2420">
            <v>1414751</v>
          </cell>
          <cell r="V2420" t="str">
            <v>gw292752</v>
          </cell>
          <cell r="W2420" t="str">
            <v>vi119961</v>
          </cell>
          <cell r="Y2420" t="str">
            <v>36.44.57.58</v>
          </cell>
          <cell r="Z2420">
            <v>58</v>
          </cell>
          <cell r="AA2420">
            <v>57</v>
          </cell>
          <cell r="AB2420">
            <v>36</v>
          </cell>
          <cell r="AC2420">
            <v>44</v>
          </cell>
          <cell r="AD2420" t="str">
            <v/>
          </cell>
          <cell r="AE2420" t="str">
            <v>１；２；官公庁向け水道関連ソフトウェアの開発３；データベース入力４；自社開発製品ソフトウェア（管路管理システム・水道配管設計積算ＣＡＤシステム・管網解析シミュレーションシステム）</v>
          </cell>
          <cell r="AF2420" t="str">
            <v>水道施設の維持管理、調査、研究、解析、施工管理業務及びそれらに関わるコンサルティング業務土壌、水質に関する調査、分析業務。官公庁向け水道関連ソフトの設計・開発・販売・保守。</v>
          </cell>
        </row>
        <row r="2421">
          <cell r="B2421">
            <v>10779</v>
          </cell>
          <cell r="C2421" t="str">
            <v>商工印刷(株)</v>
          </cell>
          <cell r="D2421" t="str">
            <v>078-221-1113</v>
          </cell>
          <cell r="E2421" t="str">
            <v>651-0094</v>
          </cell>
          <cell r="F2421" t="str">
            <v>兵庫県神戸市中央区琴ﾉ緒町4-5-7</v>
          </cell>
          <cell r="G2421" t="str">
            <v>神戸市</v>
          </cell>
          <cell r="H2421" t="str">
            <v/>
          </cell>
          <cell r="I2421" t="str">
            <v>代表取締役　 加藤　真吾</v>
          </cell>
          <cell r="J2421" t="str">
            <v>本店</v>
          </cell>
          <cell r="K2421" t="str">
            <v>078-241-0018</v>
          </cell>
          <cell r="L2421" t="str">
            <v>soumu@shoko-dw.com</v>
          </cell>
          <cell r="M2421" t="str">
            <v>ｼﾖｳｺｳｲﾝｻﾂ</v>
          </cell>
          <cell r="N2421" t="str">
            <v>無</v>
          </cell>
          <cell r="O2421">
            <v>80</v>
          </cell>
          <cell r="P2421">
            <v>15</v>
          </cell>
          <cell r="Q2421">
            <v>6140000000000</v>
          </cell>
          <cell r="R2421">
            <v>16000</v>
          </cell>
          <cell r="S2421">
            <v>475021</v>
          </cell>
          <cell r="T2421">
            <v>273670</v>
          </cell>
          <cell r="V2421" t="str">
            <v>yp903399</v>
          </cell>
          <cell r="W2421" t="str">
            <v>nl197355</v>
          </cell>
          <cell r="Y2421">
            <v>73.760000000000005</v>
          </cell>
          <cell r="Z2421">
            <v>73</v>
          </cell>
          <cell r="AA2421">
            <v>76</v>
          </cell>
          <cell r="AB2421" t="str">
            <v/>
          </cell>
          <cell r="AC2421" t="str">
            <v/>
          </cell>
          <cell r="AD2421" t="str">
            <v/>
          </cell>
          <cell r="AE2421" t="str">
            <v>１；２；チラシ・カタログ・名刺・製本・パンフレット３；ラベル・シール・ステッカー４；</v>
          </cell>
          <cell r="AF2421" t="str">
            <v>企画デザイン制作から印刷・加工までカタログ・チラシ・パンフレット・ラベル・シール・化粧函・ホームページを中心に行っております。</v>
          </cell>
        </row>
        <row r="2422">
          <cell r="B2422">
            <v>10781</v>
          </cell>
          <cell r="C2422" t="str">
            <v>京阪神セキュリティサービス(株)</v>
          </cell>
          <cell r="D2422" t="str">
            <v>072-751-3505</v>
          </cell>
          <cell r="E2422" t="str">
            <v>563-0025</v>
          </cell>
          <cell r="F2422" t="str">
            <v>大阪府池田市城南2-6-1</v>
          </cell>
          <cell r="G2422" t="str">
            <v>池田市</v>
          </cell>
          <cell r="H2422" t="str">
            <v/>
          </cell>
          <cell r="I2422" t="str">
            <v>代表取締役 本庄　信一</v>
          </cell>
          <cell r="J2422" t="str">
            <v>本店</v>
          </cell>
          <cell r="K2422" t="str">
            <v>072-751-3505</v>
          </cell>
          <cell r="L2422" t="str">
            <v>a-morimoto@k-ss.biz</v>
          </cell>
          <cell r="M2422" t="str">
            <v>ｹｲﾊﾝｼﾝｾｷｭﾘﾃｨｻｰﾋﾞｽ</v>
          </cell>
          <cell r="N2422" t="str">
            <v>無</v>
          </cell>
          <cell r="O2422">
            <v>26</v>
          </cell>
          <cell r="P2422">
            <v>127</v>
          </cell>
          <cell r="Q2422">
            <v>5120901019601</v>
          </cell>
          <cell r="R2422">
            <v>35000</v>
          </cell>
          <cell r="S2422">
            <v>228201</v>
          </cell>
          <cell r="T2422" t="str">
            <v/>
          </cell>
          <cell r="V2422" t="str">
            <v>ye501005</v>
          </cell>
          <cell r="W2422" t="str">
            <v>nt198736</v>
          </cell>
          <cell r="Y2422" t="str">
            <v>45，49，</v>
          </cell>
          <cell r="Z2422">
            <v>45</v>
          </cell>
          <cell r="AA2422">
            <v>49</v>
          </cell>
          <cell r="AB2422">
            <v>80</v>
          </cell>
          <cell r="AC2422" t="str">
            <v/>
          </cell>
          <cell r="AD2422" t="str">
            <v/>
          </cell>
          <cell r="AE2422" t="str">
            <v>１；機械警備業務（警備業認定）２；消防設備点検、消防設備改修工事（一般建設業許可：消防施設工事）、消火器３；特定建築物定期調査、建築設備定期検査、防火設備定期検査４；</v>
          </cell>
          <cell r="AF2422" t="str">
            <v>池田泉州銀行を主な取引先として、北摂エリアを中心に官公庁、学校、福祉法人などの警備や設備保守の取引実績あり。地域密着型のきめ細やかなサービスを行い、警備や設備点検保守を通じて地域防犯・防災に貢献。</v>
          </cell>
        </row>
        <row r="2423">
          <cell r="B2423">
            <v>10782</v>
          </cell>
          <cell r="C2423" t="str">
            <v>(株)スマートバリュー</v>
          </cell>
          <cell r="D2423" t="str">
            <v>06-6227-5563</v>
          </cell>
          <cell r="E2423" t="str">
            <v>541-0045</v>
          </cell>
          <cell r="F2423" t="str">
            <v>大阪府大阪市中央区道修町3-6-1 京阪神御堂筋ﾋﾞﾙ14F</v>
          </cell>
          <cell r="G2423" t="str">
            <v>大阪市</v>
          </cell>
          <cell r="H2423" t="str">
            <v>クラウドイノベーションＤｉｖｉｓｉｏｎ</v>
          </cell>
          <cell r="I2423" t="str">
            <v>ＤｉｖＭａｎａｇｅｒ 大脇　正人</v>
          </cell>
          <cell r="J2423" t="str">
            <v>大阪府</v>
          </cell>
          <cell r="K2423" t="str">
            <v>06-6227-5564</v>
          </cell>
          <cell r="L2423" t="str">
            <v>sv_nyusatsu@g.smartvalue.ad.jp</v>
          </cell>
          <cell r="M2423" t="str">
            <v>ｽﾏｰﾄﾊﾞﾘｭｰ</v>
          </cell>
          <cell r="N2423" t="str">
            <v>有</v>
          </cell>
          <cell r="O2423">
            <v>71</v>
          </cell>
          <cell r="P2423">
            <v>303</v>
          </cell>
          <cell r="Q2423">
            <v>6120101002687</v>
          </cell>
          <cell r="R2423">
            <v>959454</v>
          </cell>
          <cell r="S2423">
            <v>3506095</v>
          </cell>
          <cell r="T2423">
            <v>7305867</v>
          </cell>
          <cell r="V2423" t="str">
            <v>eq486438</v>
          </cell>
          <cell r="W2423" t="str">
            <v>qs113969</v>
          </cell>
          <cell r="Y2423" t="str">
            <v>58，</v>
          </cell>
          <cell r="Z2423" t="str">
            <v/>
          </cell>
          <cell r="AA2423" t="str">
            <v/>
          </cell>
          <cell r="AB2423" t="str">
            <v/>
          </cell>
          <cell r="AC2423" t="str">
            <v/>
          </cell>
          <cell r="AD2423" t="str">
            <v/>
          </cell>
          <cell r="AE2423" t="str">
            <v>１；ホームページ作成、システム開発、メール配信サービスなど２；３；４；</v>
          </cell>
          <cell r="AF2423" t="str">
            <v>自治体など公の存在と地域社会・住民とのコミュニケーションを創発する社会システムとしてのクラウドサービスを提供しております。広報広聴・防災・防犯・子育て支援など、生活に必要な住民情報分野におけるサービスの提供を推進しております。</v>
          </cell>
        </row>
        <row r="2424">
          <cell r="B2424">
            <v>10784</v>
          </cell>
          <cell r="C2424" t="str">
            <v>アクティオ(株)</v>
          </cell>
          <cell r="D2424" t="str">
            <v>06-6308-5720</v>
          </cell>
          <cell r="E2424" t="str">
            <v>532-0012</v>
          </cell>
          <cell r="F2424" t="str">
            <v>大阪府大阪市淀川区木川東4-8-33</v>
          </cell>
          <cell r="G2424" t="str">
            <v>大阪市</v>
          </cell>
          <cell r="H2424" t="str">
            <v>大阪支店</v>
          </cell>
          <cell r="I2424" t="str">
            <v>大阪支店長 荒川　満徳</v>
          </cell>
          <cell r="J2424" t="str">
            <v>東京都</v>
          </cell>
          <cell r="K2424" t="str">
            <v>06-6308-5721</v>
          </cell>
          <cell r="L2424" t="str">
            <v>fukuchi@actio.co.jp</v>
          </cell>
          <cell r="M2424" t="str">
            <v>ｱｸﾃｲｵ</v>
          </cell>
          <cell r="N2424" t="str">
            <v>有</v>
          </cell>
          <cell r="O2424">
            <v>31</v>
          </cell>
          <cell r="P2424">
            <v>825</v>
          </cell>
          <cell r="Q2424">
            <v>6013200000000</v>
          </cell>
          <cell r="R2424">
            <v>99000</v>
          </cell>
          <cell r="S2424">
            <v>1096267</v>
          </cell>
          <cell r="T2424">
            <v>8442657</v>
          </cell>
          <cell r="V2424" t="str">
            <v>pk858679</v>
          </cell>
          <cell r="W2424" t="str">
            <v>dj165895</v>
          </cell>
          <cell r="Y2424" t="str">
            <v>56.63.80</v>
          </cell>
          <cell r="Z2424">
            <v>80</v>
          </cell>
          <cell r="AA2424">
            <v>63</v>
          </cell>
          <cell r="AB2424">
            <v>56</v>
          </cell>
          <cell r="AC2424" t="str">
            <v/>
          </cell>
          <cell r="AD2424" t="str">
            <v/>
          </cell>
          <cell r="AE2424" t="str">
            <v>１；２；美術館、博物館、ホール、庁舎、市民会館等の受付・案内・誘導・電話交換、スタッフ接遇教育研修等運営に関する請負業務３；文化、スポーツ、会議等各種イベントの企画立案、制作、運営、会場設営撤去業務４；事務員、スタッフの人材派遣、接遇教育研修の講師派遣</v>
          </cell>
          <cell r="AF2424" t="str">
            <v>美術館、博物館等文化施設の案内、受付、誘導等運営に関する請負業務、人材派遣や各種イベント運営において、運営システムづくり、マニュアル制作、スタッフ育成研修、人材派遣など施設の規模や目的に適した形で具体的なプランをご提案し、サービスの向上、運営の効率化を図ります。</v>
          </cell>
        </row>
        <row r="2425">
          <cell r="B2425">
            <v>10785</v>
          </cell>
          <cell r="C2425" t="str">
            <v>エスク(株)</v>
          </cell>
          <cell r="D2425" t="str">
            <v>072-871-1065</v>
          </cell>
          <cell r="E2425" t="str">
            <v>531-0076</v>
          </cell>
          <cell r="F2425" t="str">
            <v>大阪府大東市三箇4-18-18</v>
          </cell>
          <cell r="G2425" t="str">
            <v>大東市</v>
          </cell>
          <cell r="H2425" t="str">
            <v/>
          </cell>
          <cell r="I2425" t="str">
            <v>代表取締役　 岡屋敷　豊</v>
          </cell>
          <cell r="J2425" t="str">
            <v>本店</v>
          </cell>
          <cell r="K2425" t="str">
            <v>072-875-4176</v>
          </cell>
          <cell r="L2425" t="str">
            <v>nyusatsu@esc-g.co.jp</v>
          </cell>
          <cell r="M2425" t="str">
            <v>ｴｽｸ</v>
          </cell>
          <cell r="N2425" t="str">
            <v>無</v>
          </cell>
          <cell r="O2425">
            <v>69</v>
          </cell>
          <cell r="P2425">
            <v>96</v>
          </cell>
          <cell r="Q2425">
            <v>4122000000000</v>
          </cell>
          <cell r="R2425">
            <v>300000</v>
          </cell>
          <cell r="S2425">
            <v>190241</v>
          </cell>
          <cell r="T2425">
            <v>1615809</v>
          </cell>
          <cell r="V2425" t="str">
            <v>pa190123</v>
          </cell>
          <cell r="W2425" t="str">
            <v>wl186991</v>
          </cell>
          <cell r="Y2425">
            <v>51.8</v>
          </cell>
          <cell r="Z2425">
            <v>80</v>
          </cell>
          <cell r="AA2425">
            <v>51</v>
          </cell>
          <cell r="AB2425" t="str">
            <v/>
          </cell>
          <cell r="AC2425" t="str">
            <v/>
          </cell>
          <cell r="AD2425" t="str">
            <v/>
          </cell>
          <cell r="AE2425" t="str">
            <v>１；２；建築物飲料水水質検査業、建築物空気環境測定業、厚生労働省水道法第２０条指定水質検査業、兵庫県特設水道条例水質検査業３；建築物飲料水貯水槽清掃業４；</v>
          </cell>
          <cell r="AF2425" t="str">
            <v>分析部門では水質・大気・土壌の環境調査を目的として、環境全般に関するノウハウと最新の検査機器・システムにより業界でも有数の信頼性を誇る分析を行っています。貯水槽清掃部門では、残水処理、高圧洗浄機能を搭載した専用車両を所有し、大規模な水槽の清掃も行っております。</v>
          </cell>
        </row>
        <row r="2426">
          <cell r="B2426">
            <v>10788</v>
          </cell>
          <cell r="C2426" t="str">
            <v>(株)ファルコバイオシステムズ</v>
          </cell>
          <cell r="D2426" t="str">
            <v>075-257-8500</v>
          </cell>
          <cell r="E2426" t="str">
            <v>604-0911</v>
          </cell>
          <cell r="F2426" t="str">
            <v>京都府京都市中京区河原町通二条上る清水町346</v>
          </cell>
          <cell r="G2426" t="str">
            <v>京都市</v>
          </cell>
          <cell r="H2426" t="str">
            <v/>
          </cell>
          <cell r="I2426" t="str">
            <v>代表取締役 江口　宏志</v>
          </cell>
          <cell r="J2426" t="str">
            <v>本店</v>
          </cell>
          <cell r="K2426" t="str">
            <v>075-257-8511</v>
          </cell>
          <cell r="L2426" t="str">
            <v>masashi.okamoto-als@falco.co.jp</v>
          </cell>
          <cell r="M2426" t="str">
            <v>ﾌｧﾙｺﾊﾞｲｵｼｽﾃﾑｽﾞ</v>
          </cell>
          <cell r="N2426" t="str">
            <v>無</v>
          </cell>
          <cell r="O2426">
            <v>45</v>
          </cell>
          <cell r="P2426">
            <v>971</v>
          </cell>
          <cell r="Q2426">
            <v>5130001025094</v>
          </cell>
          <cell r="R2426">
            <v>98000</v>
          </cell>
          <cell r="S2426">
            <v>731007</v>
          </cell>
          <cell r="T2426">
            <v>25018997</v>
          </cell>
          <cell r="V2426" t="str">
            <v>xh383001</v>
          </cell>
          <cell r="W2426" t="str">
            <v>eq115893</v>
          </cell>
          <cell r="Y2426" t="str">
            <v>78，</v>
          </cell>
          <cell r="Z2426" t="str">
            <v/>
          </cell>
          <cell r="AA2426" t="str">
            <v/>
          </cell>
          <cell r="AB2426" t="str">
            <v/>
          </cell>
          <cell r="AC2426" t="str">
            <v/>
          </cell>
          <cell r="AD2426" t="str">
            <v/>
          </cell>
          <cell r="AE2426" t="str">
            <v>１；２；３；４；</v>
          </cell>
          <cell r="AF2426" t="str">
            <v>臨床検査・保菌検査・検診検査・食品衛生環境検査等の受託</v>
          </cell>
        </row>
        <row r="2427">
          <cell r="B2427">
            <v>10789</v>
          </cell>
          <cell r="C2427" t="str">
            <v>朝日航空(株)</v>
          </cell>
          <cell r="D2427" t="str">
            <v>072-991-7245</v>
          </cell>
          <cell r="E2427" t="str">
            <v>581-0043</v>
          </cell>
          <cell r="F2427" t="str">
            <v>大阪府八尾市空港二丁目12番地</v>
          </cell>
          <cell r="G2427" t="str">
            <v>八尾市</v>
          </cell>
          <cell r="H2427" t="str">
            <v/>
          </cell>
          <cell r="I2427" t="str">
            <v>代表取締役社長 大屋　政則</v>
          </cell>
          <cell r="J2427" t="str">
            <v>本店</v>
          </cell>
          <cell r="K2427" t="str">
            <v>072-922-5626</v>
          </cell>
          <cell r="L2427" t="str">
            <v>chikako-tamura@aeroasahi.co.jp</v>
          </cell>
          <cell r="M2427" t="str">
            <v>ｱｻﾋｺｳｸｳ</v>
          </cell>
          <cell r="N2427" t="str">
            <v>無</v>
          </cell>
          <cell r="O2427">
            <v>51</v>
          </cell>
          <cell r="P2427">
            <v>52</v>
          </cell>
          <cell r="Q2427">
            <v>1122001017605</v>
          </cell>
          <cell r="R2427">
            <v>135000</v>
          </cell>
          <cell r="S2427">
            <v>135259</v>
          </cell>
          <cell r="T2427">
            <v>780010</v>
          </cell>
          <cell r="V2427" t="str">
            <v>cw622777</v>
          </cell>
          <cell r="W2427" t="str">
            <v>wｒ117895</v>
          </cell>
          <cell r="Y2427" t="str">
            <v>72，</v>
          </cell>
          <cell r="Z2427">
            <v>80</v>
          </cell>
          <cell r="AA2427">
            <v>72</v>
          </cell>
          <cell r="AB2427" t="str">
            <v/>
          </cell>
          <cell r="AC2427" t="str">
            <v/>
          </cell>
          <cell r="AD2427" t="str">
            <v/>
          </cell>
          <cell r="AE2427" t="str">
            <v>１；・啓発放送飛行・航空機貸切飛行２；航空写真撮影３；４；</v>
          </cell>
          <cell r="AF2427" t="str">
            <v>小型航空機（飛行機）を使用した各種事業をおこなっております。セスナ機を始めとする使用目的に合わせた航空機を保有する他、自家用機の整備・運航支援も行っております。また、エアライン等プロ操縦士を目指す方の育成にも力を入れております。</v>
          </cell>
        </row>
        <row r="2428">
          <cell r="B2428">
            <v>10790</v>
          </cell>
          <cell r="C2428" t="str">
            <v>(株)都市・計画・設計研究所</v>
          </cell>
          <cell r="D2428" t="str">
            <v>078-599-9713</v>
          </cell>
          <cell r="E2428" t="str">
            <v>650-0034</v>
          </cell>
          <cell r="F2428" t="str">
            <v>兵庫県神戸市中央区京町67</v>
          </cell>
          <cell r="G2428" t="str">
            <v>神戸市</v>
          </cell>
          <cell r="H2428" t="str">
            <v>神戸事務所</v>
          </cell>
          <cell r="I2428" t="str">
            <v>代表取締役神戸事務所長 平井　仁</v>
          </cell>
          <cell r="J2428" t="str">
            <v>兵庫県神戸市</v>
          </cell>
          <cell r="K2428" t="str">
            <v>078-599-9714</v>
          </cell>
          <cell r="L2428" t="str">
            <v>h-hirai@ur-ipd.co.jp</v>
          </cell>
          <cell r="M2428" t="str">
            <v>ﾄｼ･ｹｲｶｸ･ｾｯｹｲｹﾝｷｭｳｼｮ</v>
          </cell>
          <cell r="N2428" t="str">
            <v>有</v>
          </cell>
          <cell r="O2428">
            <v>54</v>
          </cell>
          <cell r="P2428">
            <v>18</v>
          </cell>
          <cell r="Q2428">
            <v>5140001003743</v>
          </cell>
          <cell r="R2428">
            <v>33000</v>
          </cell>
          <cell r="S2428">
            <v>210735</v>
          </cell>
          <cell r="T2428">
            <v>191803</v>
          </cell>
          <cell r="V2428" t="str">
            <v>qw127630</v>
          </cell>
          <cell r="W2428" t="str">
            <v>tn173169</v>
          </cell>
          <cell r="Y2428" t="str">
            <v>77，</v>
          </cell>
          <cell r="Z2428">
            <v>77</v>
          </cell>
          <cell r="AA2428" t="str">
            <v/>
          </cell>
          <cell r="AB2428" t="str">
            <v/>
          </cell>
          <cell r="AC2428" t="str">
            <v/>
          </cell>
          <cell r="AD2428" t="str">
            <v/>
          </cell>
          <cell r="AE2428" t="str">
            <v>１；２；３；４；</v>
          </cell>
          <cell r="AF2428" t="str">
            <v>創業時より神戸地域を中心に地域計画・都市計画等の立案や土地区画整理事業、市街地再開発事業等の計画・立案を行ってきた。最近では都市景観形成計画、公営住宅建設計画、住宅施策推進のための基礎調査、研究、公園整備計画等、調査から計画、設計までの幅広い業務を行っている。</v>
          </cell>
        </row>
        <row r="2429">
          <cell r="B2429">
            <v>10793</v>
          </cell>
          <cell r="C2429" t="str">
            <v>(株)大塚商会</v>
          </cell>
          <cell r="D2429" t="str">
            <v>06-6456-2691</v>
          </cell>
          <cell r="E2429" t="str">
            <v>558-8558</v>
          </cell>
          <cell r="F2429" t="str">
            <v>大阪府大阪市福島区福島6-14-1</v>
          </cell>
          <cell r="G2429" t="str">
            <v>大阪市</v>
          </cell>
          <cell r="H2429" t="str">
            <v>ＬＡ関西営業部</v>
          </cell>
          <cell r="I2429" t="str">
            <v>ＬＡ関西営業部長 南　英和</v>
          </cell>
          <cell r="J2429" t="str">
            <v>東京都</v>
          </cell>
          <cell r="K2429" t="str">
            <v>06-6456-2648</v>
          </cell>
          <cell r="L2429" t="str">
            <v>kanbun-h@otsuka-shokai.co.jp</v>
          </cell>
          <cell r="M2429" t="str">
            <v>ｵｵﾂｶｼｮｳｶｲ</v>
          </cell>
          <cell r="N2429" t="str">
            <v>有</v>
          </cell>
          <cell r="O2429">
            <v>57</v>
          </cell>
          <cell r="P2429">
            <v>7080</v>
          </cell>
          <cell r="Q2429">
            <v>1010001012983</v>
          </cell>
          <cell r="R2429">
            <v>10374000</v>
          </cell>
          <cell r="S2429">
            <v>195603000</v>
          </cell>
          <cell r="T2429">
            <v>624694000</v>
          </cell>
          <cell r="V2429" t="str">
            <v>pa837502</v>
          </cell>
          <cell r="W2429" t="str">
            <v>tl159398</v>
          </cell>
          <cell r="Y2429" t="str">
            <v>057，12，14，15，27，35，36，41，42，44，50，56，57，58，59，</v>
          </cell>
          <cell r="Z2429">
            <v>36</v>
          </cell>
          <cell r="AA2429">
            <v>14</v>
          </cell>
          <cell r="AB2429">
            <v>58</v>
          </cell>
          <cell r="AC2429">
            <v>57</v>
          </cell>
          <cell r="AD2429" t="str">
            <v/>
          </cell>
          <cell r="AE2429" t="str">
            <v>１；（特）日本電気２；（特）日本電気３；４；</v>
          </cell>
          <cell r="AF2429" t="str">
            <v>コンピュータ、コピー機等を含めたシステム機器販売と、導入支援、教育、保守までをカバーするサービス＆サポートを提供。</v>
          </cell>
        </row>
        <row r="2430">
          <cell r="B2430">
            <v>10795</v>
          </cell>
          <cell r="C2430" t="str">
            <v>富士ゼロックス(株)</v>
          </cell>
          <cell r="D2430" t="str">
            <v>078-272-4427</v>
          </cell>
          <cell r="E2430" t="str">
            <v>651-0087</v>
          </cell>
          <cell r="F2430" t="str">
            <v>兵庫県神戸市中央区御幸通7-1-15</v>
          </cell>
          <cell r="G2430" t="str">
            <v>神戸市</v>
          </cell>
          <cell r="H2430" t="str">
            <v>兵庫営業所</v>
          </cell>
          <cell r="I2430" t="str">
            <v>営業所長 大磯　雄志</v>
          </cell>
          <cell r="J2430" t="str">
            <v>東京都</v>
          </cell>
          <cell r="K2430" t="str">
            <v>078-272-4501</v>
          </cell>
          <cell r="L2430" t="str">
            <v>nyusatsu@fujixerox.co.jp</v>
          </cell>
          <cell r="M2430" t="str">
            <v>ﾌｼﾞｾﾞﾛｯｸｽ</v>
          </cell>
          <cell r="N2430" t="str">
            <v>有</v>
          </cell>
          <cell r="O2430">
            <v>55</v>
          </cell>
          <cell r="P2430">
            <v>8023</v>
          </cell>
          <cell r="Q2430">
            <v>3010401026805</v>
          </cell>
          <cell r="R2430">
            <v>20000000</v>
          </cell>
          <cell r="S2430">
            <v>654619637</v>
          </cell>
          <cell r="T2430">
            <v>694849386</v>
          </cell>
          <cell r="V2430" t="str">
            <v>an609447</v>
          </cell>
          <cell r="W2430" t="str">
            <v>zk199997</v>
          </cell>
          <cell r="Y2430" t="str">
            <v>044，15，36，44，58，</v>
          </cell>
          <cell r="Z2430">
            <v>36</v>
          </cell>
          <cell r="AA2430">
            <v>15</v>
          </cell>
          <cell r="AB2430">
            <v>58</v>
          </cell>
          <cell r="AC2430">
            <v>44</v>
          </cell>
          <cell r="AD2430" t="str">
            <v/>
          </cell>
          <cell r="AE2430" t="str">
            <v>１；パソコン（日本電気・他代理店）、ＰＣ周辺機器２；コピー用紙３；システム機器類保守サービス４；アナログ複写機、カラー複写機、カラープリントシステム、モノクロ複合機、モノクロプリントシステム</v>
          </cell>
          <cell r="AF2430" t="str">
            <v>お客様に満足いただける卓越した商品・サービスをお届けし、株主にも継続的に報いることができる、強い会社。環境、倫理、社会貢献などを含め、地域社会や国際社会に対して、やさしい会社。従業員が仕事や人生を、おもしろいと感じる会社。このバランスを兼ね備えた会社を目指しています。</v>
          </cell>
        </row>
        <row r="2431">
          <cell r="B2431">
            <v>10796</v>
          </cell>
          <cell r="C2431" t="str">
            <v>(株)関西工業所</v>
          </cell>
          <cell r="D2431" t="str">
            <v>06-6727-0494</v>
          </cell>
          <cell r="E2431" t="str">
            <v>577-0831</v>
          </cell>
          <cell r="F2431" t="str">
            <v>大阪府東大阪市俊徳町3-7-19</v>
          </cell>
          <cell r="G2431" t="str">
            <v>東大阪市</v>
          </cell>
          <cell r="H2431" t="str">
            <v/>
          </cell>
          <cell r="I2431" t="str">
            <v>代表取締役　 浅野　昌行</v>
          </cell>
          <cell r="J2431" t="str">
            <v>本店</v>
          </cell>
          <cell r="K2431" t="str">
            <v>06-6727-6733</v>
          </cell>
          <cell r="L2431" t="str">
            <v>kansaikg@hyper.ocn.ne.jp</v>
          </cell>
          <cell r="M2431" t="str">
            <v>ｶﾝｻｲｺｳｷﾞｮｳｼｮ</v>
          </cell>
          <cell r="N2431" t="str">
            <v>無</v>
          </cell>
          <cell r="O2431">
            <v>47</v>
          </cell>
          <cell r="P2431">
            <v>21</v>
          </cell>
          <cell r="Q2431">
            <v>2122001008685</v>
          </cell>
          <cell r="R2431">
            <v>25000</v>
          </cell>
          <cell r="S2431">
            <v>293071</v>
          </cell>
          <cell r="T2431">
            <v>372995</v>
          </cell>
          <cell r="V2431" t="str">
            <v>ww565276</v>
          </cell>
          <cell r="W2431" t="str">
            <v>sq139391</v>
          </cell>
          <cell r="Y2431" t="str">
            <v>79，</v>
          </cell>
          <cell r="Z2431" t="str">
            <v/>
          </cell>
          <cell r="AA2431" t="str">
            <v/>
          </cell>
          <cell r="AB2431" t="str">
            <v/>
          </cell>
          <cell r="AC2431" t="str">
            <v/>
          </cell>
          <cell r="AD2431" t="str">
            <v/>
          </cell>
          <cell r="AE2431" t="str">
            <v>１；２；３；４；</v>
          </cell>
          <cell r="AF2431" t="str">
            <v>下水道管渠更生工事を希望します。下水道管渠の維持管理として、清掃・調査・管更生（ＦＦＴ－Ｓ工法、ストリング工法、ＥＸダンビー工法、下水道既設管路耐震技術）部分補修（ＡＳＳ、ＬＨ工法、ＣＰＳシステム工法）と一貫した施工体制を整えております。</v>
          </cell>
        </row>
        <row r="2432">
          <cell r="B2432">
            <v>10797</v>
          </cell>
          <cell r="C2432" t="str">
            <v>東京書籍(株)</v>
          </cell>
          <cell r="D2432" t="str">
            <v>06-6397-1350</v>
          </cell>
          <cell r="E2432" t="str">
            <v>532-0004</v>
          </cell>
          <cell r="F2432" t="str">
            <v>大阪府大阪市淀川区西宮原1-4-10</v>
          </cell>
          <cell r="G2432" t="str">
            <v>大阪市</v>
          </cell>
          <cell r="H2432" t="str">
            <v>関西支社</v>
          </cell>
          <cell r="I2432" t="str">
            <v>支社長 東　晋司</v>
          </cell>
          <cell r="J2432" t="str">
            <v>東京都</v>
          </cell>
          <cell r="K2432" t="str">
            <v>06-6397-1358</v>
          </cell>
          <cell r="L2432" t="str">
            <v>s.ishimura@tokyo-shoseki.co.jp</v>
          </cell>
          <cell r="M2432" t="str">
            <v>ﾄｳｷｮｳｼｮｾｷ</v>
          </cell>
          <cell r="N2432" t="str">
            <v>有</v>
          </cell>
          <cell r="O2432">
            <v>109</v>
          </cell>
          <cell r="P2432">
            <v>539</v>
          </cell>
          <cell r="Q2432">
            <v>7011501003104</v>
          </cell>
          <cell r="R2432">
            <v>80000</v>
          </cell>
          <cell r="S2432">
            <v>32248934</v>
          </cell>
          <cell r="T2432">
            <v>23223903</v>
          </cell>
          <cell r="V2432" t="str">
            <v>mm787385</v>
          </cell>
          <cell r="W2432" t="str">
            <v>ms163965</v>
          </cell>
          <cell r="Y2432" t="str">
            <v>12，77，</v>
          </cell>
          <cell r="Z2432">
            <v>77</v>
          </cell>
          <cell r="AA2432">
            <v>12</v>
          </cell>
          <cell r="AB2432">
            <v>80</v>
          </cell>
          <cell r="AC2432" t="str">
            <v/>
          </cell>
          <cell r="AD2432" t="str">
            <v/>
          </cell>
          <cell r="AE2432" t="str">
            <v>１；小中学校学力調査の開発・運営・分析・管理２；小中学校社会科副読本の製作３；グループウェア、校務支援システムの開発・運用４；</v>
          </cell>
          <cell r="AF2432" t="str">
            <v>小中学校学力調査の開発・運営・管理　小中学校社会科副読本の製作　教育用ソフト、グループウェアを含む校務支援システムの開発・運営・管理</v>
          </cell>
        </row>
        <row r="2433">
          <cell r="B2433">
            <v>10799</v>
          </cell>
          <cell r="C2433" t="str">
            <v>シチズンＴＩＣ(株)</v>
          </cell>
          <cell r="D2433" t="str">
            <v>06-6961-8663</v>
          </cell>
          <cell r="E2433" t="str">
            <v>536-0023</v>
          </cell>
          <cell r="F2433" t="str">
            <v>大阪府大阪市城東区東中浜8-3-20</v>
          </cell>
          <cell r="G2433" t="str">
            <v>大阪市</v>
          </cell>
          <cell r="H2433" t="str">
            <v>大阪支店</v>
          </cell>
          <cell r="I2433" t="str">
            <v>支店長 三田　幸男</v>
          </cell>
          <cell r="J2433" t="str">
            <v>東京都小金井市</v>
          </cell>
          <cell r="K2433" t="str">
            <v>06-6961-8680</v>
          </cell>
          <cell r="L2433" t="str">
            <v>takedare@citizen.co.jp</v>
          </cell>
          <cell r="M2433" t="str">
            <v>ｼﾁｽﾞﾝﾃｲｱｲｼｲ</v>
          </cell>
          <cell r="N2433" t="str">
            <v>有</v>
          </cell>
          <cell r="O2433">
            <v>54</v>
          </cell>
          <cell r="P2433">
            <v>155</v>
          </cell>
          <cell r="Q2433">
            <v>8012401005081</v>
          </cell>
          <cell r="R2433">
            <v>100000</v>
          </cell>
          <cell r="S2433">
            <v>1945642</v>
          </cell>
          <cell r="T2433">
            <v>3049089</v>
          </cell>
          <cell r="V2433" t="str">
            <v>rq942571</v>
          </cell>
          <cell r="W2433" t="str">
            <v>md173785</v>
          </cell>
          <cell r="Y2433" t="str">
            <v>04，36，47，</v>
          </cell>
          <cell r="Z2433">
            <v>4</v>
          </cell>
          <cell r="AA2433">
            <v>36</v>
          </cell>
          <cell r="AB2433">
            <v>47</v>
          </cell>
          <cell r="AC2433" t="str">
            <v/>
          </cell>
          <cell r="AD2433" t="str">
            <v/>
          </cell>
          <cell r="AE2433" t="str">
            <v>１；親子時計（有線・無線式）・塔時計・からくり時計・世界時計・花時計・大型デジタル時計・ポール時計と制御装置・ＧＰＳ時刻補正装置　等　その他設備時計２；スポーツ競技用得点表示盤・各種競技用高精度計時表示システム・スコアボード・出退表示器・行先案内盤・投薬表示装置・施設利用状況表示機器・デジタルサイネージ　等３；当社自社製品の修理・保守４；</v>
          </cell>
          <cell r="AF2433" t="str">
            <v>創業以来、設備時計メーカーのパイオニアとして、培ってきた技術を応用し　「時間」　「計時」　「情報」　をめぐる最新システムの開発をめざして、設備時計・スポーツ計時システム・情報表示システムの３部門を柱に設計から製造・販売・保守まで一貫した業務内容を展開しています。</v>
          </cell>
        </row>
        <row r="2434">
          <cell r="B2434">
            <v>10801</v>
          </cell>
          <cell r="C2434" t="str">
            <v>(株)まいぷれｗｉｔｈＹＯＵ</v>
          </cell>
          <cell r="D2434" t="str">
            <v>06-6420-8078</v>
          </cell>
          <cell r="E2434" t="str">
            <v>661-0001</v>
          </cell>
          <cell r="F2434" t="str">
            <v>兵庫県尼崎市塚口本町1-6-6</v>
          </cell>
          <cell r="G2434" t="str">
            <v>尼崎市</v>
          </cell>
          <cell r="H2434" t="str">
            <v/>
          </cell>
          <cell r="I2434" t="str">
            <v>代表取締役 加藤　淳</v>
          </cell>
          <cell r="J2434" t="str">
            <v>本店</v>
          </cell>
          <cell r="K2434" t="str">
            <v>06-6420-8079</v>
          </cell>
          <cell r="L2434" t="str">
            <v>kato@myplwithyou.co.jp</v>
          </cell>
          <cell r="M2434" t="str">
            <v>ﾏｲﾌﾟﾚｳｲｽﾞﾕｰ</v>
          </cell>
          <cell r="N2434" t="str">
            <v>無</v>
          </cell>
          <cell r="O2434">
            <v>9</v>
          </cell>
          <cell r="P2434">
            <v>5</v>
          </cell>
          <cell r="Q2434">
            <v>7140001055114</v>
          </cell>
          <cell r="R2434">
            <v>9990</v>
          </cell>
          <cell r="S2434">
            <v>13060</v>
          </cell>
          <cell r="T2434">
            <v>28000</v>
          </cell>
          <cell r="V2434" t="str">
            <v>fq139937</v>
          </cell>
          <cell r="W2434" t="str">
            <v>qg139718</v>
          </cell>
          <cell r="Y2434" t="str">
            <v>077，58，63，65，77，</v>
          </cell>
          <cell r="Z2434">
            <v>63</v>
          </cell>
          <cell r="AA2434">
            <v>65</v>
          </cell>
          <cell r="AB2434">
            <v>58</v>
          </cell>
          <cell r="AC2434">
            <v>77</v>
          </cell>
          <cell r="AD2434" t="str">
            <v/>
          </cell>
          <cell r="AE2434" t="str">
            <v>１；２；３；４；</v>
          </cell>
          <cell r="AF2434" t="str">
            <v>伊丹市との官民協働事業として、地域ポータルサイト「いたみん」・地域通貨ポイント「いたみんポイント」、尼崎市との官民協働事業として地域通貨ポイント「まいぷれポイント尼崎」を運営。その他、尼崎市・宝塚市・芦屋市でも地域ポータルサイト「まいぷれ」を運営している。</v>
          </cell>
        </row>
        <row r="2435">
          <cell r="B2435">
            <v>10802</v>
          </cell>
          <cell r="C2435" t="str">
            <v>(株)オオバ</v>
          </cell>
          <cell r="D2435" t="str">
            <v>078-251-3207</v>
          </cell>
          <cell r="E2435" t="str">
            <v>651-0087</v>
          </cell>
          <cell r="F2435" t="str">
            <v>兵庫県神戸市中央区磯辺通4-1-8 I.T.Cﾋﾞﾙ</v>
          </cell>
          <cell r="G2435" t="str">
            <v>神戸市</v>
          </cell>
          <cell r="H2435" t="str">
            <v>神戸営業所</v>
          </cell>
          <cell r="I2435" t="str">
            <v>所長　 奥村　朋久</v>
          </cell>
          <cell r="J2435" t="str">
            <v>東京都</v>
          </cell>
          <cell r="K2435" t="str">
            <v>078-251-3208</v>
          </cell>
          <cell r="L2435" t="str">
            <v>eigyo_os@k-ohba.co.jp</v>
          </cell>
          <cell r="M2435" t="str">
            <v>ｵｵﾊﾞ</v>
          </cell>
          <cell r="N2435" t="str">
            <v>有</v>
          </cell>
          <cell r="O2435">
            <v>96</v>
          </cell>
          <cell r="P2435">
            <v>545</v>
          </cell>
          <cell r="Q2435">
            <v>9013200000000</v>
          </cell>
          <cell r="R2435">
            <v>2131733</v>
          </cell>
          <cell r="S2435">
            <v>7071080</v>
          </cell>
          <cell r="T2435">
            <v>15255310</v>
          </cell>
          <cell r="V2435" t="str">
            <v>es352626</v>
          </cell>
          <cell r="W2435" t="str">
            <v>vｒ116989</v>
          </cell>
          <cell r="Y2435" t="str">
            <v>36.44.56.57.58.72.77.79.80</v>
          </cell>
          <cell r="Z2435">
            <v>58</v>
          </cell>
          <cell r="AA2435">
            <v>72</v>
          </cell>
          <cell r="AB2435">
            <v>79</v>
          </cell>
          <cell r="AC2435">
            <v>57</v>
          </cell>
          <cell r="AD2435" t="str">
            <v/>
          </cell>
          <cell r="AE2435" t="str">
            <v>１；２；下水道管理システム、長寿命化計画策定支援システム、受益者負担金システム、上下水道管理システム、河川管理システム、公園管理システム、土地・建物等の管理システム、防災シュミレーション３；空中写真測定業務４；下水道管渠テレビカメラ調査及び下水道管路施設調査補修情報入力システム販売</v>
          </cell>
          <cell r="AF2435" t="str">
            <v>創業９０年以上の経験で、調査、測量、設計、区画整理などをサポート。建設コンサルタント決算ランキング（日経コンストラクション調べ）都市及び地方計画分野実績１位。各種インフラ（橋梁・公演・下水道・公営住宅・学校施設等）の老朽化調査、長寿命化計画策定、補修設計などに注力。</v>
          </cell>
        </row>
        <row r="2436">
          <cell r="B2436">
            <v>10806</v>
          </cell>
          <cell r="C2436" t="str">
            <v>(株)環協技研</v>
          </cell>
          <cell r="D2436" t="str">
            <v>075-622-3237</v>
          </cell>
          <cell r="E2436" t="str">
            <v>612-8395</v>
          </cell>
          <cell r="F2436" t="str">
            <v>京都府京都市伏見区下鳥羽東芹川町50番地</v>
          </cell>
          <cell r="G2436" t="str">
            <v>京都市</v>
          </cell>
          <cell r="H2436" t="str">
            <v/>
          </cell>
          <cell r="I2436" t="str">
            <v>代表取締役 信川　敏邦</v>
          </cell>
          <cell r="J2436" t="str">
            <v>本店</v>
          </cell>
          <cell r="K2436" t="str">
            <v>075-602-0169</v>
          </cell>
          <cell r="L2436" t="str">
            <v>giken@kankyo-g.co.jp</v>
          </cell>
          <cell r="M2436" t="str">
            <v>ｶﾝｷｮｳｷﾞｹﾝ</v>
          </cell>
          <cell r="N2436" t="str">
            <v>無</v>
          </cell>
          <cell r="O2436">
            <v>32</v>
          </cell>
          <cell r="P2436">
            <v>8</v>
          </cell>
          <cell r="Q2436">
            <v>4130001014156</v>
          </cell>
          <cell r="R2436">
            <v>10000</v>
          </cell>
          <cell r="S2436">
            <v>335</v>
          </cell>
          <cell r="T2436">
            <v>50530</v>
          </cell>
          <cell r="V2436" t="str">
            <v>rp358500</v>
          </cell>
          <cell r="W2436" t="str">
            <v>ni199169</v>
          </cell>
          <cell r="Y2436" t="str">
            <v/>
          </cell>
          <cell r="Z2436">
            <v>80</v>
          </cell>
          <cell r="AA2436" t="str">
            <v/>
          </cell>
          <cell r="AB2436" t="str">
            <v/>
          </cell>
          <cell r="AC2436" t="str">
            <v/>
          </cell>
          <cell r="AD2436" t="str">
            <v/>
          </cell>
          <cell r="AE2436" t="str">
            <v>１；排水分析、飲料水分析、空気環境測定、シックハウス測定、作業環境測定、排ガス測定２；３；４；</v>
          </cell>
          <cell r="AF2436" t="str">
            <v>各種環境測定業務、分析業務等の環境保全に関する調査・測定・分析及びコンサルティング。</v>
          </cell>
        </row>
        <row r="2437">
          <cell r="B2437">
            <v>10807</v>
          </cell>
          <cell r="C2437" t="str">
            <v>(株)環協エンジニアリング</v>
          </cell>
          <cell r="D2437" t="str">
            <v>075-622-3236</v>
          </cell>
          <cell r="E2437" t="str">
            <v>612-8395</v>
          </cell>
          <cell r="F2437" t="str">
            <v>京都府京都市伏見区下鳥羽東芹川町50番地</v>
          </cell>
          <cell r="G2437" t="str">
            <v>京都市</v>
          </cell>
          <cell r="H2437" t="str">
            <v/>
          </cell>
          <cell r="I2437" t="str">
            <v>代表取締役 大田　吉久</v>
          </cell>
          <cell r="J2437" t="str">
            <v>本店</v>
          </cell>
          <cell r="K2437" t="str">
            <v>075-602-0169</v>
          </cell>
          <cell r="L2437" t="str">
            <v>enji@kankyo-g.co.jp</v>
          </cell>
          <cell r="M2437" t="str">
            <v>ｶﾝｷｮｳｴﾝｼﾞﾆｱﾘﾝｸﾞ</v>
          </cell>
          <cell r="N2437" t="str">
            <v>無</v>
          </cell>
          <cell r="O2437">
            <v>35</v>
          </cell>
          <cell r="P2437">
            <v>3</v>
          </cell>
          <cell r="Q2437">
            <v>6130001014154</v>
          </cell>
          <cell r="R2437">
            <v>10000</v>
          </cell>
          <cell r="S2437">
            <v>88186</v>
          </cell>
          <cell r="T2437">
            <v>98433</v>
          </cell>
          <cell r="V2437" t="str">
            <v>wt663318</v>
          </cell>
          <cell r="W2437" t="str">
            <v>vm198995</v>
          </cell>
          <cell r="Y2437" t="str">
            <v>10，</v>
          </cell>
          <cell r="Z2437">
            <v>80</v>
          </cell>
          <cell r="AA2437">
            <v>10</v>
          </cell>
          <cell r="AB2437" t="str">
            <v/>
          </cell>
          <cell r="AC2437" t="str">
            <v/>
          </cell>
          <cell r="AD2437" t="str">
            <v/>
          </cell>
          <cell r="AE2437" t="str">
            <v>１；各種プラントの特殊配管洗浄２；配管洗浄剤エスシィクリン販売３；４；</v>
          </cell>
          <cell r="AF2437" t="str">
            <v>エスシィクリン販売（配管等の付着物の洗浄剤）　特殊配管洗浄（自社開発の洗浄剤を用いたＳＣ工法による各種プラントの機器、配管等の付着物の除去</v>
          </cell>
        </row>
        <row r="2438">
          <cell r="B2438">
            <v>10808</v>
          </cell>
          <cell r="C2438" t="str">
            <v>(株)オリバー</v>
          </cell>
          <cell r="D2438" t="str">
            <v>078-261-3381</v>
          </cell>
          <cell r="E2438" t="str">
            <v>651-0084</v>
          </cell>
          <cell r="F2438" t="str">
            <v>兵庫県神戸市中央区磯辺通4-2-8</v>
          </cell>
          <cell r="G2438" t="str">
            <v>神戸市</v>
          </cell>
          <cell r="H2438" t="str">
            <v>神戸営業所</v>
          </cell>
          <cell r="I2438" t="str">
            <v>所長 小倉　資弘</v>
          </cell>
          <cell r="J2438" t="str">
            <v>愛知県岡崎市</v>
          </cell>
          <cell r="K2438" t="str">
            <v>078-261-3383</v>
          </cell>
          <cell r="L2438" t="str">
            <v/>
          </cell>
          <cell r="M2438" t="str">
            <v>ｵﾘﾊﾞｰ</v>
          </cell>
          <cell r="N2438" t="str">
            <v>有</v>
          </cell>
          <cell r="O2438">
            <v>51</v>
          </cell>
          <cell r="P2438">
            <v>450</v>
          </cell>
          <cell r="Q2438">
            <v>4180301000454</v>
          </cell>
          <cell r="R2438">
            <v>6362498</v>
          </cell>
          <cell r="S2438">
            <v>23794261</v>
          </cell>
          <cell r="T2438">
            <v>21914250</v>
          </cell>
          <cell r="V2438" t="str">
            <v>nw399268</v>
          </cell>
          <cell r="W2438" t="str">
            <v>bx197731</v>
          </cell>
          <cell r="Y2438" t="str">
            <v>06，27，28，</v>
          </cell>
          <cell r="Z2438">
            <v>27</v>
          </cell>
          <cell r="AA2438">
            <v>6</v>
          </cell>
          <cell r="AB2438">
            <v>28</v>
          </cell>
          <cell r="AC2438" t="str">
            <v/>
          </cell>
          <cell r="AD2438" t="str">
            <v/>
          </cell>
          <cell r="AE2438" t="str">
            <v>１；イス・テーブル・書棚・キャビネット・応接セット２；ベッド・マットレス・座布団３；鏡４；</v>
          </cell>
          <cell r="AF2438" t="str">
            <v>木製家具（イス・テーブル・書棚・応接セット・ベッド等）</v>
          </cell>
        </row>
        <row r="2439">
          <cell r="B2439">
            <v>10809</v>
          </cell>
          <cell r="C2439" t="str">
            <v>パシフィックコンサルタンツ(株)</v>
          </cell>
          <cell r="D2439" t="str">
            <v>078-333-6701</v>
          </cell>
          <cell r="E2439" t="str">
            <v>650-0037</v>
          </cell>
          <cell r="F2439" t="str">
            <v>兵庫県神戸市中央区明石町48</v>
          </cell>
          <cell r="G2439" t="str">
            <v>神戸市</v>
          </cell>
          <cell r="H2439" t="str">
            <v>神戸事務所</v>
          </cell>
          <cell r="I2439" t="str">
            <v>所長 東條　文典</v>
          </cell>
          <cell r="J2439" t="str">
            <v>東京都</v>
          </cell>
          <cell r="K2439" t="str">
            <v>078-333-6702</v>
          </cell>
          <cell r="L2439" t="str">
            <v>kobeeigy@ss.pacific.co.jp</v>
          </cell>
          <cell r="M2439" t="str">
            <v>ﾊﾟｼﾌｨｯｸｺﾝｻﾙﾀﾝﾂ</v>
          </cell>
          <cell r="N2439" t="str">
            <v>有</v>
          </cell>
          <cell r="O2439">
            <v>67</v>
          </cell>
          <cell r="P2439">
            <v>1811</v>
          </cell>
          <cell r="Q2439">
            <v>8013401001509</v>
          </cell>
          <cell r="R2439">
            <v>490000</v>
          </cell>
          <cell r="S2439">
            <v>16204895</v>
          </cell>
          <cell r="T2439">
            <v>46522125</v>
          </cell>
          <cell r="V2439" t="str">
            <v>fa381321</v>
          </cell>
          <cell r="W2439" t="str">
            <v>zr198695</v>
          </cell>
          <cell r="Y2439" t="str">
            <v>079，57，58，77，79，</v>
          </cell>
          <cell r="Z2439">
            <v>77</v>
          </cell>
          <cell r="AA2439">
            <v>58</v>
          </cell>
          <cell r="AB2439">
            <v>57</v>
          </cell>
          <cell r="AC2439">
            <v>79</v>
          </cell>
          <cell r="AD2439" t="str">
            <v>職員危機管理研修、ホームページ作成支援、設計ＶＥ関連研修、土壌汚染調査・対策検討、環境アセスメント</v>
          </cell>
          <cell r="AE2439" t="str">
            <v>１；計画策定（総合計画、都市計画、民間活力導入支援業務、ＰＦＩ等可能性調査・アドバイザリー、廃棄物計画、下水道計画、健康福祉計画、防災計画、跡地活用等）これらに関連する需要調査・アンケート２；システム開発業務（行政評価システム、アセットマネージメント・システム開発、地理情報システム（ＧＩＳ）開発）３；情報処理業務４；管内テレビカメラ調査</v>
          </cell>
          <cell r="AF2439" t="str">
            <v>創業以来半世紀を越える歴史の中で培った高い専門性と幅広い経験に裏打ちされた1600名余りの技術力をもって、都市・地域計画、環境・エネルギー、防災、廃棄物、PFI、NPM、上下水道、道路河川、鉄道、空港、情報技術など各分野での支援実施体制を整えております。</v>
          </cell>
        </row>
        <row r="2440">
          <cell r="B2440">
            <v>10810</v>
          </cell>
          <cell r="C2440" t="str">
            <v>ワールドビジネスセンター(株)</v>
          </cell>
          <cell r="D2440" t="str">
            <v>075-662-1200</v>
          </cell>
          <cell r="E2440" t="str">
            <v>601-8443</v>
          </cell>
          <cell r="F2440" t="str">
            <v>京都府京都市南区西九条東御幸田町25番2</v>
          </cell>
          <cell r="G2440" t="str">
            <v>京都市</v>
          </cell>
          <cell r="H2440" t="str">
            <v/>
          </cell>
          <cell r="I2440" t="str">
            <v>代表取締役 谷口　孝重</v>
          </cell>
          <cell r="J2440" t="str">
            <v>本店</v>
          </cell>
          <cell r="K2440" t="str">
            <v>075-662-7050</v>
          </cell>
          <cell r="L2440" t="str">
            <v>soumu@wbc.co.jp</v>
          </cell>
          <cell r="M2440" t="str">
            <v>ﾜｰﾙﾄﾞﾋﾞｼﾞﾈｽｾﾝﾀｰ</v>
          </cell>
          <cell r="N2440" t="str">
            <v>無</v>
          </cell>
          <cell r="O2440">
            <v>52</v>
          </cell>
          <cell r="P2440">
            <v>580</v>
          </cell>
          <cell r="Q2440">
            <v>2130001012070</v>
          </cell>
          <cell r="R2440">
            <v>237445</v>
          </cell>
          <cell r="S2440">
            <v>895056</v>
          </cell>
          <cell r="T2440">
            <v>4644681</v>
          </cell>
          <cell r="V2440" t="str">
            <v>ej974716</v>
          </cell>
          <cell r="W2440" t="str">
            <v>na166973</v>
          </cell>
          <cell r="Y2440" t="str">
            <v>036，36，57，58，59，</v>
          </cell>
          <cell r="Z2440">
            <v>57</v>
          </cell>
          <cell r="AA2440">
            <v>58</v>
          </cell>
          <cell r="AB2440">
            <v>59</v>
          </cell>
          <cell r="AC2440">
            <v>36</v>
          </cell>
          <cell r="AD2440" t="str">
            <v/>
          </cell>
          <cell r="AE2440" t="str">
            <v>１；・医療情報システム運用管理業務　・システム等運用管理業務・ネットワークシステムの保守２；・システム開発３；・ヘルプデスク４；・コンピュータ及び周辺機器、消耗品等の販売</v>
          </cell>
          <cell r="AF2440" t="str">
            <v>医療情報システム運用管理業務・システム等の運用管理業務・システム開発・ネットワークシステムの保守・パッケージソフトの開発及び販売・コンピュータ及び周辺機器、消耗品販売</v>
          </cell>
        </row>
        <row r="2441">
          <cell r="B2441">
            <v>10811</v>
          </cell>
          <cell r="C2441" t="str">
            <v>関西ハウス工業(株)</v>
          </cell>
          <cell r="D2441" t="str">
            <v>06-6568-4341</v>
          </cell>
          <cell r="E2441" t="str">
            <v>556-0022</v>
          </cell>
          <cell r="F2441" t="str">
            <v>大阪府大阪市浪速区桜川2-11-20</v>
          </cell>
          <cell r="G2441" t="str">
            <v>大阪市</v>
          </cell>
          <cell r="H2441" t="str">
            <v/>
          </cell>
          <cell r="I2441" t="str">
            <v>代表取締役　 前田　秀二</v>
          </cell>
          <cell r="J2441" t="str">
            <v>本店</v>
          </cell>
          <cell r="K2441" t="str">
            <v>06-6568-1732</v>
          </cell>
          <cell r="L2441" t="str">
            <v>eigyou@kansai-house.co.jp</v>
          </cell>
          <cell r="M2441" t="str">
            <v>ｶﾝｻｲﾊｳｽｺｳｷﾞｮｳ</v>
          </cell>
          <cell r="N2441" t="str">
            <v>無</v>
          </cell>
          <cell r="O2441">
            <v>49</v>
          </cell>
          <cell r="P2441">
            <v>10</v>
          </cell>
          <cell r="Q2441">
            <v>3120001037794</v>
          </cell>
          <cell r="R2441">
            <v>20300</v>
          </cell>
          <cell r="S2441">
            <v>300315</v>
          </cell>
          <cell r="T2441">
            <v>551167</v>
          </cell>
          <cell r="V2441" t="str">
            <v>ag720215</v>
          </cell>
          <cell r="W2441" t="str">
            <v>ow113739</v>
          </cell>
          <cell r="Y2441" t="str">
            <v>44，</v>
          </cell>
          <cell r="Z2441">
            <v>44</v>
          </cell>
          <cell r="AA2441" t="str">
            <v/>
          </cell>
          <cell r="AB2441" t="str">
            <v/>
          </cell>
          <cell r="AC2441" t="str">
            <v/>
          </cell>
          <cell r="AD2441" t="str">
            <v/>
          </cell>
          <cell r="AE2441" t="str">
            <v>１；２；３；４；</v>
          </cell>
          <cell r="AF2441" t="str">
            <v>仮設教室、スチールハウス、ユニットハウス等の設計施工。仮設教室、仮設ハウス等の賃貸借業務。</v>
          </cell>
        </row>
        <row r="2442">
          <cell r="B2442">
            <v>10812</v>
          </cell>
          <cell r="C2442" t="str">
            <v>日本教育情報機器(株)</v>
          </cell>
          <cell r="D2442" t="str">
            <v>03-3287-2181</v>
          </cell>
          <cell r="E2442" t="str">
            <v>100-0006</v>
          </cell>
          <cell r="F2442" t="str">
            <v>東京都千代田区有楽町1-7-1</v>
          </cell>
          <cell r="G2442" t="str">
            <v>東京都</v>
          </cell>
          <cell r="H2442" t="str">
            <v/>
          </cell>
          <cell r="I2442" t="str">
            <v>代表取締役 山岸　勇一郎</v>
          </cell>
          <cell r="J2442" t="str">
            <v>本店</v>
          </cell>
          <cell r="K2442" t="str">
            <v>03-3287-2189</v>
          </cell>
          <cell r="L2442" t="str">
            <v>sale13@ecs-r.co.jp</v>
          </cell>
          <cell r="M2442" t="str">
            <v>ﾆﾎﾝｷｮｳｲｸｼﾞｮｳﾎｳｷｷ</v>
          </cell>
          <cell r="N2442" t="str">
            <v>無</v>
          </cell>
          <cell r="O2442">
            <v>26</v>
          </cell>
          <cell r="P2442">
            <v>14</v>
          </cell>
          <cell r="Q2442">
            <v>6010001033050</v>
          </cell>
          <cell r="R2442">
            <v>1180000</v>
          </cell>
          <cell r="S2442">
            <v>1421962</v>
          </cell>
          <cell r="T2442">
            <v>9110351</v>
          </cell>
          <cell r="V2442" t="str">
            <v>zr875103</v>
          </cell>
          <cell r="W2442" t="str">
            <v>xn175193</v>
          </cell>
          <cell r="Y2442" t="str">
            <v>36，44，69，</v>
          </cell>
          <cell r="Z2442">
            <v>44</v>
          </cell>
          <cell r="AA2442">
            <v>36</v>
          </cell>
          <cell r="AB2442">
            <v>69</v>
          </cell>
          <cell r="AC2442" t="str">
            <v/>
          </cell>
          <cell r="AD2442" t="str">
            <v/>
          </cell>
          <cell r="AE2442" t="str">
            <v>１；教育用コンピュータ（電子計算機、パソコン、周辺機器等）　仕入先：日本電気、富士通、東芝、日立製作所、日本ＩＢＭ、アップル、他２；ＯＭＲ、ＯＣＲ、パソコン等　仕入先：日本電気、富士通、東芝、日立製作所、日本ＩＢＭ、アップル、他３；電子計算機、パソコン、周辺機器等４；</v>
          </cell>
          <cell r="AF2442" t="str">
            <v>教育用コンピュータ及び周辺機器の賃貸借</v>
          </cell>
        </row>
        <row r="2443">
          <cell r="B2443">
            <v>10815</v>
          </cell>
          <cell r="C2443" t="str">
            <v>日本信号(株)</v>
          </cell>
          <cell r="D2443" t="str">
            <v>06-6312-3851</v>
          </cell>
          <cell r="E2443" t="str">
            <v>530-0018</v>
          </cell>
          <cell r="F2443" t="str">
            <v>大阪府大阪市北区小松原町2-4</v>
          </cell>
          <cell r="G2443" t="str">
            <v>大阪市</v>
          </cell>
          <cell r="H2443" t="str">
            <v>大阪支社</v>
          </cell>
          <cell r="I2443" t="str">
            <v>執行役員支社長 流郷　一宏</v>
          </cell>
          <cell r="J2443" t="str">
            <v>東京都</v>
          </cell>
          <cell r="K2443" t="str">
            <v>06-6312-8597</v>
          </cell>
          <cell r="L2443" t="str">
            <v>ns-auth0603@signal.co.jp</v>
          </cell>
          <cell r="M2443" t="str">
            <v>ﾆﾎﾝｼﾝｺﾞｳ</v>
          </cell>
          <cell r="N2443" t="str">
            <v>有</v>
          </cell>
          <cell r="O2443">
            <v>90</v>
          </cell>
          <cell r="P2443">
            <v>1327</v>
          </cell>
          <cell r="Q2443">
            <v>9010001110631</v>
          </cell>
          <cell r="R2443">
            <v>10000000</v>
          </cell>
          <cell r="S2443">
            <v>62772000</v>
          </cell>
          <cell r="T2443">
            <v>65922145</v>
          </cell>
          <cell r="V2443" t="str">
            <v>kd583225</v>
          </cell>
          <cell r="W2443" t="str">
            <v>ka137957</v>
          </cell>
          <cell r="Y2443" t="str">
            <v/>
          </cell>
          <cell r="Z2443" t="str">
            <v/>
          </cell>
          <cell r="AA2443" t="str">
            <v/>
          </cell>
          <cell r="AB2443" t="str">
            <v/>
          </cell>
          <cell r="AC2443" t="str">
            <v/>
          </cell>
          <cell r="AD2443" t="str">
            <v/>
          </cell>
          <cell r="AE2443" t="str">
            <v>１；駐車場・駐輪場料金徴収システム機器の製造・販売２；３；４；</v>
          </cell>
          <cell r="AF2443" t="str">
            <v>鉄道信号・交通信号のメーカーですが、駐車場・駐輪場の料金徴収システム機器の販売に力を入れている。</v>
          </cell>
        </row>
        <row r="2444">
          <cell r="B2444">
            <v>10816</v>
          </cell>
          <cell r="C2444" t="str">
            <v>総合調査設計(株)</v>
          </cell>
          <cell r="D2444" t="str">
            <v>072-793-6625</v>
          </cell>
          <cell r="E2444" t="str">
            <v>666-0129</v>
          </cell>
          <cell r="F2444" t="str">
            <v>兵庫県川西市緑台3-3-45</v>
          </cell>
          <cell r="G2444" t="str">
            <v>川西市</v>
          </cell>
          <cell r="H2444" t="str">
            <v>川西営業所</v>
          </cell>
          <cell r="I2444" t="str">
            <v>所長 塩見　明子</v>
          </cell>
          <cell r="J2444" t="str">
            <v>大阪府大阪市</v>
          </cell>
          <cell r="K2444" t="str">
            <v>06-6372-0715</v>
          </cell>
          <cell r="L2444" t="str">
            <v>main@sogo-chosa.com</v>
          </cell>
          <cell r="M2444" t="str">
            <v>ｿｳｺﾞｳﾁｮｳｻｾｯｹｲ</v>
          </cell>
          <cell r="N2444" t="str">
            <v>有</v>
          </cell>
          <cell r="O2444">
            <v>35</v>
          </cell>
          <cell r="P2444">
            <v>13</v>
          </cell>
          <cell r="Q2444">
            <v>1120001066168</v>
          </cell>
          <cell r="R2444">
            <v>10000</v>
          </cell>
          <cell r="S2444">
            <v>111334</v>
          </cell>
          <cell r="T2444">
            <v>143066</v>
          </cell>
          <cell r="V2444" t="str">
            <v>ud791527</v>
          </cell>
          <cell r="W2444" t="str">
            <v>nl139798</v>
          </cell>
          <cell r="Y2444" t="str">
            <v>77，</v>
          </cell>
          <cell r="Z2444" t="str">
            <v/>
          </cell>
          <cell r="AA2444" t="str">
            <v/>
          </cell>
          <cell r="AB2444" t="str">
            <v/>
          </cell>
          <cell r="AC2444" t="str">
            <v/>
          </cell>
          <cell r="AD2444" t="str">
            <v/>
          </cell>
          <cell r="AE2444" t="str">
            <v>１；街頭アンケート調査、郵送によるアンケート調査、インターネットによるアンケート調査、施設等留め置きによるアンケート調査２；３；４；</v>
          </cell>
          <cell r="AF2444" t="str">
            <v>道路設計、道路空間活用検討、駅前広場整備計画、サイン計画策定、都市計画マスタープラン、自転車ネットワーク計画、公共交通計画検討、まちづくり施策検討、駐車場・駐輪場施策検討、交通量調査、アンケート調査、データ入力・分析</v>
          </cell>
        </row>
        <row r="2445">
          <cell r="B2445">
            <v>10817</v>
          </cell>
          <cell r="C2445" t="str">
            <v>(株)アダチ</v>
          </cell>
          <cell r="D2445" t="str">
            <v>06-6942-3371</v>
          </cell>
          <cell r="E2445" t="str">
            <v>540-0037</v>
          </cell>
          <cell r="F2445" t="str">
            <v>大阪府大阪市中央区内平野町3-2-10</v>
          </cell>
          <cell r="G2445" t="str">
            <v>大阪市</v>
          </cell>
          <cell r="H2445" t="str">
            <v/>
          </cell>
          <cell r="I2445" t="str">
            <v>代表取締役 足立　三朗</v>
          </cell>
          <cell r="J2445" t="str">
            <v>本店</v>
          </cell>
          <cell r="K2445" t="str">
            <v>06-6943-9181</v>
          </cell>
          <cell r="L2445" t="str">
            <v/>
          </cell>
          <cell r="M2445" t="str">
            <v>ｱﾀﾞﾁ</v>
          </cell>
          <cell r="N2445" t="str">
            <v>無</v>
          </cell>
          <cell r="O2445">
            <v>87</v>
          </cell>
          <cell r="P2445">
            <v>120</v>
          </cell>
          <cell r="Q2445">
            <v>8120001073678</v>
          </cell>
          <cell r="R2445">
            <v>21000</v>
          </cell>
          <cell r="S2445">
            <v>1052757</v>
          </cell>
          <cell r="T2445">
            <v>11938444</v>
          </cell>
          <cell r="V2445" t="str">
            <v>bf664959</v>
          </cell>
          <cell r="W2445" t="str">
            <v>sd196917</v>
          </cell>
          <cell r="Y2445" t="str">
            <v>39，41，44，</v>
          </cell>
          <cell r="Z2445">
            <v>39</v>
          </cell>
          <cell r="AA2445">
            <v>44</v>
          </cell>
          <cell r="AB2445">
            <v>41</v>
          </cell>
          <cell r="AC2445" t="str">
            <v/>
          </cell>
          <cell r="AD2445" t="str">
            <v/>
          </cell>
          <cell r="AE2445" t="str">
            <v>１；内視鏡及びその周辺機器類、手術材料、救急訓練人形、救急車搭載資器材、健康器具　等　医療機器、器具、材料　全般２；医療機器全般３；超低温保冷庫４；</v>
          </cell>
          <cell r="AF2445" t="str">
            <v/>
          </cell>
        </row>
        <row r="2446">
          <cell r="B2446">
            <v>10818</v>
          </cell>
          <cell r="C2446" t="str">
            <v>コニカミノルタプラネタリウム(株)</v>
          </cell>
          <cell r="D2446" t="str">
            <v>03-5985-1711</v>
          </cell>
          <cell r="E2446" t="str">
            <v>170-8630</v>
          </cell>
          <cell r="F2446" t="str">
            <v>東京都東京都豊島区東池袋3-1-3</v>
          </cell>
          <cell r="G2446" t="str">
            <v>東京都</v>
          </cell>
          <cell r="H2446" t="str">
            <v/>
          </cell>
          <cell r="I2446" t="str">
            <v>代表取締役社長 古瀬　弘康</v>
          </cell>
          <cell r="J2446" t="str">
            <v>本店</v>
          </cell>
          <cell r="K2446" t="str">
            <v>03-5985-1712</v>
          </cell>
          <cell r="L2446" t="str">
            <v>kmpla-tokyo@pub.konicaminolta.jp</v>
          </cell>
          <cell r="M2446" t="str">
            <v>ｺﾆｶﾐﾉﾙﾀﾌﾟﾗﾈﾀﾘｳﾑ</v>
          </cell>
          <cell r="N2446" t="str">
            <v>無</v>
          </cell>
          <cell r="O2446">
            <v>30</v>
          </cell>
          <cell r="P2446">
            <v>100</v>
          </cell>
          <cell r="Q2446">
            <v>7120001105548</v>
          </cell>
          <cell r="R2446">
            <v>100000</v>
          </cell>
          <cell r="S2446">
            <v>531869</v>
          </cell>
          <cell r="T2446">
            <v>2828292</v>
          </cell>
          <cell r="V2446" t="str">
            <v>xf397460</v>
          </cell>
          <cell r="W2446" t="str">
            <v>ws157358</v>
          </cell>
          <cell r="Y2446" t="str">
            <v>48，64，</v>
          </cell>
          <cell r="Z2446">
            <v>48</v>
          </cell>
          <cell r="AA2446">
            <v>64</v>
          </cell>
          <cell r="AB2446">
            <v>80</v>
          </cell>
          <cell r="AC2446" t="str">
            <v/>
          </cell>
          <cell r="AD2446" t="str">
            <v/>
          </cell>
          <cell r="AE2446" t="str">
            <v>１；プラネタリウム機器、関連機器の保守点検２；プラネタリウム番組ソフトの制作、装填３；プラネタリウム機器、関連機器４；</v>
          </cell>
          <cell r="AF2446" t="str">
            <v>プラネタリウム関連機器の設置、保守、番組ソフト制作</v>
          </cell>
        </row>
        <row r="2447">
          <cell r="B2447">
            <v>10819</v>
          </cell>
          <cell r="C2447" t="str">
            <v>(株)キクチコンサルタント</v>
          </cell>
          <cell r="D2447" t="str">
            <v>0796-29-3191</v>
          </cell>
          <cell r="E2447" t="str">
            <v>668-0055</v>
          </cell>
          <cell r="F2447" t="str">
            <v>兵庫県豊岡市昭和町2-50</v>
          </cell>
          <cell r="G2447" t="str">
            <v>豊岡市</v>
          </cell>
          <cell r="H2447" t="str">
            <v>豊岡営業所</v>
          </cell>
          <cell r="I2447" t="str">
            <v>所長 竹坂　貞夫</v>
          </cell>
          <cell r="J2447" t="str">
            <v>京都府京都市</v>
          </cell>
          <cell r="K2447" t="str">
            <v>0796-29-3192</v>
          </cell>
          <cell r="L2447" t="str">
            <v>toyooka-get@kikuchi-con.co.jp</v>
          </cell>
          <cell r="M2447" t="str">
            <v>ｷｸﾁｺﾝｻﾙﾀﾝﾄ</v>
          </cell>
          <cell r="N2447" t="str">
            <v>有</v>
          </cell>
          <cell r="O2447">
            <v>63</v>
          </cell>
          <cell r="P2447">
            <v>64</v>
          </cell>
          <cell r="Q2447">
            <v>6130001004576</v>
          </cell>
          <cell r="R2447">
            <v>48000</v>
          </cell>
          <cell r="S2447">
            <v>386272</v>
          </cell>
          <cell r="T2447">
            <v>916939</v>
          </cell>
          <cell r="V2447" t="str">
            <v>nr330635</v>
          </cell>
          <cell r="W2447" t="str">
            <v>dl175399</v>
          </cell>
          <cell r="Y2447" t="str">
            <v>079，57，58，70，72，79，</v>
          </cell>
          <cell r="Z2447">
            <v>72</v>
          </cell>
          <cell r="AA2447">
            <v>58</v>
          </cell>
          <cell r="AB2447">
            <v>57</v>
          </cell>
          <cell r="AC2447">
            <v>79</v>
          </cell>
          <cell r="AD2447" t="str">
            <v/>
          </cell>
          <cell r="AE2447" t="str">
            <v>１；無人航空機（ドローン）を用いた航空写真。無人航空機（ドローン）の保有数：３機２；ＧＩＳデータ整備・画像データ整備等３；データベース入力等４；送水管漏水調査等</v>
          </cell>
          <cell r="AF2447" t="str">
            <v>測量、補償、各種コンサルタント業務、さらには、情報処理サービスの領域にも力を注ぎ、総合建設コンサルタント企業として専門的技術力を発揮して各方面から信頼を得ております。　特に、上下水道、鋼構造、道路等の各部門におきましては、多くの実績があります。</v>
          </cell>
        </row>
        <row r="2448">
          <cell r="B2448">
            <v>10821</v>
          </cell>
          <cell r="C2448" t="str">
            <v>(株)エスアールエル</v>
          </cell>
          <cell r="D2448" t="str">
            <v>03-6279-0939</v>
          </cell>
          <cell r="E2448" t="str">
            <v>163-0409</v>
          </cell>
          <cell r="F2448" t="str">
            <v>東京都新宿区西新宿2-1-1</v>
          </cell>
          <cell r="G2448" t="str">
            <v>東京都</v>
          </cell>
          <cell r="H2448" t="str">
            <v/>
          </cell>
          <cell r="I2448" t="str">
            <v>専務取締役 松本　誠</v>
          </cell>
          <cell r="J2448" t="str">
            <v>東京都</v>
          </cell>
          <cell r="K2448" t="str">
            <v>03-6279-0978</v>
          </cell>
          <cell r="L2448" t="str">
            <v>srl.nyusatsu.tantou@miraca.com</v>
          </cell>
          <cell r="M2448" t="str">
            <v>ｴｽｱｰﾙｴﾙ</v>
          </cell>
          <cell r="N2448" t="str">
            <v>有</v>
          </cell>
          <cell r="O2448">
            <v>48</v>
          </cell>
          <cell r="P2448">
            <v>2835</v>
          </cell>
          <cell r="Q2448">
            <v>5012801000222</v>
          </cell>
          <cell r="R2448">
            <v>11027000</v>
          </cell>
          <cell r="S2448">
            <v>48768000</v>
          </cell>
          <cell r="T2448">
            <v>96357000</v>
          </cell>
          <cell r="V2448" t="str">
            <v>sc942034</v>
          </cell>
          <cell r="W2448" t="str">
            <v>bv185179</v>
          </cell>
          <cell r="Y2448" t="str">
            <v>9，78，</v>
          </cell>
          <cell r="Z2448">
            <v>78</v>
          </cell>
          <cell r="AA2448">
            <v>9</v>
          </cell>
          <cell r="AB2448" t="str">
            <v/>
          </cell>
          <cell r="AC2448" t="str">
            <v/>
          </cell>
          <cell r="AD2448" t="str">
            <v/>
          </cell>
          <cell r="AE2448" t="str">
            <v>１；臨床検査の受託業務２；臨床検査受託に伴う採血管等の販売３；４；</v>
          </cell>
          <cell r="AF2448" t="str">
            <v>当社では、血液・尿・内分泌・ＲＩ・細胞性免疫・遺伝子・染色体等　各分野の検体検査を行っております。また全国に地域ラボを設立し、特殊検査のみならず臨床検査に関する全ての分野のご要望に応じる体制を整えております。</v>
          </cell>
        </row>
        <row r="2449">
          <cell r="B2449">
            <v>10826</v>
          </cell>
          <cell r="C2449" t="str">
            <v>大阪理水工業(株)</v>
          </cell>
          <cell r="D2449" t="str">
            <v>06-6354-2027</v>
          </cell>
          <cell r="E2449" t="str">
            <v>530-0038</v>
          </cell>
          <cell r="F2449" t="str">
            <v>大阪府大阪市北区紅梅町1番3号</v>
          </cell>
          <cell r="G2449" t="str">
            <v>大阪市</v>
          </cell>
          <cell r="H2449" t="str">
            <v/>
          </cell>
          <cell r="I2449" t="str">
            <v>代表取締役 福原　章二</v>
          </cell>
          <cell r="J2449" t="str">
            <v>本店</v>
          </cell>
          <cell r="K2449" t="str">
            <v/>
          </cell>
          <cell r="L2449" t="str">
            <v>s.fukuhara@osaka-risui.co.jp</v>
          </cell>
          <cell r="M2449" t="str">
            <v>ｵｵｻｶﾘｽｲｺｳｷﾞｮｳ</v>
          </cell>
          <cell r="N2449" t="str">
            <v>無</v>
          </cell>
          <cell r="O2449">
            <v>42</v>
          </cell>
          <cell r="P2449">
            <v>9</v>
          </cell>
          <cell r="Q2449">
            <v>4120001072683</v>
          </cell>
          <cell r="R2449">
            <v>10000</v>
          </cell>
          <cell r="S2449">
            <v>90304</v>
          </cell>
          <cell r="T2449">
            <v>462130</v>
          </cell>
          <cell r="V2449" t="str">
            <v>fn759968</v>
          </cell>
          <cell r="W2449" t="str">
            <v>lｒ191396</v>
          </cell>
          <cell r="Y2449" t="str">
            <v>33，38，</v>
          </cell>
          <cell r="Z2449">
            <v>33</v>
          </cell>
          <cell r="AA2449">
            <v>38</v>
          </cell>
          <cell r="AB2449" t="str">
            <v/>
          </cell>
          <cell r="AC2449" t="str">
            <v/>
          </cell>
          <cell r="AD2449" t="str">
            <v/>
          </cell>
          <cell r="AE2449" t="str">
            <v>１；サドル分水栓・ＧＸ形ソフトシール弁・ＰＥ継手・ボルトナット・メーターパッキン・消火栓・補修弁・空気弁・ＨＩパイプ・ＨＩ継手・補修継手材・鋳鉄管・異形管・その他２；消火栓用スタンドパイプ・消火栓ホース・カップリング・その他３；４；</v>
          </cell>
          <cell r="AF2449" t="str">
            <v>上下水道用資材一式の卸、販売。</v>
          </cell>
        </row>
        <row r="2450">
          <cell r="B2450">
            <v>10827</v>
          </cell>
          <cell r="C2450" t="str">
            <v>(株)文化財サービス</v>
          </cell>
          <cell r="D2450" t="str">
            <v>075-611-5800</v>
          </cell>
          <cell r="E2450" t="str">
            <v>612-8372</v>
          </cell>
          <cell r="F2450" t="str">
            <v>京都府京都市伏見区北端町58番地</v>
          </cell>
          <cell r="G2450" t="str">
            <v>京都市</v>
          </cell>
          <cell r="H2450" t="str">
            <v/>
          </cell>
          <cell r="I2450" t="str">
            <v>代表取締役 出口　弘文</v>
          </cell>
          <cell r="J2450" t="str">
            <v>本店</v>
          </cell>
          <cell r="K2450" t="str">
            <v>075-611-5900</v>
          </cell>
          <cell r="L2450" t="str">
            <v>service@bunnkazai.co.jp</v>
          </cell>
          <cell r="M2450" t="str">
            <v>ﾌﾞﾝｶｻﾞｲｻｰﾋﾞｽ</v>
          </cell>
          <cell r="N2450" t="str">
            <v>無</v>
          </cell>
          <cell r="O2450">
            <v>18</v>
          </cell>
          <cell r="P2450">
            <v>29</v>
          </cell>
          <cell r="Q2450">
            <v>8120001098329</v>
          </cell>
          <cell r="R2450">
            <v>20000</v>
          </cell>
          <cell r="S2450">
            <v>80155</v>
          </cell>
          <cell r="T2450">
            <v>289390</v>
          </cell>
          <cell r="V2450" t="str">
            <v>kc306118</v>
          </cell>
          <cell r="W2450" t="str">
            <v>ei143230</v>
          </cell>
          <cell r="Y2450" t="str">
            <v/>
          </cell>
          <cell r="Z2450" t="str">
            <v/>
          </cell>
          <cell r="AA2450" t="str">
            <v/>
          </cell>
          <cell r="AB2450" t="str">
            <v/>
          </cell>
          <cell r="AC2450" t="str">
            <v/>
          </cell>
          <cell r="AD2450" t="str">
            <v/>
          </cell>
          <cell r="AE2450" t="str">
            <v>１；埋蔵文化財発掘調査、埋蔵文化財発掘調査に係る測量、出土遺物の整理、保存処理、分析、写真撮影、報告書の編集２；３；４；</v>
          </cell>
          <cell r="AF2450" t="str">
            <v>埋蔵文化財発掘調査、埋蔵文化財発掘調査に係る測量、出土遺物の整理、保存処理、分析、写真撮影、報告書の編集</v>
          </cell>
        </row>
        <row r="2451">
          <cell r="B2451">
            <v>10829</v>
          </cell>
          <cell r="C2451" t="str">
            <v>(有)明石環境開発</v>
          </cell>
          <cell r="D2451" t="str">
            <v>078-382-3700</v>
          </cell>
          <cell r="E2451" t="str">
            <v>650-0015</v>
          </cell>
          <cell r="F2451" t="str">
            <v>兵庫県神戸市中央区多聞通2-1-5-402</v>
          </cell>
          <cell r="G2451" t="str">
            <v>神戸市</v>
          </cell>
          <cell r="H2451" t="str">
            <v>神戸支店</v>
          </cell>
          <cell r="I2451" t="str">
            <v>支店長 渡邊　昇</v>
          </cell>
          <cell r="J2451" t="str">
            <v>兵庫県明石市</v>
          </cell>
          <cell r="K2451" t="str">
            <v>078-382-3710</v>
          </cell>
          <cell r="L2451" t="str">
            <v>info@akashi-kankyou.jp</v>
          </cell>
          <cell r="M2451" t="str">
            <v>ｱｶｼｶﾝｷｮｳｶｲﾊﾂ</v>
          </cell>
          <cell r="N2451" t="str">
            <v>有</v>
          </cell>
          <cell r="O2451">
            <v>22</v>
          </cell>
          <cell r="P2451">
            <v>18</v>
          </cell>
          <cell r="Q2451">
            <v>9140002028166</v>
          </cell>
          <cell r="R2451">
            <v>5000</v>
          </cell>
          <cell r="S2451">
            <v>50619</v>
          </cell>
          <cell r="T2451">
            <v>346000</v>
          </cell>
          <cell r="V2451" t="str">
            <v>pt840319</v>
          </cell>
          <cell r="W2451" t="str">
            <v>lg197573</v>
          </cell>
          <cell r="Y2451" t="str">
            <v>051，51，53，55，68，79，</v>
          </cell>
          <cell r="Z2451">
            <v>79</v>
          </cell>
          <cell r="AA2451">
            <v>55</v>
          </cell>
          <cell r="AB2451">
            <v>68</v>
          </cell>
          <cell r="AC2451">
            <v>51</v>
          </cell>
          <cell r="AD2451" t="str">
            <v/>
          </cell>
          <cell r="AE2451" t="str">
            <v>１；管渠内テレビカメラ調査工　テレビカメラ搭載車による自社施工２；高圧洗浄車、強力吸引車、給水車を利用しての河川、水路、道路、公園等の清掃３；産業廃棄物収集運搬４；貯水槽・高架水槽・受水槽清掃</v>
          </cell>
          <cell r="AF2451" t="str">
            <v>【下水管の総合メンテナンス】清掃・調査・止水・部分補修・更生工事を自社施工により多くの施工実績があります。</v>
          </cell>
        </row>
        <row r="2452">
          <cell r="B2452">
            <v>10831</v>
          </cell>
          <cell r="C2452" t="str">
            <v>(株)アイランド管財</v>
          </cell>
          <cell r="D2452" t="str">
            <v>072-782-3285</v>
          </cell>
          <cell r="E2452" t="str">
            <v>664-0008</v>
          </cell>
          <cell r="F2452" t="str">
            <v>兵庫県伊丹市荒牧南2-4-3</v>
          </cell>
          <cell r="G2452" t="str">
            <v>伊丹市</v>
          </cell>
          <cell r="H2452" t="str">
            <v/>
          </cell>
          <cell r="I2452" t="str">
            <v>代表取締役 池田　栄治</v>
          </cell>
          <cell r="J2452" t="str">
            <v>本店</v>
          </cell>
          <cell r="K2452" t="str">
            <v>072-772-6002</v>
          </cell>
          <cell r="L2452" t="str">
            <v>eijiiked@crest.ocn.ne.jp</v>
          </cell>
          <cell r="M2452" t="str">
            <v>ｱｲﾗﾝﾄﾞｶﾝｻﾞｲ</v>
          </cell>
          <cell r="N2452" t="str">
            <v>無</v>
          </cell>
          <cell r="O2452">
            <v>56</v>
          </cell>
          <cell r="P2452">
            <v>41</v>
          </cell>
          <cell r="Q2452">
            <v>5140001077977</v>
          </cell>
          <cell r="R2452">
            <v>10000</v>
          </cell>
          <cell r="S2452">
            <v>106184</v>
          </cell>
          <cell r="T2452">
            <v>96513</v>
          </cell>
          <cell r="V2452" t="str">
            <v>jh523868</v>
          </cell>
          <cell r="W2452" t="str">
            <v>rm119598</v>
          </cell>
          <cell r="Y2452" t="str">
            <v>046，46，51，52，54，</v>
          </cell>
          <cell r="Z2452">
            <v>54</v>
          </cell>
          <cell r="AA2452">
            <v>51</v>
          </cell>
          <cell r="AB2452">
            <v>52</v>
          </cell>
          <cell r="AC2452">
            <v>46</v>
          </cell>
          <cell r="AD2452" t="str">
            <v/>
          </cell>
          <cell r="AE2452" t="str">
            <v>１；建築物清掃業　兵庫県２２清第１４号の６２；建築物飲料水貯水槽清掃業　兵庫県１３貯第１４号の１３；４；</v>
          </cell>
          <cell r="AF2452" t="str">
            <v>弊社は建築物清掃業と建築物飲料水貯水槽清掃業の兵庫県登録業者で、兵庫県様をはじめ県内各市町村様からの建物清掃及び貯水槽清掃の発注を多くいただいています。施設の衛生管理と美観の維持向上を貴重な予算の中で達成することが重要と考えて社員教育と各種のご提案に注力しています。</v>
          </cell>
        </row>
        <row r="2453">
          <cell r="B2453">
            <v>10832</v>
          </cell>
          <cell r="C2453" t="str">
            <v>(株)倉本産業</v>
          </cell>
          <cell r="D2453" t="str">
            <v>06-6734-3110</v>
          </cell>
          <cell r="E2453" t="str">
            <v>541-0053</v>
          </cell>
          <cell r="F2453" t="str">
            <v>大阪府大阪市中央区本町2-1-6</v>
          </cell>
          <cell r="G2453" t="str">
            <v>大阪市</v>
          </cell>
          <cell r="H2453" t="str">
            <v>大阪支店</v>
          </cell>
          <cell r="I2453" t="str">
            <v>支店長 森田　克正</v>
          </cell>
          <cell r="J2453" t="str">
            <v>東京都</v>
          </cell>
          <cell r="K2453" t="str">
            <v>06-4705-5977</v>
          </cell>
          <cell r="L2453" t="str">
            <v>tsujiura-r@7tak.co.jp</v>
          </cell>
          <cell r="M2453" t="str">
            <v>ｸﾗﾓﾄｻﾝｷﾞｮｳ</v>
          </cell>
          <cell r="N2453" t="str">
            <v>有</v>
          </cell>
          <cell r="O2453">
            <v>65</v>
          </cell>
          <cell r="P2453">
            <v>241</v>
          </cell>
          <cell r="Q2453">
            <v>4013301002924</v>
          </cell>
          <cell r="R2453">
            <v>100000</v>
          </cell>
          <cell r="S2453">
            <v>4467959</v>
          </cell>
          <cell r="T2453">
            <v>5621029</v>
          </cell>
          <cell r="V2453" t="str">
            <v>se117173</v>
          </cell>
          <cell r="W2453" t="str">
            <v>zq159915</v>
          </cell>
          <cell r="Y2453" t="str">
            <v>066，03，38，50，66，</v>
          </cell>
          <cell r="Z2453">
            <v>38</v>
          </cell>
          <cell r="AA2453">
            <v>3</v>
          </cell>
          <cell r="AB2453">
            <v>50</v>
          </cell>
          <cell r="AC2453">
            <v>66</v>
          </cell>
          <cell r="AD2453" t="str">
            <v/>
          </cell>
          <cell r="AE2453" t="str">
            <v>１；防火衣、耐熱服、放射能防護服、蜂防護服、耐刃衣、耐熱手袋、防毒マスク、防塵マスク、防炎シート、使い捨て担架、避難誘導棒、多目的回転灯２；作業服、活動服　他３；無線機４；消火栓看板、山林内位置表示看板、各種看板</v>
          </cell>
          <cell r="AF2453" t="str">
            <v>防火衣、耐熱服、放射能防護服、蜂防護服や、シール、ラベル、各種銘板、各種粘着加工製品などの製造販売を行っております。各市町村におけるマスコットキャラクターをＰＲするためのシール作成も請け負っております。</v>
          </cell>
        </row>
        <row r="2454">
          <cell r="B2454">
            <v>10833</v>
          </cell>
          <cell r="C2454" t="str">
            <v>(株)アクアリサーチ</v>
          </cell>
          <cell r="D2454" t="str">
            <v>079-222-9984</v>
          </cell>
          <cell r="E2454" t="str">
            <v>670-0955</v>
          </cell>
          <cell r="F2454" t="str">
            <v>兵庫県姫路市安田4-89</v>
          </cell>
          <cell r="G2454" t="str">
            <v>姫路市</v>
          </cell>
          <cell r="H2454" t="str">
            <v/>
          </cell>
          <cell r="I2454" t="str">
            <v>代表取締役 川畑　勝美</v>
          </cell>
          <cell r="J2454" t="str">
            <v>本店</v>
          </cell>
          <cell r="K2454" t="str">
            <v>079-284-7667</v>
          </cell>
          <cell r="L2454" t="str">
            <v>kawabata@aqua-research.co.jp</v>
          </cell>
          <cell r="M2454" t="str">
            <v>ｱｸｱﾘｻｰﾁ</v>
          </cell>
          <cell r="N2454" t="str">
            <v>無</v>
          </cell>
          <cell r="O2454">
            <v>27</v>
          </cell>
          <cell r="P2454">
            <v>8</v>
          </cell>
          <cell r="Q2454">
            <v>4140001057518</v>
          </cell>
          <cell r="R2454">
            <v>10000</v>
          </cell>
          <cell r="S2454">
            <v>43508</v>
          </cell>
          <cell r="T2454">
            <v>111467</v>
          </cell>
          <cell r="V2454" t="str">
            <v>ys128460</v>
          </cell>
          <cell r="W2454" t="str">
            <v>fm139899</v>
          </cell>
          <cell r="Y2454" t="str">
            <v>79，</v>
          </cell>
          <cell r="Z2454">
            <v>79</v>
          </cell>
          <cell r="AA2454" t="str">
            <v/>
          </cell>
          <cell r="AB2454" t="str">
            <v/>
          </cell>
          <cell r="AC2454" t="str">
            <v/>
          </cell>
          <cell r="AD2454" t="str">
            <v/>
          </cell>
          <cell r="AE2454" t="str">
            <v>１；漏水調査　漏水探知器１０台、相関式漏水探知器３台、鉄管探知器３台、音聴棒３０本、金属探知機３台２；３；４；</v>
          </cell>
          <cell r="AF2454" t="str">
            <v>上水道の漏水調査、流量測定、配管図作成、水圧測定、管路探知（上水道、下水道、ガス等）などを行っている会社です。</v>
          </cell>
        </row>
        <row r="2455">
          <cell r="B2455">
            <v>10837</v>
          </cell>
          <cell r="C2455" t="str">
            <v>(株)Ｎgrowing</v>
          </cell>
          <cell r="D2455" t="str">
            <v>06-6453-5757</v>
          </cell>
          <cell r="E2455" t="str">
            <v>530-0001</v>
          </cell>
          <cell r="F2455" t="str">
            <v>大阪府大阪市北区梅田3-4-5毎日新聞ﾋﾞﾙ4階</v>
          </cell>
          <cell r="G2455" t="str">
            <v>大阪市</v>
          </cell>
          <cell r="H2455" t="str">
            <v/>
          </cell>
          <cell r="I2455" t="str">
            <v>代表取締役　 古澤　みちよ</v>
          </cell>
          <cell r="J2455" t="str">
            <v>本店</v>
          </cell>
          <cell r="K2455" t="str">
            <v>06-6453-5717</v>
          </cell>
          <cell r="L2455" t="str">
            <v>hamada@nissen-ad.com</v>
          </cell>
          <cell r="M2455" t="str">
            <v>ﾆﾂｾﾝ</v>
          </cell>
          <cell r="N2455" t="str">
            <v>無</v>
          </cell>
          <cell r="O2455">
            <v>58</v>
          </cell>
          <cell r="P2455">
            <v>19</v>
          </cell>
          <cell r="Q2455">
            <v>2120000000000</v>
          </cell>
          <cell r="R2455">
            <v>20000</v>
          </cell>
          <cell r="S2455">
            <v>20000</v>
          </cell>
          <cell r="T2455">
            <v>1195436</v>
          </cell>
          <cell r="V2455" t="str">
            <v>xw767999</v>
          </cell>
          <cell r="W2455" t="str">
            <v>ns171391</v>
          </cell>
          <cell r="Y2455">
            <v>7.65</v>
          </cell>
          <cell r="Z2455" t="str">
            <v/>
          </cell>
          <cell r="AA2455" t="str">
            <v/>
          </cell>
          <cell r="AB2455" t="str">
            <v/>
          </cell>
          <cell r="AC2455" t="str">
            <v/>
          </cell>
          <cell r="AD2455" t="str">
            <v/>
          </cell>
          <cell r="AE2455" t="str">
            <v>１；２；３；４；</v>
          </cell>
          <cell r="AF2455" t="str">
            <v>創業５８年の広告代理店で、細かく行き届いた営業が自慢です。</v>
          </cell>
        </row>
        <row r="2456">
          <cell r="B2456">
            <v>10838</v>
          </cell>
          <cell r="C2456" t="str">
            <v>教育出版(株)</v>
          </cell>
          <cell r="D2456" t="str">
            <v>06-6261-9221</v>
          </cell>
          <cell r="E2456" t="str">
            <v>541-0056</v>
          </cell>
          <cell r="F2456" t="str">
            <v>大阪府大阪市中央区久太郎町1丁目6-27</v>
          </cell>
          <cell r="G2456" t="str">
            <v>大阪市</v>
          </cell>
          <cell r="H2456" t="str">
            <v>関西支社</v>
          </cell>
          <cell r="I2456" t="str">
            <v>執行役員関西支社長 廣瀬　智久</v>
          </cell>
          <cell r="J2456" t="str">
            <v>東京都</v>
          </cell>
          <cell r="K2456" t="str">
            <v>06-6261-9401</v>
          </cell>
          <cell r="L2456" t="str">
            <v/>
          </cell>
          <cell r="M2456" t="str">
            <v>ｷｮｳｲｸｼｭｯﾊﾟﾝ</v>
          </cell>
          <cell r="N2456" t="str">
            <v>有</v>
          </cell>
          <cell r="O2456">
            <v>71</v>
          </cell>
          <cell r="P2456">
            <v>250</v>
          </cell>
          <cell r="Q2456">
            <v>2010001014599</v>
          </cell>
          <cell r="R2456">
            <v>60000</v>
          </cell>
          <cell r="S2456">
            <v>2675095</v>
          </cell>
          <cell r="T2456">
            <v>5878329</v>
          </cell>
          <cell r="V2456" t="str">
            <v>dz838907</v>
          </cell>
          <cell r="W2456" t="str">
            <v>xg100754</v>
          </cell>
          <cell r="Y2456" t="str">
            <v>12,13,</v>
          </cell>
          <cell r="Z2456">
            <v>12</v>
          </cell>
          <cell r="AA2456">
            <v>13</v>
          </cell>
          <cell r="AB2456" t="str">
            <v/>
          </cell>
          <cell r="AC2456" t="str">
            <v/>
          </cell>
          <cell r="AD2456" t="str">
            <v/>
          </cell>
          <cell r="AE2456">
            <v>0</v>
          </cell>
          <cell r="AF2456" t="str">
            <v/>
          </cell>
        </row>
        <row r="2457">
          <cell r="B2457">
            <v>10841</v>
          </cell>
          <cell r="C2457" t="str">
            <v>トーテックアメニティ(株)</v>
          </cell>
          <cell r="D2457" t="str">
            <v>077-564-9770</v>
          </cell>
          <cell r="E2457" t="str">
            <v>525-0026</v>
          </cell>
          <cell r="F2457" t="str">
            <v>滋賀県草津市渋川1-2-15</v>
          </cell>
          <cell r="G2457" t="str">
            <v>草津市</v>
          </cell>
          <cell r="H2457" t="str">
            <v>京滋事業所</v>
          </cell>
          <cell r="I2457" t="str">
            <v>所長 大橋　卓也</v>
          </cell>
          <cell r="J2457" t="str">
            <v>愛知県名古屋市</v>
          </cell>
          <cell r="K2457" t="str">
            <v>077-564-9771</v>
          </cell>
          <cell r="L2457" t="str">
            <v>nyusatsu@totec.co.jp</v>
          </cell>
          <cell r="M2457" t="str">
            <v>ﾄｰﾃｯｸｱﾒﾆﾃｨ</v>
          </cell>
          <cell r="N2457" t="str">
            <v>有</v>
          </cell>
          <cell r="O2457">
            <v>47</v>
          </cell>
          <cell r="P2457">
            <v>1996</v>
          </cell>
          <cell r="Q2457">
            <v>7180001038759</v>
          </cell>
          <cell r="R2457">
            <v>180625</v>
          </cell>
          <cell r="S2457">
            <v>9266677</v>
          </cell>
          <cell r="T2457">
            <v>21053547</v>
          </cell>
          <cell r="V2457" t="str">
            <v>gc348153</v>
          </cell>
          <cell r="W2457" t="str">
            <v>gd158989</v>
          </cell>
          <cell r="Y2457" t="str">
            <v>056，36，50，56，57，58，</v>
          </cell>
          <cell r="Z2457">
            <v>58</v>
          </cell>
          <cell r="AA2457">
            <v>57</v>
          </cell>
          <cell r="AB2457">
            <v>50</v>
          </cell>
          <cell r="AC2457">
            <v>56</v>
          </cell>
          <cell r="AD2457" t="str">
            <v/>
          </cell>
          <cell r="AE2457" t="str">
            <v>１；２；代：富士通(株)取扱店：エプソン販売(株)、キヤノンマーケティングジャパン(株)３；国土交通省（般-21）　3260号：電気通信工事業国土交通省（特-22）　3269号：電気工事業４；派23-301779</v>
          </cell>
          <cell r="AF2457" t="str">
            <v>オープンソリューションを中心に、ビジネスアプリケーションの企画・開発からシステム構築、遠隔からのサーバ監視などのシステム運用管理まで、ワンストップITソリューションを提供いたします。</v>
          </cell>
        </row>
        <row r="2458">
          <cell r="B2458">
            <v>10842</v>
          </cell>
          <cell r="C2458" t="str">
            <v>(株)富士ダイナミクス</v>
          </cell>
          <cell r="D2458" t="str">
            <v>06-6325-2761</v>
          </cell>
          <cell r="E2458" t="str">
            <v>533-0033</v>
          </cell>
          <cell r="F2458" t="str">
            <v>大阪府大阪市東淀川区東中島2丁目9-15</v>
          </cell>
          <cell r="G2458" t="str">
            <v>大阪市</v>
          </cell>
          <cell r="H2458" t="str">
            <v>大阪営業所</v>
          </cell>
          <cell r="I2458" t="str">
            <v>大阪営業所長 小坂田　弘也</v>
          </cell>
          <cell r="J2458" t="str">
            <v>東京都</v>
          </cell>
          <cell r="K2458" t="str">
            <v>06-6325-2779</v>
          </cell>
          <cell r="L2458" t="str">
            <v>fdc@fuji-dynamics.co.jp</v>
          </cell>
          <cell r="M2458" t="str">
            <v>ﾌｼﾞﾀﾞｲﾅﾐｸｽ</v>
          </cell>
          <cell r="N2458" t="str">
            <v>有</v>
          </cell>
          <cell r="O2458">
            <v>58</v>
          </cell>
          <cell r="P2458">
            <v>205</v>
          </cell>
          <cell r="Q2458">
            <v>7013201006873</v>
          </cell>
          <cell r="R2458">
            <v>20000</v>
          </cell>
          <cell r="S2458">
            <v>1026742</v>
          </cell>
          <cell r="T2458">
            <v>5940451</v>
          </cell>
          <cell r="V2458" t="str">
            <v>wy102428</v>
          </cell>
          <cell r="W2458" t="str">
            <v>ju198993</v>
          </cell>
          <cell r="Y2458" t="str">
            <v>015，15，40，48，</v>
          </cell>
          <cell r="Z2458">
            <v>40</v>
          </cell>
          <cell r="AA2458">
            <v>48</v>
          </cell>
          <cell r="AB2458">
            <v>80</v>
          </cell>
          <cell r="AC2458">
            <v>15</v>
          </cell>
          <cell r="AD2458" t="str">
            <v/>
          </cell>
          <cell r="AE2458" t="str">
            <v>１；(代)三菱プレシジョン株式会社　駐車場管制装置（駐車場発券機、料金計算機、全自動料金精算機）　病院、ショッピングセンター、レジャー施設など目的に合わせたあらゆるシステムを提供します。２；駐車場管制装置保守点検・・システム設計から装置据付、調整、取扱い説明、納入後のアフターサービスまで、一貫したサービスを提供し24時間安定稼働を維持します。３；駐車場駐輪場運営管理・・駐車場の計画立案から開業・運営までいたるまでをサポートし、時間貸駐車場経営を応援します。４；駐車券、サービス券</v>
          </cell>
          <cell r="AF2458" t="str">
            <v>パーキングシステムの設計段階から維持管理にいたるまでをサポートし、２４時間安定稼働を維持します。病院、ショッピングセンター、レジャー施設等、目的に合わせたパーキングシステムを提供致します。</v>
          </cell>
        </row>
        <row r="2459">
          <cell r="B2459">
            <v>10844</v>
          </cell>
          <cell r="C2459" t="str">
            <v>(株)フューチャーイン</v>
          </cell>
          <cell r="D2459" t="str">
            <v>078-325-8415</v>
          </cell>
          <cell r="E2459" t="str">
            <v>650-0034</v>
          </cell>
          <cell r="F2459" t="str">
            <v>兵庫県神戸市中央区京町74</v>
          </cell>
          <cell r="G2459" t="str">
            <v>神戸市</v>
          </cell>
          <cell r="H2459" t="str">
            <v>関西支店</v>
          </cell>
          <cell r="I2459" t="str">
            <v>支店長 鈴木　淳</v>
          </cell>
          <cell r="J2459" t="str">
            <v>愛知県名古屋市</v>
          </cell>
          <cell r="K2459" t="str">
            <v>078-331-1423</v>
          </cell>
          <cell r="L2459" t="str">
            <v>infonyuusatu-kansai@futureinn.co.jp</v>
          </cell>
          <cell r="M2459" t="str">
            <v>ﾌｭｰﾁｬｰｲﾝ</v>
          </cell>
          <cell r="N2459" t="str">
            <v>有</v>
          </cell>
          <cell r="O2459">
            <v>31</v>
          </cell>
          <cell r="P2459">
            <v>451</v>
          </cell>
          <cell r="Q2459">
            <v>3180001005325</v>
          </cell>
          <cell r="R2459">
            <v>330000</v>
          </cell>
          <cell r="S2459">
            <v>2297320</v>
          </cell>
          <cell r="T2459">
            <v>12402010</v>
          </cell>
          <cell r="V2459" t="str">
            <v>qd577800</v>
          </cell>
          <cell r="W2459" t="str">
            <v>db191919</v>
          </cell>
          <cell r="Y2459" t="str">
            <v>061，36，57，58，61，</v>
          </cell>
          <cell r="Z2459">
            <v>36</v>
          </cell>
          <cell r="AA2459">
            <v>57</v>
          </cell>
          <cell r="AB2459">
            <v>58</v>
          </cell>
          <cell r="AC2459">
            <v>61</v>
          </cell>
          <cell r="AD2459" t="str">
            <v/>
          </cell>
          <cell r="AE2459" t="str">
            <v>１；日本電気（特）２；３；４；</v>
          </cell>
          <cell r="AF2459" t="str">
            <v>コンピュータ及びコンピュータ関連機器の販売のみならず、自治体、学校向け及びあらゆる業種の企業に対応した広範囲にわたるシステムの開発、カスタマイズ、運用指導、メンテナンスサポートを行っております。</v>
          </cell>
        </row>
        <row r="2460">
          <cell r="B2460">
            <v>10845</v>
          </cell>
          <cell r="C2460" t="str">
            <v>新明和工業(株)</v>
          </cell>
          <cell r="D2460" t="str">
            <v>06-4807-5520</v>
          </cell>
          <cell r="E2460" t="str">
            <v>650-0032</v>
          </cell>
          <cell r="F2460" t="str">
            <v>大阪府大阪市淀川区宮原3-3-31 上村ﾆｯｾｲﾋﾞﾙ</v>
          </cell>
          <cell r="G2460" t="str">
            <v>大阪市</v>
          </cell>
          <cell r="H2460" t="str">
            <v>流体事業部営業本部関西支店</v>
          </cell>
          <cell r="I2460" t="str">
            <v>支店長　 甲斐　更成</v>
          </cell>
          <cell r="J2460" t="str">
            <v>兵庫県宝塚市</v>
          </cell>
          <cell r="K2460" t="str">
            <v>06-6397-6003</v>
          </cell>
          <cell r="L2460" t="str">
            <v>kansai.shiten@shinmaywa.co.jp</v>
          </cell>
          <cell r="M2460" t="str">
            <v>ｼﾝﾒｲﾜｺｳｷﾞﾖｳ</v>
          </cell>
          <cell r="N2460" t="str">
            <v>有</v>
          </cell>
          <cell r="O2460">
            <v>48</v>
          </cell>
          <cell r="P2460">
            <v>3008</v>
          </cell>
          <cell r="Q2460">
            <v>7140000000000</v>
          </cell>
          <cell r="R2460">
            <v>15981967</v>
          </cell>
          <cell r="S2460">
            <v>97615404</v>
          </cell>
          <cell r="T2460">
            <v>207335000</v>
          </cell>
          <cell r="V2460" t="str">
            <v>zc365202</v>
          </cell>
          <cell r="W2460" t="str">
            <v>rg198916</v>
          </cell>
          <cell r="Y2460" t="str">
            <v>24.47.48</v>
          </cell>
          <cell r="Z2460">
            <v>24</v>
          </cell>
          <cell r="AA2460">
            <v>48</v>
          </cell>
          <cell r="AB2460">
            <v>47</v>
          </cell>
          <cell r="AC2460" t="str">
            <v/>
          </cell>
          <cell r="AD2460" t="str">
            <v/>
          </cell>
          <cell r="AE2460" t="str">
            <v>１；２；環境車両（塵芥車、脱着ボデー車、コンテナ）、建設車両（ダンプトラック、ミキサー車）、物流車両（給水車、散水車）３；機械式駐車設備４；機械式駐車設備の監視設備の保守</v>
          </cell>
          <cell r="AF2460" t="str">
            <v>高度な技術の結晶である航空機事業、ダンプ等国内外で活躍する特装車事業、ポンプ単体から環境システムまで数多くの製品を展開する産業機器事業、今後も３つの事業領域を通じて人々の暮らしに役立ち、社会をより明るい未来へと導いていきたい。そんな想いを胸に真摯な取組みを続けています。</v>
          </cell>
        </row>
        <row r="2461">
          <cell r="B2461">
            <v>10846</v>
          </cell>
          <cell r="C2461" t="str">
            <v>(株)富士通ゼネラル</v>
          </cell>
          <cell r="D2461" t="str">
            <v>072-333-9000</v>
          </cell>
          <cell r="E2461" t="str">
            <v>580-0004</v>
          </cell>
          <cell r="F2461" t="str">
            <v>大阪府松原市西野々2-1-45</v>
          </cell>
          <cell r="G2461" t="str">
            <v>松原市</v>
          </cell>
          <cell r="H2461" t="str">
            <v>近畿情報通信ネットワーク営業部</v>
          </cell>
          <cell r="I2461" t="str">
            <v>部長 西浦　靖暁</v>
          </cell>
          <cell r="J2461" t="str">
            <v>神奈川県川崎市</v>
          </cell>
          <cell r="K2461" t="str">
            <v>072-333-9966</v>
          </cell>
          <cell r="L2461" t="str">
            <v>kpub-sales@fujitsu-general.com</v>
          </cell>
          <cell r="M2461" t="str">
            <v>ﾌｼﾞﾂｳｾﾞﾈﾗﾙ</v>
          </cell>
          <cell r="N2461" t="str">
            <v>有</v>
          </cell>
          <cell r="O2461">
            <v>56</v>
          </cell>
          <cell r="P2461">
            <v>2379</v>
          </cell>
          <cell r="Q2461">
            <v>6020001066941</v>
          </cell>
          <cell r="R2461">
            <v>18089000</v>
          </cell>
          <cell r="S2461">
            <v>84487000</v>
          </cell>
          <cell r="T2461">
            <v>262340000</v>
          </cell>
          <cell r="V2461" t="str">
            <v>zk490117</v>
          </cell>
          <cell r="W2461" t="str">
            <v>gi115389</v>
          </cell>
          <cell r="Y2461" t="str">
            <v>36，50，</v>
          </cell>
          <cell r="Z2461">
            <v>36</v>
          </cell>
          <cell r="AA2461">
            <v>50</v>
          </cell>
          <cell r="AB2461" t="str">
            <v/>
          </cell>
          <cell r="AC2461" t="str">
            <v/>
          </cell>
          <cell r="AD2461" t="str">
            <v/>
          </cell>
          <cell r="AE2461" t="str">
            <v>１；消防救急用無線機・防災用無線機・高機能消防指令システム・防災用無線システム２；消防救急用無線機含む高機能消防指令システム保守・防災用無線機含む防災用無線システム保守３；４；</v>
          </cell>
          <cell r="AF2461" t="str">
            <v>消防救急用・防災用無線機、高機能消防指令システム、防災行政無線システムを得意としており、全国の多くの自治体様、消防様への納入実績がございます。保守点検を行うことにより、より安心してお使い頂ける様努めております。</v>
          </cell>
        </row>
        <row r="2462">
          <cell r="B2462">
            <v>10847</v>
          </cell>
          <cell r="C2462" t="str">
            <v>日之出水道機器(株)</v>
          </cell>
          <cell r="D2462" t="str">
            <v>078-735-8987</v>
          </cell>
          <cell r="E2462" t="str">
            <v>654-0047</v>
          </cell>
          <cell r="F2462" t="str">
            <v>兵庫県神戸市須磨区磯馴町1-11-7</v>
          </cell>
          <cell r="G2462" t="str">
            <v>神戸市</v>
          </cell>
          <cell r="H2462" t="str">
            <v>神戸営業所</v>
          </cell>
          <cell r="I2462" t="str">
            <v>所長 阪田　洋二</v>
          </cell>
          <cell r="J2462" t="str">
            <v>福岡県福岡市</v>
          </cell>
          <cell r="K2462" t="str">
            <v>078-735-8988</v>
          </cell>
          <cell r="L2462" t="str">
            <v/>
          </cell>
          <cell r="M2462" t="str">
            <v>ﾋﾉﾃﾞｽｲﾄﾞｳｷｷ</v>
          </cell>
          <cell r="N2462" t="str">
            <v>有</v>
          </cell>
          <cell r="O2462">
            <v>100</v>
          </cell>
          <cell r="P2462">
            <v>965</v>
          </cell>
          <cell r="Q2462">
            <v>3290001015973</v>
          </cell>
          <cell r="R2462">
            <v>90000</v>
          </cell>
          <cell r="S2462">
            <v>24489825</v>
          </cell>
          <cell r="T2462">
            <v>22920996</v>
          </cell>
          <cell r="V2462" t="str">
            <v>pp314392</v>
          </cell>
          <cell r="W2462" t="str">
            <v>tn183981</v>
          </cell>
          <cell r="Y2462" t="str">
            <v>30，33，38，</v>
          </cell>
          <cell r="Z2462" t="str">
            <v/>
          </cell>
          <cell r="AA2462" t="str">
            <v/>
          </cell>
          <cell r="AB2462" t="str">
            <v/>
          </cell>
          <cell r="AC2462" t="str">
            <v/>
          </cell>
          <cell r="AD2462" t="str">
            <v/>
          </cell>
          <cell r="AE2462" t="str">
            <v>１；上下水道用マンホール及び備品類２；道路側溝／横断溝用グレーチング及びコンクリート２次製品３；道路補修用アスファルト材料４；防災トイレ関連資材</v>
          </cell>
          <cell r="AF2462" t="str">
            <v>上下水道用の鉄蓋及び下桝の販売、及び、下水道部門コンサルタントにて人孔の調査診断、維持管理計画の策定を得意とする。</v>
          </cell>
        </row>
        <row r="2463">
          <cell r="B2463">
            <v>10849</v>
          </cell>
          <cell r="C2463" t="str">
            <v>シャープマーケティングジャパン(株)</v>
          </cell>
          <cell r="D2463" t="str">
            <v>06-6794-9601</v>
          </cell>
          <cell r="E2463" t="str">
            <v>660-0052</v>
          </cell>
          <cell r="F2463" t="str">
            <v>大阪府大阪市平野区加美南3-8-25</v>
          </cell>
          <cell r="G2463" t="str">
            <v>大阪市</v>
          </cell>
          <cell r="H2463" t="str">
            <v>シャープマーケティングジャパン</v>
          </cell>
          <cell r="I2463" t="str">
            <v>常務取締役　 山﨑　公人</v>
          </cell>
          <cell r="J2463" t="str">
            <v>大阪府八尾市</v>
          </cell>
          <cell r="K2463" t="str">
            <v>06-6794-9644</v>
          </cell>
          <cell r="L2463" t="str">
            <v>nyusatsu-sbs@list.sharp.co.jp</v>
          </cell>
          <cell r="M2463" t="str">
            <v>ｼﾔ-ﾌﾟﾏ-ｹﾃｲﾝｸﾞｼﾞﾔﾊﾟﾝ</v>
          </cell>
          <cell r="N2463" t="str">
            <v>有</v>
          </cell>
          <cell r="O2463">
            <v>41</v>
          </cell>
          <cell r="P2463">
            <v>3998</v>
          </cell>
          <cell r="Q2463">
            <v>1040000000000</v>
          </cell>
          <cell r="R2463">
            <v>1638849</v>
          </cell>
          <cell r="S2463">
            <v>16530714</v>
          </cell>
          <cell r="T2463">
            <v>242157314</v>
          </cell>
          <cell r="V2463" t="str">
            <v>gr658291</v>
          </cell>
          <cell r="W2463" t="str">
            <v>ii193979</v>
          </cell>
          <cell r="Y2463" t="str">
            <v>12.14.36.44.58</v>
          </cell>
          <cell r="Z2463">
            <v>58</v>
          </cell>
          <cell r="AA2463">
            <v>36</v>
          </cell>
          <cell r="AB2463">
            <v>44</v>
          </cell>
          <cell r="AC2463">
            <v>14</v>
          </cell>
          <cell r="AD2463" t="str">
            <v/>
          </cell>
          <cell r="AE2463" t="str">
            <v>１；２；システム開発、運用、保守３；パソコン、サーバー、モニター周辺機器、プリンタ及び消耗品、ソフトウエア、電子黒板４；複写機、複合機賃貸借</v>
          </cell>
          <cell r="AF2463" t="str">
            <v>ソフトウエア・ハードウエア等、情報システム関連商品の販売および、コンサルティング、システムの企画・開発・構築サポートに至るトータルソリューションの提供</v>
          </cell>
        </row>
        <row r="2464">
          <cell r="B2464">
            <v>10850</v>
          </cell>
          <cell r="C2464" t="str">
            <v>日本通信紙(株)</v>
          </cell>
          <cell r="D2464" t="str">
            <v>06-6931-0100</v>
          </cell>
          <cell r="E2464" t="str">
            <v>536-0005</v>
          </cell>
          <cell r="F2464" t="str">
            <v>大阪府大阪市城東区中央2-1-27</v>
          </cell>
          <cell r="G2464" t="str">
            <v>大阪市</v>
          </cell>
          <cell r="H2464" t="str">
            <v>大阪支店</v>
          </cell>
          <cell r="I2464" t="str">
            <v>支店長 國元　康伸</v>
          </cell>
          <cell r="J2464" t="str">
            <v>東京都</v>
          </cell>
          <cell r="K2464" t="str">
            <v>06-6931-0102</v>
          </cell>
          <cell r="L2464" t="str">
            <v>tsuchiya@e-ntk.co.jp</v>
          </cell>
          <cell r="M2464" t="str">
            <v>ﾆﾎﾝﾂｳｼﾝｼ</v>
          </cell>
          <cell r="N2464" t="str">
            <v>有</v>
          </cell>
          <cell r="O2464">
            <v>61</v>
          </cell>
          <cell r="P2464">
            <v>428</v>
          </cell>
          <cell r="Q2464">
            <v>7010501010507</v>
          </cell>
          <cell r="R2464">
            <v>228000</v>
          </cell>
          <cell r="S2464">
            <v>1153609</v>
          </cell>
          <cell r="T2464">
            <v>8044446</v>
          </cell>
          <cell r="V2464" t="str">
            <v>zc221974</v>
          </cell>
          <cell r="W2464" t="str">
            <v>am195799</v>
          </cell>
          <cell r="Y2464" t="str">
            <v>56，57，73，74，76，77，</v>
          </cell>
          <cell r="Z2464" t="str">
            <v/>
          </cell>
          <cell r="AA2464" t="str">
            <v/>
          </cell>
          <cell r="AB2464" t="str">
            <v/>
          </cell>
          <cell r="AC2464" t="str">
            <v/>
          </cell>
          <cell r="AD2464" t="str">
            <v/>
          </cell>
          <cell r="AE2464" t="str">
            <v>１；ＢＰＯサービス２；印刷・加工業務３；特殊印刷４；人材派遣</v>
          </cell>
          <cell r="AF2464" t="str">
            <v>１、ＢＰＯサービス　企業研修・調査業務・資格検定　他　２、印刷・加工　ロール紙・ラベル・連続帳票　他</v>
          </cell>
        </row>
        <row r="2465">
          <cell r="B2465">
            <v>10851</v>
          </cell>
          <cell r="C2465" t="str">
            <v>(株)ロータリービジネス</v>
          </cell>
          <cell r="D2465" t="str">
            <v>06-6864-8857</v>
          </cell>
          <cell r="E2465" t="str">
            <v>561-0841</v>
          </cell>
          <cell r="F2465" t="str">
            <v>大阪府豊中市名神口1-8-16</v>
          </cell>
          <cell r="G2465" t="str">
            <v>豊中市</v>
          </cell>
          <cell r="H2465" t="str">
            <v>大阪営業所</v>
          </cell>
          <cell r="I2465" t="str">
            <v>所長 荒井　幸一</v>
          </cell>
          <cell r="J2465" t="str">
            <v>兵庫県宝塚市</v>
          </cell>
          <cell r="K2465" t="str">
            <v>06-6864-8881</v>
          </cell>
          <cell r="L2465" t="str">
            <v>m-okamoto@rotary-grp.co.jp</v>
          </cell>
          <cell r="M2465" t="str">
            <v>ﾛｰﾀﾘｰﾋﾞｼﾞﾈｽ</v>
          </cell>
          <cell r="N2465" t="str">
            <v>有</v>
          </cell>
          <cell r="O2465">
            <v>40</v>
          </cell>
          <cell r="P2465">
            <v>98</v>
          </cell>
          <cell r="Q2465">
            <v>9140001000885</v>
          </cell>
          <cell r="R2465">
            <v>50000</v>
          </cell>
          <cell r="S2465">
            <v>619094</v>
          </cell>
          <cell r="T2465">
            <v>1166736</v>
          </cell>
          <cell r="V2465" t="str">
            <v>ez233403</v>
          </cell>
          <cell r="W2465" t="str">
            <v>rotarq77</v>
          </cell>
          <cell r="Y2465" t="str">
            <v>064，14，36，63，64，65，73，74，</v>
          </cell>
          <cell r="Z2465">
            <v>74</v>
          </cell>
          <cell r="AA2465">
            <v>73</v>
          </cell>
          <cell r="AB2465">
            <v>36</v>
          </cell>
          <cell r="AC2465">
            <v>64</v>
          </cell>
          <cell r="AD2465" t="str">
            <v/>
          </cell>
          <cell r="AE2465" t="str">
            <v>１；フォーム印刷　インサータ帳票印刷　オフセットフォーム印刷機６台　加刷機２台　丁合機４台２；冊子　パンフレット　ポスター　チラシ　カタログ　封筒　名刺　ハガキ　オフセット印刷機（４色）１台　オフセット印刷機（２色）４台　折加工機　製本設備　３；トナー　リボン　インクカートリッジ　電子記録媒体４；撮影機材一式　スタジオ完備</v>
          </cell>
          <cell r="AF2465" t="str">
            <v>フォーム印刷・一般印刷を得意とし短納期・小ロットでもできる設備を整えております。オンデマンド印刷・カラー印刷にも力を入れております。　スチール撮影・動画撮影</v>
          </cell>
        </row>
        <row r="2466">
          <cell r="B2466">
            <v>10852</v>
          </cell>
          <cell r="C2466" t="str">
            <v>東洋計器(株)</v>
          </cell>
          <cell r="D2466" t="str">
            <v>06-7670-1031</v>
          </cell>
          <cell r="E2466" t="str">
            <v>564-0044</v>
          </cell>
          <cell r="F2466" t="str">
            <v>大阪府吹田市南金田1-8-8</v>
          </cell>
          <cell r="G2466" t="str">
            <v>吹田市</v>
          </cell>
          <cell r="H2466" t="str">
            <v>大阪支店</v>
          </cell>
          <cell r="I2466" t="str">
            <v>支店長　藤井　拓哉</v>
          </cell>
          <cell r="J2466" t="str">
            <v>長野県松本市</v>
          </cell>
          <cell r="K2466" t="str">
            <v>06-7670-1035</v>
          </cell>
          <cell r="L2466" t="str">
            <v>junpei-takeuchi@toyo-keiki.co.jp</v>
          </cell>
          <cell r="M2466" t="str">
            <v>ﾄｳﾖｳｹｲｷ</v>
          </cell>
          <cell r="N2466" t="str">
            <v>有</v>
          </cell>
          <cell r="O2466">
            <v>69</v>
          </cell>
          <cell r="P2466">
            <v>413</v>
          </cell>
          <cell r="Q2466">
            <v>6100001013654</v>
          </cell>
          <cell r="R2466">
            <v>772760</v>
          </cell>
          <cell r="S2466">
            <v>1839468</v>
          </cell>
          <cell r="T2466">
            <v>18161069</v>
          </cell>
          <cell r="V2466" t="str">
            <v>yu351054</v>
          </cell>
          <cell r="W2466" t="str">
            <v>hf137196</v>
          </cell>
          <cell r="Y2466" t="str">
            <v>42，</v>
          </cell>
          <cell r="Z2466" t="str">
            <v/>
          </cell>
          <cell r="AA2466" t="str">
            <v/>
          </cell>
          <cell r="AB2466" t="str">
            <v/>
          </cell>
          <cell r="AC2466" t="str">
            <v/>
          </cell>
          <cell r="AD2466" t="str">
            <v/>
          </cell>
          <cell r="AE2466" t="str">
            <v>１；水道メーター２；３；４；</v>
          </cell>
          <cell r="AF2466" t="str">
            <v>水道メーターの製造・販売・修理。</v>
          </cell>
        </row>
        <row r="2467">
          <cell r="B2467">
            <v>10853</v>
          </cell>
          <cell r="C2467" t="str">
            <v>三晃工業(株)</v>
          </cell>
          <cell r="D2467" t="str">
            <v>06-6555-7052</v>
          </cell>
          <cell r="E2467" t="str">
            <v>551-0023</v>
          </cell>
          <cell r="F2467" t="str">
            <v>大阪府大阪市大正区鶴町2-15-26</v>
          </cell>
          <cell r="G2467" t="str">
            <v>大阪市</v>
          </cell>
          <cell r="H2467" t="str">
            <v/>
          </cell>
          <cell r="I2467" t="str">
            <v>代表取締役 山梶　章</v>
          </cell>
          <cell r="J2467" t="str">
            <v>本店</v>
          </cell>
          <cell r="K2467" t="str">
            <v>06-6555-7080</v>
          </cell>
          <cell r="L2467" t="str">
            <v>k.hashigami@sankou-kougy.co.jp</v>
          </cell>
          <cell r="M2467" t="str">
            <v>ｻﾝｺｳｺｳｷﾞｮｳ</v>
          </cell>
          <cell r="N2467" t="str">
            <v>無</v>
          </cell>
          <cell r="O2467">
            <v>46</v>
          </cell>
          <cell r="P2467">
            <v>10</v>
          </cell>
          <cell r="Q2467">
            <v>5140001068836</v>
          </cell>
          <cell r="R2467">
            <v>35000</v>
          </cell>
          <cell r="S2467">
            <v>136737</v>
          </cell>
          <cell r="T2467">
            <v>553253</v>
          </cell>
          <cell r="V2467" t="str">
            <v>px741518</v>
          </cell>
          <cell r="W2467" t="str">
            <v>dq169953</v>
          </cell>
          <cell r="Y2467" t="str">
            <v>28，</v>
          </cell>
          <cell r="Z2467">
            <v>80</v>
          </cell>
          <cell r="AA2467">
            <v>28</v>
          </cell>
          <cell r="AB2467" t="str">
            <v/>
          </cell>
          <cell r="AC2467" t="str">
            <v/>
          </cell>
          <cell r="AD2467" t="str">
            <v/>
          </cell>
          <cell r="AE2467" t="str">
            <v>１；舞台吊物設備保守点検業務２；舞台幕、舞台大道具３；４；</v>
          </cell>
          <cell r="AF2467" t="str">
            <v>我が社は近畿、中国、四国、九州及び中部北陸方面の文化会館、文化センター等の舞台吊物設備の設計、製作、施工及び保守点検を行っており長年の実績があります。</v>
          </cell>
        </row>
        <row r="2468">
          <cell r="B2468">
            <v>10856</v>
          </cell>
          <cell r="C2468" t="str">
            <v>(株)オペレーションサービス</v>
          </cell>
          <cell r="D2468" t="str">
            <v>03-5439-1211</v>
          </cell>
          <cell r="E2468" t="str">
            <v>105-0014</v>
          </cell>
          <cell r="F2468" t="str">
            <v>東京都港区芝2-22-17</v>
          </cell>
          <cell r="G2468" t="str">
            <v>東京都</v>
          </cell>
          <cell r="H2468" t="str">
            <v/>
          </cell>
          <cell r="I2468" t="str">
            <v>代表取締役社長 笹川　政弘</v>
          </cell>
          <cell r="J2468" t="str">
            <v>本店</v>
          </cell>
          <cell r="K2468" t="str">
            <v>03-5439-1212</v>
          </cell>
          <cell r="L2468" t="str">
            <v>toshiharu-kamata@opsv.co.jp</v>
          </cell>
          <cell r="M2468" t="str">
            <v>ｵﾍﾟﾚｰｼｮﾝｻｰﾋﾞｽ</v>
          </cell>
          <cell r="N2468" t="str">
            <v>無</v>
          </cell>
          <cell r="O2468">
            <v>38</v>
          </cell>
          <cell r="P2468">
            <v>173</v>
          </cell>
          <cell r="Q2468">
            <v>9010401087651</v>
          </cell>
          <cell r="R2468">
            <v>450000</v>
          </cell>
          <cell r="S2468">
            <v>1817865</v>
          </cell>
          <cell r="T2468">
            <v>1520019</v>
          </cell>
          <cell r="V2468" t="str">
            <v>sc268965</v>
          </cell>
          <cell r="W2468" t="str">
            <v>rd197311</v>
          </cell>
          <cell r="Y2468" t="str">
            <v>050，36，44，50，58，</v>
          </cell>
          <cell r="Z2468">
            <v>80</v>
          </cell>
          <cell r="AA2468">
            <v>36</v>
          </cell>
          <cell r="AB2468">
            <v>44</v>
          </cell>
          <cell r="AC2468">
            <v>50</v>
          </cell>
          <cell r="AD2468" t="str">
            <v>・公営競技用ホームページ</v>
          </cell>
          <cell r="AE2468" t="str">
            <v>１；・競技用電子式判定装置　・大型映像装置　・公営競技施設の総合運営請負、管理請負、業務支援２；・公営競技用施設周辺機器３；・公営競技用施設周辺機器４；・公営競技用通信設備</v>
          </cell>
          <cell r="AF2468" t="str">
            <v>・競技用判定措置の販売・保守・点検・修理・撮影業務　・ボートレース用ボート・エンジン・ピット　・公営競技施設の総合運営請負・管理請負・業務支援　・映像装置の販売・保守・点検・修理・操作業務</v>
          </cell>
        </row>
        <row r="2469">
          <cell r="B2469">
            <v>10857</v>
          </cell>
          <cell r="C2469" t="str">
            <v>サンベビー(株)</v>
          </cell>
          <cell r="D2469" t="str">
            <v>078-969-2525</v>
          </cell>
          <cell r="E2469" t="str">
            <v>651-2411</v>
          </cell>
          <cell r="F2469" t="str">
            <v>兵庫県神戸市西区上新地3-2-9</v>
          </cell>
          <cell r="G2469" t="str">
            <v>神戸市</v>
          </cell>
          <cell r="H2469" t="str">
            <v/>
          </cell>
          <cell r="I2469" t="str">
            <v>代表取締役　 小西　映</v>
          </cell>
          <cell r="J2469" t="str">
            <v>本店</v>
          </cell>
          <cell r="K2469" t="str">
            <v>078-969-2533</v>
          </cell>
          <cell r="L2469" t="str">
            <v>eigyou5@sun-baby.co.jp</v>
          </cell>
          <cell r="M2469" t="str">
            <v>ｻﾝﾍﾞﾋﾞｰ</v>
          </cell>
          <cell r="N2469" t="str">
            <v>無</v>
          </cell>
          <cell r="O2469">
            <v>55</v>
          </cell>
          <cell r="P2469">
            <v>114</v>
          </cell>
          <cell r="Q2469">
            <v>1140000000000</v>
          </cell>
          <cell r="R2469">
            <v>20000</v>
          </cell>
          <cell r="S2469">
            <v>1270104</v>
          </cell>
          <cell r="T2469">
            <v>2245727</v>
          </cell>
          <cell r="V2469" t="str">
            <v>df122499</v>
          </cell>
          <cell r="W2469" t="str">
            <v>ue159373</v>
          </cell>
          <cell r="Y2469" t="str">
            <v>28.39.44.62</v>
          </cell>
          <cell r="Z2469">
            <v>44</v>
          </cell>
          <cell r="AA2469">
            <v>39</v>
          </cell>
          <cell r="AB2469">
            <v>28</v>
          </cell>
          <cell r="AC2469">
            <v>62</v>
          </cell>
          <cell r="AD2469" t="str">
            <v/>
          </cell>
          <cell r="AE2469" t="str">
            <v>１；２；ベビー用大人用おむつ及び各種衣類、タオル類のレンタリース、介護用ベッド、リハビリ機器レンタルリース。３；医療用、介護用電動ベッド販売、レンタル＆リース。車いす等各種介護用品、特浴等各種入浴装置販売、レンタル＆リース。４；カーテン、ブラインド販売、レンタル＆リース。</v>
          </cell>
          <cell r="AF2469" t="str">
            <v>介護用品（医療用ベッド、介護用ベッド、車いす、各種リハビリ機器、各種入浴用機器、褥瘡予防マット等）販売・レンタル＆リース。大人用子供用布おむつ、紙おむつ販売・レンタル＆リース。各種オーダーカーテン販売、リース。病院・施設用タオル・各種ユニホーム販売・リース。</v>
          </cell>
        </row>
        <row r="2470">
          <cell r="B2470">
            <v>10858</v>
          </cell>
          <cell r="C2470" t="str">
            <v>(株)川本製作所</v>
          </cell>
          <cell r="D2470" t="str">
            <v>06-6328-0877</v>
          </cell>
          <cell r="E2470" t="str">
            <v>533-0005</v>
          </cell>
          <cell r="F2470" t="str">
            <v>大阪府大阪市東淀川区瑞光3-8-20</v>
          </cell>
          <cell r="G2470" t="str">
            <v>大阪市</v>
          </cell>
          <cell r="H2470" t="str">
            <v>大阪支店</v>
          </cell>
          <cell r="I2470" t="str">
            <v>支店長 三木　久雄</v>
          </cell>
          <cell r="J2470" t="str">
            <v>愛知県名古屋市</v>
          </cell>
          <cell r="K2470" t="str">
            <v>06-6327-6444</v>
          </cell>
          <cell r="L2470" t="str">
            <v>eigyou@kawamoto-pump.co.jp</v>
          </cell>
          <cell r="M2470" t="str">
            <v>ｶﾜﾓﾄｾｲｻｸｼｮ</v>
          </cell>
          <cell r="N2470" t="str">
            <v>有</v>
          </cell>
          <cell r="O2470">
            <v>99</v>
          </cell>
          <cell r="P2470">
            <v>764</v>
          </cell>
          <cell r="Q2470">
            <v>4180001035321</v>
          </cell>
          <cell r="R2470">
            <v>330000</v>
          </cell>
          <cell r="S2470">
            <v>32526373</v>
          </cell>
          <cell r="T2470">
            <v>41258462</v>
          </cell>
          <cell r="V2470" t="str">
            <v>wq962831</v>
          </cell>
          <cell r="W2470" t="str">
            <v>qf999733</v>
          </cell>
          <cell r="Y2470" t="str">
            <v>40，</v>
          </cell>
          <cell r="Z2470" t="str">
            <v/>
          </cell>
          <cell r="AA2470" t="str">
            <v/>
          </cell>
          <cell r="AB2470" t="str">
            <v/>
          </cell>
          <cell r="AC2470" t="str">
            <v/>
          </cell>
          <cell r="AD2470" t="str">
            <v/>
          </cell>
          <cell r="AE2470" t="str">
            <v>１；ポンプ一式その他関連製品の製造並びに販売２；３；４；</v>
          </cell>
          <cell r="AF2470" t="str">
            <v>大正８年の創業以来、つねに時代をリードするポンプの研究開発、技術水準の向上に努めており、「信用第一」「品質本意」「旺盛なる責任」を社是として掲げ、ポンプの生産を通じて産業の発展、生活の向上など社会に貢献しています。</v>
          </cell>
        </row>
        <row r="2471">
          <cell r="B2471">
            <v>10859</v>
          </cell>
          <cell r="C2471" t="str">
            <v>(株)総合計画機構</v>
          </cell>
          <cell r="D2471" t="str">
            <v>06-6942-1877</v>
          </cell>
          <cell r="E2471" t="str">
            <v>540-0012</v>
          </cell>
          <cell r="F2471" t="str">
            <v>大阪府大阪市中央区谷町2-2-22</v>
          </cell>
          <cell r="G2471" t="str">
            <v>大阪市</v>
          </cell>
          <cell r="H2471" t="str">
            <v/>
          </cell>
          <cell r="I2471" t="str">
            <v>代表取締役 水上　貴之</v>
          </cell>
          <cell r="J2471" t="str">
            <v>本店</v>
          </cell>
          <cell r="K2471" t="str">
            <v>06-6942-2447</v>
          </cell>
          <cell r="L2471" t="str">
            <v>hostmaster@macrovision.co.jp</v>
          </cell>
          <cell r="M2471" t="str">
            <v>ｿｳｺﾞｳｹｲｶｸｷｺｳ</v>
          </cell>
          <cell r="N2471" t="str">
            <v>無</v>
          </cell>
          <cell r="O2471">
            <v>35</v>
          </cell>
          <cell r="P2471">
            <v>10</v>
          </cell>
          <cell r="Q2471">
            <v>7120001082886</v>
          </cell>
          <cell r="R2471">
            <v>30000</v>
          </cell>
          <cell r="S2471">
            <v>64536</v>
          </cell>
          <cell r="T2471">
            <v>97424</v>
          </cell>
          <cell r="V2471" t="str">
            <v>ey774653</v>
          </cell>
          <cell r="W2471" t="str">
            <v>rg171779</v>
          </cell>
          <cell r="Y2471" t="str">
            <v>080，57，63，77，</v>
          </cell>
          <cell r="Z2471">
            <v>77</v>
          </cell>
          <cell r="AA2471">
            <v>63</v>
          </cell>
          <cell r="AB2471">
            <v>57</v>
          </cell>
          <cell r="AC2471">
            <v>80</v>
          </cell>
          <cell r="AD2471" t="str">
            <v/>
          </cell>
          <cell r="AE2471" t="str">
            <v>１；２；３；４；</v>
          </cell>
          <cell r="AF2471" t="str">
            <v>国土・地域都市、地域及び都市の開発、環境問題に関する調査・計画、緑地保全、マスタープラン、公園等の調査・計画・設計などのコンサルタント業務や、施設等の計画・設計・監理の建築一般、測量一般など、地域の個性を大切にし、学際的な研究を行う総合的ブレーン集団です。</v>
          </cell>
        </row>
        <row r="2472">
          <cell r="B2472">
            <v>10860</v>
          </cell>
          <cell r="C2472" t="str">
            <v>(株)サンノーベル</v>
          </cell>
          <cell r="D2472" t="str">
            <v>06-6531-9351</v>
          </cell>
          <cell r="E2472" t="str">
            <v>550-0012</v>
          </cell>
          <cell r="F2472" t="str">
            <v>大阪府大阪市西区立売堀1-3-13</v>
          </cell>
          <cell r="G2472" t="str">
            <v>大阪市</v>
          </cell>
          <cell r="H2472" t="str">
            <v/>
          </cell>
          <cell r="I2472" t="str">
            <v>代表取締役 舘　孝明</v>
          </cell>
          <cell r="J2472" t="str">
            <v>本店</v>
          </cell>
          <cell r="K2472" t="str">
            <v>06-6531-9357</v>
          </cell>
          <cell r="L2472" t="str">
            <v>kaneko@sunnobel.co.jp</v>
          </cell>
          <cell r="M2472" t="str">
            <v>ｻﾝﾉｰﾍﾞﾙ</v>
          </cell>
          <cell r="N2472" t="str">
            <v>無</v>
          </cell>
          <cell r="O2472">
            <v>62</v>
          </cell>
          <cell r="P2472">
            <v>57</v>
          </cell>
          <cell r="Q2472">
            <v>6120001043716</v>
          </cell>
          <cell r="R2472">
            <v>20000</v>
          </cell>
          <cell r="S2472">
            <v>109092</v>
          </cell>
          <cell r="T2472">
            <v>908942</v>
          </cell>
          <cell r="V2472" t="str">
            <v>rt654324</v>
          </cell>
          <cell r="W2472" t="str">
            <v>qi199357</v>
          </cell>
          <cell r="Y2472" t="str">
            <v>058，14，15，36，50，58，</v>
          </cell>
          <cell r="Z2472">
            <v>36</v>
          </cell>
          <cell r="AA2472">
            <v>50</v>
          </cell>
          <cell r="AB2472">
            <v>14</v>
          </cell>
          <cell r="AC2472">
            <v>58</v>
          </cell>
          <cell r="AD2472" t="str">
            <v/>
          </cell>
          <cell r="AE2472" t="str">
            <v>１；電話交換機・電話機・複合機・ＰＣなど　日本電気株式会社：特　電話交換機・電話機など　西日本電信電話株式会社：特２；３；４；</v>
          </cell>
          <cell r="AF2472" t="str">
            <v>電気通信設備、データ通信機器、コンピュータ設備、非常放送設備、監視カメラ（防犯カメラ）、オートロックシステム等の販売・設計・施工及び保守全般を行っています。</v>
          </cell>
        </row>
        <row r="2473">
          <cell r="B2473">
            <v>10861</v>
          </cell>
          <cell r="C2473" t="str">
            <v>(株)ニットー</v>
          </cell>
          <cell r="D2473" t="str">
            <v>078-4118855</v>
          </cell>
          <cell r="E2473" t="str">
            <v>658-0084</v>
          </cell>
          <cell r="F2473" t="str">
            <v>兵庫県神戸市東灘区甲南町3丁目1-4</v>
          </cell>
          <cell r="G2473" t="str">
            <v>神戸市</v>
          </cell>
          <cell r="H2473" t="str">
            <v/>
          </cell>
          <cell r="I2473" t="str">
            <v>代表取締役 石井重彦</v>
          </cell>
          <cell r="J2473" t="str">
            <v>本店</v>
          </cell>
          <cell r="K2473" t="str">
            <v>078-412-3330</v>
          </cell>
          <cell r="L2473" t="str">
            <v>safety@nitto-group.co.jp</v>
          </cell>
          <cell r="M2473" t="str">
            <v>ﾆｯﾄｰ</v>
          </cell>
          <cell r="N2473" t="str">
            <v>無</v>
          </cell>
          <cell r="O2473">
            <v>70</v>
          </cell>
          <cell r="P2473">
            <v>13</v>
          </cell>
          <cell r="Q2473">
            <v>3140001002210</v>
          </cell>
          <cell r="R2473">
            <v>50000</v>
          </cell>
          <cell r="S2473">
            <v>73358</v>
          </cell>
          <cell r="T2473">
            <v>577870</v>
          </cell>
          <cell r="V2473" t="str">
            <v>vt301968</v>
          </cell>
          <cell r="W2473" t="str">
            <v>eg185338</v>
          </cell>
          <cell r="Y2473" t="str">
            <v>010，02，03，05，07，9，10，38，40，41，42，</v>
          </cell>
          <cell r="Z2473">
            <v>38</v>
          </cell>
          <cell r="AA2473">
            <v>2</v>
          </cell>
          <cell r="AB2473">
            <v>3</v>
          </cell>
          <cell r="AC2473">
            <v>10</v>
          </cell>
          <cell r="AD2473" t="str">
            <v/>
          </cell>
          <cell r="AE2473" t="str">
            <v>１；重松製作所２；尾西食品３；三愛アゼアス４；</v>
          </cell>
          <cell r="AF2473" t="str">
            <v>労働安全衛生保護具、消防機械器具、消防防災関連の専門商社として、県下の官公庁及び一般企業に活動しております。</v>
          </cell>
        </row>
        <row r="2474">
          <cell r="B2474">
            <v>10862</v>
          </cell>
          <cell r="C2474" t="str">
            <v>(株)日立製作所</v>
          </cell>
          <cell r="D2474" t="str">
            <v>078-261-9677</v>
          </cell>
          <cell r="E2474" t="str">
            <v>651-0096</v>
          </cell>
          <cell r="F2474" t="str">
            <v>兵庫県神戸市中央区雲井通7-1-1</v>
          </cell>
          <cell r="G2474" t="str">
            <v>神戸市</v>
          </cell>
          <cell r="H2474" t="str">
            <v>神戸支店</v>
          </cell>
          <cell r="I2474" t="str">
            <v>支店長　 本田　正昭</v>
          </cell>
          <cell r="J2474" t="str">
            <v>東京都</v>
          </cell>
          <cell r="K2474" t="str">
            <v>078-261-9675</v>
          </cell>
          <cell r="L2474" t="str">
            <v/>
          </cell>
          <cell r="M2474" t="str">
            <v>ﾋﾀﾁｾｲｻｸｼﾖ</v>
          </cell>
          <cell r="N2474" t="str">
            <v>有</v>
          </cell>
          <cell r="O2474">
            <v>108</v>
          </cell>
          <cell r="P2474">
            <v>34960</v>
          </cell>
          <cell r="Q2474">
            <v>7010000000000</v>
          </cell>
          <cell r="R2474">
            <v>458790991</v>
          </cell>
          <cell r="S2474">
            <v>1535472000</v>
          </cell>
          <cell r="T2474">
            <v>9368614000</v>
          </cell>
          <cell r="V2474" t="str">
            <v>gm796544</v>
          </cell>
          <cell r="W2474" t="str">
            <v>nh193779</v>
          </cell>
          <cell r="Y2474" t="str">
            <v>24.36.39.41.42.44.47.48.57.58.80</v>
          </cell>
          <cell r="Z2474">
            <v>58</v>
          </cell>
          <cell r="AA2474">
            <v>47</v>
          </cell>
          <cell r="AB2474">
            <v>39</v>
          </cell>
          <cell r="AC2474">
            <v>24</v>
          </cell>
          <cell r="AD2474" t="str">
            <v/>
          </cell>
          <cell r="AE2474" t="str">
            <v>１；２；システム設計・開発、運用、保守３；電気・機械運転監視業務４；ＭＲＩシステム、ＣＴシステム、Ｘ線診断システム、超音波診断装置、骨密度測定装置、核医学システム他</v>
          </cell>
          <cell r="AF2474" t="str">
            <v>インフラ技術と先進的なＩＴを組合わせた社会イノベーション事業で社会やお客様が直面している様々な課題を解決する総合電機メーカーです。</v>
          </cell>
        </row>
        <row r="2475">
          <cell r="B2475">
            <v>10866</v>
          </cell>
          <cell r="C2475" t="str">
            <v>光伸(株)</v>
          </cell>
          <cell r="D2475" t="str">
            <v>078-241-6283</v>
          </cell>
          <cell r="E2475" t="str">
            <v>651-0084</v>
          </cell>
          <cell r="F2475" t="str">
            <v>兵庫県神戸市中央区磯辺通2-2-25</v>
          </cell>
          <cell r="G2475" t="str">
            <v>神戸市</v>
          </cell>
          <cell r="H2475" t="str">
            <v>神戸営業所</v>
          </cell>
          <cell r="I2475" t="str">
            <v>所長 井上　良介</v>
          </cell>
          <cell r="J2475" t="str">
            <v>大阪府大阪市</v>
          </cell>
          <cell r="K2475" t="str">
            <v>078-241-6426</v>
          </cell>
          <cell r="L2475" t="str">
            <v>koube@kousin-kk.co.jp</v>
          </cell>
          <cell r="M2475" t="str">
            <v>ｺｳｼﾝ</v>
          </cell>
          <cell r="N2475" t="str">
            <v>有</v>
          </cell>
          <cell r="O2475">
            <v>52</v>
          </cell>
          <cell r="P2475">
            <v>90</v>
          </cell>
          <cell r="Q2475">
            <v>9120001079030</v>
          </cell>
          <cell r="R2475">
            <v>95000</v>
          </cell>
          <cell r="S2475">
            <v>1683088</v>
          </cell>
          <cell r="T2475">
            <v>1819643</v>
          </cell>
          <cell r="V2475" t="str">
            <v>mn157409</v>
          </cell>
          <cell r="W2475" t="str">
            <v>kk196963</v>
          </cell>
          <cell r="Y2475" t="str">
            <v>10，40，48，</v>
          </cell>
          <cell r="Z2475">
            <v>48</v>
          </cell>
          <cell r="AA2475">
            <v>10</v>
          </cell>
          <cell r="AB2475">
            <v>40</v>
          </cell>
          <cell r="AC2475" t="str">
            <v/>
          </cell>
          <cell r="AD2475" t="str">
            <v/>
          </cell>
          <cell r="AE2475" t="str">
            <v>１；プールろ過装置保守点検（代理店：ミウラ化学装置（株））２；プール用殺菌消毒剤（食添）の販売（代理店：南海化学（株））３；各種ポンプ及びポンプ部品の販売（代理店：（株）酉島製作所）４；</v>
          </cell>
          <cell r="AF2475" t="str">
            <v>（工事）各種ポンプ据付・改修工事及び分解整備、プールろ過装置据付・改修工事及び分解整備（物品）各種ポンプ・ポンプ部品販売、プール用殺菌消毒剤（食添）の販売、プールろ過装置保守点検</v>
          </cell>
        </row>
        <row r="2476">
          <cell r="B2476">
            <v>10867</v>
          </cell>
          <cell r="C2476" t="str">
            <v>大阪瓦斯(株)</v>
          </cell>
          <cell r="D2476" t="str">
            <v>06-6205-4803</v>
          </cell>
          <cell r="E2476" t="str">
            <v>541-0046</v>
          </cell>
          <cell r="F2476" t="str">
            <v>大阪府大阪市中央区平野町4-1-2</v>
          </cell>
          <cell r="G2476" t="str">
            <v>大阪市</v>
          </cell>
          <cell r="H2476" t="str">
            <v>エナジーソリューション事業部</v>
          </cell>
          <cell r="I2476" t="str">
            <v>業務部長 造座　克之</v>
          </cell>
          <cell r="J2476" t="str">
            <v>大阪府大阪市</v>
          </cell>
          <cell r="K2476" t="str">
            <v>06-6205-4107</v>
          </cell>
          <cell r="L2476" t="str">
            <v/>
          </cell>
          <cell r="M2476" t="str">
            <v>ｵｵｻｶｶﾞｽ</v>
          </cell>
          <cell r="N2476" t="str">
            <v>有</v>
          </cell>
          <cell r="O2476">
            <v>113</v>
          </cell>
          <cell r="P2476">
            <v>5617</v>
          </cell>
          <cell r="Q2476">
            <v>3120001077601</v>
          </cell>
          <cell r="R2476">
            <v>132166667</v>
          </cell>
          <cell r="S2476">
            <v>766368000</v>
          </cell>
          <cell r="T2476">
            <v>1039628000</v>
          </cell>
          <cell r="V2476" t="str">
            <v>ev438325</v>
          </cell>
          <cell r="W2476" t="str">
            <v>uq185991</v>
          </cell>
          <cell r="Y2476" t="str">
            <v>43，48，</v>
          </cell>
          <cell r="Z2476" t="str">
            <v/>
          </cell>
          <cell r="AA2476" t="str">
            <v/>
          </cell>
          <cell r="AB2476" t="str">
            <v/>
          </cell>
          <cell r="AC2476" t="str">
            <v/>
          </cell>
          <cell r="AD2476" t="str">
            <v/>
          </cell>
          <cell r="AE2476" t="str">
            <v>１；２；３；４；</v>
          </cell>
          <cell r="AF2476" t="str">
            <v/>
          </cell>
        </row>
        <row r="2477">
          <cell r="B2477">
            <v>10868</v>
          </cell>
          <cell r="C2477" t="str">
            <v>(株)ゼネラル商会</v>
          </cell>
          <cell r="D2477" t="str">
            <v>06-6429-0597</v>
          </cell>
          <cell r="E2477" t="str">
            <v>661-0978</v>
          </cell>
          <cell r="F2477" t="str">
            <v>兵庫県尼崎市久々知西町2‐3‐6</v>
          </cell>
          <cell r="G2477" t="str">
            <v>尼崎市</v>
          </cell>
          <cell r="H2477" t="str">
            <v/>
          </cell>
          <cell r="I2477" t="str">
            <v>代表取締役 栃尾　進</v>
          </cell>
          <cell r="J2477" t="str">
            <v>本店</v>
          </cell>
          <cell r="K2477" t="str">
            <v>06-6429-0622</v>
          </cell>
          <cell r="L2477" t="str">
            <v>zene-h-soumu@zeneral-s.co.jp</v>
          </cell>
          <cell r="M2477" t="str">
            <v>ｾﾞﾈﾗﾙｼｮｳｶｲ</v>
          </cell>
          <cell r="N2477" t="str">
            <v>無</v>
          </cell>
          <cell r="O2477">
            <v>46</v>
          </cell>
          <cell r="P2477">
            <v>14</v>
          </cell>
          <cell r="Q2477">
            <v>5140001049506</v>
          </cell>
          <cell r="R2477">
            <v>10000</v>
          </cell>
          <cell r="S2477">
            <v>4561</v>
          </cell>
          <cell r="T2477">
            <v>365287</v>
          </cell>
          <cell r="V2477" t="str">
            <v>ka911806</v>
          </cell>
          <cell r="W2477" t="str">
            <v>ev197938</v>
          </cell>
          <cell r="Y2477" t="str">
            <v>039，38，39，49，66，</v>
          </cell>
          <cell r="Z2477">
            <v>38</v>
          </cell>
          <cell r="AA2477">
            <v>49</v>
          </cell>
          <cell r="AB2477">
            <v>66</v>
          </cell>
          <cell r="AC2477">
            <v>39</v>
          </cell>
          <cell r="AD2477" t="str">
            <v/>
          </cell>
          <cell r="AE2477" t="str">
            <v>１；（代）ヤマトプロテック（株）・（代）能美防災（株）・（代）桜ホース（株）・（代）モリタ宮田工業（株）・（特）キンパイ商事（株）２；３；４；高度管理医療機器等販売業許可証</v>
          </cell>
          <cell r="AF2477" t="str">
            <v>消防用品販売及び消防用設備保守手点検・消防施設工事全般の消防に関するものずべて取り扱っている専門業者です。消火器・消防ホース・火災報知機等各メーカーの代理店をしております。また、高度管理医療機器等販売業許可証の取得もしております。</v>
          </cell>
        </row>
        <row r="2478">
          <cell r="B2478">
            <v>10869</v>
          </cell>
          <cell r="C2478" t="str">
            <v>(株)日吉</v>
          </cell>
          <cell r="D2478" t="str">
            <v>0748-32-5111</v>
          </cell>
          <cell r="E2478" t="str">
            <v>523-8555</v>
          </cell>
          <cell r="F2478" t="str">
            <v>滋賀県近江八幡市北之庄町908</v>
          </cell>
          <cell r="G2478" t="str">
            <v>近江八幡市</v>
          </cell>
          <cell r="H2478" t="str">
            <v/>
          </cell>
          <cell r="I2478" t="str">
            <v>代表取締役 村田　弘司</v>
          </cell>
          <cell r="J2478" t="str">
            <v>本店</v>
          </cell>
          <cell r="K2478" t="str">
            <v>0748-32-3339</v>
          </cell>
          <cell r="L2478" t="str">
            <v>soumu@hiyoshi-es.co.jp</v>
          </cell>
          <cell r="M2478" t="str">
            <v>ﾋﾖｼ</v>
          </cell>
          <cell r="N2478" t="str">
            <v>無</v>
          </cell>
          <cell r="O2478">
            <v>60</v>
          </cell>
          <cell r="P2478">
            <v>284</v>
          </cell>
          <cell r="Q2478">
            <v>4160001010945</v>
          </cell>
          <cell r="R2478">
            <v>20000</v>
          </cell>
          <cell r="S2478">
            <v>6095320</v>
          </cell>
          <cell r="T2478">
            <v>7006343</v>
          </cell>
          <cell r="V2478" t="str">
            <v>rb614103</v>
          </cell>
          <cell r="W2478" t="str">
            <v>ti183997</v>
          </cell>
          <cell r="Y2478" t="str">
            <v/>
          </cell>
          <cell r="Z2478">
            <v>80</v>
          </cell>
          <cell r="AA2478" t="str">
            <v/>
          </cell>
          <cell r="AB2478" t="str">
            <v/>
          </cell>
          <cell r="AC2478" t="str">
            <v/>
          </cell>
          <cell r="AD2478" t="str">
            <v/>
          </cell>
          <cell r="AE2478" t="str">
            <v>１；計量証明事業、臭気測定、アスベスト分析、バイオアッセイによるダイオキシン類分析、廃棄物分析、放射能測定、食品分析等２；３；４；</v>
          </cell>
          <cell r="AF2478" t="str">
            <v>約９０件以上の事業許認可を取得し、環境調査業務に従事。水、大気、土壌、ダイオキシン類、放射能、食品等の分析測定。またバイオアッセイによるダイオキシンの分析に取組む。測定結果を計量法に基づいた公的な証明書として発行できるオフィシャルな機関検査精度の高さを誇る。</v>
          </cell>
        </row>
        <row r="2479">
          <cell r="B2479">
            <v>10871</v>
          </cell>
          <cell r="C2479" t="str">
            <v>(株)谷尾</v>
          </cell>
          <cell r="D2479" t="str">
            <v>072-734-0310</v>
          </cell>
          <cell r="E2479" t="str">
            <v>563-0341</v>
          </cell>
          <cell r="F2479" t="str">
            <v>大阪府豊能郡能勢町宿野1081-1</v>
          </cell>
          <cell r="G2479" t="str">
            <v>豊能郡</v>
          </cell>
          <cell r="H2479" t="str">
            <v/>
          </cell>
          <cell r="I2479" t="str">
            <v>代表取締役 谷尾　剛</v>
          </cell>
          <cell r="J2479" t="str">
            <v>本店</v>
          </cell>
          <cell r="K2479" t="str">
            <v>072-734-2095</v>
          </cell>
          <cell r="L2479" t="str">
            <v>k-tanio.honsya@gaia.eonet.ne.jp</v>
          </cell>
          <cell r="M2479" t="str">
            <v>ﾀﾆｵ</v>
          </cell>
          <cell r="N2479" t="str">
            <v>無</v>
          </cell>
          <cell r="O2479">
            <v>108</v>
          </cell>
          <cell r="P2479">
            <v>16</v>
          </cell>
          <cell r="Q2479">
            <v>1190201021239</v>
          </cell>
          <cell r="R2479">
            <v>10000</v>
          </cell>
          <cell r="S2479">
            <v>60383</v>
          </cell>
          <cell r="T2479">
            <v>181520</v>
          </cell>
          <cell r="V2479" t="str">
            <v>ug510033</v>
          </cell>
          <cell r="W2479" t="str">
            <v>wf199516</v>
          </cell>
          <cell r="Y2479" t="str">
            <v>080，03，07，08，18，66，</v>
          </cell>
          <cell r="Z2479">
            <v>7</v>
          </cell>
          <cell r="AA2479">
            <v>18</v>
          </cell>
          <cell r="AB2479">
            <v>3</v>
          </cell>
          <cell r="AC2479">
            <v>80</v>
          </cell>
          <cell r="AD2479" t="str">
            <v>当社はあらゆる製品を自社及び協力工場にて製造し、販売に至るまでのトータル企業として社会の要請に応えております。</v>
          </cell>
          <cell r="AE2479" t="str">
            <v>１；旗、幕、のぼり、各種ポール、腕章、タスキ、ゼッケン、トロフィー、カップ、楯、バッチ、記章、胸章、等２；和太鼓（新調・修復）、篠笛、三味線、等３；イベントブルゾン、Ｔシャツ、ポロシャツ、ベスト、帽子、袢天、浴衣、タオル、手拭　等４；神具、だんじり、獅子頭、獅子舞衣裳、提灯、その他</v>
          </cell>
          <cell r="AF2479" t="str">
            <v>当社は旗、幕、のぼり等、染め物及び刺繍品を得意としております。また、最近では神輿の修復等、伝統文化の分野に力を注いでおり、平成１９年には大阪フロンティア賞の魅力あるものづくり企業部門に入賞しました。</v>
          </cell>
        </row>
        <row r="2480">
          <cell r="B2480">
            <v>10872</v>
          </cell>
          <cell r="C2480" t="str">
            <v>(株)神陵文庫</v>
          </cell>
          <cell r="D2480" t="str">
            <v>078-511-5551</v>
          </cell>
          <cell r="E2480" t="str">
            <v>652-0032</v>
          </cell>
          <cell r="F2480" t="str">
            <v>兵庫県神戸市兵庫区荒田町2-2-14</v>
          </cell>
          <cell r="G2480" t="str">
            <v>神戸市</v>
          </cell>
          <cell r="H2480" t="str">
            <v/>
          </cell>
          <cell r="I2480" t="str">
            <v>代表取締役 野口　正男</v>
          </cell>
          <cell r="J2480" t="str">
            <v>本店</v>
          </cell>
          <cell r="K2480" t="str">
            <v>078-531-5550</v>
          </cell>
          <cell r="L2480" t="str">
            <v>kobe@shinryobunko.co.jp</v>
          </cell>
          <cell r="M2480" t="str">
            <v>ｼﾝﾘｮｳﾌﾞﾝｺ</v>
          </cell>
          <cell r="N2480" t="str">
            <v>無</v>
          </cell>
          <cell r="O2480">
            <v>72</v>
          </cell>
          <cell r="P2480">
            <v>108</v>
          </cell>
          <cell r="Q2480">
            <v>1140001013317</v>
          </cell>
          <cell r="R2480">
            <v>30000</v>
          </cell>
          <cell r="S2480">
            <v>613210</v>
          </cell>
          <cell r="T2480">
            <v>5744565</v>
          </cell>
          <cell r="V2480" t="str">
            <v>vk863290</v>
          </cell>
          <cell r="W2480" t="str">
            <v>to189191</v>
          </cell>
          <cell r="Y2480" t="str">
            <v>073，12，13，39，73，</v>
          </cell>
          <cell r="Z2480">
            <v>13</v>
          </cell>
          <cell r="AA2480">
            <v>12</v>
          </cell>
          <cell r="AB2480">
            <v>39</v>
          </cell>
          <cell r="AC2480">
            <v>73</v>
          </cell>
          <cell r="AD2480" t="str">
            <v/>
          </cell>
          <cell r="AE2480" t="str">
            <v>１；和・洋書籍、和・洋雑誌、電子ジャーナル２；看護・医療教育用シミュレーター、模型、標本、医学教育用ＤＶＤ・ビデオ３；ＡＥＤ、医療用ベッド、聴診器ほか医療用具４；雑誌製本</v>
          </cell>
          <cell r="AF2480" t="str">
            <v>取扱品目は、和・洋書籍、和・洋雑誌（全ての分野が取り扱えるが中でも、特に医学関係に強い）、雑誌製本、医療系学校向け模型・標本、ＡＥＤ、医療用ベッド、聴診器など各種医療用品を扱っています。</v>
          </cell>
        </row>
        <row r="2481">
          <cell r="B2481">
            <v>10873</v>
          </cell>
          <cell r="C2481" t="str">
            <v>日本シヤツター北大阪販売(株)</v>
          </cell>
          <cell r="D2481" t="str">
            <v>06-6849-5868</v>
          </cell>
          <cell r="E2481" t="str">
            <v>561-0875</v>
          </cell>
          <cell r="F2481" t="str">
            <v>大阪府豊中市長興寺北1-5-21</v>
          </cell>
          <cell r="G2481" t="str">
            <v>豊中市</v>
          </cell>
          <cell r="H2481" t="str">
            <v/>
          </cell>
          <cell r="I2481" t="str">
            <v>代表取締役 秋山　馨澄</v>
          </cell>
          <cell r="J2481" t="str">
            <v>本店</v>
          </cell>
          <cell r="K2481" t="str">
            <v>06-6849-5878</v>
          </cell>
          <cell r="L2481" t="str">
            <v>shutter@oak.ocn.ne.jp</v>
          </cell>
          <cell r="M2481" t="str">
            <v>ﾆﾎﾝｼﾔﾂﾀｰｷﾀｵｵｻｶﾊﾝﾊﾞｲ</v>
          </cell>
          <cell r="N2481" t="str">
            <v>無</v>
          </cell>
          <cell r="O2481">
            <v>28</v>
          </cell>
          <cell r="P2481">
            <v>3</v>
          </cell>
          <cell r="Q2481">
            <v>6120901025020</v>
          </cell>
          <cell r="R2481">
            <v>10000</v>
          </cell>
          <cell r="S2481">
            <v>21975</v>
          </cell>
          <cell r="T2481">
            <v>45861</v>
          </cell>
          <cell r="V2481" t="str">
            <v>fc554340</v>
          </cell>
          <cell r="W2481" t="str">
            <v>zd993197</v>
          </cell>
          <cell r="Y2481" t="str">
            <v>34，</v>
          </cell>
          <cell r="Z2481">
            <v>34</v>
          </cell>
          <cell r="AA2481" t="str">
            <v/>
          </cell>
          <cell r="AB2481" t="str">
            <v/>
          </cell>
          <cell r="AC2481" t="str">
            <v/>
          </cell>
          <cell r="AD2481" t="str">
            <v/>
          </cell>
          <cell r="AE2481" t="str">
            <v>１；各種シャッターの販売だけでなく取付、修理、保守もいたします。仕入先は文化シャッター、日本シャッター製作所、三和シャッター工業が主です。２；３；４；</v>
          </cell>
          <cell r="AF2481" t="str">
            <v>軽量シャッター、電動シャッター、パイプシャッター、リモコン装置、自動門扉、防災設備等　各種シャッターの設計・施工・取付・販売・修理及び保守点検</v>
          </cell>
        </row>
        <row r="2482">
          <cell r="B2482">
            <v>10874</v>
          </cell>
          <cell r="C2482" t="str">
            <v>ジョイントロードサービス(株)</v>
          </cell>
          <cell r="D2482" t="str">
            <v>06-6498-0077</v>
          </cell>
          <cell r="E2482" t="str">
            <v>661-0981</v>
          </cell>
          <cell r="F2482" t="str">
            <v>兵庫県尼崎市猪名寺2-20-20</v>
          </cell>
          <cell r="G2482" t="str">
            <v>尼崎市</v>
          </cell>
          <cell r="H2482" t="str">
            <v/>
          </cell>
          <cell r="I2482" t="str">
            <v>代表取締役 塩崎　寿知</v>
          </cell>
          <cell r="J2482" t="str">
            <v>本店</v>
          </cell>
          <cell r="K2482" t="str">
            <v>06-6498-0066</v>
          </cell>
          <cell r="L2482" t="str">
            <v>info@joint21.co.jp</v>
          </cell>
          <cell r="M2482" t="str">
            <v>ｼﾞｮｲﾝﾄﾛｰﾄﾞｻｰﾋﾞｽ</v>
          </cell>
          <cell r="N2482" t="str">
            <v>無</v>
          </cell>
          <cell r="O2482">
            <v>22</v>
          </cell>
          <cell r="P2482">
            <v>17</v>
          </cell>
          <cell r="Q2482">
            <v>7140001049280</v>
          </cell>
          <cell r="R2482">
            <v>25000</v>
          </cell>
          <cell r="S2482">
            <v>82587</v>
          </cell>
          <cell r="T2482">
            <v>1099</v>
          </cell>
          <cell r="V2482" t="str">
            <v>uf961173</v>
          </cell>
          <cell r="W2482" t="str">
            <v>wz198399</v>
          </cell>
          <cell r="Y2482" t="str">
            <v>16，49，66，</v>
          </cell>
          <cell r="Z2482">
            <v>16</v>
          </cell>
          <cell r="AA2482">
            <v>49</v>
          </cell>
          <cell r="AB2482">
            <v>66</v>
          </cell>
          <cell r="AC2482" t="str">
            <v/>
          </cell>
          <cell r="AD2482" t="str">
            <v/>
          </cell>
          <cell r="AE2482" t="str">
            <v>１；（株）コートテック　選挙ポスター掲示板２；消火栓マーク３；光和産業（株）４；</v>
          </cell>
          <cell r="AF2482" t="str">
            <v>交通安全施設（区画線・反射鏡・防護柵・遮音壁・点字等）、土木工事、選挙掲示板設置を得意としております。</v>
          </cell>
        </row>
        <row r="2483">
          <cell r="B2483">
            <v>10881</v>
          </cell>
          <cell r="C2483" t="str">
            <v>(株)イビソク</v>
          </cell>
          <cell r="D2483" t="str">
            <v>078-652-8480</v>
          </cell>
          <cell r="E2483" t="str">
            <v>650-0044</v>
          </cell>
          <cell r="F2483" t="str">
            <v>兵庫県神戸市中央区東川崎町7-2-9</v>
          </cell>
          <cell r="G2483" t="str">
            <v>神戸市</v>
          </cell>
          <cell r="H2483" t="str">
            <v>兵庫営業所</v>
          </cell>
          <cell r="I2483" t="str">
            <v>所長 村上　真仁</v>
          </cell>
          <cell r="J2483" t="str">
            <v>岐阜県大垣市</v>
          </cell>
          <cell r="K2483" t="str">
            <v>078-652-8481</v>
          </cell>
          <cell r="L2483" t="str">
            <v>next-i30@ibisoku.co.jp</v>
          </cell>
          <cell r="M2483" t="str">
            <v>ｲﾋﾞｿｸ</v>
          </cell>
          <cell r="N2483" t="str">
            <v>有</v>
          </cell>
          <cell r="O2483">
            <v>45</v>
          </cell>
          <cell r="P2483">
            <v>193</v>
          </cell>
          <cell r="Q2483">
            <v>9200001013229</v>
          </cell>
          <cell r="R2483">
            <v>45000</v>
          </cell>
          <cell r="S2483">
            <v>491734</v>
          </cell>
          <cell r="T2483">
            <v>2684387</v>
          </cell>
          <cell r="V2483" t="str">
            <v>aq152356</v>
          </cell>
          <cell r="W2483" t="str">
            <v>qe195196</v>
          </cell>
          <cell r="Y2483" t="str">
            <v>017，17，44，57，58，64，65，70，72，</v>
          </cell>
          <cell r="Z2483">
            <v>80</v>
          </cell>
          <cell r="AA2483">
            <v>72</v>
          </cell>
          <cell r="AB2483">
            <v>44</v>
          </cell>
          <cell r="AC2483">
            <v>17</v>
          </cell>
          <cell r="AD2483" t="str">
            <v>基盤整備を始め橋梁等の維持管理、文化財調査に関連する業種への対応ができるように体制を整えています。</v>
          </cell>
          <cell r="AE2483" t="str">
            <v>１；埋蔵文化財発掘調査支援、1・2次整理～報告書作成支援、史跡整備計画策定、レーザー計測、デジタルオルソ及び3次元ＣＧ、遺物実測・デジタルトレース、遺物写真撮影、遺物保存処理・修復作業２；ヘリコプター・セスナ機・クレーン・ラジコンヘリコプター・無人航空機・ボール式等による空中写真撮影、デジタルオルソ・デジタルマッピングによる地形図・地積図・都市計画図等の基盤整備図作成等３；遺物注記システム、排土運搬用ミニキャリーダンプ、測量機器（光波測距儀・水準儀・ＧＮＳＳ）、撮影機器（35ｍｍ・中判・大判：フィルム、デジタルカメラ）４；模型製作（埋蔵文化財関係）</v>
          </cell>
          <cell r="AF2483" t="str">
            <v>弊社は測量コンサルタントと総合文化財コンサルタントの2本柱で事業運営しています。特に文化財コンサルタント分野では、最新の測量技術を取り入れた発掘調査から遺物整理・航空写真測量・レーザー計測・史跡整備計画・レンタル・自然科学分析・遺物保存処理等多様な事業を手掛けています。</v>
          </cell>
        </row>
        <row r="2484">
          <cell r="B2484">
            <v>10882</v>
          </cell>
          <cell r="C2484" t="str">
            <v>ジャパンシステム(株)</v>
          </cell>
          <cell r="D2484" t="str">
            <v>03-5309-0310</v>
          </cell>
          <cell r="E2484" t="str">
            <v>151-8404</v>
          </cell>
          <cell r="F2484" t="str">
            <v>東京都渋谷区代々木1-22-1</v>
          </cell>
          <cell r="G2484" t="str">
            <v>東京都</v>
          </cell>
          <cell r="H2484" t="str">
            <v/>
          </cell>
          <cell r="I2484" t="str">
            <v>代表取締役社長 川田　朋博</v>
          </cell>
          <cell r="J2484" t="str">
            <v>本店</v>
          </cell>
          <cell r="K2484" t="str">
            <v>03-5309-0312</v>
          </cell>
          <cell r="L2484" t="str">
            <v>js-fast@ml.japan-systems.co.jp</v>
          </cell>
          <cell r="M2484" t="str">
            <v>ｼﾞｬﾊﾟﾝｼｽﾃﾑ</v>
          </cell>
          <cell r="N2484" t="str">
            <v>無</v>
          </cell>
          <cell r="O2484">
            <v>49</v>
          </cell>
          <cell r="P2484">
            <v>603</v>
          </cell>
          <cell r="Q2484">
            <v>9011001053119</v>
          </cell>
          <cell r="R2484">
            <v>1302591</v>
          </cell>
          <cell r="S2484">
            <v>4733934</v>
          </cell>
          <cell r="T2484">
            <v>9170927</v>
          </cell>
          <cell r="V2484" t="str">
            <v>nz812716</v>
          </cell>
          <cell r="W2484" t="str">
            <v>hs195391</v>
          </cell>
          <cell r="Y2484" t="str">
            <v>044，36，44，58，</v>
          </cell>
          <cell r="Z2484">
            <v>58</v>
          </cell>
          <cell r="AA2484">
            <v>36</v>
          </cell>
          <cell r="AB2484">
            <v>80</v>
          </cell>
          <cell r="AC2484">
            <v>44</v>
          </cell>
          <cell r="AD2484" t="str">
            <v/>
          </cell>
          <cell r="AE2484" t="str">
            <v>１；内部情報系システム（財務会計等）開発・運用保守、ネットワーク構築及びセキュリティ対策関連ソリューション提案　許認可：労働者派遣事業２；サーバ・パソコン及び周辺機器、プリンタ、ソフトウェア（セキュリティ系・公営住宅管理等）販売　仕入先：富士通（代）、キヤノンマーケティングジャパン（代）、アズジェント、エフタイム他３；行財政経営改革に関するコンサルティング（財務諸表利活用支援、公共施設マネジメント関連）４；自社開発システム及び仕入機器類のリース</v>
          </cell>
          <cell r="AF2484" t="str">
            <v>金融・通信・製造・エネルギー・流通産業向けシステム構築、セキュリティ事業、多要素認証・認証強化セキュリティ関連、行政経営支援サービス「ＦＡＳＴ」（自社独自開発）</v>
          </cell>
        </row>
        <row r="2485">
          <cell r="B2485">
            <v>10883</v>
          </cell>
          <cell r="C2485" t="str">
            <v>日本無線(株)</v>
          </cell>
          <cell r="D2485" t="str">
            <v>078-321-2431</v>
          </cell>
          <cell r="E2485" t="str">
            <v>650-0024</v>
          </cell>
          <cell r="F2485" t="str">
            <v>兵庫県神戸市中央区海岸通5</v>
          </cell>
          <cell r="G2485" t="str">
            <v>神戸市</v>
          </cell>
          <cell r="H2485" t="str">
            <v>神戸支店</v>
          </cell>
          <cell r="I2485" t="str">
            <v>支店長 倉田　康司</v>
          </cell>
          <cell r="J2485" t="str">
            <v>東京都</v>
          </cell>
          <cell r="K2485" t="str">
            <v>078-391-6760</v>
          </cell>
          <cell r="L2485" t="str">
            <v>koube@bz01.plala.or.jp</v>
          </cell>
          <cell r="M2485" t="str">
            <v>ﾆﾎﾝﾑｾﾝ</v>
          </cell>
          <cell r="N2485" t="str">
            <v>有</v>
          </cell>
          <cell r="O2485">
            <v>60</v>
          </cell>
          <cell r="P2485">
            <v>2421</v>
          </cell>
          <cell r="Q2485">
            <v>3012401012867</v>
          </cell>
          <cell r="R2485">
            <v>14704352</v>
          </cell>
          <cell r="S2485">
            <v>70716000</v>
          </cell>
          <cell r="T2485">
            <v>91255000</v>
          </cell>
          <cell r="V2485" t="str">
            <v>nc656439</v>
          </cell>
          <cell r="W2485" t="str">
            <v>zu186993</v>
          </cell>
          <cell r="Y2485" t="str">
            <v>50，</v>
          </cell>
          <cell r="Z2485">
            <v>50</v>
          </cell>
          <cell r="AA2485">
            <v>80</v>
          </cell>
          <cell r="AB2485" t="str">
            <v/>
          </cell>
          <cell r="AC2485" t="str">
            <v/>
          </cell>
          <cell r="AD2485" t="str">
            <v/>
          </cell>
          <cell r="AE2485" t="str">
            <v>１；無線通信設備（自社製品）、衛星通信設備（自社製品）、情報処理システム（自社製品）の保守・管理２；無線通信設備（自社製品）、衛星通信設備（自社製品）、情報処理システム（自社製品）の納入３；４；</v>
          </cell>
          <cell r="AF2485" t="str">
            <v>伊丹市様兵庫県様を始めとする衛星通信無機器設備工事・保守・納品、兵庫県様へ河川情報システム設置工事・保守・納品等、兵庫県内での通信と関連した防災機器設置工事・保守・納品をさせて頂いております。</v>
          </cell>
        </row>
        <row r="2486">
          <cell r="B2486">
            <v>10884</v>
          </cell>
          <cell r="C2486" t="str">
            <v>国土情報開発(株)</v>
          </cell>
          <cell r="D2486" t="str">
            <v>03-5481-3000</v>
          </cell>
          <cell r="E2486" t="str">
            <v>154-8530</v>
          </cell>
          <cell r="F2486" t="str">
            <v>東京都世田谷区池尻2-7-3</v>
          </cell>
          <cell r="G2486" t="str">
            <v>東京都</v>
          </cell>
          <cell r="H2486" t="str">
            <v/>
          </cell>
          <cell r="I2486" t="str">
            <v>代表取締役社長 羽田　寛</v>
          </cell>
          <cell r="J2486" t="str">
            <v>本店</v>
          </cell>
          <cell r="K2486" t="str">
            <v>03-5481-3030</v>
          </cell>
          <cell r="L2486" t="str">
            <v>nyusatsu@kjk.co.jp</v>
          </cell>
          <cell r="M2486" t="str">
            <v>ｺｸﾄﾞｼﾞｮｳﾎｳｶｲﾊﾂ</v>
          </cell>
          <cell r="N2486" t="str">
            <v>無</v>
          </cell>
          <cell r="O2486">
            <v>58</v>
          </cell>
          <cell r="P2486">
            <v>70</v>
          </cell>
          <cell r="Q2486">
            <v>6010901004126</v>
          </cell>
          <cell r="R2486">
            <v>3500</v>
          </cell>
          <cell r="S2486">
            <v>1374564</v>
          </cell>
          <cell r="T2486">
            <v>189124</v>
          </cell>
          <cell r="V2486" t="str">
            <v>sf360129</v>
          </cell>
          <cell r="W2486" t="str">
            <v>wk195185</v>
          </cell>
          <cell r="Y2486" t="str">
            <v>044，36，44，57，58，</v>
          </cell>
          <cell r="Z2486">
            <v>58</v>
          </cell>
          <cell r="AA2486">
            <v>57</v>
          </cell>
          <cell r="AB2486">
            <v>36</v>
          </cell>
          <cell r="AC2486">
            <v>44</v>
          </cell>
          <cell r="AD2486" t="str">
            <v/>
          </cell>
          <cell r="AE2486" t="str">
            <v>１；土地情報システム開発２；土地情報データ作成３；土地情報システム及び周辺機器４；土地情報システムリース</v>
          </cell>
          <cell r="AF2486" t="str">
            <v>地図の数値化、ＧＩＳシステムの開発から販売等、土地情報に特化した業務展開をしております。</v>
          </cell>
        </row>
        <row r="2487">
          <cell r="B2487">
            <v>10886</v>
          </cell>
          <cell r="C2487" t="str">
            <v>(株)大協</v>
          </cell>
          <cell r="D2487" t="str">
            <v>072-771-0339</v>
          </cell>
          <cell r="E2487" t="str">
            <v>664-0837</v>
          </cell>
          <cell r="F2487" t="str">
            <v>兵庫県伊丹市北河原5-3-31</v>
          </cell>
          <cell r="G2487" t="str">
            <v>伊丹市</v>
          </cell>
          <cell r="H2487" t="str">
            <v/>
          </cell>
          <cell r="I2487" t="str">
            <v>代表取締役 森下　和尚</v>
          </cell>
          <cell r="J2487" t="str">
            <v>本店</v>
          </cell>
          <cell r="K2487" t="str">
            <v>072-771-0634</v>
          </cell>
          <cell r="L2487" t="str">
            <v>kanrika@d-aikyo.co.jp</v>
          </cell>
          <cell r="M2487" t="str">
            <v>ﾀﾞｲｷｮｳ</v>
          </cell>
          <cell r="N2487" t="str">
            <v>無</v>
          </cell>
          <cell r="O2487">
            <v>56</v>
          </cell>
          <cell r="P2487">
            <v>36</v>
          </cell>
          <cell r="Q2487">
            <v>9140001080507</v>
          </cell>
          <cell r="R2487">
            <v>6000</v>
          </cell>
          <cell r="S2487">
            <v>581700</v>
          </cell>
          <cell r="T2487">
            <v>441769</v>
          </cell>
          <cell r="V2487" t="str">
            <v>kk451279</v>
          </cell>
          <cell r="W2487" t="str">
            <v>xi133193</v>
          </cell>
          <cell r="Y2487" t="str">
            <v>67，68，69，</v>
          </cell>
          <cell r="Z2487">
            <v>68</v>
          </cell>
          <cell r="AA2487">
            <v>69</v>
          </cell>
          <cell r="AB2487">
            <v>67</v>
          </cell>
          <cell r="AC2487" t="str">
            <v/>
          </cell>
          <cell r="AD2487" t="str">
            <v/>
          </cell>
          <cell r="AE2487" t="str">
            <v>１；一般廃棄物及び産業廃棄物の収集運搬２；３；４；</v>
          </cell>
          <cell r="AF2487" t="str">
            <v>創業以来、一般廃棄物及び産業廃棄物の収集運搬業を営んでおり、安心と信頼を築き上げてまいりました。２００７年にはＩＳＯ１４００１を取得し、環境に配慮した事業活動を行っております。</v>
          </cell>
        </row>
        <row r="2488">
          <cell r="B2488">
            <v>10887</v>
          </cell>
          <cell r="C2488" t="str">
            <v>ミヤマ(株)</v>
          </cell>
          <cell r="D2488" t="str">
            <v>026-285-4166</v>
          </cell>
          <cell r="E2488" t="str">
            <v>381-2283</v>
          </cell>
          <cell r="F2488" t="str">
            <v>長野県長野市稲里1‐5‐3</v>
          </cell>
          <cell r="G2488" t="str">
            <v>長野市</v>
          </cell>
          <cell r="H2488" t="str">
            <v/>
          </cell>
          <cell r="I2488" t="str">
            <v>代表取締役　 南　克明</v>
          </cell>
          <cell r="J2488" t="str">
            <v>本店</v>
          </cell>
          <cell r="K2488" t="str">
            <v>026-283-0011</v>
          </cell>
          <cell r="L2488" t="str">
            <v>eigyou@miyama.net</v>
          </cell>
          <cell r="M2488" t="str">
            <v>ﾐﾔﾏ</v>
          </cell>
          <cell r="N2488" t="str">
            <v>無</v>
          </cell>
          <cell r="O2488">
            <v>44</v>
          </cell>
          <cell r="P2488">
            <v>589</v>
          </cell>
          <cell r="Q2488">
            <v>3100000000000</v>
          </cell>
          <cell r="R2488">
            <v>100000</v>
          </cell>
          <cell r="S2488">
            <v>13551880</v>
          </cell>
          <cell r="T2488">
            <v>13004458</v>
          </cell>
          <cell r="V2488" t="str">
            <v>sk215926</v>
          </cell>
          <cell r="W2488" t="str">
            <v>nr169839</v>
          </cell>
          <cell r="Y2488">
            <v>68</v>
          </cell>
          <cell r="Z2488">
            <v>68</v>
          </cell>
          <cell r="AA2488" t="str">
            <v/>
          </cell>
          <cell r="AB2488" t="str">
            <v/>
          </cell>
          <cell r="AC2488" t="str">
            <v/>
          </cell>
          <cell r="AD2488" t="str">
            <v/>
          </cell>
          <cell r="AE2488" t="str">
            <v>１；２；３；４；</v>
          </cell>
          <cell r="AF2488" t="str">
            <v>産業廃棄物処理</v>
          </cell>
        </row>
        <row r="2489">
          <cell r="B2489">
            <v>10889</v>
          </cell>
          <cell r="C2489" t="str">
            <v>ホーチキサービス(株)</v>
          </cell>
          <cell r="D2489" t="str">
            <v>06-6444-220</v>
          </cell>
          <cell r="E2489" t="str">
            <v>550-0002</v>
          </cell>
          <cell r="F2489" t="str">
            <v>大阪府大阪市西区江戸堀2-3-21</v>
          </cell>
          <cell r="G2489" t="str">
            <v>大阪市</v>
          </cell>
          <cell r="H2489" t="str">
            <v/>
          </cell>
          <cell r="I2489" t="str">
            <v>代表取締役 弓場　成裕</v>
          </cell>
          <cell r="J2489" t="str">
            <v>本店</v>
          </cell>
          <cell r="K2489" t="str">
            <v>06-6444-2228</v>
          </cell>
          <cell r="L2489" t="str">
            <v>sakamoto@hs119.jp</v>
          </cell>
          <cell r="M2489" t="str">
            <v>ﾎｰﾁｷｻｰﾋﾞｽ</v>
          </cell>
          <cell r="N2489" t="str">
            <v>無</v>
          </cell>
          <cell r="O2489">
            <v>43</v>
          </cell>
          <cell r="P2489">
            <v>6</v>
          </cell>
          <cell r="Q2489">
            <v>6120001047329</v>
          </cell>
          <cell r="R2489">
            <v>10000</v>
          </cell>
          <cell r="S2489">
            <v>168773</v>
          </cell>
          <cell r="T2489">
            <v>177938</v>
          </cell>
          <cell r="V2489" t="str">
            <v>zb397646</v>
          </cell>
          <cell r="W2489" t="str">
            <v>qa111835</v>
          </cell>
          <cell r="Y2489" t="str">
            <v>38，49，</v>
          </cell>
          <cell r="Z2489">
            <v>49</v>
          </cell>
          <cell r="AA2489">
            <v>38</v>
          </cell>
          <cell r="AB2489">
            <v>80</v>
          </cell>
          <cell r="AC2489" t="str">
            <v/>
          </cell>
          <cell r="AD2489" t="str">
            <v/>
          </cell>
          <cell r="AE2489" t="str">
            <v>１；２；消火器、消防ホース、住宅用火災警報器、ホーチキ株式会社代３；地下タンク設備漏洩点検　防災管理点検　防火対象物点検　建築設備定期検査　特殊建築物定期検査　防火設備検査４；</v>
          </cell>
          <cell r="AF2489" t="str">
            <v>消防用設備全般にわたる設計施工保守並びに住宅用火災警報器・消火器等の消防用設備機器、防災保安用品等の販売</v>
          </cell>
        </row>
        <row r="2490">
          <cell r="B2490">
            <v>10890</v>
          </cell>
          <cell r="C2490" t="str">
            <v>新日本法規出版(株)</v>
          </cell>
          <cell r="D2490" t="str">
            <v>06-6942-5221</v>
          </cell>
          <cell r="E2490" t="str">
            <v>460-8455</v>
          </cell>
          <cell r="F2490" t="str">
            <v>愛知県名古屋市中区栄1-23-20</v>
          </cell>
          <cell r="G2490" t="str">
            <v>名古屋市</v>
          </cell>
          <cell r="I2490" t="str">
            <v>代表取締役社長 星　謙一郎</v>
          </cell>
          <cell r="J2490" t="str">
            <v>愛知県名古屋市</v>
          </cell>
          <cell r="K2490" t="str">
            <v>06-6943-7349</v>
          </cell>
          <cell r="L2490" t="str">
            <v>osaka-eigyo@sn-hoki.co.jp</v>
          </cell>
          <cell r="M2490" t="str">
            <v>ｼﾝﾆﾎﾝﾎｳｷｼﾕﾂﾊﾟﾝ</v>
          </cell>
          <cell r="N2490" t="str">
            <v>有</v>
          </cell>
          <cell r="O2490">
            <v>71</v>
          </cell>
          <cell r="P2490">
            <v>745</v>
          </cell>
          <cell r="Q2490">
            <v>5180001036822</v>
          </cell>
          <cell r="R2490">
            <v>910500</v>
          </cell>
          <cell r="S2490">
            <v>79104378</v>
          </cell>
          <cell r="T2490">
            <v>11995919</v>
          </cell>
          <cell r="V2490" t="str">
            <v>ug543885</v>
          </cell>
          <cell r="W2490" t="str">
            <v>hs195913</v>
          </cell>
          <cell r="Y2490" t="str">
            <v>8.12.13.14.18.73.74.76.80</v>
          </cell>
          <cell r="Z2490">
            <v>13</v>
          </cell>
          <cell r="AA2490">
            <v>8</v>
          </cell>
          <cell r="AB2490">
            <v>73</v>
          </cell>
          <cell r="AC2490">
            <v>14</v>
          </cell>
          <cell r="AD2490" t="str">
            <v/>
          </cell>
          <cell r="AE2490" t="str">
            <v>１；２；加除式法律図書、実務書、一般家庭向け実務図書の発行。３；記念品、贈答品、ノベルティ商品。４；記念誌、広報誌作成。パンフレット、ポスター、チラシなど。</v>
          </cell>
          <cell r="AF2490" t="str">
            <v>法律専門図書の出版から一般家庭向け書籍を発行。各種ファイル等の事務用品、記念品、ノベルティ商品や教材用視聴覚商品などの販売。記念誌、会報、パンフレットの作成もします。</v>
          </cell>
        </row>
        <row r="2491">
          <cell r="B2491">
            <v>10891</v>
          </cell>
          <cell r="C2491" t="str">
            <v>安倉厨房</v>
          </cell>
          <cell r="D2491" t="str">
            <v>072-772-3008</v>
          </cell>
          <cell r="E2491" t="str">
            <v>664-0897</v>
          </cell>
          <cell r="F2491" t="str">
            <v>兵庫県伊丹市桜ｹ丘1丁目1-5</v>
          </cell>
          <cell r="G2491" t="str">
            <v>伊丹市</v>
          </cell>
          <cell r="H2491" t="str">
            <v/>
          </cell>
          <cell r="I2491" t="str">
            <v>宮本　 潔</v>
          </cell>
          <cell r="J2491" t="str">
            <v>本店</v>
          </cell>
          <cell r="K2491" t="str">
            <v>072-772-3335</v>
          </cell>
          <cell r="L2491" t="str">
            <v/>
          </cell>
          <cell r="M2491" t="str">
            <v>ｱｸﾗﾁﾕｳﾎﾞｳ</v>
          </cell>
          <cell r="N2491" t="str">
            <v>無</v>
          </cell>
          <cell r="O2491">
            <v>34</v>
          </cell>
          <cell r="P2491">
            <v>2</v>
          </cell>
          <cell r="Q2491" t="str">
            <v/>
          </cell>
          <cell r="R2491">
            <v>0</v>
          </cell>
          <cell r="S2491">
            <v>0</v>
          </cell>
          <cell r="T2491">
            <v>11499</v>
          </cell>
          <cell r="V2491" t="str">
            <v>sq322891</v>
          </cell>
          <cell r="W2491" t="str">
            <v>vx153967</v>
          </cell>
          <cell r="Y2491" t="str">
            <v>5.35.37.42</v>
          </cell>
          <cell r="Z2491">
            <v>5</v>
          </cell>
          <cell r="AA2491">
            <v>37</v>
          </cell>
          <cell r="AB2491">
            <v>35</v>
          </cell>
          <cell r="AC2491">
            <v>42</v>
          </cell>
          <cell r="AD2491" t="str">
            <v/>
          </cell>
          <cell r="AE2491" t="str">
            <v>１；２；調理道具３；業務用厨房機器４；シューサー．ミキサー．電子ジャーポット</v>
          </cell>
          <cell r="AF2491" t="str">
            <v>厨房用調理機器　厨房用調理道具</v>
          </cell>
        </row>
        <row r="2492">
          <cell r="B2492">
            <v>10892</v>
          </cell>
          <cell r="C2492" t="str">
            <v>(株)福永商店</v>
          </cell>
          <cell r="D2492" t="str">
            <v>072-781-1526</v>
          </cell>
          <cell r="E2492" t="str">
            <v>664-0898</v>
          </cell>
          <cell r="F2492" t="str">
            <v>兵庫県伊丹市千僧6ｰ213</v>
          </cell>
          <cell r="G2492" t="str">
            <v>伊丹市</v>
          </cell>
          <cell r="H2492" t="str">
            <v/>
          </cell>
          <cell r="I2492" t="str">
            <v>代表取締役社長 良川　栄作</v>
          </cell>
          <cell r="J2492" t="str">
            <v>本店</v>
          </cell>
          <cell r="K2492" t="str">
            <v>072-781-3679</v>
          </cell>
          <cell r="L2492" t="str">
            <v>info@fukunaga-shoten.co.jp</v>
          </cell>
          <cell r="M2492" t="str">
            <v>ﾌｸﾅｶﾞｼｮｳﾃﾝ</v>
          </cell>
          <cell r="N2492" t="str">
            <v>無</v>
          </cell>
          <cell r="O2492">
            <v>52</v>
          </cell>
          <cell r="P2492">
            <v>15</v>
          </cell>
          <cell r="Q2492">
            <v>3140001078861</v>
          </cell>
          <cell r="R2492">
            <v>60000</v>
          </cell>
          <cell r="S2492">
            <v>60000</v>
          </cell>
          <cell r="T2492">
            <v>342000</v>
          </cell>
          <cell r="V2492" t="str">
            <v>vb716943</v>
          </cell>
          <cell r="W2492" t="str">
            <v>xu179979</v>
          </cell>
          <cell r="Y2492" t="str">
            <v>05，29，30，34，38，40，66，</v>
          </cell>
          <cell r="Z2492" t="str">
            <v/>
          </cell>
          <cell r="AA2492" t="str">
            <v/>
          </cell>
          <cell r="AB2492" t="str">
            <v/>
          </cell>
          <cell r="AC2492" t="str">
            <v/>
          </cell>
          <cell r="AD2492" t="str">
            <v/>
          </cell>
          <cell r="AE2492" t="str">
            <v>１；２；３；４；</v>
          </cell>
          <cell r="AF2492" t="str">
            <v/>
          </cell>
        </row>
        <row r="2493">
          <cell r="B2493">
            <v>10893</v>
          </cell>
          <cell r="C2493" t="str">
            <v>播水工業(株)</v>
          </cell>
          <cell r="D2493" t="str">
            <v>079-438-0275</v>
          </cell>
          <cell r="E2493" t="str">
            <v>675-0003</v>
          </cell>
          <cell r="F2493" t="str">
            <v>兵庫県加古川市神野町神野155-1</v>
          </cell>
          <cell r="G2493" t="str">
            <v>加古川市</v>
          </cell>
          <cell r="H2493" t="str">
            <v/>
          </cell>
          <cell r="I2493" t="str">
            <v>代表取締役 織田　貴洋</v>
          </cell>
          <cell r="J2493" t="str">
            <v>本店</v>
          </cell>
          <cell r="K2493" t="str">
            <v>079-438-0292</v>
          </cell>
          <cell r="L2493" t="str">
            <v>bansui@bansui.co.jp</v>
          </cell>
          <cell r="M2493" t="str">
            <v>ﾊﾞﾝｽｲｺｳｷﾞｮｳ</v>
          </cell>
          <cell r="N2493" t="str">
            <v>無</v>
          </cell>
          <cell r="O2493">
            <v>27</v>
          </cell>
          <cell r="P2493">
            <v>14</v>
          </cell>
          <cell r="Q2493">
            <v>4140001043410</v>
          </cell>
          <cell r="R2493">
            <v>10000</v>
          </cell>
          <cell r="S2493">
            <v>33595</v>
          </cell>
          <cell r="T2493">
            <v>264819</v>
          </cell>
          <cell r="V2493" t="str">
            <v>wf240316</v>
          </cell>
          <cell r="W2493" t="str">
            <v>nw169178</v>
          </cell>
          <cell r="Y2493" t="str">
            <v>10，33，</v>
          </cell>
          <cell r="Z2493">
            <v>33</v>
          </cell>
          <cell r="AA2493">
            <v>10</v>
          </cell>
          <cell r="AB2493">
            <v>80</v>
          </cell>
          <cell r="AC2493" t="str">
            <v/>
          </cell>
          <cell r="AD2493" t="str">
            <v/>
          </cell>
          <cell r="AE2493" t="str">
            <v>１；上下水道用ろ過材（ろ過砂・ろ過砂利・アンスラサイト・マンガン砂等）２；上下水道用　活性炭３；上下水道施設　点検・更生業務４；</v>
          </cell>
          <cell r="AF2493" t="str">
            <v>・上下水道施設のろ過池及びろ過器におけるろ過材の洗浄・更生・整備・入替・点検等の各工事を行っています。　・上下水道用ろ過材（ろ過砂・ろ過砂利・活性炭・アンスラサイト・マンガン砂等）の製造販売を行っています。　</v>
          </cell>
        </row>
        <row r="2494">
          <cell r="B2494">
            <v>10895</v>
          </cell>
          <cell r="C2494" t="str">
            <v>ＪＦＥアドバンテック(株)</v>
          </cell>
          <cell r="D2494" t="str">
            <v>0798-66-1502</v>
          </cell>
          <cell r="E2494" t="str">
            <v>663-8202</v>
          </cell>
          <cell r="F2494" t="str">
            <v>兵庫県西宮市高畑町3-48</v>
          </cell>
          <cell r="G2494" t="str">
            <v>西宮市</v>
          </cell>
          <cell r="H2494" t="str">
            <v/>
          </cell>
          <cell r="I2494" t="str">
            <v>代表取締役 吉居　卓也</v>
          </cell>
          <cell r="J2494" t="str">
            <v>本店</v>
          </cell>
          <cell r="K2494" t="str">
            <v>0798-65-7025</v>
          </cell>
          <cell r="L2494" t="str">
            <v>yasumoto@jfe-advantech.co.jp</v>
          </cell>
          <cell r="M2494" t="str">
            <v>ｼﾞｪｲｴﾌｲｰｱﾄﾞﾊﾞﾝﾃｯｸ</v>
          </cell>
          <cell r="N2494" t="str">
            <v>無</v>
          </cell>
          <cell r="O2494">
            <v>42</v>
          </cell>
          <cell r="P2494">
            <v>305</v>
          </cell>
          <cell r="Q2494">
            <v>9140001068394</v>
          </cell>
          <cell r="R2494">
            <v>319500</v>
          </cell>
          <cell r="S2494">
            <v>4431975</v>
          </cell>
          <cell r="T2494">
            <v>5975240</v>
          </cell>
          <cell r="V2494" t="str">
            <v>em801827</v>
          </cell>
          <cell r="W2494" t="str">
            <v>fd199559</v>
          </cell>
          <cell r="Y2494" t="str">
            <v>41，42，</v>
          </cell>
          <cell r="Z2494">
            <v>42</v>
          </cell>
          <cell r="AA2494">
            <v>41</v>
          </cell>
          <cell r="AB2494" t="str">
            <v/>
          </cell>
          <cell r="AC2494" t="str">
            <v/>
          </cell>
          <cell r="AD2494" t="str">
            <v/>
          </cell>
          <cell r="AE2494" t="str">
            <v>１；投込圧力式水位計　工業用計器　はかり２；工業用計器　はかり３；４；</v>
          </cell>
          <cell r="AF2494" t="str">
            <v>工業用計器　はかり製造据付及び付帯工事</v>
          </cell>
        </row>
        <row r="2495">
          <cell r="B2495">
            <v>10897</v>
          </cell>
          <cell r="C2495" t="str">
            <v>中外テクノス(株)</v>
          </cell>
          <cell r="D2495" t="str">
            <v>078-997-8000</v>
          </cell>
          <cell r="E2495" t="str">
            <v>651-2242</v>
          </cell>
          <cell r="F2495" t="str">
            <v>兵庫県神戸市西区井吹台東町7-3-7</v>
          </cell>
          <cell r="G2495" t="str">
            <v>神戸市</v>
          </cell>
          <cell r="H2495" t="str">
            <v>関西技術センター</v>
          </cell>
          <cell r="I2495" t="str">
            <v>所長 中尾　茂樹</v>
          </cell>
          <cell r="J2495" t="str">
            <v>広島県広島市</v>
          </cell>
          <cell r="K2495" t="str">
            <v>078-997-8010</v>
          </cell>
          <cell r="L2495" t="str">
            <v>j.murakami@chugai-tec.co.jp</v>
          </cell>
          <cell r="M2495" t="str">
            <v>ﾁｭｳｶﾞｲﾃｸﾉｽ</v>
          </cell>
          <cell r="N2495" t="str">
            <v>有</v>
          </cell>
          <cell r="O2495">
            <v>65</v>
          </cell>
          <cell r="P2495">
            <v>956</v>
          </cell>
          <cell r="Q2495">
            <v>5240001006942</v>
          </cell>
          <cell r="R2495">
            <v>47000</v>
          </cell>
          <cell r="S2495">
            <v>15303378</v>
          </cell>
          <cell r="T2495">
            <v>14757881</v>
          </cell>
          <cell r="V2495" t="str">
            <v>ce912592</v>
          </cell>
          <cell r="W2495" t="str">
            <v>bl199389</v>
          </cell>
          <cell r="Y2495" t="str">
            <v>039，39，41，42，48，58，</v>
          </cell>
          <cell r="Z2495">
            <v>80</v>
          </cell>
          <cell r="AA2495">
            <v>48</v>
          </cell>
          <cell r="AB2495">
            <v>42</v>
          </cell>
          <cell r="AC2495">
            <v>39</v>
          </cell>
          <cell r="AD2495" t="str">
            <v/>
          </cell>
          <cell r="AE2495" t="str">
            <v>１；計量証明事業（濃度、騒音、振動、特定濃度）等＝自社２；大気環境測定機器の保守点検、ごみ焼却場・下水道・し尿処理施設の危機管理＝自社３；各種大気環境測定機器の販売＝日立ハイテクソリューションズ、京都電子工業、島津アクセス等４；放射線関連治療機器の販売＝ブフラー社、オリフィット社、応用技研、中部メディカル、京都科研</v>
          </cell>
          <cell r="AF2495" t="str">
            <v>調査（環境アセスメント、都市計画等各種基礎調査、環境基本計画、廃棄物基本計画、動物・植物調査、大気・水質調査、土壌保全調査、構造物、耐震診断、補強設計、省エネ診断）、計量証明（大気、水質、振動、ダイオキシン類他）、役務（大気環境測定機器メンテナンス）、医療機器販売</v>
          </cell>
        </row>
        <row r="2496">
          <cell r="B2496">
            <v>10899</v>
          </cell>
          <cell r="C2496" t="str">
            <v>(株)メディカルケア</v>
          </cell>
          <cell r="D2496" t="str">
            <v>072-723-5164</v>
          </cell>
          <cell r="E2496" t="str">
            <v>562-0045</v>
          </cell>
          <cell r="F2496" t="str">
            <v>大阪府箕面市瀬川2-7-32</v>
          </cell>
          <cell r="G2496" t="str">
            <v>箕面市</v>
          </cell>
          <cell r="H2496" t="str">
            <v/>
          </cell>
          <cell r="I2496" t="str">
            <v>代表取締役 深井　純子</v>
          </cell>
          <cell r="J2496" t="str">
            <v>本店</v>
          </cell>
          <cell r="K2496" t="str">
            <v>072-723-4633</v>
          </cell>
          <cell r="L2496" t="str">
            <v>dnwjx278@ybb.ne.jp</v>
          </cell>
          <cell r="M2496" t="str">
            <v>ﾒﾃﾞｨｶﾙｹｱ</v>
          </cell>
          <cell r="N2496" t="str">
            <v>無</v>
          </cell>
          <cell r="O2496">
            <v>29</v>
          </cell>
          <cell r="P2496">
            <v>16</v>
          </cell>
          <cell r="Q2496">
            <v>2120901021023</v>
          </cell>
          <cell r="R2496">
            <v>10000</v>
          </cell>
          <cell r="S2496">
            <v>-51403</v>
          </cell>
          <cell r="T2496">
            <v>13762</v>
          </cell>
          <cell r="V2496" t="str">
            <v>ev291344</v>
          </cell>
          <cell r="W2496" t="str">
            <v>rl199659</v>
          </cell>
          <cell r="Y2496" t="str">
            <v>60，</v>
          </cell>
          <cell r="Z2496" t="str">
            <v/>
          </cell>
          <cell r="AA2496" t="str">
            <v/>
          </cell>
          <cell r="AB2496" t="str">
            <v/>
          </cell>
          <cell r="AC2496" t="str">
            <v/>
          </cell>
          <cell r="AD2496" t="str">
            <v/>
          </cell>
          <cell r="AE2496" t="str">
            <v>１；診療報酬明細書点検業務及び付帯業務２；３；４；</v>
          </cell>
          <cell r="AF2496" t="str">
            <v/>
          </cell>
        </row>
        <row r="2497">
          <cell r="B2497">
            <v>10900</v>
          </cell>
          <cell r="C2497" t="str">
            <v>(株)鶴見製作所</v>
          </cell>
          <cell r="D2497" t="str">
            <v>06-6911-3210</v>
          </cell>
          <cell r="E2497" t="str">
            <v>538-8585</v>
          </cell>
          <cell r="F2497" t="str">
            <v>大阪府大阪市鶴見区鶴見4-16-40</v>
          </cell>
          <cell r="G2497" t="str">
            <v>大阪市</v>
          </cell>
          <cell r="H2497" t="str">
            <v/>
          </cell>
          <cell r="I2497" t="str">
            <v>代表取締役 辻本　治</v>
          </cell>
          <cell r="J2497" t="str">
            <v>本店</v>
          </cell>
          <cell r="K2497" t="str">
            <v>06-6911-3090</v>
          </cell>
          <cell r="L2497" t="str">
            <v>nyusatsu_tsurumi_osaka@m9.dion.ne.jp</v>
          </cell>
          <cell r="M2497" t="str">
            <v>ﾂﾙﾐｾｲｻｸｼｮ</v>
          </cell>
          <cell r="N2497" t="str">
            <v>無</v>
          </cell>
          <cell r="O2497">
            <v>45</v>
          </cell>
          <cell r="P2497">
            <v>992</v>
          </cell>
          <cell r="Q2497">
            <v>9120001002215</v>
          </cell>
          <cell r="R2497">
            <v>5188507</v>
          </cell>
          <cell r="S2497">
            <v>46030386</v>
          </cell>
          <cell r="T2497">
            <v>36071342</v>
          </cell>
          <cell r="V2497" t="str">
            <v>gm286222</v>
          </cell>
          <cell r="W2497" t="str">
            <v>ow119188</v>
          </cell>
          <cell r="Y2497" t="str">
            <v>40，48，</v>
          </cell>
          <cell r="Z2497">
            <v>40</v>
          </cell>
          <cell r="AA2497">
            <v>48</v>
          </cell>
          <cell r="AB2497" t="str">
            <v/>
          </cell>
          <cell r="AC2497" t="str">
            <v/>
          </cell>
          <cell r="AD2497" t="str">
            <v/>
          </cell>
          <cell r="AE2497" t="str">
            <v>１；水中ポンプ、陸上ポンプ２；水中ポンプ、陸上ポンプ　保守点検等３；４；</v>
          </cell>
          <cell r="AF2497" t="str">
            <v>機械器具設置工事業希望　会社創業以来ポンプ専業メーカーとして陸上、水中ポンプを軸として全国的に営業を展開しています。上下水道、農業用揚排水機場向けにポンプ設備に関し多くの実績を有しており、国土交通省を始め農林水産省、水資源機構、下水道事業団に対して納入実績があります。</v>
          </cell>
        </row>
        <row r="2498">
          <cell r="B2498">
            <v>10901</v>
          </cell>
          <cell r="C2498" t="str">
            <v>(株)明文館</v>
          </cell>
          <cell r="D2498" t="str">
            <v>078-881-6181</v>
          </cell>
          <cell r="E2498" t="str">
            <v>657-0054</v>
          </cell>
          <cell r="F2498" t="str">
            <v>兵庫県神戸市灘区稗原町2-2-22</v>
          </cell>
          <cell r="G2498" t="str">
            <v>神戸市</v>
          </cell>
          <cell r="H2498" t="str">
            <v/>
          </cell>
          <cell r="I2498" t="str">
            <v>代表取締役 大沢　朝彦</v>
          </cell>
          <cell r="J2498" t="str">
            <v>本店</v>
          </cell>
          <cell r="K2498" t="str">
            <v>078-881-8199</v>
          </cell>
          <cell r="L2498" t="str">
            <v>jp.hyogo@meibunkan.com</v>
          </cell>
          <cell r="M2498" t="str">
            <v>ﾒｲﾌﾞﾝｶﾝ</v>
          </cell>
          <cell r="N2498" t="str">
            <v>無</v>
          </cell>
          <cell r="O2498">
            <v>52</v>
          </cell>
          <cell r="P2498">
            <v>22</v>
          </cell>
          <cell r="Q2498">
            <v>1140001004150</v>
          </cell>
          <cell r="R2498">
            <v>16000</v>
          </cell>
          <cell r="S2498">
            <v>874409</v>
          </cell>
          <cell r="T2498">
            <v>1009739</v>
          </cell>
          <cell r="V2498" t="str">
            <v>vx303966</v>
          </cell>
          <cell r="W2498" t="str">
            <v>rr118365</v>
          </cell>
          <cell r="Y2498" t="str">
            <v>12，13，</v>
          </cell>
          <cell r="Z2498">
            <v>13</v>
          </cell>
          <cell r="AA2498">
            <v>12</v>
          </cell>
          <cell r="AB2498" t="str">
            <v/>
          </cell>
          <cell r="AC2498" t="str">
            <v/>
          </cell>
          <cell r="AD2498" t="str">
            <v/>
          </cell>
          <cell r="AE2498" t="str">
            <v>１；学校図書館用図書　学習参考書２；中学校指導用教材３；４；</v>
          </cell>
          <cell r="AF2498" t="str">
            <v>書籍（学習参考書、図書館用図書）各種教材（中学校指導用教材）各種テスト類（京大ＮＸ知能テスト、学力検査、スポーツテスト）　専門販売</v>
          </cell>
        </row>
        <row r="2499">
          <cell r="B2499">
            <v>10904</v>
          </cell>
          <cell r="C2499" t="str">
            <v>(株)アカツキ</v>
          </cell>
          <cell r="D2499" t="str">
            <v>078-382-2805</v>
          </cell>
          <cell r="E2499" t="str">
            <v>650-0015</v>
          </cell>
          <cell r="F2499" t="str">
            <v>兵庫県神戸市中央区多聞通2-1-5</v>
          </cell>
          <cell r="G2499" t="str">
            <v>神戸市</v>
          </cell>
          <cell r="H2499" t="str">
            <v>神戸営業所</v>
          </cell>
          <cell r="I2499" t="str">
            <v>所長 小泉　隆</v>
          </cell>
          <cell r="J2499" t="str">
            <v>大阪府堺市</v>
          </cell>
          <cell r="K2499" t="str">
            <v>078-382-2820</v>
          </cell>
          <cell r="L2499" t="str">
            <v>mail@akatsuki-sg.co.jp</v>
          </cell>
          <cell r="M2499" t="str">
            <v>ｱｶﾂｷ</v>
          </cell>
          <cell r="N2499" t="str">
            <v>有</v>
          </cell>
          <cell r="O2499">
            <v>41</v>
          </cell>
          <cell r="P2499">
            <v>219</v>
          </cell>
          <cell r="Q2499">
            <v>7120101000434</v>
          </cell>
          <cell r="R2499">
            <v>10000</v>
          </cell>
          <cell r="S2499">
            <v>377361</v>
          </cell>
          <cell r="T2499">
            <v>1219439</v>
          </cell>
          <cell r="V2499" t="str">
            <v>wc474197</v>
          </cell>
          <cell r="W2499" t="str">
            <v>jd199879</v>
          </cell>
          <cell r="Y2499" t="str">
            <v>061，45，46，47，48，49，51，52，53，54，56，61，</v>
          </cell>
          <cell r="Z2499">
            <v>54</v>
          </cell>
          <cell r="AA2499">
            <v>45</v>
          </cell>
          <cell r="AB2499">
            <v>56</v>
          </cell>
          <cell r="AC2499">
            <v>61</v>
          </cell>
          <cell r="AD2499" t="str">
            <v>51浄化槽保守については貯水槽清掃点検のみを希望します。建築物飲料水貯水槽清掃業　大阪府27貯第3-29号</v>
          </cell>
          <cell r="AE2499" t="str">
            <v>１；建築物環境衛生総合管理業　大阪府28総第2-3号２；警備業認定　第62000284号３；一般労働者派遣事業　派27-301690４；</v>
          </cell>
          <cell r="AF2499" t="str">
            <v>建物総合管理、建物清掃、公園等清掃、人的警備、受付・案内、電話交換、校務員、管理人、宿日直、人材派遣全般、水道検針等、貯水槽清掃、害虫駆除、設備保守点検、交通量調査等</v>
          </cell>
        </row>
        <row r="2500">
          <cell r="B2500">
            <v>10906</v>
          </cell>
          <cell r="C2500" t="str">
            <v>(株)日水コン</v>
          </cell>
          <cell r="D2500" t="str">
            <v>078- 362- 1780</v>
          </cell>
          <cell r="E2500" t="str">
            <v>650-0022</v>
          </cell>
          <cell r="F2500" t="str">
            <v>兵庫県神戸市中央区元町通4-5-10</v>
          </cell>
          <cell r="G2500" t="str">
            <v>神戸市</v>
          </cell>
          <cell r="H2500" t="str">
            <v>兵庫事務所</v>
          </cell>
          <cell r="I2500" t="str">
            <v>事務所長 井本 敏</v>
          </cell>
          <cell r="J2500" t="str">
            <v>東京都</v>
          </cell>
          <cell r="K2500" t="str">
            <v>078- 362- 1781</v>
          </cell>
          <cell r="L2500" t="str">
            <v>nsc_osaka@nissuicon.co.jp</v>
          </cell>
          <cell r="M2500" t="str">
            <v>ﾆｯｽｲｺﾝ</v>
          </cell>
          <cell r="N2500" t="str">
            <v>有</v>
          </cell>
          <cell r="O2500">
            <v>59</v>
          </cell>
          <cell r="P2500">
            <v>728</v>
          </cell>
          <cell r="Q2500">
            <v>3011101015783</v>
          </cell>
          <cell r="R2500">
            <v>100000</v>
          </cell>
          <cell r="S2500">
            <v>10921020</v>
          </cell>
          <cell r="T2500">
            <v>17511018</v>
          </cell>
          <cell r="V2500" t="str">
            <v>ut917412</v>
          </cell>
          <cell r="W2500" t="str">
            <v>ko163397</v>
          </cell>
          <cell r="Y2500" t="str">
            <v>079，57，58，77，79，</v>
          </cell>
          <cell r="Z2500">
            <v>58</v>
          </cell>
          <cell r="AA2500">
            <v>57</v>
          </cell>
          <cell r="AB2500">
            <v>77</v>
          </cell>
          <cell r="AC2500">
            <v>79</v>
          </cell>
          <cell r="AD2500" t="str">
            <v>その他：水需要予測等の調査・分析・計画</v>
          </cell>
          <cell r="AE2500" t="str">
            <v>１；上下水道事業（管路、施設）におけるＧＩＳを用いたシステム開発・設計・構築・維持管理（保守）２；電算処理システムの開発、保守、データ入力等３；水道、下水等におけるアンケート調査（調査表の作成、配布、回収、整理、分析、評価）等４；</v>
          </cell>
          <cell r="AF2500" t="str">
            <v>上水道及び工業用水道、下水道、河川、環境等に係る事業の企画、調査、研究、計画、設計、監理、診断、検査、分析並びにこれらに係る経済・財務分析、その他のコンサルティング。上下水道（管路、施設）のGISシステムの調査、計画、構築、監理。各種環境調査</v>
          </cell>
        </row>
        <row r="2501">
          <cell r="B2501">
            <v>10907</v>
          </cell>
          <cell r="C2501" t="str">
            <v>ＮＴＴビジネスソリューションズ(株)</v>
          </cell>
          <cell r="D2501" t="str">
            <v>06-6105-4759</v>
          </cell>
          <cell r="E2501" t="str">
            <v>550-0011</v>
          </cell>
          <cell r="F2501" t="str">
            <v>大阪府大阪市西区阿波座二丁目1番11号</v>
          </cell>
          <cell r="G2501" t="str">
            <v>大阪市</v>
          </cell>
          <cell r="H2501" t="str">
            <v>関西支店</v>
          </cell>
          <cell r="I2501" t="str">
            <v>取締役関西支店長 杢谷　真一</v>
          </cell>
          <cell r="J2501" t="str">
            <v>大阪府大阪市</v>
          </cell>
          <cell r="K2501" t="str">
            <v>06-6377-8033</v>
          </cell>
          <cell r="L2501" t="str">
            <v>shinsei.nyuusatsu.hm@west.ntt.co.jp</v>
          </cell>
          <cell r="M2501" t="str">
            <v>ｴﾇﾃｨﾃｨﾋﾞｼﾞﾈｽｿﾘｭｰｼｮﾝｽﾞ</v>
          </cell>
          <cell r="N2501" t="str">
            <v>有</v>
          </cell>
          <cell r="O2501">
            <v>28</v>
          </cell>
          <cell r="P2501">
            <v>8586</v>
          </cell>
          <cell r="Q2501">
            <v>2180001016265</v>
          </cell>
          <cell r="R2501">
            <v>100000</v>
          </cell>
          <cell r="S2501">
            <v>18100997</v>
          </cell>
          <cell r="T2501">
            <v>98591067</v>
          </cell>
          <cell r="V2501" t="str">
            <v>fg448149</v>
          </cell>
          <cell r="W2501" t="str">
            <v>mn188973</v>
          </cell>
          <cell r="Y2501" t="str">
            <v>36，44，50，58，</v>
          </cell>
          <cell r="Z2501" t="str">
            <v/>
          </cell>
          <cell r="AA2501" t="str">
            <v/>
          </cell>
          <cell r="AB2501" t="str">
            <v/>
          </cell>
          <cell r="AC2501" t="str">
            <v/>
          </cell>
          <cell r="AD2501" t="str">
            <v/>
          </cell>
          <cell r="AE2501" t="str">
            <v>１；２；３；４；</v>
          </cell>
          <cell r="AF2501" t="str">
            <v>電気通信工事に精通している。情報通信機器、特に地域ネットワークを構成するルータ・メディアコンバータ等のネットワーク機器及びＰＣとその周辺機器</v>
          </cell>
        </row>
        <row r="2502">
          <cell r="B2502">
            <v>10909</v>
          </cell>
          <cell r="C2502" t="str">
            <v>(株)エー・エス・ジー</v>
          </cell>
          <cell r="D2502" t="str">
            <v>078-382-7220</v>
          </cell>
          <cell r="E2502" t="str">
            <v>650-0015</v>
          </cell>
          <cell r="F2502" t="str">
            <v>兵庫県神戸市中央区多聞通2-1-5</v>
          </cell>
          <cell r="G2502" t="str">
            <v>神戸市</v>
          </cell>
          <cell r="H2502" t="str">
            <v>神戸営業所</v>
          </cell>
          <cell r="I2502" t="str">
            <v>所長 梶原　大輔</v>
          </cell>
          <cell r="J2502" t="str">
            <v>大阪府堺市</v>
          </cell>
          <cell r="K2502" t="str">
            <v>078-382-7224</v>
          </cell>
          <cell r="L2502" t="str">
            <v>mail@a-s-g.co.jp</v>
          </cell>
          <cell r="M2502" t="str">
            <v>ｴｰ･ｴｽ･ｼﾞｰ</v>
          </cell>
          <cell r="N2502" t="str">
            <v>有</v>
          </cell>
          <cell r="O2502">
            <v>18</v>
          </cell>
          <cell r="P2502">
            <v>15</v>
          </cell>
          <cell r="Q2502">
            <v>4120101022092</v>
          </cell>
          <cell r="R2502">
            <v>13000</v>
          </cell>
          <cell r="S2502">
            <v>39397</v>
          </cell>
          <cell r="T2502">
            <v>197563</v>
          </cell>
          <cell r="V2502" t="str">
            <v>vx954214</v>
          </cell>
          <cell r="W2502" t="str">
            <v>rs178396</v>
          </cell>
          <cell r="Y2502" t="str">
            <v>061，45，46，47，48，49，51，52，53，54，56，61，</v>
          </cell>
          <cell r="Z2502">
            <v>54</v>
          </cell>
          <cell r="AA2502">
            <v>45</v>
          </cell>
          <cell r="AB2502">
            <v>56</v>
          </cell>
          <cell r="AC2502">
            <v>61</v>
          </cell>
          <cell r="AD2502" t="str">
            <v>51浄化槽保守については貯水槽清掃点検のみを希望します。建築物飲料水貯水槽清掃業　大阪府27貯第1-7号</v>
          </cell>
          <cell r="AE2502" t="str">
            <v>１；建築物環境衛生総合管理業　大阪府27総第1-5号２；警備業認定　第62002486号３；一般労働者派遣事業　派27-301168４；</v>
          </cell>
          <cell r="AF2502" t="str">
            <v>建物総合管理、建物清掃、公園等清掃、人的警備、受付・案内、電話交換、校務員、管理人、宿日直、人材派遣全般、水道検針等、貯水槽清掃、害虫駆除、設備保守点検、交通量調査等</v>
          </cell>
        </row>
        <row r="2503">
          <cell r="B2503">
            <v>10914</v>
          </cell>
          <cell r="C2503" t="str">
            <v>東洋メンテナス(株)</v>
          </cell>
          <cell r="D2503" t="str">
            <v>06-4309-0880</v>
          </cell>
          <cell r="E2503" t="str">
            <v>578-0965</v>
          </cell>
          <cell r="F2503" t="str">
            <v>大阪府東大阪市本庄西1-10-24</v>
          </cell>
          <cell r="G2503" t="str">
            <v>東大阪市</v>
          </cell>
          <cell r="H2503" t="str">
            <v/>
          </cell>
          <cell r="I2503" t="str">
            <v>代表取締役社長　 奥野　保幸</v>
          </cell>
          <cell r="J2503" t="str">
            <v>本店</v>
          </cell>
          <cell r="K2503" t="str">
            <v>06-4309-0200</v>
          </cell>
          <cell r="L2503" t="str">
            <v>eigyou@tme-net.co.jp</v>
          </cell>
          <cell r="M2503" t="str">
            <v>ﾄｳﾖｳﾒﾝﾃﾅｽ</v>
          </cell>
          <cell r="N2503" t="str">
            <v>無</v>
          </cell>
          <cell r="O2503">
            <v>46</v>
          </cell>
          <cell r="P2503">
            <v>415</v>
          </cell>
          <cell r="Q2503">
            <v>9122001008919</v>
          </cell>
          <cell r="R2503">
            <v>60000</v>
          </cell>
          <cell r="S2503">
            <v>3356165</v>
          </cell>
          <cell r="T2503">
            <v>3236789</v>
          </cell>
          <cell r="V2503" t="str">
            <v>be790340</v>
          </cell>
          <cell r="W2503" t="str">
            <v>uv199599</v>
          </cell>
          <cell r="Y2503" t="str">
            <v>10.48.51.61</v>
          </cell>
          <cell r="Z2503">
            <v>48</v>
          </cell>
          <cell r="AA2503">
            <v>61</v>
          </cell>
          <cell r="AB2503">
            <v>51</v>
          </cell>
          <cell r="AC2503">
            <v>10</v>
          </cell>
          <cell r="AD2503" t="str">
            <v/>
          </cell>
          <cell r="AE2503" t="str">
            <v>１；２；浄水場、下水処理場、ポンプ場、道路施設等の運転維持管理業務３；水道施設関連の維持管理業務４；配水池清掃業務</v>
          </cell>
          <cell r="AF2503" t="str">
            <v>上下水道施設、道路設備運転監視・維持管理業務を中心におこなっています。</v>
          </cell>
        </row>
        <row r="2504">
          <cell r="B2504">
            <v>10915</v>
          </cell>
          <cell r="C2504" t="str">
            <v>(株)地域経済研究所</v>
          </cell>
          <cell r="D2504" t="str">
            <v>06-6314-6300</v>
          </cell>
          <cell r="E2504" t="str">
            <v>540-0033</v>
          </cell>
          <cell r="F2504" t="str">
            <v>大阪府大阪市中央区石町1-1-1</v>
          </cell>
          <cell r="G2504" t="str">
            <v>大阪市</v>
          </cell>
          <cell r="H2504" t="str">
            <v/>
          </cell>
          <cell r="I2504" t="str">
            <v>代表取締役 井上　浩一</v>
          </cell>
          <cell r="J2504" t="str">
            <v>本店</v>
          </cell>
          <cell r="K2504" t="str">
            <v>06-6314-6301</v>
          </cell>
          <cell r="L2504" t="str">
            <v>ckkckk@ckk-osaka.co.jp</v>
          </cell>
          <cell r="M2504" t="str">
            <v>ﾁｲｷｹｲｻﾞｲｹﾝｷｭｳｼｮ</v>
          </cell>
          <cell r="N2504" t="str">
            <v>無</v>
          </cell>
          <cell r="O2504">
            <v>40</v>
          </cell>
          <cell r="P2504">
            <v>10</v>
          </cell>
          <cell r="Q2504">
            <v>2120001084284</v>
          </cell>
          <cell r="R2504">
            <v>10000</v>
          </cell>
          <cell r="S2504">
            <v>132235</v>
          </cell>
          <cell r="T2504">
            <v>199921</v>
          </cell>
          <cell r="V2504" t="str">
            <v>uu896806</v>
          </cell>
          <cell r="W2504" t="str">
            <v>ud157371</v>
          </cell>
          <cell r="Y2504" t="str">
            <v>77，</v>
          </cell>
          <cell r="Z2504" t="str">
            <v/>
          </cell>
          <cell r="AA2504" t="str">
            <v/>
          </cell>
          <cell r="AB2504" t="str">
            <v/>
          </cell>
          <cell r="AC2504" t="str">
            <v/>
          </cell>
          <cell r="AD2504" t="str">
            <v/>
          </cell>
          <cell r="AE2504" t="str">
            <v>１；PFIアドバイザリー業務　平成11年のPFI法の制定に先駆け関西初のPFI事業のアドバイザーを務め、以来、関西における主要なPFI事業において多くの実績を持つ２；３；４；</v>
          </cell>
          <cell r="AF2504" t="str">
            <v>不動産鑑定業者及び補償コンサルタントとして一般鑑定はもちろん、都市再開発事業の基本構想段階、権利変換計画の作成など総合的なノウハウを有し、実績を上げています。時代の脚光を浴びているPFIのアドバイザーとしての実績も積み、不動産に関わるコンサルタントとして活躍しています。</v>
          </cell>
        </row>
        <row r="2505">
          <cell r="B2505">
            <v>10917</v>
          </cell>
          <cell r="C2505" t="str">
            <v>アジア航測(株)</v>
          </cell>
          <cell r="D2505" t="str">
            <v>078-230-0950</v>
          </cell>
          <cell r="E2505" t="str">
            <v>651-0084</v>
          </cell>
          <cell r="F2505" t="str">
            <v>兵庫県神戸市中央区磯辺通3-2-11</v>
          </cell>
          <cell r="G2505" t="str">
            <v>神戸市</v>
          </cell>
          <cell r="H2505" t="str">
            <v>神戸支店</v>
          </cell>
          <cell r="I2505" t="str">
            <v>支店長 畠山　文憲</v>
          </cell>
          <cell r="J2505" t="str">
            <v>東京都</v>
          </cell>
          <cell r="K2505" t="str">
            <v>078-230-0951</v>
          </cell>
          <cell r="L2505" t="str">
            <v>ei.koube@ajiko.co.jp</v>
          </cell>
          <cell r="M2505" t="str">
            <v>ｱｼﾞｱｺｳｿｸ</v>
          </cell>
          <cell r="N2505" t="str">
            <v>有</v>
          </cell>
          <cell r="O2505">
            <v>69</v>
          </cell>
          <cell r="P2505">
            <v>1032</v>
          </cell>
          <cell r="Q2505">
            <v>6011101000700</v>
          </cell>
          <cell r="R2505">
            <v>1673778</v>
          </cell>
          <cell r="S2505">
            <v>10292255</v>
          </cell>
          <cell r="T2505">
            <v>23023111</v>
          </cell>
          <cell r="V2505" t="str">
            <v>xp869712</v>
          </cell>
          <cell r="W2505" t="str">
            <v>ov166139</v>
          </cell>
          <cell r="Y2505" t="str">
            <v>079，36，44，57，58，70，71，72，73，74，75，76，77，79，</v>
          </cell>
          <cell r="Z2505">
            <v>58</v>
          </cell>
          <cell r="AA2505">
            <v>57</v>
          </cell>
          <cell r="AB2505">
            <v>72</v>
          </cell>
          <cell r="AC2505">
            <v>79</v>
          </cell>
          <cell r="AD2505" t="str">
            <v>ＭＭＳ（三次元計測車両）計測・調査、三次元レーザデータ提供、赤色立体地図</v>
          </cell>
          <cell r="AE2505" t="str">
            <v>１；各種地図情報システム、施設管理システム等の開発、地図情報配信サービス２；各種台帳データ入力及び電算処理、各種地図情報システムのデータ入力、3次元空間データ解析３；白黒、カラーポジフィルム、密着写真、伸ばし写真、カラーモザイク写真、オルソ写真、写真パネル、デジタル画像、地図作成、都市計画図印刷、赤色立体地図４；下水道管調査</v>
          </cell>
          <cell r="AF2505" t="str">
            <v>地理情報システム（ＧＩＳ）、データベース構築、通信技術を活用した行政サービス（ＡＳＰ）や航空測量を中心に社会基盤整備や公共物に関わるシステム開発・マネジメント技術を得意とします。コンサルタント分野は防災、都市計画ほか各種インフラ施設設計、環境調査を得意としています。</v>
          </cell>
        </row>
        <row r="2506">
          <cell r="B2506">
            <v>10918</v>
          </cell>
          <cell r="C2506" t="str">
            <v>ＮＥＣフィールディング(株)</v>
          </cell>
          <cell r="D2506" t="str">
            <v>078-332-5431</v>
          </cell>
          <cell r="E2506" t="str">
            <v>650-0031</v>
          </cell>
          <cell r="F2506" t="str">
            <v>兵庫県神戸市中央区東町126番地</v>
          </cell>
          <cell r="G2506" t="str">
            <v>神戸市</v>
          </cell>
          <cell r="H2506" t="str">
            <v>関西支社　神戸支店</v>
          </cell>
          <cell r="I2506" t="str">
            <v>神戸支店長 松野　裕之</v>
          </cell>
          <cell r="J2506" t="str">
            <v>東京都</v>
          </cell>
          <cell r="K2506" t="str">
            <v>078-391-4770</v>
          </cell>
          <cell r="L2506" t="str">
            <v>shigeta-k@star.fielding.nec.co.jp</v>
          </cell>
          <cell r="M2506" t="str">
            <v>ｴﾇｲｰｼｰﾌｨｰﾙﾃﾞｨﾝｸﾞ</v>
          </cell>
          <cell r="N2506" t="str">
            <v>有</v>
          </cell>
          <cell r="O2506">
            <v>61</v>
          </cell>
          <cell r="P2506">
            <v>4811</v>
          </cell>
          <cell r="Q2506">
            <v>3010401022977</v>
          </cell>
          <cell r="R2506">
            <v>9670100</v>
          </cell>
          <cell r="S2506">
            <v>57982782</v>
          </cell>
          <cell r="T2506">
            <v>163914840</v>
          </cell>
          <cell r="V2506" t="str">
            <v>zx631970</v>
          </cell>
          <cell r="W2506" t="str">
            <v>bi181516</v>
          </cell>
          <cell r="Y2506" t="str">
            <v>14，15，36，</v>
          </cell>
          <cell r="Z2506" t="str">
            <v/>
          </cell>
          <cell r="AA2506" t="str">
            <v/>
          </cell>
          <cell r="AB2506" t="str">
            <v/>
          </cell>
          <cell r="AC2506" t="str">
            <v/>
          </cell>
          <cell r="AD2506" t="str">
            <v/>
          </cell>
          <cell r="AE2506" t="str">
            <v>１；２；３；４；</v>
          </cell>
          <cell r="AF2506" t="str">
            <v>(1)保守サービス　ＩＴシステム保守サービスの提供　(2)導入・構築・展開ＩＴシステムの導入支援　ネットワークの構築・電源・空調・耐震・セキュリティシステム等サービスの提供　(3)プロダクト販売　コンピュータ用品　ＯＡ機器の販売　(4)アウトソーシング　運用・管理代行等のサービスの提供</v>
          </cell>
        </row>
        <row r="2507">
          <cell r="B2507">
            <v>10920</v>
          </cell>
          <cell r="C2507" t="str">
            <v>(株)五藤光学研究所</v>
          </cell>
          <cell r="D2507" t="str">
            <v>042-362-5311</v>
          </cell>
          <cell r="E2507" t="str">
            <v>183-8530</v>
          </cell>
          <cell r="F2507" t="str">
            <v>東京都府中市矢崎町4-16</v>
          </cell>
          <cell r="G2507" t="str">
            <v>府中市</v>
          </cell>
          <cell r="H2507" t="str">
            <v/>
          </cell>
          <cell r="I2507" t="str">
            <v>取締役社長 五藤　信隆</v>
          </cell>
          <cell r="J2507" t="str">
            <v>本店</v>
          </cell>
          <cell r="K2507" t="str">
            <v>042-402-0123</v>
          </cell>
          <cell r="L2507" t="str">
            <v>g_touroku@goto.co.jp</v>
          </cell>
          <cell r="M2507" t="str">
            <v>ｺﾞﾄｳｺｳｶﾞｸｹﾝｷｭｳｼｮ</v>
          </cell>
          <cell r="N2507" t="str">
            <v>無</v>
          </cell>
          <cell r="O2507">
            <v>92</v>
          </cell>
          <cell r="P2507">
            <v>196</v>
          </cell>
          <cell r="Q2507">
            <v>4012401021009</v>
          </cell>
          <cell r="R2507">
            <v>50000</v>
          </cell>
          <cell r="S2507">
            <v>1583435</v>
          </cell>
          <cell r="T2507">
            <v>2496751</v>
          </cell>
          <cell r="V2507" t="str">
            <v>vd377058</v>
          </cell>
          <cell r="W2507" t="str">
            <v>tb178771</v>
          </cell>
          <cell r="Y2507" t="str">
            <v>64，</v>
          </cell>
          <cell r="Z2507">
            <v>80</v>
          </cell>
          <cell r="AA2507">
            <v>64</v>
          </cell>
          <cell r="AB2507" t="str">
            <v/>
          </cell>
          <cell r="AC2507" t="str">
            <v/>
          </cell>
          <cell r="AD2507" t="str">
            <v/>
          </cell>
          <cell r="AE2507" t="str">
            <v>１；プラネタリウム及び補助投映機、天体望遠鏡、移動天文車、バーチャリウム（デジタルプラネタリウム）、天文機器保守２；プラネタリウム番組用ソフト制作、据付３；４；</v>
          </cell>
          <cell r="AF2507" t="str">
            <v>（建築工事）プラネタリウム用ドーム建設施工（物品委託）プラネタリウム天体望遠鏡など天文機器関係一式及びそれに伴う補助投映機と天文機器の保守点検業務と番組制作一式の提供と制作据付</v>
          </cell>
        </row>
        <row r="2508">
          <cell r="B2508">
            <v>10922</v>
          </cell>
          <cell r="C2508" t="str">
            <v>ＴＳＰ西日本(株)</v>
          </cell>
          <cell r="D2508" t="str">
            <v>06-6195-3871</v>
          </cell>
          <cell r="E2508" t="str">
            <v>532-0012</v>
          </cell>
          <cell r="F2508" t="str">
            <v>大阪府大阪市淀川区木川東4-8-33</v>
          </cell>
          <cell r="G2508" t="str">
            <v>大阪市</v>
          </cell>
          <cell r="H2508" t="str">
            <v/>
          </cell>
          <cell r="I2508" t="str">
            <v>代表取締役社長 荒木　尚</v>
          </cell>
          <cell r="J2508" t="str">
            <v>本店</v>
          </cell>
          <cell r="K2508" t="str">
            <v>06-6195-3872</v>
          </cell>
          <cell r="L2508" t="str">
            <v>ueno@tspwest.co.jp</v>
          </cell>
          <cell r="M2508" t="str">
            <v>ﾃｨｰｴｽﾋﾟｰﾆｼﾆﾎﾝ</v>
          </cell>
          <cell r="N2508" t="str">
            <v>無</v>
          </cell>
          <cell r="O2508">
            <v>40</v>
          </cell>
          <cell r="P2508">
            <v>26</v>
          </cell>
          <cell r="Q2508">
            <v>7140001071219</v>
          </cell>
          <cell r="R2508">
            <v>13000</v>
          </cell>
          <cell r="S2508">
            <v>123278</v>
          </cell>
          <cell r="T2508">
            <v>994549</v>
          </cell>
          <cell r="V2508" t="str">
            <v>ec335003</v>
          </cell>
          <cell r="W2508" t="str">
            <v>jb113386</v>
          </cell>
          <cell r="Y2508" t="str">
            <v>016，16，44，63，66，</v>
          </cell>
          <cell r="Z2508">
            <v>63</v>
          </cell>
          <cell r="AA2508">
            <v>44</v>
          </cell>
          <cell r="AB2508">
            <v>80</v>
          </cell>
          <cell r="AC2508">
            <v>16</v>
          </cell>
          <cell r="AD2508" t="str">
            <v>兵庫県屋外広告業登録</v>
          </cell>
          <cell r="AE2508" t="str">
            <v>１；イベントの企画・会場設営・運営２；仮設ハウス・トイレ・イベント備品３；各種テント・シートの販売・レンタル４；選挙ポスター・掲示場　設置</v>
          </cell>
          <cell r="AF2508" t="str">
            <v>イベント全体の企画・会場設営・運営・備品の手配等の全てを承ります。</v>
          </cell>
        </row>
        <row r="2509">
          <cell r="B2509">
            <v>10925</v>
          </cell>
          <cell r="C2509" t="str">
            <v>(株)マニックス</v>
          </cell>
          <cell r="D2509" t="str">
            <v>078-691-0404</v>
          </cell>
          <cell r="E2509" t="str">
            <v>653-0843</v>
          </cell>
          <cell r="F2509" t="str">
            <v>兵庫県神戸市長田区御屋敷通5丁目1-16</v>
          </cell>
          <cell r="G2509" t="str">
            <v>神戸市</v>
          </cell>
          <cell r="H2509" t="str">
            <v>関連事業統括部</v>
          </cell>
          <cell r="I2509" t="str">
            <v>統括部長 灰本　靖彦</v>
          </cell>
          <cell r="J2509" t="str">
            <v>兵庫県神戸市</v>
          </cell>
          <cell r="K2509" t="str">
            <v>078-691-3302</v>
          </cell>
          <cell r="L2509" t="str">
            <v>water-supply@manix.co.jp</v>
          </cell>
          <cell r="M2509" t="str">
            <v>ﾏﾆｯｸｽ</v>
          </cell>
          <cell r="N2509" t="str">
            <v>有</v>
          </cell>
          <cell r="O2509">
            <v>62</v>
          </cell>
          <cell r="P2509">
            <v>139</v>
          </cell>
          <cell r="Q2509">
            <v>1140001016864</v>
          </cell>
          <cell r="R2509">
            <v>98000</v>
          </cell>
          <cell r="S2509">
            <v>1615898</v>
          </cell>
          <cell r="T2509">
            <v>8126730</v>
          </cell>
          <cell r="V2509" t="str">
            <v>nj448055</v>
          </cell>
          <cell r="W2509" t="str">
            <v>zg159339</v>
          </cell>
          <cell r="Y2509" t="str">
            <v>79，</v>
          </cell>
          <cell r="Z2509">
            <v>80</v>
          </cell>
          <cell r="AA2509">
            <v>79</v>
          </cell>
          <cell r="AB2509" t="str">
            <v/>
          </cell>
          <cell r="AC2509" t="str">
            <v/>
          </cell>
          <cell r="AD2509" t="str">
            <v/>
          </cell>
          <cell r="AE2509" t="str">
            <v>１；水道管内洗浄業務　配水池清掃２；水道管内カメラ調査３；４；</v>
          </cell>
          <cell r="AF2509" t="str">
            <v/>
          </cell>
        </row>
        <row r="2510">
          <cell r="B2510">
            <v>10928</v>
          </cell>
          <cell r="C2510" t="str">
            <v>日本テクニカル・サービス(株)</v>
          </cell>
          <cell r="D2510" t="str">
            <v>03-3413-8500</v>
          </cell>
          <cell r="E2510" t="str">
            <v>154-0001</v>
          </cell>
          <cell r="F2510" t="str">
            <v>東京都世田谷区池尻3-10-3</v>
          </cell>
          <cell r="G2510" t="str">
            <v>東京都</v>
          </cell>
          <cell r="H2510" t="str">
            <v/>
          </cell>
          <cell r="I2510" t="str">
            <v>代表取締役 松本　雅徳</v>
          </cell>
          <cell r="J2510" t="str">
            <v>本店</v>
          </cell>
          <cell r="K2510" t="str">
            <v>03-3419-3425</v>
          </cell>
          <cell r="L2510" t="str">
            <v>western_japan@nitteku.co.jp</v>
          </cell>
          <cell r="M2510" t="str">
            <v>ﾆﾎﾝﾃｸﾆｶﾙｻｰﾋﾞｽ</v>
          </cell>
          <cell r="N2510" t="str">
            <v>無</v>
          </cell>
          <cell r="O2510">
            <v>52</v>
          </cell>
          <cell r="P2510">
            <v>155</v>
          </cell>
          <cell r="Q2510">
            <v>9010901009056</v>
          </cell>
          <cell r="R2510">
            <v>50000</v>
          </cell>
          <cell r="S2510">
            <v>1214307</v>
          </cell>
          <cell r="T2510">
            <v>2557583</v>
          </cell>
          <cell r="V2510" t="str">
            <v>va762263</v>
          </cell>
          <cell r="W2510" t="str">
            <v>ox199399</v>
          </cell>
          <cell r="Y2510" t="str">
            <v>36，50，</v>
          </cell>
          <cell r="Z2510">
            <v>80</v>
          </cell>
          <cell r="AA2510">
            <v>36</v>
          </cell>
          <cell r="AB2510">
            <v>50</v>
          </cell>
          <cell r="AC2510" t="str">
            <v/>
          </cell>
          <cell r="AD2510" t="str">
            <v/>
          </cell>
          <cell r="AE2510" t="str">
            <v>１；駐車場管制機器（システム運用に必要な機材を含む）の販売及び保守・防災無線機等・患者呼出システム等通信関連機器の販売及び保守２；患者呼出システム・無線機等各種通信機器・ＯＡ機器及び周辺機器の販売３；各種通信設備の保守４；</v>
          </cell>
          <cell r="AF2510" t="str">
            <v>駐車場管制機器の販売（機器運用に伴う消耗品含む）及び保守・監視カメラ・患者呼出システム・防災無線機器・ＯＡ機器・その他通信関連機器の販売及び保守・各種計測器の販売及び校正</v>
          </cell>
        </row>
        <row r="2511">
          <cell r="B2511">
            <v>10930</v>
          </cell>
          <cell r="C2511" t="str">
            <v>ヤノ運動用品(株)</v>
          </cell>
          <cell r="D2511" t="str">
            <v>078-391-1121</v>
          </cell>
          <cell r="E2511" t="str">
            <v>665-0021</v>
          </cell>
          <cell r="F2511" t="str">
            <v>兵庫神戸市中央区三宮町3-8-1</v>
          </cell>
          <cell r="G2511" t="str">
            <v>神戸市</v>
          </cell>
          <cell r="H2511" t="str">
            <v/>
          </cell>
          <cell r="I2511" t="str">
            <v>代表取締役 矢野　克幸</v>
          </cell>
          <cell r="J2511" t="str">
            <v>本店</v>
          </cell>
          <cell r="K2511" t="str">
            <v>078-331-1358</v>
          </cell>
          <cell r="L2511" t="str">
            <v>ysp130@yanosp.com</v>
          </cell>
          <cell r="M2511" t="str">
            <v>ﾔﾉｳﾝﾄﾞｳﾖｳﾋﾝ</v>
          </cell>
          <cell r="N2511" t="str">
            <v>無</v>
          </cell>
          <cell r="O2511">
            <v>82</v>
          </cell>
          <cell r="P2511">
            <v>15</v>
          </cell>
          <cell r="Q2511">
            <v>2140001011410</v>
          </cell>
          <cell r="R2511">
            <v>10000</v>
          </cell>
          <cell r="S2511">
            <v>9210</v>
          </cell>
          <cell r="T2511">
            <v>595138</v>
          </cell>
          <cell r="V2511" t="str">
            <v>mr507431</v>
          </cell>
          <cell r="W2511" t="str">
            <v>gs169595</v>
          </cell>
          <cell r="Y2511" t="str">
            <v>04，03，04，07，08，20，63，</v>
          </cell>
          <cell r="Z2511">
            <v>20</v>
          </cell>
          <cell r="AA2511">
            <v>3</v>
          </cell>
          <cell r="AB2511">
            <v>7</v>
          </cell>
          <cell r="AC2511">
            <v>4</v>
          </cell>
          <cell r="AD2511" t="str">
            <v/>
          </cell>
          <cell r="AE2511" t="str">
            <v>１；体育器具、スポーツシューズ２；ユニホーム、体操服、Tシャツ、ポロシャツ３；トロフィー、楯４；バッグ、ソックス、手袋</v>
          </cell>
          <cell r="AF2511" t="str">
            <v>体育施設、体育教材、スポーツウエアー、スポーツシューズ</v>
          </cell>
        </row>
        <row r="2512">
          <cell r="B2512">
            <v>10931</v>
          </cell>
          <cell r="C2512" t="str">
            <v>三浦工業(株)</v>
          </cell>
          <cell r="D2512" t="str">
            <v>078-413-9533</v>
          </cell>
          <cell r="E2512" t="str">
            <v>658-0027</v>
          </cell>
          <cell r="F2512" t="str">
            <v>兵庫県神戸市東灘区青木6-8-7</v>
          </cell>
          <cell r="G2512" t="str">
            <v>神戸市</v>
          </cell>
          <cell r="H2512" t="str">
            <v>神戸支店</v>
          </cell>
          <cell r="I2512" t="str">
            <v>支店長 江口　嘉規</v>
          </cell>
          <cell r="J2512" t="str">
            <v>愛媛県松山市</v>
          </cell>
          <cell r="K2512" t="str">
            <v>078-413-9534</v>
          </cell>
          <cell r="L2512" t="str">
            <v>murakami_akiko@miuraz.co.jp</v>
          </cell>
          <cell r="M2512" t="str">
            <v>ﾐｳﾗｺｳｷﾞｮｳ</v>
          </cell>
          <cell r="N2512" t="str">
            <v>有</v>
          </cell>
          <cell r="O2512">
            <v>59</v>
          </cell>
          <cell r="P2512">
            <v>3044</v>
          </cell>
          <cell r="Q2512">
            <v>7500001003977</v>
          </cell>
          <cell r="R2512">
            <v>9544007</v>
          </cell>
          <cell r="S2512">
            <v>103634551</v>
          </cell>
          <cell r="T2512">
            <v>90516139</v>
          </cell>
          <cell r="V2512" t="str">
            <v>ms933517</v>
          </cell>
          <cell r="W2512" t="str">
            <v>nq199583</v>
          </cell>
          <cell r="Y2512" t="str">
            <v>039，10，39，48，</v>
          </cell>
          <cell r="Z2512">
            <v>80</v>
          </cell>
          <cell r="AA2512">
            <v>48</v>
          </cell>
          <cell r="AB2512">
            <v>10</v>
          </cell>
          <cell r="AC2512">
            <v>39</v>
          </cell>
          <cell r="AD2512" t="str">
            <v/>
          </cell>
          <cell r="AE2512" t="str">
            <v>１；ボイラー設備機器・水処理機器・その他付帯品２；ボイラー設備機器・水処理機器の保守管理３；ボイラー設備機器・水処理機器の保守管理４；蒸気滅菌器等</v>
          </cell>
          <cell r="AF2512" t="str">
            <v>小型貫流ボイラーのトップメーカー。全国都道府県に営業所開設</v>
          </cell>
        </row>
        <row r="2513">
          <cell r="B2513">
            <v>10932</v>
          </cell>
          <cell r="C2513" t="str">
            <v>日本水機調査(株)</v>
          </cell>
          <cell r="D2513" t="str">
            <v>078-325-5373</v>
          </cell>
          <cell r="E2513" t="str">
            <v>650-0024</v>
          </cell>
          <cell r="F2513" t="str">
            <v>兵庫県神戸市中央区海岸通一丁目1番1号神戸ﾒﾘｹﾝﾋﾞﾙ304</v>
          </cell>
          <cell r="G2513" t="str">
            <v>神戸市</v>
          </cell>
          <cell r="H2513" t="str">
            <v/>
          </cell>
          <cell r="I2513" t="str">
            <v>代表取締役 山本　政和</v>
          </cell>
          <cell r="J2513" t="str">
            <v>本店</v>
          </cell>
          <cell r="K2513" t="str">
            <v>078-325-5374</v>
          </cell>
          <cell r="L2513" t="str">
            <v>suiki@jwmi.co.jp</v>
          </cell>
          <cell r="M2513" t="str">
            <v>ﾆﾎﾝｽｲｷﾁｮｳｻ</v>
          </cell>
          <cell r="N2513" t="str">
            <v>無</v>
          </cell>
          <cell r="O2513">
            <v>14</v>
          </cell>
          <cell r="P2513">
            <v>10</v>
          </cell>
          <cell r="Q2513">
            <v>4140001025004</v>
          </cell>
          <cell r="R2513">
            <v>57000</v>
          </cell>
          <cell r="S2513">
            <v>-56915</v>
          </cell>
          <cell r="T2513">
            <v>161190</v>
          </cell>
          <cell r="V2513" t="str">
            <v>pw575702</v>
          </cell>
          <cell r="W2513" t="str">
            <v>zq696113</v>
          </cell>
          <cell r="Y2513" t="str">
            <v>042，41，42，79，</v>
          </cell>
          <cell r="Z2513">
            <v>79</v>
          </cell>
          <cell r="AA2513">
            <v>80</v>
          </cell>
          <cell r="AB2513">
            <v>41</v>
          </cell>
          <cell r="AC2513">
            <v>42</v>
          </cell>
          <cell r="AD2513" t="str">
            <v/>
          </cell>
          <cell r="AE2513" t="str">
            <v>１；水道用不断水内視鏡装置による水道管路内ＴＶカメラ調査２；内視鏡装置とピグ玉を使用した洗管業務ＳＣＯＰＥ工法３；上水道専用不断水内視鏡カメラ４；上水道用電磁流量計・超音波流量計</v>
          </cell>
          <cell r="AF2513" t="str">
            <v>水道管路内を不断水でカメラ調査します。水道の維持管理にお役立ていただけます。また内視鏡装置とピグ玉を使用した洗管業務ＳＣＯＰＥ工法にて管の洗浄も行っており、これまでに１００ｋｍ以上の実績があります。</v>
          </cell>
        </row>
        <row r="2514">
          <cell r="B2514">
            <v>10933</v>
          </cell>
          <cell r="C2514" t="str">
            <v>(一社)日本家族計画協会</v>
          </cell>
          <cell r="D2514" t="str">
            <v>03-3269-4727</v>
          </cell>
          <cell r="E2514" t="str">
            <v>162-0843</v>
          </cell>
          <cell r="F2514" t="str">
            <v>東京都新宿区市谷田町1-10</v>
          </cell>
          <cell r="G2514" t="str">
            <v>東京都</v>
          </cell>
          <cell r="H2514" t="str">
            <v/>
          </cell>
          <cell r="I2514" t="str">
            <v>理事長 北村　邦夫</v>
          </cell>
          <cell r="J2514" t="str">
            <v>本店</v>
          </cell>
          <cell r="K2514" t="str">
            <v>03-3267-2658</v>
          </cell>
          <cell r="L2514" t="str">
            <v>jfpainfo@jfpa.or.jp</v>
          </cell>
          <cell r="M2514" t="str">
            <v>ﾆﾎﾝｶｿﾞｸｹｲｶｸｷｮｳｶｲ</v>
          </cell>
          <cell r="N2514" t="str">
            <v>無</v>
          </cell>
          <cell r="O2514">
            <v>62</v>
          </cell>
          <cell r="P2514">
            <v>20</v>
          </cell>
          <cell r="Q2514">
            <v>8011105005330</v>
          </cell>
          <cell r="R2514">
            <v>0</v>
          </cell>
          <cell r="S2514">
            <v>492500</v>
          </cell>
          <cell r="T2514">
            <v>437788</v>
          </cell>
          <cell r="V2514" t="str">
            <v>wu208409</v>
          </cell>
          <cell r="W2514" t="str">
            <v>qk175833</v>
          </cell>
          <cell r="Y2514" t="str">
            <v>12，</v>
          </cell>
          <cell r="Z2514">
            <v>12</v>
          </cell>
          <cell r="AA2514" t="str">
            <v/>
          </cell>
          <cell r="AB2514" t="str">
            <v/>
          </cell>
          <cell r="AC2514" t="str">
            <v/>
          </cell>
          <cell r="AD2514" t="str">
            <v/>
          </cell>
          <cell r="AE2514" t="str">
            <v>１；２；３；４；</v>
          </cell>
          <cell r="AF2514" t="str">
            <v>母子健康手帳、マタニティキーホルダー、リーフレット、冊子、図書、ブレストケアシャワーカード、乳がん触診モデル、パネル、模型、ＤＶＤソフトなどの母子健康教材ならびに保健指導に関する教材</v>
          </cell>
        </row>
        <row r="2515">
          <cell r="B2515">
            <v>10936</v>
          </cell>
          <cell r="C2515" t="str">
            <v>関西水道用品(株)</v>
          </cell>
          <cell r="D2515" t="str">
            <v>06-6863-6764</v>
          </cell>
          <cell r="E2515" t="str">
            <v>561-0852</v>
          </cell>
          <cell r="F2515" t="str">
            <v>大阪府豊中市服部本町2-8-19</v>
          </cell>
          <cell r="G2515" t="str">
            <v>豊中市</v>
          </cell>
          <cell r="H2515" t="str">
            <v/>
          </cell>
          <cell r="I2515" t="str">
            <v>代表取締役　 戸梶　博夫</v>
          </cell>
          <cell r="J2515" t="str">
            <v>本店</v>
          </cell>
          <cell r="K2515" t="str">
            <v>06-6866-0253</v>
          </cell>
          <cell r="L2515" t="str">
            <v>info@kansaisuidou.co.jp</v>
          </cell>
          <cell r="M2515" t="str">
            <v>ｶﾝｻｲｽｲﾄﾞｳﾖｳﾋﾝ</v>
          </cell>
          <cell r="N2515" t="str">
            <v>無</v>
          </cell>
          <cell r="O2515">
            <v>70</v>
          </cell>
          <cell r="P2515">
            <v>32</v>
          </cell>
          <cell r="Q2515">
            <v>7120900000000</v>
          </cell>
          <cell r="R2515">
            <v>1000</v>
          </cell>
          <cell r="S2515">
            <v>78098</v>
          </cell>
          <cell r="T2515">
            <v>256265</v>
          </cell>
          <cell r="V2515" t="str">
            <v>yj766707</v>
          </cell>
          <cell r="W2515" t="str">
            <v>qa197739</v>
          </cell>
          <cell r="Y2515" t="str">
            <v>42.43.58.61.69</v>
          </cell>
          <cell r="Z2515">
            <v>61</v>
          </cell>
          <cell r="AA2515">
            <v>42</v>
          </cell>
          <cell r="AB2515">
            <v>58</v>
          </cell>
          <cell r="AC2515">
            <v>43</v>
          </cell>
          <cell r="AD2515" t="str">
            <v/>
          </cell>
          <cell r="AE2515" t="str">
            <v>１；２；メーター検針メーター取替滞納整理開閉栓等３；大豊機工　代４；大豊機工　代</v>
          </cell>
          <cell r="AF2515" t="str">
            <v>水道メーター、各種弁栓類、各種水栓類継手類、パッキン類、門標など水道用資材等　水道メーター検針、開閉栓、滞納整理、水道メーター取替等　水道業務用システム開発・機器・保守運用等</v>
          </cell>
        </row>
        <row r="2516">
          <cell r="B2516">
            <v>10937</v>
          </cell>
          <cell r="C2516" t="str">
            <v>レキオス・ウォーター(株)</v>
          </cell>
          <cell r="D2516" t="str">
            <v>06-4705-5887</v>
          </cell>
          <cell r="E2516" t="str">
            <v>542-0081</v>
          </cell>
          <cell r="F2516" t="str">
            <v>大阪府大阪市中央区南船場1-12-3</v>
          </cell>
          <cell r="G2516" t="str">
            <v>大阪市</v>
          </cell>
          <cell r="H2516" t="str">
            <v>西日本事業本部</v>
          </cell>
          <cell r="I2516" t="str">
            <v>西日本事業本部長 荷川取　生次</v>
          </cell>
          <cell r="J2516" t="str">
            <v>沖縄県那覇市</v>
          </cell>
          <cell r="K2516" t="str">
            <v>06-6260-1113</v>
          </cell>
          <cell r="L2516" t="str">
            <v>s.inafuku@lequios-water.jp</v>
          </cell>
          <cell r="M2516" t="str">
            <v>ﾚｷｵｽｳｫｰﾀｰ</v>
          </cell>
          <cell r="N2516" t="str">
            <v>有</v>
          </cell>
          <cell r="O2516">
            <v>21</v>
          </cell>
          <cell r="P2516">
            <v>20</v>
          </cell>
          <cell r="Q2516">
            <v>5360001005791</v>
          </cell>
          <cell r="R2516">
            <v>10000</v>
          </cell>
          <cell r="S2516">
            <v>4021</v>
          </cell>
          <cell r="T2516">
            <v>198203</v>
          </cell>
          <cell r="V2516" t="str">
            <v>tg706436</v>
          </cell>
          <cell r="W2516" t="str">
            <v>ｒk199369</v>
          </cell>
          <cell r="Y2516" t="str">
            <v>79，</v>
          </cell>
          <cell r="Z2516">
            <v>79</v>
          </cell>
          <cell r="AA2516" t="str">
            <v/>
          </cell>
          <cell r="AB2516" t="str">
            <v/>
          </cell>
          <cell r="AC2516" t="str">
            <v/>
          </cell>
          <cell r="AD2516" t="str">
            <v/>
          </cell>
          <cell r="AE2516" t="str">
            <v>１；２；３；４；</v>
          </cell>
          <cell r="AF2516" t="str">
            <v>全国的に漏水調査業務を行っております。人材、機械器具、実績が豊富にありますので様々な事例に対応できます。</v>
          </cell>
        </row>
        <row r="2517">
          <cell r="B2517">
            <v>10940</v>
          </cell>
          <cell r="C2517" t="str">
            <v>藤野興業(株)</v>
          </cell>
          <cell r="D2517" t="str">
            <v>078-586-2559</v>
          </cell>
          <cell r="E2517" t="str">
            <v>651-1202</v>
          </cell>
          <cell r="F2517" t="str">
            <v>兵庫県神戸市北区花山中尾台1‐10‐15</v>
          </cell>
          <cell r="G2517" t="str">
            <v>神戸市</v>
          </cell>
          <cell r="H2517" t="str">
            <v>神戸支店</v>
          </cell>
          <cell r="I2517" t="str">
            <v>支店長　 佐藤　謙一</v>
          </cell>
          <cell r="J2517" t="str">
            <v>大阪府富田林市</v>
          </cell>
          <cell r="K2517" t="str">
            <v>078-583-9034</v>
          </cell>
          <cell r="L2517" t="str">
            <v>kinoshita-toru@fujino-kougyo.co.jp</v>
          </cell>
          <cell r="M2517" t="str">
            <v>ﾌｼﾞﾉｺｳｷﾞﾖｳ</v>
          </cell>
          <cell r="N2517" t="str">
            <v>有</v>
          </cell>
          <cell r="O2517">
            <v>41</v>
          </cell>
          <cell r="P2517">
            <v>105</v>
          </cell>
          <cell r="Q2517">
            <v>6120100000000</v>
          </cell>
          <cell r="R2517">
            <v>92000</v>
          </cell>
          <cell r="S2517">
            <v>3283052</v>
          </cell>
          <cell r="T2517">
            <v>2211663</v>
          </cell>
          <cell r="V2517" t="str">
            <v>aq622832</v>
          </cell>
          <cell r="W2517" t="str">
            <v>ad191993</v>
          </cell>
          <cell r="Y2517" t="str">
            <v>68.79.80</v>
          </cell>
          <cell r="Z2517">
            <v>79</v>
          </cell>
          <cell r="AA2517">
            <v>80</v>
          </cell>
          <cell r="AB2517">
            <v>68</v>
          </cell>
          <cell r="AC2517" t="str">
            <v/>
          </cell>
          <cell r="AD2517" t="str">
            <v/>
          </cell>
          <cell r="AE2517" t="str">
            <v>１；２；下水管内に自走式の高感度小型カメラを潜入させ管渠内の老朽度（漏水・クラック・誤接など）を調査。３；素材別プラント（ビンカン・ガラス）により廃棄物の分別・破砕・研磨などを行い再資源化（リサイクル）を図っています。４；第２希望に関わる付帯業務（収集運搬など）</v>
          </cell>
          <cell r="AF2517" t="str">
            <v>１）非開削工法による下水管渠の更生工事。各種管更生工法協会に加入（ＳＰＲ工法、光硬化工法、シームレスシステム工法など）　２）ガラス・ビン類の再資源化処理業務</v>
          </cell>
        </row>
        <row r="2518">
          <cell r="B2518">
            <v>10942</v>
          </cell>
          <cell r="C2518" t="str">
            <v>(株)阪神計器製作所</v>
          </cell>
          <cell r="D2518" t="str">
            <v>0798-67-5347</v>
          </cell>
          <cell r="E2518" t="str">
            <v>663-8105</v>
          </cell>
          <cell r="F2518" t="str">
            <v>兵庫県西宮市中島町9-10</v>
          </cell>
          <cell r="G2518" t="str">
            <v>西宮市</v>
          </cell>
          <cell r="H2518" t="str">
            <v>西宮支店</v>
          </cell>
          <cell r="I2518" t="str">
            <v>支店長 前田　英俊</v>
          </cell>
          <cell r="J2518" t="str">
            <v>兵庫県尼崎市</v>
          </cell>
          <cell r="K2518" t="str">
            <v>0798-64-1104</v>
          </cell>
          <cell r="L2518" t="str">
            <v>nishinomiya@hanshinkeiki.com</v>
          </cell>
          <cell r="M2518" t="str">
            <v>ﾊﾝｼﾝｹｲｷｾｲｻｸｼｮ</v>
          </cell>
          <cell r="N2518" t="str">
            <v>有</v>
          </cell>
          <cell r="O2518">
            <v>78</v>
          </cell>
          <cell r="P2518">
            <v>72</v>
          </cell>
          <cell r="Q2518">
            <v>3140001050663</v>
          </cell>
          <cell r="R2518">
            <v>60000</v>
          </cell>
          <cell r="S2518">
            <v>1028473</v>
          </cell>
          <cell r="T2518">
            <v>1580024</v>
          </cell>
          <cell r="V2518" t="str">
            <v>bc919145</v>
          </cell>
          <cell r="W2518" t="str">
            <v>sq193635</v>
          </cell>
          <cell r="Y2518" t="str">
            <v>42，43，</v>
          </cell>
          <cell r="Z2518">
            <v>42</v>
          </cell>
          <cell r="AA2518">
            <v>43</v>
          </cell>
          <cell r="AB2518" t="str">
            <v/>
          </cell>
          <cell r="AC2518" t="str">
            <v/>
          </cell>
          <cell r="AD2518" t="str">
            <v/>
          </cell>
          <cell r="AE2518" t="str">
            <v>１；水道メーター。水道メーター第一類・第二類指定製造事業者。２；水道メーター。水道メーター第一類・第二類指定製造事業者。３；４；</v>
          </cell>
          <cell r="AF2518" t="str">
            <v>水道メーターの製造・販売・修理。不用水道メーターの買取。</v>
          </cell>
        </row>
        <row r="2519">
          <cell r="B2519">
            <v>10943</v>
          </cell>
          <cell r="C2519" t="str">
            <v>伊丹青陽社</v>
          </cell>
          <cell r="D2519" t="str">
            <v>072-782-3446</v>
          </cell>
          <cell r="E2519" t="str">
            <v>664-0897</v>
          </cell>
          <cell r="F2519" t="str">
            <v>兵庫県伊丹市桜ｹ丘5-1-10</v>
          </cell>
          <cell r="G2519" t="str">
            <v>伊丹市</v>
          </cell>
          <cell r="H2519" t="str">
            <v/>
          </cell>
          <cell r="I2519" t="str">
            <v xml:space="preserve"> 池本　勝次</v>
          </cell>
          <cell r="J2519" t="str">
            <v>本店</v>
          </cell>
          <cell r="K2519" t="str">
            <v>072-782-4133</v>
          </cell>
          <cell r="L2519" t="str">
            <v>itamiseiyousha@hcc6.bai.ne.jp</v>
          </cell>
          <cell r="M2519" t="str">
            <v>ｲﾀﾐｾｲﾖｳｼｬ</v>
          </cell>
          <cell r="N2519" t="str">
            <v>無</v>
          </cell>
          <cell r="O2519">
            <v>49</v>
          </cell>
          <cell r="P2519">
            <v>3</v>
          </cell>
          <cell r="Q2519" t="str">
            <v/>
          </cell>
          <cell r="R2519" t="str">
            <v/>
          </cell>
          <cell r="S2519" t="str">
            <v/>
          </cell>
          <cell r="T2519">
            <v>7404</v>
          </cell>
          <cell r="V2519" t="str">
            <v>ds602864</v>
          </cell>
          <cell r="W2519" t="str">
            <v>wa135961</v>
          </cell>
          <cell r="Y2519" t="str">
            <v>75，</v>
          </cell>
          <cell r="Z2519">
            <v>75</v>
          </cell>
          <cell r="AA2519" t="str">
            <v/>
          </cell>
          <cell r="AB2519" t="str">
            <v/>
          </cell>
          <cell r="AC2519" t="str">
            <v/>
          </cell>
          <cell r="AD2519" t="str">
            <v>大型複写機ＤＷ６０５５ＭＦ　小型複写機Ｃ５２４０Ｆ　日産マーチ</v>
          </cell>
          <cell r="AE2519" t="str">
            <v>１；２；３；４；</v>
          </cell>
          <cell r="AF2519" t="str">
            <v>綺麗な仕上がりと納期の厳守をモットーにＰＰＣの複写、各種製本、ＣＤの入出力などの業務</v>
          </cell>
        </row>
        <row r="2520">
          <cell r="B2520">
            <v>10945</v>
          </cell>
          <cell r="C2520" t="str">
            <v>塚田印刷(株)</v>
          </cell>
          <cell r="D2520" t="str">
            <v>0798-33-4622</v>
          </cell>
          <cell r="E2520" t="str">
            <v>663-8247</v>
          </cell>
          <cell r="F2520" t="str">
            <v>兵庫県西宮市津門稲荷町11-12</v>
          </cell>
          <cell r="G2520" t="str">
            <v>西宮市</v>
          </cell>
          <cell r="H2520" t="str">
            <v/>
          </cell>
          <cell r="I2520" t="str">
            <v>代表取締役 塚田　和範</v>
          </cell>
          <cell r="J2520" t="str">
            <v>本店</v>
          </cell>
          <cell r="K2520" t="str">
            <v>0798-22-2258</v>
          </cell>
          <cell r="L2520" t="str">
            <v>chuma@tsukada-print.co.jp</v>
          </cell>
          <cell r="M2520" t="str">
            <v>ﾂｶﾀﾞｲﾝｻﾂ</v>
          </cell>
          <cell r="N2520" t="str">
            <v>無</v>
          </cell>
          <cell r="O2520">
            <v>89</v>
          </cell>
          <cell r="P2520">
            <v>49</v>
          </cell>
          <cell r="Q2520">
            <v>5140001069470</v>
          </cell>
          <cell r="R2520">
            <v>10000</v>
          </cell>
          <cell r="S2520">
            <v>438558</v>
          </cell>
          <cell r="T2520">
            <v>1100462</v>
          </cell>
          <cell r="V2520" t="str">
            <v>zr943868</v>
          </cell>
          <cell r="W2520" t="str">
            <v>wt171998</v>
          </cell>
          <cell r="Y2520" t="str">
            <v>057，57，73，74，</v>
          </cell>
          <cell r="Z2520">
            <v>74</v>
          </cell>
          <cell r="AA2520">
            <v>73</v>
          </cell>
          <cell r="AB2520">
            <v>80</v>
          </cell>
          <cell r="AC2520">
            <v>57</v>
          </cell>
          <cell r="AD2520" t="str">
            <v/>
          </cell>
          <cell r="AE2520" t="str">
            <v>１；各種フォーム印刷：連続帳票：圧着ハガキ：作成２；カラーオフセット印刷：カラーオンデマンド印刷：各種封筒作成：各種製本処理３；自動封入機による自動封入封緘処理４；電子媒体からのデータ出力等の電算事後処理業務等</v>
          </cell>
          <cell r="AF2520" t="str">
            <v>市税及び国保関連等の個人情報を有する処理業務及びデータ出力業務。前期業務に付随する印刷物作成。近年は出力環境及び封入封緘設備等の増設を実施しております。</v>
          </cell>
        </row>
        <row r="2521">
          <cell r="B2521">
            <v>10946</v>
          </cell>
          <cell r="C2521" t="str">
            <v>ホシザキ阪神(株)</v>
          </cell>
          <cell r="D2521" t="str">
            <v>06-6886-5691</v>
          </cell>
          <cell r="E2521" t="str">
            <v>532-0012</v>
          </cell>
          <cell r="F2521" t="str">
            <v>大阪府大阪市淀川区木川東3-1-34</v>
          </cell>
          <cell r="G2521" t="str">
            <v>大阪市</v>
          </cell>
          <cell r="H2521" t="str">
            <v/>
          </cell>
          <cell r="I2521" t="str">
            <v>代表取締役 秋田　孝</v>
          </cell>
          <cell r="J2521" t="str">
            <v>本店</v>
          </cell>
          <cell r="K2521" t="str">
            <v>06-6886-6527</v>
          </cell>
          <cell r="L2521" t="str">
            <v>miura-naoki@hoshizaki.co.jp</v>
          </cell>
          <cell r="M2521" t="str">
            <v>ﾎｼｻﾞｷﾊﾝｼﾝ</v>
          </cell>
          <cell r="N2521" t="str">
            <v>無</v>
          </cell>
          <cell r="O2521">
            <v>49</v>
          </cell>
          <cell r="P2521">
            <v>495</v>
          </cell>
          <cell r="Q2521">
            <v>9120001058356</v>
          </cell>
          <cell r="R2521">
            <v>100000</v>
          </cell>
          <cell r="S2521">
            <v>2573246</v>
          </cell>
          <cell r="T2521">
            <v>13427947</v>
          </cell>
          <cell r="V2521" t="str">
            <v>rv754450</v>
          </cell>
          <cell r="W2521" t="str">
            <v>mo193317</v>
          </cell>
          <cell r="Y2521" t="str">
            <v>02，02，05，14，37，44，48，</v>
          </cell>
          <cell r="Z2521">
            <v>37</v>
          </cell>
          <cell r="AA2521">
            <v>48</v>
          </cell>
          <cell r="AB2521">
            <v>5</v>
          </cell>
          <cell r="AC2521">
            <v>2</v>
          </cell>
          <cell r="AD2521" t="str">
            <v/>
          </cell>
          <cell r="AE2521" t="str">
            <v>１；製氷機・冷凍冷蔵庫・食器洗浄機・プレハブ冷凍冷蔵庫・スチームコンベクションオーブン・ブラストチラ―等各種業務用厨房機器　（代）ホシザキ２；各種業務用厨房機器の修理及び保守点検３；厨房用洗剤４；ティーサーバー用お茶・コーヒー</v>
          </cell>
          <cell r="AF2521" t="str">
            <v>ホシザキ直系の販売会社　大阪府北部、兵庫県地区をテリトリーとして地域密着を第一に30営業所を配置し、効率化された組織力にてきめ細やかなサービスを実施。業務用厨房機器全般を取り扱いしています。（製氷機・冷蔵庫・食器洗浄機・スチームコンベクションオーブン・ブラストチラ―等）</v>
          </cell>
        </row>
        <row r="2522">
          <cell r="B2522">
            <v>10947</v>
          </cell>
          <cell r="C2522" t="str">
            <v>(株)システム環境研究所</v>
          </cell>
          <cell r="D2522" t="str">
            <v>06-6339-1122</v>
          </cell>
          <cell r="E2522" t="str">
            <v>564-0052</v>
          </cell>
          <cell r="F2522" t="str">
            <v>大阪府吹田市広芝町5-4</v>
          </cell>
          <cell r="G2522" t="str">
            <v>吹田市</v>
          </cell>
          <cell r="H2522" t="str">
            <v>大阪事務所</v>
          </cell>
          <cell r="I2522" t="str">
            <v>所長 青木　教之</v>
          </cell>
          <cell r="J2522" t="str">
            <v>福岡県福岡市</v>
          </cell>
          <cell r="K2522" t="str">
            <v>06-6339-1188</v>
          </cell>
          <cell r="L2522" t="str">
            <v>soumu@syskan.com</v>
          </cell>
          <cell r="M2522" t="str">
            <v>ｼｽﾃﾑｶﾝｷｮｳｹﾝｷｭｳｼｮ</v>
          </cell>
          <cell r="N2522" t="str">
            <v>有</v>
          </cell>
          <cell r="O2522">
            <v>25</v>
          </cell>
          <cell r="P2522">
            <v>58</v>
          </cell>
          <cell r="Q2522">
            <v>7290001013750</v>
          </cell>
          <cell r="R2522">
            <v>40000</v>
          </cell>
          <cell r="S2522">
            <v>108020</v>
          </cell>
          <cell r="T2522">
            <v>952790</v>
          </cell>
          <cell r="V2522" t="str">
            <v>pb303575</v>
          </cell>
          <cell r="W2522" t="str">
            <v>ri163995</v>
          </cell>
          <cell r="Y2522" t="str">
            <v/>
          </cell>
          <cell r="Z2522">
            <v>80</v>
          </cell>
          <cell r="AA2522" t="str">
            <v/>
          </cell>
          <cell r="AB2522" t="str">
            <v/>
          </cell>
          <cell r="AC2522" t="str">
            <v/>
          </cell>
          <cell r="AD2522" t="str">
            <v/>
          </cell>
          <cell r="AE2522" t="str">
            <v>１；総合医業経営コンサルタント２；３；４；</v>
          </cell>
          <cell r="AF2522" t="str">
            <v>自治体立病院を中心に、初期段階のおいては基本構想・基本計画策定、建築設計段階においては、運営・情報・物流の各システムの構築、経営改善指導、医療機器・什器備品の整備、移転支援等のコンサルテーション業務を展開しています。</v>
          </cell>
        </row>
        <row r="2523">
          <cell r="B2523">
            <v>10949</v>
          </cell>
          <cell r="C2523" t="str">
            <v>(株)サンメンテナンス</v>
          </cell>
          <cell r="D2523" t="str">
            <v>06-4791-0100</v>
          </cell>
          <cell r="E2523" t="str">
            <v>540-0019</v>
          </cell>
          <cell r="F2523" t="str">
            <v>大阪府大阪市大阪市中央区和泉町1-1-14</v>
          </cell>
          <cell r="G2523" t="str">
            <v>大阪市</v>
          </cell>
          <cell r="H2523" t="str">
            <v/>
          </cell>
          <cell r="I2523" t="str">
            <v>代表取締役 方山　典優</v>
          </cell>
          <cell r="J2523" t="str">
            <v>本店</v>
          </cell>
          <cell r="K2523" t="str">
            <v>06-4791-0200</v>
          </cell>
          <cell r="L2523" t="str">
            <v>honsya-kanri2@sun-maintenance.co.jp</v>
          </cell>
          <cell r="M2523" t="str">
            <v>ｻﾝﾒﾝﾃﾅﾝｽ</v>
          </cell>
          <cell r="N2523" t="str">
            <v>無</v>
          </cell>
          <cell r="O2523">
            <v>43</v>
          </cell>
          <cell r="P2523">
            <v>1117</v>
          </cell>
          <cell r="Q2523">
            <v>8010001194196</v>
          </cell>
          <cell r="R2523">
            <v>100000</v>
          </cell>
          <cell r="S2523" t="str">
            <v/>
          </cell>
          <cell r="T2523" t="str">
            <v/>
          </cell>
          <cell r="V2523" t="str">
            <v>rk630895</v>
          </cell>
          <cell r="W2523" t="str">
            <v>lh173399</v>
          </cell>
          <cell r="Y2523" t="str">
            <v>048，45，46，47，48，49，51，52，53，54，55，</v>
          </cell>
          <cell r="Z2523">
            <v>54</v>
          </cell>
          <cell r="AA2523">
            <v>45</v>
          </cell>
          <cell r="AB2523">
            <v>46</v>
          </cell>
          <cell r="AC2523">
            <v>48</v>
          </cell>
          <cell r="AD2523" t="str">
            <v/>
          </cell>
          <cell r="AE2523" t="str">
            <v>１；庁舎（事務所含む）・病院清掃、ベッド・マットの清掃、床面、カーペット、窓ガラス、外壁などの清掃、厨房・ダクト・排水管清掃業務２；有人警備（巡回・常駐警備）、駐車場管理業務３；建物保守管理（電気・機械等含）４；空調ボイラー・エレベーター等　設備保守点検業務</v>
          </cell>
          <cell r="AF2523" t="str">
            <v>昭和50年創業より、清掃業務を主に行い、現在は警備業務、設備管理保守点検業務、総合管理業務等あらゆるサービスに努めております。私たちは社会の変化に対応し、より快適な空間を提供する為、サービス、専門技術の向上に努め、さらに顧客のニーズに対応致します。</v>
          </cell>
        </row>
        <row r="2524">
          <cell r="B2524">
            <v>10950</v>
          </cell>
          <cell r="C2524" t="str">
            <v>不二熱学サービス(株)</v>
          </cell>
          <cell r="D2524" t="str">
            <v>078-806-0250</v>
          </cell>
          <cell r="E2524" t="str">
            <v>657-0845</v>
          </cell>
          <cell r="F2524" t="str">
            <v>兵庫県神戸市灘区岩屋中町4-2-7</v>
          </cell>
          <cell r="G2524" t="str">
            <v>神戸市</v>
          </cell>
          <cell r="H2524" t="str">
            <v>神戸支店</v>
          </cell>
          <cell r="I2524" t="str">
            <v>支店長 大豊　真一郎</v>
          </cell>
          <cell r="J2524" t="str">
            <v>大阪府大阪市</v>
          </cell>
          <cell r="K2524" t="str">
            <v>078-806-0251</v>
          </cell>
          <cell r="L2524" t="str">
            <v>k_misaki@fujinetsusc.com</v>
          </cell>
          <cell r="M2524" t="str">
            <v>ﾌｼﾞﾈﾂｶﾞｸｻｰﾋﾞｽ</v>
          </cell>
          <cell r="N2524" t="str">
            <v>有</v>
          </cell>
          <cell r="O2524">
            <v>39</v>
          </cell>
          <cell r="P2524">
            <v>102</v>
          </cell>
          <cell r="Q2524">
            <v>8120001046980</v>
          </cell>
          <cell r="R2524">
            <v>96520</v>
          </cell>
          <cell r="S2524">
            <v>612499</v>
          </cell>
          <cell r="T2524">
            <v>2347652</v>
          </cell>
          <cell r="V2524" t="str">
            <v>gn327355</v>
          </cell>
          <cell r="W2524" t="str">
            <v>eo168918</v>
          </cell>
          <cell r="Y2524" t="str">
            <v>049，35，37，38，48，49，51，</v>
          </cell>
          <cell r="Z2524">
            <v>48</v>
          </cell>
          <cell r="AA2524">
            <v>51</v>
          </cell>
          <cell r="AB2524">
            <v>35</v>
          </cell>
          <cell r="AC2524">
            <v>49</v>
          </cell>
          <cell r="AD2524" t="str">
            <v/>
          </cell>
          <cell r="AE2524" t="str">
            <v>１；特殊機器（吸収式冷温水機）等、空調機器全メーカーのメンテナンスに精通している。２；受水槽・貯水槽・冷却塔等の清掃点検業務をメーカーを問わず行っている。３；空調設備機器等。三菱重工と代理店契約を結んでいる。４；消防設備全般の保守点検業務</v>
          </cell>
          <cell r="AF2524" t="str">
            <v>空調・給排水設備工事全般、空調・給排水設備の保守メンテナンス修理に特化しており、優秀な技術者を多数抱えております。</v>
          </cell>
        </row>
        <row r="2525">
          <cell r="B2525">
            <v>10951</v>
          </cell>
          <cell r="C2525" t="str">
            <v>(株)五星</v>
          </cell>
          <cell r="D2525" t="str">
            <v>078-891-4039</v>
          </cell>
          <cell r="E2525" t="str">
            <v>651-0084</v>
          </cell>
          <cell r="F2525" t="str">
            <v>兵庫県神戸市中央区磯辺通2-2-3</v>
          </cell>
          <cell r="G2525" t="str">
            <v>神戸市</v>
          </cell>
          <cell r="H2525" t="str">
            <v>神戸事務所</v>
          </cell>
          <cell r="I2525" t="str">
            <v>所長 田中　洋子</v>
          </cell>
          <cell r="J2525" t="str">
            <v>香川県三豊市</v>
          </cell>
          <cell r="K2525" t="str">
            <v>078-891-4059</v>
          </cell>
          <cell r="L2525" t="str">
            <v>kseigyo@mail.gosei.ne.jp</v>
          </cell>
          <cell r="M2525" t="str">
            <v>ｺﾞｾｲ</v>
          </cell>
          <cell r="N2525" t="str">
            <v>有</v>
          </cell>
          <cell r="O2525">
            <v>55</v>
          </cell>
          <cell r="P2525">
            <v>136</v>
          </cell>
          <cell r="Q2525">
            <v>3470001010238</v>
          </cell>
          <cell r="R2525">
            <v>48000</v>
          </cell>
          <cell r="S2525">
            <v>1040776</v>
          </cell>
          <cell r="T2525">
            <v>1908018</v>
          </cell>
          <cell r="V2525" t="str">
            <v>pw701024</v>
          </cell>
          <cell r="W2525" t="str">
            <v>hw178993</v>
          </cell>
          <cell r="Y2525" t="str">
            <v>57，58，</v>
          </cell>
          <cell r="Z2525">
            <v>58</v>
          </cell>
          <cell r="AA2525">
            <v>80</v>
          </cell>
          <cell r="AB2525">
            <v>57</v>
          </cell>
          <cell r="AC2525" t="str">
            <v/>
          </cell>
          <cell r="AD2525" t="str">
            <v/>
          </cell>
          <cell r="AE2525" t="str">
            <v>１；２；ＰＰＰ／ＰＦＩ事業関連業務、防災関連業務（ハザードマップ、避難所マニュアル、ＢＣＰ策定等）３；４；</v>
          </cell>
          <cell r="AF2525" t="str">
            <v>建設コンサルタント業務では、鋼構造物・道路・上下水道等の調査及び設計を得意としています。　システム系では当社が開発した汎用地理情報システム（ペンタアングル）をベースに固定資産・上下水道等の各種施設や下水道受益者負担金システムなどに連携した事務システムを構築致します。</v>
          </cell>
        </row>
        <row r="2526">
          <cell r="B2526">
            <v>10954</v>
          </cell>
          <cell r="C2526" t="str">
            <v>ユアサエムアンドビー(株)</v>
          </cell>
          <cell r="D2526" t="str">
            <v>06-6443-0111</v>
          </cell>
          <cell r="E2526" t="str">
            <v>530-6127</v>
          </cell>
          <cell r="F2526" t="str">
            <v>大阪府大阪市北区中之島3‐3‐23</v>
          </cell>
          <cell r="G2526" t="str">
            <v>大阪市</v>
          </cell>
          <cell r="H2526" t="str">
            <v/>
          </cell>
          <cell r="I2526" t="str">
            <v>代表取締役 松田　憲二</v>
          </cell>
          <cell r="J2526" t="str">
            <v>本店</v>
          </cell>
          <cell r="K2526" t="str">
            <v>06-6443-0116</v>
          </cell>
          <cell r="L2526" t="str">
            <v>info@yuasamxb.com</v>
          </cell>
          <cell r="M2526" t="str">
            <v>ﾕｱｻｴﾑｱﾝﾄﾞﾋﾞｰ</v>
          </cell>
          <cell r="N2526" t="str">
            <v>無</v>
          </cell>
          <cell r="O2526">
            <v>22</v>
          </cell>
          <cell r="P2526">
            <v>67</v>
          </cell>
          <cell r="Q2526">
            <v>4120002091502</v>
          </cell>
          <cell r="R2526">
            <v>50000</v>
          </cell>
          <cell r="S2526">
            <v>603388</v>
          </cell>
          <cell r="T2526">
            <v>5391560</v>
          </cell>
          <cell r="V2526" t="str">
            <v>vs206852</v>
          </cell>
          <cell r="W2526" t="str">
            <v>or163919</v>
          </cell>
          <cell r="Y2526" t="str">
            <v>47，</v>
          </cell>
          <cell r="Z2526">
            <v>80</v>
          </cell>
          <cell r="AA2526">
            <v>47</v>
          </cell>
          <cell r="AB2526" t="str">
            <v/>
          </cell>
          <cell r="AC2526" t="str">
            <v/>
          </cell>
          <cell r="AD2526" t="str">
            <v/>
          </cell>
          <cell r="AE2526" t="str">
            <v>１；産業用蓄電池、整流器、無停電電源装置、直流電源機器全般、発電機・変圧器　他２；蓄電池設備保守点検３；４；</v>
          </cell>
          <cell r="AF2526" t="str">
            <v>産業用蓄電池をはじめとして直流電源機器及び関連する機械器具全般の卸売販売が主。上記に関連するシステムインテグレーターを目指しています。</v>
          </cell>
        </row>
        <row r="2527">
          <cell r="B2527">
            <v>10956</v>
          </cell>
          <cell r="C2527" t="str">
            <v>(株)サン・エス</v>
          </cell>
          <cell r="D2527" t="str">
            <v>0742-34-6201</v>
          </cell>
          <cell r="E2527" t="str">
            <v>630-8001</v>
          </cell>
          <cell r="F2527" t="str">
            <v>奈良県奈良市法華寺町1273</v>
          </cell>
          <cell r="G2527" t="str">
            <v>奈良市</v>
          </cell>
          <cell r="H2527" t="str">
            <v/>
          </cell>
          <cell r="I2527" t="str">
            <v>代表取締役 長尾　英幸</v>
          </cell>
          <cell r="J2527" t="str">
            <v>本店</v>
          </cell>
          <cell r="K2527" t="str">
            <v>0742-34-6331</v>
          </cell>
          <cell r="L2527" t="str">
            <v>san-esu@e-sanesu.jp</v>
          </cell>
          <cell r="M2527" t="str">
            <v>ｻﾝｴｽ</v>
          </cell>
          <cell r="N2527" t="str">
            <v>無</v>
          </cell>
          <cell r="O2527">
            <v>34</v>
          </cell>
          <cell r="P2527">
            <v>13</v>
          </cell>
          <cell r="Q2527">
            <v>9150001000827</v>
          </cell>
          <cell r="R2527">
            <v>10000</v>
          </cell>
          <cell r="S2527">
            <v>-42208</v>
          </cell>
          <cell r="T2527">
            <v>65129</v>
          </cell>
          <cell r="V2527" t="str">
            <v>at814560</v>
          </cell>
          <cell r="W2527" t="str">
            <v>qu199586</v>
          </cell>
          <cell r="Y2527" t="str">
            <v>79，</v>
          </cell>
          <cell r="Z2527" t="str">
            <v/>
          </cell>
          <cell r="AA2527" t="str">
            <v/>
          </cell>
          <cell r="AB2527" t="str">
            <v/>
          </cell>
          <cell r="AC2527" t="str">
            <v/>
          </cell>
          <cell r="AD2527" t="str">
            <v/>
          </cell>
          <cell r="AE2527" t="str">
            <v>１；漏水調査・流量調査・水圧測定等２；３；４；</v>
          </cell>
          <cell r="AF2527" t="str">
            <v>目に見えない地中の漏水箇所を、熟練の技術者が最新の機器を用いて、的確に探し出します。</v>
          </cell>
        </row>
        <row r="2528">
          <cell r="B2528">
            <v>10958</v>
          </cell>
          <cell r="C2528" t="str">
            <v>フジ地中情報(株)</v>
          </cell>
          <cell r="D2528" t="str">
            <v>06-6305-6851</v>
          </cell>
          <cell r="E2528" t="str">
            <v>532-0011</v>
          </cell>
          <cell r="F2528" t="str">
            <v>大阪府大阪市淀川区西中島3-9-12</v>
          </cell>
          <cell r="G2528" t="str">
            <v>大阪市</v>
          </cell>
          <cell r="H2528" t="str">
            <v>大阪支店</v>
          </cell>
          <cell r="I2528" t="str">
            <v>支店長 関野　雄一</v>
          </cell>
          <cell r="J2528" t="str">
            <v>東京都</v>
          </cell>
          <cell r="K2528" t="str">
            <v>06-6305-6850</v>
          </cell>
          <cell r="L2528" t="str">
            <v>solution.fuji@fuji-si.co.jp</v>
          </cell>
          <cell r="M2528" t="str">
            <v>ﾌｼﾞﾁﾁｭｳｼﾞｮｳﾎｳ</v>
          </cell>
          <cell r="N2528" t="str">
            <v>有</v>
          </cell>
          <cell r="O2528">
            <v>46</v>
          </cell>
          <cell r="P2528">
            <v>603</v>
          </cell>
          <cell r="Q2528">
            <v>9010401086851</v>
          </cell>
          <cell r="R2528">
            <v>100000</v>
          </cell>
          <cell r="S2528">
            <v>946864</v>
          </cell>
          <cell r="T2528">
            <v>5468111</v>
          </cell>
          <cell r="V2528" t="str">
            <v>qg673429</v>
          </cell>
          <cell r="W2528" t="str">
            <v>ka196518</v>
          </cell>
          <cell r="Y2528" t="str">
            <v>57，61，79，</v>
          </cell>
          <cell r="Z2528">
            <v>79</v>
          </cell>
          <cell r="AA2528">
            <v>57</v>
          </cell>
          <cell r="AB2528">
            <v>61</v>
          </cell>
          <cell r="AC2528" t="str">
            <v/>
          </cell>
          <cell r="AD2528" t="str">
            <v/>
          </cell>
          <cell r="AE2528" t="str">
            <v>１；漏水調査２；データ構築業務、ＧＩＳ構築３；水道メーター検針、料金徴収・滞納整理業務、閉開栓業務、窓口業務４；</v>
          </cell>
          <cell r="AF2528" t="str">
            <v>弊社は全国の上下水道事業体の調査業務を主体に展開しており、（漏水調査、管路診断、空洞調査、マッピング等）平成１７年からは水道料金徴収業務に付帯する業務（アウトソージング）も展開しております。</v>
          </cell>
        </row>
        <row r="2529">
          <cell r="B2529">
            <v>10959</v>
          </cell>
          <cell r="C2529" t="str">
            <v>日東工営(株)</v>
          </cell>
          <cell r="D2529" t="str">
            <v>06-6260-0210</v>
          </cell>
          <cell r="E2529" t="str">
            <v>541-0052</v>
          </cell>
          <cell r="F2529" t="str">
            <v>大阪府大阪市中央区安土町1-7-3</v>
          </cell>
          <cell r="G2529" t="str">
            <v>大阪市</v>
          </cell>
          <cell r="H2529" t="str">
            <v>大阪支店</v>
          </cell>
          <cell r="I2529" t="str">
            <v>取締役　支店長 殿山　順</v>
          </cell>
          <cell r="J2529" t="str">
            <v>東京都</v>
          </cell>
          <cell r="K2529" t="str">
            <v>06-6260-0211</v>
          </cell>
          <cell r="L2529" t="str">
            <v>m.tazawa@nittohkoei.co.jp</v>
          </cell>
          <cell r="M2529" t="str">
            <v>ﾆｯﾄｳｺｳｴｲ</v>
          </cell>
          <cell r="N2529" t="str">
            <v>有</v>
          </cell>
          <cell r="O2529">
            <v>58</v>
          </cell>
          <cell r="P2529">
            <v>113</v>
          </cell>
          <cell r="Q2529">
            <v>3011101054807</v>
          </cell>
          <cell r="R2529">
            <v>60000</v>
          </cell>
          <cell r="S2529">
            <v>4509247</v>
          </cell>
          <cell r="T2529">
            <v>10462523</v>
          </cell>
          <cell r="V2529" t="str">
            <v>xb589016</v>
          </cell>
          <cell r="W2529" t="str">
            <v>pm127475</v>
          </cell>
          <cell r="Y2529" t="str">
            <v>44，</v>
          </cell>
          <cell r="Z2529">
            <v>44</v>
          </cell>
          <cell r="AA2529" t="str">
            <v/>
          </cell>
          <cell r="AB2529" t="str">
            <v/>
          </cell>
          <cell r="AC2529" t="str">
            <v/>
          </cell>
          <cell r="AD2529" t="str">
            <v/>
          </cell>
          <cell r="AE2529" t="str">
            <v>１；軽量鉄骨造プレハブハウス２；３；４；</v>
          </cell>
          <cell r="AF2529" t="str">
            <v>弊社は軽量鉄骨造プレハブハウスの販売・リースを得意としております。</v>
          </cell>
        </row>
        <row r="2530">
          <cell r="B2530">
            <v>10960</v>
          </cell>
          <cell r="C2530" t="str">
            <v>(株)大測システック</v>
          </cell>
          <cell r="D2530" t="str">
            <v>050-3821-7234</v>
          </cell>
          <cell r="E2530" t="str">
            <v>541-0052</v>
          </cell>
          <cell r="F2530" t="str">
            <v xml:space="preserve">大阪府大阪市中央区安土町1-7-13 </v>
          </cell>
          <cell r="G2530" t="str">
            <v>大阪市</v>
          </cell>
          <cell r="H2530" t="str">
            <v/>
          </cell>
          <cell r="I2530" t="str">
            <v>代表取締役 福岡　耕平</v>
          </cell>
          <cell r="J2530" t="str">
            <v>本店</v>
          </cell>
          <cell r="K2530" t="str">
            <v>06-6210-3152</v>
          </cell>
          <cell r="L2530" t="str">
            <v>info@osakasokki.com</v>
          </cell>
          <cell r="M2530" t="str">
            <v>ﾀﾞｲｿｸｼｽﾃｯｸ</v>
          </cell>
          <cell r="N2530" t="str">
            <v>無</v>
          </cell>
          <cell r="O2530">
            <v>10</v>
          </cell>
          <cell r="P2530">
            <v>5</v>
          </cell>
          <cell r="Q2530">
            <v>9140001030445</v>
          </cell>
          <cell r="R2530">
            <v>1000</v>
          </cell>
          <cell r="S2530">
            <v>875</v>
          </cell>
          <cell r="T2530">
            <v>39987</v>
          </cell>
          <cell r="V2530" t="str">
            <v>dg351854</v>
          </cell>
          <cell r="W2530" t="str">
            <v>tl189788</v>
          </cell>
          <cell r="Y2530" t="str">
            <v>38，41，42，</v>
          </cell>
          <cell r="Z2530">
            <v>41</v>
          </cell>
          <cell r="AA2530">
            <v>38</v>
          </cell>
          <cell r="AB2530">
            <v>42</v>
          </cell>
          <cell r="AC2530" t="str">
            <v/>
          </cell>
          <cell r="AD2530" t="str">
            <v/>
          </cell>
          <cell r="AE2530" t="str">
            <v>１；小笠原計器製作所、池田計器製作所、タイヨウ精密、東邦電探２；防災遠隔監視カメラシステム、遠隔監視防犯システム３；トプコン４；</v>
          </cell>
          <cell r="AF2530" t="str">
            <v>気象器械・環境計測機器の販売が中心ですが、機械設置工事、電気工事、メンテナンス工事を行っております。</v>
          </cell>
        </row>
        <row r="2531">
          <cell r="B2531">
            <v>10961</v>
          </cell>
          <cell r="C2531" t="str">
            <v>伊丹タイヤ商会</v>
          </cell>
          <cell r="D2531" t="str">
            <v>0797-86-3235</v>
          </cell>
          <cell r="E2531" t="str">
            <v>665-0867</v>
          </cell>
          <cell r="F2531" t="str">
            <v>兵庫県宝塚市売布東の町7-20</v>
          </cell>
          <cell r="G2531" t="str">
            <v>宝塚市</v>
          </cell>
          <cell r="H2531" t="str">
            <v/>
          </cell>
          <cell r="I2531" t="str">
            <v xml:space="preserve"> 城阪　嘉夫</v>
          </cell>
          <cell r="J2531" t="str">
            <v>本店</v>
          </cell>
          <cell r="K2531" t="str">
            <v>0797-86-3235</v>
          </cell>
          <cell r="L2531" t="str">
            <v/>
          </cell>
          <cell r="M2531" t="str">
            <v/>
          </cell>
          <cell r="N2531" t="str">
            <v>無</v>
          </cell>
          <cell r="O2531">
            <v>53</v>
          </cell>
          <cell r="P2531">
            <v>1</v>
          </cell>
          <cell r="Q2531" t="str">
            <v/>
          </cell>
          <cell r="R2531" t="str">
            <v/>
          </cell>
          <cell r="S2531" t="str">
            <v/>
          </cell>
          <cell r="T2531" t="str">
            <v/>
          </cell>
          <cell r="V2531" t="str">
            <v>fv184179</v>
          </cell>
          <cell r="W2531" t="str">
            <v>mg155915</v>
          </cell>
          <cell r="Y2531">
            <v>26</v>
          </cell>
          <cell r="Z2531">
            <v>26</v>
          </cell>
          <cell r="AA2531" t="str">
            <v/>
          </cell>
          <cell r="AB2531" t="str">
            <v/>
          </cell>
          <cell r="AC2531" t="str">
            <v/>
          </cell>
          <cell r="AD2531" t="str">
            <v/>
          </cell>
          <cell r="AE2531" t="str">
            <v>１；２；３；４；</v>
          </cell>
          <cell r="AF2531" t="str">
            <v/>
          </cell>
        </row>
        <row r="2532">
          <cell r="B2532">
            <v>10962</v>
          </cell>
          <cell r="C2532" t="str">
            <v>奥村機械(株)</v>
          </cell>
          <cell r="D2532" t="str">
            <v>06-6780-2033</v>
          </cell>
          <cell r="E2532" t="str">
            <v>570-8539</v>
          </cell>
          <cell r="F2532" t="str">
            <v>大阪府守口市佐太中町2-5-3</v>
          </cell>
          <cell r="G2532" t="str">
            <v>守口市</v>
          </cell>
          <cell r="H2532" t="str">
            <v/>
          </cell>
          <cell r="I2532" t="str">
            <v>代表取締役 奥村　弘幸</v>
          </cell>
          <cell r="J2532" t="str">
            <v>本店</v>
          </cell>
          <cell r="K2532" t="str">
            <v>06-6901-5214</v>
          </cell>
          <cell r="L2532" t="str">
            <v>tdoki@okumura-kikai.co.jp</v>
          </cell>
          <cell r="M2532" t="str">
            <v>ｵｸﾑﾗｷｶｲ</v>
          </cell>
          <cell r="N2532" t="str">
            <v>無</v>
          </cell>
          <cell r="O2532">
            <v>54</v>
          </cell>
          <cell r="P2532">
            <v>245</v>
          </cell>
          <cell r="Q2532">
            <v>1120001155391</v>
          </cell>
          <cell r="R2532">
            <v>340003</v>
          </cell>
          <cell r="S2532">
            <v>1982427</v>
          </cell>
          <cell r="T2532">
            <v>10793682</v>
          </cell>
          <cell r="V2532" t="str">
            <v>dx435738</v>
          </cell>
          <cell r="W2532" t="str">
            <v>gh189193</v>
          </cell>
          <cell r="Y2532" t="str">
            <v>38，40，44，63，</v>
          </cell>
          <cell r="Z2532">
            <v>40</v>
          </cell>
          <cell r="AA2532">
            <v>44</v>
          </cell>
          <cell r="AB2532">
            <v>63</v>
          </cell>
          <cell r="AC2532" t="str">
            <v/>
          </cell>
          <cell r="AD2532" t="str">
            <v/>
          </cell>
          <cell r="AE2532" t="str">
            <v>１；建設機械、器具、工具　工事用照明　トラック、ダンプカー（ヤンマー建機・日立建機・デンヨー）２；建設機械、器具、工具　工事用照明　トラック、ダンプカーなどの建機レンタル３；各種イベント　企画・運営・施工４；</v>
          </cell>
          <cell r="AF2532" t="str">
            <v>ショベルカー・発電機・投光機・ダンプ等の建設機械レンタル（短期・長期可能です）及び販売。イベント運営施工</v>
          </cell>
        </row>
        <row r="2533">
          <cell r="B2533">
            <v>10963</v>
          </cell>
          <cell r="C2533" t="str">
            <v>(株)小西印刷所</v>
          </cell>
          <cell r="D2533" t="str">
            <v>0798-33-0691</v>
          </cell>
          <cell r="E2533" t="str">
            <v>663-8225</v>
          </cell>
          <cell r="F2533" t="str">
            <v>兵庫県西宮市今津西浜町2-60</v>
          </cell>
          <cell r="G2533" t="str">
            <v>西宮市</v>
          </cell>
          <cell r="H2533" t="str">
            <v/>
          </cell>
          <cell r="I2533" t="str">
            <v>代表取締役社長 平井　勝四郎</v>
          </cell>
          <cell r="J2533" t="str">
            <v>本店</v>
          </cell>
          <cell r="K2533" t="str">
            <v>0798-35-1333</v>
          </cell>
          <cell r="L2533" t="str">
            <v>r.atarashi@konishi-p.co.jp</v>
          </cell>
          <cell r="M2533" t="str">
            <v>ｺﾆｼｲﾝｻﾂｼｮ</v>
          </cell>
          <cell r="N2533" t="str">
            <v>無</v>
          </cell>
          <cell r="O2533">
            <v>93</v>
          </cell>
          <cell r="P2533">
            <v>100</v>
          </cell>
          <cell r="Q2533">
            <v>1140001068781</v>
          </cell>
          <cell r="R2533">
            <v>60500</v>
          </cell>
          <cell r="S2533">
            <v>581455</v>
          </cell>
          <cell r="T2533">
            <v>2237180</v>
          </cell>
          <cell r="V2533" t="str">
            <v>dn225639</v>
          </cell>
          <cell r="W2533" t="str">
            <v>kn988689</v>
          </cell>
          <cell r="Y2533" t="str">
            <v>058，58，73，74，76，</v>
          </cell>
          <cell r="Z2533">
            <v>73</v>
          </cell>
          <cell r="AA2533">
            <v>76</v>
          </cell>
          <cell r="AB2533">
            <v>74</v>
          </cell>
          <cell r="AC2533">
            <v>58</v>
          </cell>
          <cell r="AD2533" t="str">
            <v/>
          </cell>
          <cell r="AE2533" t="str">
            <v>１；提案・デザインからご相談承ります。主に枚葉のオフ印刷を主体に行っております。２；シールやファイル印刷、オンデマンド印刷も行っております。３；コンピュータ用のフォーム印刷も承ります。４；ホームページ制作、データベース構築、ソフト開発など印刷だけにとどまらないサービスが可能です。</v>
          </cell>
          <cell r="AF2533" t="str">
            <v>大正１５年創業の当社はカタログ・パンフレット等一般商業印刷だけでなくウエブ関連も充実しております。また企画、開発から印刷、発送、受託サービスに至るまで、ワンストップによる業務体系を確立しております。</v>
          </cell>
        </row>
        <row r="2534">
          <cell r="B2534">
            <v>10966</v>
          </cell>
          <cell r="C2534" t="str">
            <v>東洋テック(株)</v>
          </cell>
          <cell r="D2534" t="str">
            <v>078-414-8451</v>
          </cell>
          <cell r="E2534" t="str">
            <v>658-0015</v>
          </cell>
          <cell r="F2534" t="str">
            <v>兵庫県神戸市東灘区本山南町8-6-26東神戸ｾﾝﾀｰﾋﾞﾙ6F</v>
          </cell>
          <cell r="G2534" t="str">
            <v>神戸市</v>
          </cell>
          <cell r="H2534" t="str">
            <v>神戸支社</v>
          </cell>
          <cell r="I2534" t="str">
            <v>執行役員支社長 高見　章人</v>
          </cell>
          <cell r="J2534" t="str">
            <v>大阪府大阪市</v>
          </cell>
          <cell r="K2534" t="str">
            <v>078-414-8458</v>
          </cell>
          <cell r="L2534" t="str">
            <v>takayuki.yamashita@toyo-tec.co.jp</v>
          </cell>
          <cell r="M2534" t="str">
            <v>ﾄｳﾖｳﾃｯｸ</v>
          </cell>
          <cell r="N2534" t="str">
            <v>有</v>
          </cell>
          <cell r="O2534">
            <v>52</v>
          </cell>
          <cell r="P2534">
            <v>1136</v>
          </cell>
          <cell r="Q2534">
            <v>8120001039200</v>
          </cell>
          <cell r="R2534">
            <v>4618000</v>
          </cell>
          <cell r="S2534">
            <v>19629322</v>
          </cell>
          <cell r="T2534">
            <v>15917727</v>
          </cell>
          <cell r="V2534" t="str">
            <v>pf644432</v>
          </cell>
          <cell r="W2534" t="str">
            <v>sx198768</v>
          </cell>
          <cell r="Y2534" t="str">
            <v>080，38，39，45，46，49，</v>
          </cell>
          <cell r="Z2534">
            <v>45</v>
          </cell>
          <cell r="AA2534">
            <v>38</v>
          </cell>
          <cell r="AB2534">
            <v>39</v>
          </cell>
          <cell r="AC2534">
            <v>80</v>
          </cell>
          <cell r="AD2534" t="str">
            <v/>
          </cell>
          <cell r="AE2534" t="str">
            <v>１；常駐警備、機械警備、雑踏警備、輸送警備、ＡＴＭ管理、コールセンター業務２；防犯カメラ、防犯録画クラウドカメラ、電気錠、入退室装置、勤怠管理、フォグガード、金庫、防犯フィルム、緊急地震速報、安否確認システム、登下校システム３；ＡＥＤ、防災備蓄品４；売上金回収サービス</v>
          </cell>
          <cell r="AF2534" t="str">
            <v>常駐警備業務・機械警備業務・輸送警備業務・雑踏警備業務・ＡＴＭ管理業務ビルメンテナンス業務をコア業務として位置付け行っている。防犯カメラ・防犯録画クラウドカメラ・入退室管理・勤怠間理・ＡＥＤ・防災備蓄品販売。売上金回収サービス。安否確認システム。コールセンター業務。</v>
          </cell>
        </row>
        <row r="2535">
          <cell r="B2535">
            <v>10967</v>
          </cell>
          <cell r="C2535" t="str">
            <v>(株)メディセオ</v>
          </cell>
          <cell r="D2535" t="str">
            <v>072-770-5591</v>
          </cell>
          <cell r="E2535" t="str">
            <v>664-0002</v>
          </cell>
          <cell r="F2535" t="str">
            <v>兵庫県伊丹市荻野6-56-1</v>
          </cell>
          <cell r="G2535" t="str">
            <v>伊丹市</v>
          </cell>
          <cell r="H2535" t="str">
            <v>伊丹</v>
          </cell>
          <cell r="I2535" t="str">
            <v>支店長 田邉　稔雄</v>
          </cell>
          <cell r="J2535" t="str">
            <v>東京都</v>
          </cell>
          <cell r="K2535" t="str">
            <v>072-770-9226</v>
          </cell>
          <cell r="L2535" t="str">
            <v>035556okano@mediceo-gp.com</v>
          </cell>
          <cell r="M2535" t="str">
            <v>ﾒﾃﾞｨｾｵ</v>
          </cell>
          <cell r="N2535" t="str">
            <v>有</v>
          </cell>
          <cell r="O2535">
            <v>14</v>
          </cell>
          <cell r="P2535">
            <v>8376</v>
          </cell>
          <cell r="Q2535">
            <v>5010001087238</v>
          </cell>
          <cell r="R2535">
            <v>100000</v>
          </cell>
          <cell r="S2535">
            <v>135416303</v>
          </cell>
          <cell r="T2535">
            <v>2013408354</v>
          </cell>
          <cell r="V2535" t="str">
            <v>zp916114</v>
          </cell>
          <cell r="W2535" t="str">
            <v>jv191917</v>
          </cell>
          <cell r="Y2535" t="str">
            <v>9，39，</v>
          </cell>
          <cell r="Z2535" t="str">
            <v/>
          </cell>
          <cell r="AA2535" t="str">
            <v/>
          </cell>
          <cell r="AB2535" t="str">
            <v/>
          </cell>
          <cell r="AC2535" t="str">
            <v/>
          </cell>
          <cell r="AD2535" t="str">
            <v/>
          </cell>
          <cell r="AE2535" t="str">
            <v>１；２；３；４；</v>
          </cell>
          <cell r="AF2535" t="str">
            <v>医薬品、試薬、医療機器等に関する総合卸売業</v>
          </cell>
        </row>
        <row r="2536">
          <cell r="B2536">
            <v>10968</v>
          </cell>
          <cell r="C2536" t="str">
            <v>(株)ジャパックス</v>
          </cell>
          <cell r="D2536" t="str">
            <v>078-862-1463</v>
          </cell>
          <cell r="E2536" t="str">
            <v>658-0015</v>
          </cell>
          <cell r="F2536" t="str">
            <v>兵庫県神戸市東灘区本山南町8-6-26</v>
          </cell>
          <cell r="G2536" t="str">
            <v>神戸市</v>
          </cell>
          <cell r="H2536" t="str">
            <v/>
          </cell>
          <cell r="I2536" t="str">
            <v>代表取締役 大塚　光二</v>
          </cell>
          <cell r="J2536" t="str">
            <v>本店</v>
          </cell>
          <cell r="K2536" t="str">
            <v>078-862-1464</v>
          </cell>
          <cell r="L2536" t="str">
            <v>jp@japax.org</v>
          </cell>
          <cell r="M2536" t="str">
            <v>ｼﾞｬﾊﾟｯｸｽ</v>
          </cell>
          <cell r="N2536" t="str">
            <v>無</v>
          </cell>
          <cell r="O2536">
            <v>38</v>
          </cell>
          <cell r="P2536">
            <v>56</v>
          </cell>
          <cell r="Q2536">
            <v>5140001007050</v>
          </cell>
          <cell r="R2536">
            <v>70000</v>
          </cell>
          <cell r="S2536">
            <v>441012</v>
          </cell>
          <cell r="T2536">
            <v>802007</v>
          </cell>
          <cell r="V2536" t="str">
            <v>vz584408</v>
          </cell>
          <cell r="W2536" t="str">
            <v>ql196133</v>
          </cell>
          <cell r="Y2536" t="str">
            <v>057，57，58，72，77，</v>
          </cell>
          <cell r="Z2536">
            <v>72</v>
          </cell>
          <cell r="AA2536">
            <v>77</v>
          </cell>
          <cell r="AB2536">
            <v>58</v>
          </cell>
          <cell r="AC2536">
            <v>57</v>
          </cell>
          <cell r="AD2536" t="str">
            <v/>
          </cell>
          <cell r="AE2536" t="str">
            <v>１；２；３；４；</v>
          </cell>
          <cell r="AF2536" t="str">
            <v>測量業務において、従来の観測方法ではなく、地上からの３次元レーザースキャナを使用して地形計測とドローンを使用した空中撮影で幅広い活用が見込める方法で多方面の業務で実績あり。</v>
          </cell>
        </row>
        <row r="2537">
          <cell r="B2537">
            <v>10969</v>
          </cell>
          <cell r="C2537" t="str">
            <v>鍵本産業株式会社</v>
          </cell>
          <cell r="D2537" t="str">
            <v>06-6323-0332</v>
          </cell>
          <cell r="E2537" t="str">
            <v>561-0845</v>
          </cell>
          <cell r="F2537" t="str">
            <v>大阪府豊中市利倉2丁目12番35号</v>
          </cell>
          <cell r="G2537" t="str">
            <v>豊中市</v>
          </cell>
          <cell r="H2537" t="str">
            <v/>
          </cell>
          <cell r="I2537" t="str">
            <v>代表取締役　 鍵本　政和</v>
          </cell>
          <cell r="J2537" t="str">
            <v>本店</v>
          </cell>
          <cell r="K2537" t="str">
            <v>06-6327-5426</v>
          </cell>
          <cell r="L2537" t="str">
            <v>toyonaka@kagimotosangyou.co.jp</v>
          </cell>
          <cell r="M2537" t="str">
            <v>ｶｷﾞﾓﾄｻﾝｷﾞﾖｳ</v>
          </cell>
          <cell r="N2537" t="str">
            <v>無</v>
          </cell>
          <cell r="O2537">
            <v>22</v>
          </cell>
          <cell r="P2537">
            <v>35</v>
          </cell>
          <cell r="Q2537">
            <v>1120901203292</v>
          </cell>
          <cell r="R2537">
            <v>10000</v>
          </cell>
          <cell r="S2537" t="str">
            <v/>
          </cell>
          <cell r="T2537">
            <v>480000</v>
          </cell>
          <cell r="V2537" t="str">
            <v>yh594515</v>
          </cell>
          <cell r="W2537" t="str">
            <v>sk193337</v>
          </cell>
          <cell r="Y2537" t="str">
            <v/>
          </cell>
          <cell r="Z2537" t="str">
            <v/>
          </cell>
          <cell r="AA2537" t="str">
            <v/>
          </cell>
          <cell r="AB2537" t="str">
            <v/>
          </cell>
          <cell r="AC2537" t="str">
            <v/>
          </cell>
          <cell r="AD2537" t="str">
            <v/>
          </cell>
          <cell r="AE2537" t="str">
            <v>１；２；６８　廃棄物処理３；６９　古物・廃品回収４；５４　建物清掃</v>
          </cell>
          <cell r="AF2537" t="str">
            <v>一般廃棄物及び産業廃棄物収集運搬処分</v>
          </cell>
        </row>
        <row r="2538">
          <cell r="B2538">
            <v>10972</v>
          </cell>
          <cell r="C2538" t="str">
            <v>日世冷暖サービス(株)</v>
          </cell>
          <cell r="D2538" t="str">
            <v>0798-66-6931</v>
          </cell>
          <cell r="E2538" t="str">
            <v>663-8013</v>
          </cell>
          <cell r="F2538" t="str">
            <v>兵庫県西宮市門前町11-4</v>
          </cell>
          <cell r="G2538" t="str">
            <v>西宮市</v>
          </cell>
          <cell r="H2538" t="str">
            <v/>
          </cell>
          <cell r="I2538" t="str">
            <v>代表取締役 増永　和則</v>
          </cell>
          <cell r="J2538" t="str">
            <v>本店</v>
          </cell>
          <cell r="K2538" t="str">
            <v>0798-66-6933</v>
          </cell>
          <cell r="L2538" t="str">
            <v>k-masunaga@nisseisan.co.jp</v>
          </cell>
          <cell r="M2538" t="str">
            <v>ﾆｯｾｲﾚｲﾀﾞﾝｻｰﾋﾞｽ</v>
          </cell>
          <cell r="N2538" t="str">
            <v>無</v>
          </cell>
          <cell r="O2538">
            <v>15</v>
          </cell>
          <cell r="P2538">
            <v>14</v>
          </cell>
          <cell r="Q2538">
            <v>3140001069761</v>
          </cell>
          <cell r="R2538">
            <v>10000</v>
          </cell>
          <cell r="S2538">
            <v>122022</v>
          </cell>
          <cell r="T2538">
            <v>300024</v>
          </cell>
          <cell r="V2538" t="str">
            <v>ec208933</v>
          </cell>
          <cell r="W2538" t="str">
            <v>sｒ199998</v>
          </cell>
          <cell r="Y2538" t="str">
            <v>48，</v>
          </cell>
          <cell r="Z2538" t="str">
            <v/>
          </cell>
          <cell r="AA2538" t="str">
            <v/>
          </cell>
          <cell r="AB2538" t="str">
            <v/>
          </cell>
          <cell r="AC2538" t="str">
            <v/>
          </cell>
          <cell r="AD2538" t="str">
            <v/>
          </cell>
          <cell r="AE2538" t="str">
            <v>１；空調機器の保守点検をメインに仕事をし、各市町村において実績もございます。２；３；４；</v>
          </cell>
          <cell r="AF2538" t="str">
            <v>会社設立以来、冷暖房保守管理に努めておりますが、空調設備等の配管工事にも力を注いでおります。</v>
          </cell>
        </row>
        <row r="2539">
          <cell r="B2539">
            <v>10975</v>
          </cell>
          <cell r="C2539" t="str">
            <v>(株)八州</v>
          </cell>
          <cell r="D2539" t="str">
            <v>079-222-6911</v>
          </cell>
          <cell r="E2539" t="str">
            <v>670-0955</v>
          </cell>
          <cell r="F2539" t="str">
            <v>兵庫県姫路市安田1-68-1</v>
          </cell>
          <cell r="G2539" t="str">
            <v>姫路市</v>
          </cell>
          <cell r="H2539" t="str">
            <v>姫路営業所</v>
          </cell>
          <cell r="I2539" t="str">
            <v>所長 高橋　貴美</v>
          </cell>
          <cell r="J2539" t="str">
            <v>東京都</v>
          </cell>
          <cell r="K2539" t="str">
            <v>079-222-6912</v>
          </cell>
          <cell r="L2539" t="str">
            <v>hskansai@hasshu.co.jp</v>
          </cell>
          <cell r="M2539" t="str">
            <v>ﾊｯｼｭｳ</v>
          </cell>
          <cell r="N2539" t="str">
            <v>有</v>
          </cell>
          <cell r="O2539">
            <v>71</v>
          </cell>
          <cell r="P2539">
            <v>265</v>
          </cell>
          <cell r="Q2539">
            <v>1010601035005</v>
          </cell>
          <cell r="R2539">
            <v>50000</v>
          </cell>
          <cell r="S2539">
            <v>1576610</v>
          </cell>
          <cell r="T2539">
            <v>3747467</v>
          </cell>
          <cell r="V2539" t="str">
            <v>va289510</v>
          </cell>
          <cell r="W2539" t="str">
            <v>ｒd193983</v>
          </cell>
          <cell r="Y2539" t="str">
            <v>079，57，58，72，79，</v>
          </cell>
          <cell r="Z2539">
            <v>58</v>
          </cell>
          <cell r="AA2539">
            <v>57</v>
          </cell>
          <cell r="AB2539">
            <v>72</v>
          </cell>
          <cell r="AC2539">
            <v>79</v>
          </cell>
          <cell r="AD2539" t="str">
            <v/>
          </cell>
          <cell r="AE2539" t="str">
            <v>１；地理情報システム（道路及び道路附属物、都市計画支援、上下水道、地籍管理、固定資産、公園等）２；地理情報の数値入力、調書作成、電算入力、計算等３；航空写真、地図作成、デジタルオルソ４；下水道管渠等ＴＶカメラ調査</v>
          </cell>
          <cell r="AF2539" t="str">
            <v>建設コンサルタント⇒都市計画及び地方計画、土地区画整理、宅地造成、道路、橋梁、河川砂防、一般構造物、上下水道、公園等　測量⇒航空測量、３Ｄ計測、モービルマッピング、ＶＲ、地理情報システム　補償コンサル業務⇒物件、営業、機械、工損、補償関連</v>
          </cell>
        </row>
        <row r="2540">
          <cell r="B2540">
            <v>10978</v>
          </cell>
          <cell r="C2540" t="str">
            <v>都市クリエイト(株)</v>
          </cell>
          <cell r="D2540" t="str">
            <v>078-925-6871</v>
          </cell>
          <cell r="E2540" t="str">
            <v>651-2148</v>
          </cell>
          <cell r="F2540" t="str">
            <v>兵庫県神戸市西区長畑町9-1</v>
          </cell>
          <cell r="G2540" t="str">
            <v>神戸市</v>
          </cell>
          <cell r="H2540" t="str">
            <v>神戸支店</v>
          </cell>
          <cell r="I2540" t="str">
            <v>支店長 深本　裕之</v>
          </cell>
          <cell r="J2540" t="str">
            <v>大阪府高槻市</v>
          </cell>
          <cell r="K2540" t="str">
            <v>078-925-6872</v>
          </cell>
          <cell r="L2540" t="str">
            <v>create-k@abelia.ocn.ne.jp</v>
          </cell>
          <cell r="M2540" t="str">
            <v>ﾄｼｸﾘｴｲﾄ</v>
          </cell>
          <cell r="N2540" t="str">
            <v>有</v>
          </cell>
          <cell r="O2540">
            <v>37</v>
          </cell>
          <cell r="P2540">
            <v>429</v>
          </cell>
          <cell r="Q2540">
            <v>8120901011563</v>
          </cell>
          <cell r="R2540">
            <v>75000</v>
          </cell>
          <cell r="S2540">
            <v>6607729</v>
          </cell>
          <cell r="T2540">
            <v>7645077</v>
          </cell>
          <cell r="V2540" t="str">
            <v>dz991452</v>
          </cell>
          <cell r="W2540" t="str">
            <v>za163335</v>
          </cell>
          <cell r="Y2540" t="str">
            <v>069，55，68，69，79，</v>
          </cell>
          <cell r="Z2540">
            <v>55</v>
          </cell>
          <cell r="AA2540">
            <v>79</v>
          </cell>
          <cell r="AB2540">
            <v>68</v>
          </cell>
          <cell r="AC2540">
            <v>69</v>
          </cell>
          <cell r="AD2540" t="str">
            <v/>
          </cell>
          <cell r="AE2540" t="str">
            <v>１；道路機械清掃作業（ロードスイーパー・散水車・ダンプトラック）を行います。２；ＴＶカメラ車を保有し、下水管渠等の調査を行い、その後管更生工事をしております。／水路及び下水管渠等清掃（高圧洗浄車・バキューム車使用）を行います。３；産業廃棄物収集運搬許可証を取得しており実績もあります。（４ｔダンプ・１０ｔダンプ保有）４；不用品買取（金属くず商・古物商）及び再資源物の収集・運搬・処理をしております。</v>
          </cell>
          <cell r="AF2540" t="str">
            <v>下水管ＴＶカメラ車を保有し、２００ｍｍ～２０００ｍｍまで調査可能です。道路清掃及び道路排水及び下水管渠等の清掃もできます。</v>
          </cell>
        </row>
        <row r="2541">
          <cell r="B2541">
            <v>10980</v>
          </cell>
          <cell r="C2541" t="str">
            <v>(株)松本コンサルタント</v>
          </cell>
          <cell r="D2541" t="str">
            <v>0797-85-3326</v>
          </cell>
          <cell r="E2541" t="str">
            <v>665-0841</v>
          </cell>
          <cell r="F2541" t="str">
            <v>兵庫県宝塚市御殿山3-20-8</v>
          </cell>
          <cell r="G2541" t="str">
            <v>宝塚市</v>
          </cell>
          <cell r="H2541" t="str">
            <v>宝塚支店</v>
          </cell>
          <cell r="I2541" t="str">
            <v>支店長 松本　光男</v>
          </cell>
          <cell r="J2541" t="str">
            <v>徳島県徳島市</v>
          </cell>
          <cell r="K2541" t="str">
            <v>0797-85-3327</v>
          </cell>
          <cell r="L2541" t="str">
            <v>kiwa@m-survey.co.jp</v>
          </cell>
          <cell r="M2541" t="str">
            <v>ﾏﾂﾓﾄｺﾝｻﾙﾀﾝﾄ</v>
          </cell>
          <cell r="N2541" t="str">
            <v>有</v>
          </cell>
          <cell r="O2541">
            <v>47</v>
          </cell>
          <cell r="P2541">
            <v>188</v>
          </cell>
          <cell r="Q2541">
            <v>4480001002274</v>
          </cell>
          <cell r="R2541">
            <v>10000</v>
          </cell>
          <cell r="S2541">
            <v>1613150</v>
          </cell>
          <cell r="T2541">
            <v>2251882</v>
          </cell>
          <cell r="V2541" t="str">
            <v>yc167482</v>
          </cell>
          <cell r="W2541" t="str">
            <v>sb165399</v>
          </cell>
          <cell r="Y2541" t="str">
            <v>36，42，44，57，58，</v>
          </cell>
          <cell r="Z2541">
            <v>58</v>
          </cell>
          <cell r="AA2541">
            <v>57</v>
          </cell>
          <cell r="AB2541">
            <v>36</v>
          </cell>
          <cell r="AC2541" t="str">
            <v/>
          </cell>
          <cell r="AD2541" t="str">
            <v>パソコン（富士通・ＤＥＬＬ）、プリンタ（エプソン・キャノン）　自社開発ソフト</v>
          </cell>
          <cell r="AE2541" t="str">
            <v>１；地籍調査に関するソフトウェアの開発２；地図情報処理及びデータ入力等３；パソコン及び周辺機器の販売４；</v>
          </cell>
          <cell r="AF2541" t="str">
            <v>創業以来47年にわたり地籍調査に取組み常に先進測量技術を追求しながら数多くの経験と実績を築き又計画・準備段階からGPS技術による測量・異動更新・将来を見据えた利活用を約束するGISシステムの構築まで地籍のトータルコンサルタントとして有効かつ総合的な提案を心がけています。</v>
          </cell>
        </row>
        <row r="2542">
          <cell r="B2542">
            <v>10981</v>
          </cell>
          <cell r="C2542" t="str">
            <v>小林クリエイト(株)</v>
          </cell>
          <cell r="D2542" t="str">
            <v>06-4708-5540</v>
          </cell>
          <cell r="E2542" t="str">
            <v>541-0046</v>
          </cell>
          <cell r="F2542" t="str">
            <v>大阪府大阪市中央区平野町2-6-6</v>
          </cell>
          <cell r="G2542" t="str">
            <v>大阪市</v>
          </cell>
          <cell r="H2542" t="str">
            <v>大阪営業部</v>
          </cell>
          <cell r="I2542" t="str">
            <v>部長 山本　祥二</v>
          </cell>
          <cell r="J2542" t="str">
            <v>愛知県刈谷市</v>
          </cell>
          <cell r="K2542" t="str">
            <v>06-4780-5660</v>
          </cell>
          <cell r="L2542" t="str">
            <v/>
          </cell>
          <cell r="M2542" t="str">
            <v>ｺﾊﾞﾔｼｸﾘｴｲﾄ</v>
          </cell>
          <cell r="N2542" t="str">
            <v>有</v>
          </cell>
          <cell r="O2542">
            <v>81</v>
          </cell>
          <cell r="P2542">
            <v>1101</v>
          </cell>
          <cell r="Q2542">
            <v>5180301013959</v>
          </cell>
          <cell r="R2542">
            <v>450000</v>
          </cell>
          <cell r="S2542">
            <v>3806147</v>
          </cell>
          <cell r="T2542">
            <v>39023463</v>
          </cell>
          <cell r="V2542" t="str">
            <v>ws760835</v>
          </cell>
          <cell r="W2542" t="str">
            <v>kn163659</v>
          </cell>
          <cell r="Y2542" t="str">
            <v>080，57，74，76，</v>
          </cell>
          <cell r="Z2542">
            <v>74</v>
          </cell>
          <cell r="AA2542">
            <v>76</v>
          </cell>
          <cell r="AB2542">
            <v>57</v>
          </cell>
          <cell r="AC2542">
            <v>80</v>
          </cell>
          <cell r="AD2542" t="str">
            <v/>
          </cell>
          <cell r="AE2542" t="str">
            <v>１；納品書・督促状・催告書・改ざん防止用紙２；印鑑登録カード・磁気カード・ＩＣカード・ラベル印刷３；帳票出力受託・事後処理等４；計測記録紙・ハンディターミナル用検針票・封入封緘業務</v>
          </cell>
          <cell r="AF2542" t="str">
            <v>昭和１２年に開発した国内初の計測用記録紙の製造を始め、ビジネスフォーム・ラベル・各種カードの製造・販売から帳票へのデータプリント・封入封緘処理の受託を行っております。</v>
          </cell>
        </row>
        <row r="2543">
          <cell r="B2543">
            <v>10983</v>
          </cell>
          <cell r="C2543" t="str">
            <v>(株)甲南保険センター</v>
          </cell>
          <cell r="D2543" t="str">
            <v>06-6441-0800</v>
          </cell>
          <cell r="E2543" t="str">
            <v>550-0002</v>
          </cell>
          <cell r="F2543" t="str">
            <v>大阪府大阪市西区江戸堀1-10-8 ﾊﾟｼﾌｨｯｸﾏｰｸｽ肥後橋</v>
          </cell>
          <cell r="G2543" t="str">
            <v>大阪市</v>
          </cell>
          <cell r="H2543" t="str">
            <v/>
          </cell>
          <cell r="I2543" t="str">
            <v>代表取締役　 武田　一男</v>
          </cell>
          <cell r="J2543" t="str">
            <v>本店</v>
          </cell>
          <cell r="K2543" t="str">
            <v>06-6441-0972</v>
          </cell>
          <cell r="L2543" t="str">
            <v>naito-o@konan-ins.co.jp</v>
          </cell>
          <cell r="M2543" t="str">
            <v>ｺｳﾅﾝﾎｹﾝｾﾝﾀ-</v>
          </cell>
          <cell r="N2543" t="str">
            <v>無</v>
          </cell>
          <cell r="O2543">
            <v>71</v>
          </cell>
          <cell r="P2543">
            <v>41</v>
          </cell>
          <cell r="Q2543">
            <v>7120000000000</v>
          </cell>
          <cell r="R2543">
            <v>40800</v>
          </cell>
          <cell r="S2543">
            <v>296316</v>
          </cell>
          <cell r="T2543">
            <v>525799</v>
          </cell>
          <cell r="V2543" t="str">
            <v>yg939185</v>
          </cell>
          <cell r="W2543" t="str">
            <v>wx157957</v>
          </cell>
          <cell r="Y2543">
            <v>80</v>
          </cell>
          <cell r="Z2543" t="str">
            <v/>
          </cell>
          <cell r="AA2543" t="str">
            <v/>
          </cell>
          <cell r="AB2543" t="str">
            <v/>
          </cell>
          <cell r="AC2543" t="str">
            <v/>
          </cell>
          <cell r="AD2543" t="str">
            <v/>
          </cell>
          <cell r="AE2543" t="str">
            <v>１；２；損害保険３；４；</v>
          </cell>
          <cell r="AF2543" t="str">
            <v>独立代理店として約２０社の保険会社及び各種共済の契約締結をもっており、経済的かつ担保範囲の広い保険をプロデュースして提案します。</v>
          </cell>
        </row>
        <row r="2544">
          <cell r="B2544">
            <v>10985</v>
          </cell>
          <cell r="C2544" t="str">
            <v>(株)雄工舎</v>
          </cell>
          <cell r="D2544" t="str">
            <v>06-6971-1544</v>
          </cell>
          <cell r="E2544" t="str">
            <v>537-0024</v>
          </cell>
          <cell r="F2544" t="str">
            <v>大阪府大阪市東成区東小橋2-1-1</v>
          </cell>
          <cell r="G2544" t="str">
            <v>大阪市</v>
          </cell>
          <cell r="H2544" t="str">
            <v/>
          </cell>
          <cell r="I2544" t="str">
            <v>代表取締役 齊藤　正文</v>
          </cell>
          <cell r="J2544" t="str">
            <v>本店</v>
          </cell>
          <cell r="K2544" t="str">
            <v>06-6971-4530</v>
          </cell>
          <cell r="L2544" t="str">
            <v>webmaster@yukosha.org</v>
          </cell>
          <cell r="M2544" t="str">
            <v>ﾕｳｺｳｼｬ</v>
          </cell>
          <cell r="N2544" t="str">
            <v>無</v>
          </cell>
          <cell r="O2544">
            <v>56</v>
          </cell>
          <cell r="P2544">
            <v>6</v>
          </cell>
          <cell r="Q2544">
            <v>3120001013936</v>
          </cell>
          <cell r="R2544">
            <v>20000</v>
          </cell>
          <cell r="S2544">
            <v>-29172</v>
          </cell>
          <cell r="T2544">
            <v>96602</v>
          </cell>
          <cell r="V2544" t="str">
            <v>qs540199</v>
          </cell>
          <cell r="W2544" t="str">
            <v>ii199776</v>
          </cell>
          <cell r="Y2544" t="str">
            <v>04，47，50，</v>
          </cell>
          <cell r="Z2544">
            <v>4</v>
          </cell>
          <cell r="AA2544">
            <v>80</v>
          </cell>
          <cell r="AB2544">
            <v>50</v>
          </cell>
          <cell r="AC2544" t="str">
            <v/>
          </cell>
          <cell r="AD2544" t="str">
            <v/>
          </cell>
          <cell r="AE2544" t="str">
            <v>１；時計　セイコー２；設備時計・スポーツ計時機器　セイコー３；設備時計・放送設備の保守４；</v>
          </cell>
          <cell r="AF2544" t="str">
            <v>セイコー設備時計、公共用屋内外時計、太陽電池時計、スポーツ計時機器・塔時計・花時計等、各種時計の販売並びにアフターサービス等に努めております。</v>
          </cell>
        </row>
        <row r="2545">
          <cell r="B2545">
            <v>10986</v>
          </cell>
          <cell r="C2545" t="str">
            <v>コンピューター・サプライ(株)</v>
          </cell>
          <cell r="D2545" t="str">
            <v>072-833-3882</v>
          </cell>
          <cell r="E2545" t="str">
            <v>573-0065</v>
          </cell>
          <cell r="F2545" t="str">
            <v>大阪府枚方市出口2-38-8</v>
          </cell>
          <cell r="G2545" t="str">
            <v>枚方市</v>
          </cell>
          <cell r="H2545" t="str">
            <v/>
          </cell>
          <cell r="I2545" t="str">
            <v>代表取締役 小林　数正</v>
          </cell>
          <cell r="J2545" t="str">
            <v>本店</v>
          </cell>
          <cell r="K2545" t="str">
            <v>072-833-3246</v>
          </cell>
          <cell r="L2545" t="str">
            <v>c-s@abeam.ocn.ne.jp</v>
          </cell>
          <cell r="M2545" t="str">
            <v>ｺﾝﾋﾟｭｰﾀｰ･ｻﾌﾟﾗｲ</v>
          </cell>
          <cell r="N2545" t="str">
            <v>無</v>
          </cell>
          <cell r="O2545">
            <v>45</v>
          </cell>
          <cell r="P2545">
            <v>19</v>
          </cell>
          <cell r="Q2545">
            <v>6120001149570</v>
          </cell>
          <cell r="R2545">
            <v>30000</v>
          </cell>
          <cell r="S2545">
            <v>104048</v>
          </cell>
          <cell r="T2545">
            <v>376773</v>
          </cell>
          <cell r="V2545" t="str">
            <v>js360854</v>
          </cell>
          <cell r="W2545" t="str">
            <v>xb199193</v>
          </cell>
          <cell r="Y2545" t="str">
            <v>57，74，</v>
          </cell>
          <cell r="Z2545">
            <v>74</v>
          </cell>
          <cell r="AA2545">
            <v>80</v>
          </cell>
          <cell r="AB2545">
            <v>57</v>
          </cell>
          <cell r="AC2545" t="str">
            <v/>
          </cell>
          <cell r="AD2545" t="str">
            <v/>
          </cell>
          <cell r="AE2545" t="str">
            <v>１；２；３；４；</v>
          </cell>
          <cell r="AF2545" t="str">
            <v>通知書の封入封緘、はがき圧着等、データ帳票の作成、事後処理を行っております。また、コンビニ対応納付書（マルチブッキングインサーター処理）の封入封緘が可能です。</v>
          </cell>
        </row>
        <row r="2546">
          <cell r="B2546">
            <v>10987</v>
          </cell>
          <cell r="C2546" t="str">
            <v>本町化学工業(株)</v>
          </cell>
          <cell r="D2546" t="str">
            <v>06-6150-5550</v>
          </cell>
          <cell r="E2546" t="str">
            <v>532-0003</v>
          </cell>
          <cell r="F2546" t="str">
            <v>大阪府大阪市淀川区宮原4‐3‐12</v>
          </cell>
          <cell r="G2546" t="str">
            <v>大阪市</v>
          </cell>
          <cell r="H2546" t="str">
            <v>大阪支店</v>
          </cell>
          <cell r="I2546" t="str">
            <v>支店長 高橋　一広</v>
          </cell>
          <cell r="J2546" t="str">
            <v>東京都</v>
          </cell>
          <cell r="K2546" t="str">
            <v>06-6150-5551</v>
          </cell>
          <cell r="L2546" t="str">
            <v>h-takasao@honcho.co.jp</v>
          </cell>
          <cell r="M2546" t="str">
            <v>ﾎﾝﾁｮｳｶｶﾞｸｺｳｷﾞｮｳ</v>
          </cell>
          <cell r="N2546" t="str">
            <v>有</v>
          </cell>
          <cell r="O2546">
            <v>64</v>
          </cell>
          <cell r="P2546">
            <v>75</v>
          </cell>
          <cell r="Q2546">
            <v>3011801011909</v>
          </cell>
          <cell r="R2546">
            <v>97500</v>
          </cell>
          <cell r="S2546">
            <v>11766871</v>
          </cell>
          <cell r="T2546">
            <v>24695587</v>
          </cell>
          <cell r="V2546" t="str">
            <v>ms579348</v>
          </cell>
          <cell r="W2546" t="str">
            <v>ii198339</v>
          </cell>
          <cell r="Y2546" t="str">
            <v>10，</v>
          </cell>
          <cell r="Z2546">
            <v>10</v>
          </cell>
          <cell r="AA2546" t="str">
            <v/>
          </cell>
          <cell r="AB2546" t="str">
            <v/>
          </cell>
          <cell r="AC2546" t="str">
            <v/>
          </cell>
          <cell r="AD2546" t="str">
            <v/>
          </cell>
          <cell r="AE2546" t="str">
            <v>１；毒物劇物一般販売業登録票（オーダー）２；３；４；</v>
          </cell>
          <cell r="AF2546" t="str">
            <v>水処理に使用する工業薬品及び活性炭等の商品を取り扱い、次亜塩素酸ソーダの自社商品の小分け薬品、自社ローリー車による納品等、トータルで水処理に係る製品を提案致します。</v>
          </cell>
        </row>
        <row r="2547">
          <cell r="B2547">
            <v>10989</v>
          </cell>
          <cell r="C2547" t="str">
            <v>(株)日本保健衛生協会</v>
          </cell>
          <cell r="D2547" t="str">
            <v>06-6387-1515</v>
          </cell>
          <cell r="E2547" t="str">
            <v>564-0036</v>
          </cell>
          <cell r="F2547" t="str">
            <v>大阪府吹田市垂水町1-40-2</v>
          </cell>
          <cell r="G2547" t="str">
            <v>吹田市</v>
          </cell>
          <cell r="H2547" t="str">
            <v/>
          </cell>
          <cell r="I2547" t="str">
            <v>代表取締役 宮里　唯子</v>
          </cell>
          <cell r="J2547" t="str">
            <v>本店</v>
          </cell>
          <cell r="K2547" t="str">
            <v>06-6387-1516</v>
          </cell>
          <cell r="L2547" t="str">
            <v>ura@sanipro.co.jp</v>
          </cell>
          <cell r="M2547" t="str">
            <v>ﾆﾎﾝﾎｹﾝｴｲｾｲｷｮｳｶｲ</v>
          </cell>
          <cell r="N2547" t="str">
            <v>無</v>
          </cell>
          <cell r="O2547">
            <v>54</v>
          </cell>
          <cell r="P2547">
            <v>32</v>
          </cell>
          <cell r="Q2547">
            <v>2120901007914</v>
          </cell>
          <cell r="R2547">
            <v>10000</v>
          </cell>
          <cell r="S2547">
            <v>10000</v>
          </cell>
          <cell r="T2547">
            <v>869335</v>
          </cell>
          <cell r="V2547" t="str">
            <v>dz990316</v>
          </cell>
          <cell r="W2547" t="str">
            <v>rd198116</v>
          </cell>
          <cell r="Y2547" t="str">
            <v>52，54，</v>
          </cell>
          <cell r="Z2547">
            <v>80</v>
          </cell>
          <cell r="AA2547">
            <v>54</v>
          </cell>
          <cell r="AB2547" t="str">
            <v/>
          </cell>
          <cell r="AC2547" t="str">
            <v/>
          </cell>
          <cell r="AD2547" t="str">
            <v/>
          </cell>
          <cell r="AE2547" t="str">
            <v>１；石綿調査・分析・測定、作業環境測定、空気環境測定２；病院清掃３；４；</v>
          </cell>
          <cell r="AF2547" t="str">
            <v>石綿調査・分析・測定、作業環境測定、空気環境測定、病院清掃</v>
          </cell>
        </row>
        <row r="2548">
          <cell r="B2548">
            <v>10990</v>
          </cell>
          <cell r="C2548" t="str">
            <v>西菱電機(株)</v>
          </cell>
          <cell r="D2548" t="str">
            <v>06-4797-7601</v>
          </cell>
          <cell r="E2548" t="str">
            <v>530-0004</v>
          </cell>
          <cell r="F2548" t="str">
            <v>大阪府大阪市北区堂島浜2-2-8</v>
          </cell>
          <cell r="G2548" t="str">
            <v>大阪市</v>
          </cell>
          <cell r="H2548" t="str">
            <v>大阪支社</v>
          </cell>
          <cell r="I2548" t="str">
            <v>支社長 川端　真史</v>
          </cell>
          <cell r="J2548" t="str">
            <v>兵庫県伊丹市</v>
          </cell>
          <cell r="K2548" t="str">
            <v>06-4797-7633</v>
          </cell>
          <cell r="L2548" t="str">
            <v>e-nyusatsu@seiryodenki.co.jp</v>
          </cell>
          <cell r="M2548" t="str">
            <v>ｾｲﾘｮｳﾃﾞﾝｷ</v>
          </cell>
          <cell r="N2548" t="str">
            <v>有</v>
          </cell>
          <cell r="O2548">
            <v>44</v>
          </cell>
          <cell r="P2548">
            <v>420</v>
          </cell>
          <cell r="Q2548">
            <v>1140001078509</v>
          </cell>
          <cell r="R2548">
            <v>523018</v>
          </cell>
          <cell r="S2548">
            <v>4759651</v>
          </cell>
          <cell r="T2548" t="str">
            <v/>
          </cell>
          <cell r="V2548" t="str">
            <v>hd380475</v>
          </cell>
          <cell r="W2548" t="str">
            <v>ie197158</v>
          </cell>
          <cell r="Y2548" t="str">
            <v>050，36，41，42，50，58，63，64，</v>
          </cell>
          <cell r="Z2548">
            <v>36</v>
          </cell>
          <cell r="AA2548">
            <v>42</v>
          </cell>
          <cell r="AB2548">
            <v>58</v>
          </cell>
          <cell r="AC2548">
            <v>50</v>
          </cell>
          <cell r="AD2548" t="str">
            <v/>
          </cell>
          <cell r="AE2548" t="str">
            <v>１；無線機（ＭＣＡ・ＩＰ・防災・消防・簡易）、テレメータ設備、クラウド監視通報端末、道路／冠水情報表示板、映像設備（監視カメラ・大型表示装置・ＤＬＰ）等に実績があります。２；雨量・水位計他、気象観測装置の納入実績があります。３；クラウドサーバを利用した監視通報システムの開発が可能です。４；２４時間保守センターを有しており、無線・テレメータ・映像システム等の保守実績があります。</v>
          </cell>
          <cell r="AF2548" t="str">
            <v>伊丹市に本社を置く地元業者です。　主に、電気通信及び情報通信設備における、システム設計から工事・保守・　修繕等自社にて一貫したサービスの提供が可能です。　官公庁向元請実績を多数保有しています。</v>
          </cell>
        </row>
        <row r="2549">
          <cell r="B2549">
            <v>10991</v>
          </cell>
          <cell r="C2549" t="str">
            <v>(株)クボタ</v>
          </cell>
          <cell r="D2549" t="str">
            <v>06-6648-2111</v>
          </cell>
          <cell r="E2549" t="str">
            <v>556-8601</v>
          </cell>
          <cell r="F2549" t="str">
            <v>大阪府大阪市浪速区敷津東1ｰ2ｰ47</v>
          </cell>
          <cell r="G2549" t="str">
            <v>大阪市</v>
          </cell>
          <cell r="H2549" t="str">
            <v/>
          </cell>
          <cell r="I2549" t="str">
            <v>代表取締役 北尾　裕一</v>
          </cell>
          <cell r="J2549" t="str">
            <v>本店</v>
          </cell>
          <cell r="K2549" t="str">
            <v>06-6648-3862</v>
          </cell>
          <cell r="L2549" t="str">
            <v>kbt_g.ny-01@kubota.com</v>
          </cell>
          <cell r="M2549" t="str">
            <v>ｸﾎﾞﾀ</v>
          </cell>
          <cell r="N2549" t="str">
            <v>無</v>
          </cell>
          <cell r="O2549">
            <v>65</v>
          </cell>
          <cell r="P2549">
            <v>11478</v>
          </cell>
          <cell r="Q2549">
            <v>1120001037978</v>
          </cell>
          <cell r="R2549">
            <v>84100384</v>
          </cell>
          <cell r="S2549">
            <v>619055000</v>
          </cell>
          <cell r="T2549">
            <v>1751535000</v>
          </cell>
          <cell r="V2549" t="str">
            <v>xv423794</v>
          </cell>
          <cell r="W2549" t="str">
            <v>mt197889</v>
          </cell>
          <cell r="Y2549" t="str">
            <v>24，33，40，43，79，</v>
          </cell>
          <cell r="Z2549">
            <v>33</v>
          </cell>
          <cell r="AA2549">
            <v>43</v>
          </cell>
          <cell r="AB2549">
            <v>79</v>
          </cell>
          <cell r="AC2549" t="str">
            <v/>
          </cell>
          <cell r="AD2549" t="str">
            <v/>
          </cell>
          <cell r="AE2549" t="str">
            <v>１；ダクタイル鋳鉄管・弁類・ポンプ等の水道用資機材・ダクタイル鋳鉄管工事の調査設計施工２；ダクタイル鋳鉄管・弁類・ポンプ等の水道用資機材３；管体調査４；</v>
          </cell>
          <cell r="AF2549" t="str">
            <v>建設工事では、ポンプ場・浄水場・下水処理場におけるプラント機械設備（ポンプ、配管弁類、水処理機械等）工事を希望します。また、ポンプ・排水ポンプ車、弁類の販売、弁類の保守点検整備業務委託を希望します。</v>
          </cell>
        </row>
        <row r="2550">
          <cell r="B2550">
            <v>10996</v>
          </cell>
          <cell r="C2550" t="str">
            <v>野崎印刷所</v>
          </cell>
          <cell r="D2550" t="str">
            <v>072-778-0204</v>
          </cell>
          <cell r="E2550" t="str">
            <v>664-0006</v>
          </cell>
          <cell r="F2550" t="str">
            <v>兵庫県伊丹市鴻池2-12-12 B-1004</v>
          </cell>
          <cell r="G2550" t="str">
            <v>伊丹市</v>
          </cell>
          <cell r="H2550" t="str">
            <v/>
          </cell>
          <cell r="I2550" t="str">
            <v xml:space="preserve"> 野崎　勇美</v>
          </cell>
          <cell r="J2550" t="str">
            <v>本店</v>
          </cell>
          <cell r="K2550" t="str">
            <v>072-778-1456</v>
          </cell>
          <cell r="L2550" t="str">
            <v>i-nozaki@poporo.ne.jp</v>
          </cell>
          <cell r="M2550" t="str">
            <v>ﾉｻﾞｷｲﾝｻﾂｼｮ</v>
          </cell>
          <cell r="N2550" t="str">
            <v>無</v>
          </cell>
          <cell r="O2550">
            <v>48</v>
          </cell>
          <cell r="P2550">
            <v>1</v>
          </cell>
          <cell r="Q2550" t="str">
            <v/>
          </cell>
          <cell r="R2550">
            <v>0</v>
          </cell>
          <cell r="S2550">
            <v>0</v>
          </cell>
          <cell r="T2550">
            <v>6510</v>
          </cell>
          <cell r="V2550" t="str">
            <v>kv888396</v>
          </cell>
          <cell r="W2550" t="str">
            <v>qｒ197999</v>
          </cell>
          <cell r="Y2550" t="str">
            <v>73，</v>
          </cell>
          <cell r="Z2550" t="str">
            <v/>
          </cell>
          <cell r="AA2550" t="str">
            <v/>
          </cell>
          <cell r="AB2550" t="str">
            <v/>
          </cell>
          <cell r="AC2550" t="str">
            <v/>
          </cell>
          <cell r="AD2550" t="str">
            <v/>
          </cell>
          <cell r="AE2550" t="str">
            <v>１；冊子類２；３；４；</v>
          </cell>
          <cell r="AF2550" t="str">
            <v/>
          </cell>
        </row>
        <row r="2551">
          <cell r="B2551">
            <v>10997</v>
          </cell>
          <cell r="C2551" t="str">
            <v>(有)姫路こどものとも社</v>
          </cell>
          <cell r="D2551" t="str">
            <v>078-975-1383</v>
          </cell>
          <cell r="E2551" t="str">
            <v>651-2116</v>
          </cell>
          <cell r="F2551" t="str">
            <v>兵庫県神戸市西区南別府4-263-68</v>
          </cell>
          <cell r="G2551" t="str">
            <v>神戸市</v>
          </cell>
          <cell r="H2551" t="str">
            <v>神戸店</v>
          </cell>
          <cell r="I2551" t="str">
            <v>店長 國生　浩史</v>
          </cell>
          <cell r="J2551" t="str">
            <v>兵庫県姫路市</v>
          </cell>
          <cell r="K2551" t="str">
            <v>078-975-1389</v>
          </cell>
          <cell r="L2551" t="str">
            <v>himetomo@clock.ocn.ne.jp</v>
          </cell>
          <cell r="M2551" t="str">
            <v>ﾋﾒｼﾞｺﾄﾞﾓﾉﾄﾓｼｬ</v>
          </cell>
          <cell r="N2551" t="str">
            <v>有</v>
          </cell>
          <cell r="O2551">
            <v>42</v>
          </cell>
          <cell r="P2551">
            <v>16</v>
          </cell>
          <cell r="Q2551">
            <v>7140002050312</v>
          </cell>
          <cell r="R2551">
            <v>5000</v>
          </cell>
          <cell r="S2551">
            <v>150238</v>
          </cell>
          <cell r="T2551">
            <v>579591</v>
          </cell>
          <cell r="V2551" t="str">
            <v>yr490502</v>
          </cell>
          <cell r="W2551" t="str">
            <v>bｒ155857</v>
          </cell>
          <cell r="Y2551" t="str">
            <v>014，02，05，9，12，13，14，17，20，21，27，37，38，</v>
          </cell>
          <cell r="Z2551">
            <v>13</v>
          </cell>
          <cell r="AA2551">
            <v>17</v>
          </cell>
          <cell r="AB2551">
            <v>12</v>
          </cell>
          <cell r="AC2551">
            <v>14</v>
          </cell>
          <cell r="AD2551" t="str">
            <v/>
          </cell>
          <cell r="AE2551" t="str">
            <v>１；（代）福音館書店・偕成社・童心社・ポプラ社・エイデル研究所・ほるぷ出版・ＰＨＰ研究所・出版社全般他２；アトリエニキティキ・ブラザージョルダン・レディーバード３；マスセット・ワイズ・サクラクレパス４；ぺんてる・サクラクレパス・コクヨ・ナカバヤシ・エコーマインド</v>
          </cell>
          <cell r="AF2551" t="str">
            <v>兵庫県全域における幼稚園、保育園、こども園への絵本・ヨーロッパ玩具・保育教材教具・大型遊具・別注家具・防災用品・衛生材料など保育に関わる商品の販売。先生方に対しての保育内容を高める為の講師紹介・講演活動。又、保護者に対しての家庭での子育てのあり方についての講演活動。</v>
          </cell>
        </row>
        <row r="2552">
          <cell r="B2552">
            <v>10999</v>
          </cell>
          <cell r="C2552" t="str">
            <v>(株)ピー・エス・ユー選挙設備センター</v>
          </cell>
          <cell r="D2552" t="str">
            <v>078-511-3816</v>
          </cell>
          <cell r="E2552" t="str">
            <v>652-0046</v>
          </cell>
          <cell r="F2552" t="str">
            <v>兵庫県神戸市兵庫区上沢通7丁目2番5号</v>
          </cell>
          <cell r="G2552" t="str">
            <v>神戸市</v>
          </cell>
          <cell r="H2552" t="str">
            <v/>
          </cell>
          <cell r="I2552" t="str">
            <v>代表取締役 黒田　謙志</v>
          </cell>
          <cell r="J2552" t="str">
            <v>本店</v>
          </cell>
          <cell r="K2552" t="str">
            <v>078-511-1558</v>
          </cell>
          <cell r="L2552" t="str">
            <v>info@psu.co.jp</v>
          </cell>
          <cell r="M2552" t="str">
            <v>ﾋﾟｰｴｽﾕｰｾﾝｷｮｾﾂﾋﾞｾﾝﾀｰ</v>
          </cell>
          <cell r="N2552" t="str">
            <v>無</v>
          </cell>
          <cell r="O2552">
            <v>47</v>
          </cell>
          <cell r="P2552">
            <v>4</v>
          </cell>
          <cell r="Q2552">
            <v>5140001013957</v>
          </cell>
          <cell r="R2552">
            <v>20000</v>
          </cell>
          <cell r="S2552">
            <v>-14289</v>
          </cell>
          <cell r="T2552">
            <v>107826</v>
          </cell>
          <cell r="V2552" t="str">
            <v>jm108297</v>
          </cell>
          <cell r="W2552" t="str">
            <v>sh183371</v>
          </cell>
          <cell r="Y2552" t="str">
            <v>076，07，16，76，</v>
          </cell>
          <cell r="Z2552">
            <v>16</v>
          </cell>
          <cell r="AA2552">
            <v>80</v>
          </cell>
          <cell r="AB2552">
            <v>7</v>
          </cell>
          <cell r="AC2552">
            <v>76</v>
          </cell>
          <cell r="AD2552" t="str">
            <v/>
          </cell>
          <cell r="AE2552" t="str">
            <v>１；投票箱、投票記載台、ビニールマット、トランク、プライバシー保護パネル、投票用紙交付用整理器、ポスター掲示板等。２；選挙啓発用ポケットティッシュ、ウェットティッシュ、カイロ、ミニ洗剤、救急絆創膏、うちわ、広報車テープ（ＣＤ）、ボディパネルマグネットシート等。３；候補者交付物資、横断幕、懸垂幕、のぼり、投票所看板４；ビラ証紙、ポスター証紙、政治活動事務所証票、政談演説会告知用ステッカー、不在者封筒等。</v>
          </cell>
          <cell r="AF2552" t="str">
            <v>選挙執行上必要とされる事務用品・投票箱等の備品や啓発用品等を取扱いしております。</v>
          </cell>
        </row>
        <row r="2553">
          <cell r="B2553">
            <v>11002</v>
          </cell>
          <cell r="C2553" t="str">
            <v>(株)シセイサービス</v>
          </cell>
          <cell r="D2553" t="str">
            <v>06-6412-7348</v>
          </cell>
          <cell r="E2553" t="str">
            <v>660-0071</v>
          </cell>
          <cell r="F2553" t="str">
            <v>兵庫県尼崎市崇徳院1-3-6</v>
          </cell>
          <cell r="G2553" t="str">
            <v>尼崎市</v>
          </cell>
          <cell r="H2553" t="str">
            <v/>
          </cell>
          <cell r="I2553" t="str">
            <v>代表取締役 豊田　修司</v>
          </cell>
          <cell r="J2553" t="str">
            <v>本店</v>
          </cell>
          <cell r="K2553" t="str">
            <v>06-6412-4061</v>
          </cell>
          <cell r="L2553" t="str">
            <v>shisei@smile.ocn.ne.jp</v>
          </cell>
          <cell r="M2553" t="str">
            <v>ｼｾｲｻｰﾋﾞｽ</v>
          </cell>
          <cell r="N2553" t="str">
            <v>無</v>
          </cell>
          <cell r="O2553">
            <v>17</v>
          </cell>
          <cell r="P2553">
            <v>25</v>
          </cell>
          <cell r="Q2553">
            <v>5140001049159</v>
          </cell>
          <cell r="R2553">
            <v>10000</v>
          </cell>
          <cell r="S2553">
            <v>88119</v>
          </cell>
          <cell r="T2553">
            <v>600939</v>
          </cell>
          <cell r="V2553" t="str">
            <v>xe402820</v>
          </cell>
          <cell r="W2553" t="str">
            <v>ud139959</v>
          </cell>
          <cell r="Y2553" t="str">
            <v>38，49，51，</v>
          </cell>
          <cell r="Z2553">
            <v>49</v>
          </cell>
          <cell r="AA2553">
            <v>38</v>
          </cell>
          <cell r="AB2553">
            <v>51</v>
          </cell>
          <cell r="AC2553" t="str">
            <v/>
          </cell>
          <cell r="AD2553" t="str">
            <v/>
          </cell>
          <cell r="AE2553" t="str">
            <v>１；２；３；建築物飲料水貯水槽清掃業登録　兵庫県２４貯第１３号の３４；</v>
          </cell>
          <cell r="AF2553" t="str">
            <v>当社は消防施設工事及び消防設備の保守点検管理業務、消防用品器具の販売を行っております。国土交通省、兵庫県、尼崎市、大阪府において実績があります。点検業務、販売の実績は直前決算で４３８，２００千円でした。また、貯水槽清掃業については兵庫県知事の証明書を所持しております。</v>
          </cell>
        </row>
        <row r="2554">
          <cell r="B2554">
            <v>11003</v>
          </cell>
          <cell r="C2554" t="str">
            <v>(株)たけびし</v>
          </cell>
          <cell r="D2554" t="str">
            <v>075-325-2111</v>
          </cell>
          <cell r="E2554" t="str">
            <v>615-8501</v>
          </cell>
          <cell r="F2554" t="str">
            <v>京都府京都市右京区西京極豆田町29</v>
          </cell>
          <cell r="G2554" t="str">
            <v>京都市</v>
          </cell>
          <cell r="H2554" t="str">
            <v/>
          </cell>
          <cell r="I2554" t="str">
            <v>取締役社長 小倉　勇</v>
          </cell>
          <cell r="J2554" t="str">
            <v>本店</v>
          </cell>
          <cell r="K2554" t="str">
            <v>075-325-2250</v>
          </cell>
          <cell r="L2554" t="str">
            <v>Atsushi.Ueda@takebishi.co.jp</v>
          </cell>
          <cell r="M2554" t="str">
            <v>ﾀｹﾋﾞｼ</v>
          </cell>
          <cell r="N2554" t="str">
            <v>無</v>
          </cell>
          <cell r="O2554">
            <v>92</v>
          </cell>
          <cell r="P2554">
            <v>372</v>
          </cell>
          <cell r="Q2554">
            <v>1130001001272</v>
          </cell>
          <cell r="R2554">
            <v>2554000</v>
          </cell>
          <cell r="S2554">
            <v>23609000</v>
          </cell>
          <cell r="T2554">
            <v>63974000</v>
          </cell>
          <cell r="V2554" t="str">
            <v>rc567343</v>
          </cell>
          <cell r="W2554" t="str">
            <v>tj176759</v>
          </cell>
          <cell r="Y2554" t="str">
            <v>39，</v>
          </cell>
          <cell r="Z2554">
            <v>39</v>
          </cell>
          <cell r="AA2554" t="str">
            <v/>
          </cell>
          <cell r="AB2554" t="str">
            <v/>
          </cell>
          <cell r="AC2554" t="str">
            <v/>
          </cell>
          <cell r="AD2554" t="str">
            <v/>
          </cell>
          <cell r="AE2554" t="str">
            <v>１；代バリアンメディカルシステム、高度管理医療機器等販売業：許可番号第１００３３５号、医療機器修理業：許可番号第２６ＢＳ２０００５４２；３；４；</v>
          </cell>
          <cell r="AF2554" t="str">
            <v>三菱電機（株）の総合代理店として、９２年の歴史を有し、常に新しい時代に対応した幅広い電機とエレクトロニクスの総合技術商社を志向している。産業機器システム、半導体・デバイス、社会インフラ（冷住・ビル設備、電子医療機器等）、情報通信の販売とソフト開発を主な事業としている。</v>
          </cell>
        </row>
        <row r="2555">
          <cell r="B2555">
            <v>11004</v>
          </cell>
          <cell r="C2555" t="str">
            <v>(株)日経サービス</v>
          </cell>
          <cell r="D2555" t="str">
            <v>06-6268-6588</v>
          </cell>
          <cell r="E2555" t="str">
            <v>542-0081</v>
          </cell>
          <cell r="F2555" t="str">
            <v>大阪府大阪市中央区南船場1-17-10</v>
          </cell>
          <cell r="G2555" t="str">
            <v>大阪市</v>
          </cell>
          <cell r="H2555" t="str">
            <v/>
          </cell>
          <cell r="I2555" t="str">
            <v>取締役社長 嶋田　有孝</v>
          </cell>
          <cell r="J2555" t="str">
            <v>本店</v>
          </cell>
          <cell r="K2555" t="str">
            <v>06-6268-6790</v>
          </cell>
          <cell r="L2555" t="str">
            <v>nu1@nikkei-service.co.jp</v>
          </cell>
          <cell r="M2555" t="str">
            <v>ﾆｯｹｲｻｰﾋﾞｽ</v>
          </cell>
          <cell r="N2555" t="str">
            <v>無</v>
          </cell>
          <cell r="O2555">
            <v>51</v>
          </cell>
          <cell r="P2555">
            <v>4688</v>
          </cell>
          <cell r="Q2555">
            <v>5120001086633</v>
          </cell>
          <cell r="R2555">
            <v>88000</v>
          </cell>
          <cell r="S2555">
            <v>4475200</v>
          </cell>
          <cell r="T2555">
            <v>11825906</v>
          </cell>
          <cell r="V2555" t="str">
            <v>tx642685</v>
          </cell>
          <cell r="W2555" t="str">
            <v>fi113999</v>
          </cell>
          <cell r="Y2555" t="str">
            <v>056，45，46，47，48，49，52，54，55，56，</v>
          </cell>
          <cell r="Z2555">
            <v>54</v>
          </cell>
          <cell r="AA2555">
            <v>45</v>
          </cell>
          <cell r="AB2555">
            <v>46</v>
          </cell>
          <cell r="AC2555">
            <v>56</v>
          </cell>
          <cell r="AD2555" t="str">
            <v>看護補助業務、医療器材滅菌消毒、図書館運営</v>
          </cell>
          <cell r="AE2555" t="str">
            <v>１；庁舎清掃、病院清掃（日常清掃、定期清掃等）２；施設警備、交通誘導警備、雑踏警備３；各種設備保守点検（電気、空調、機械、消防等）４；一般事務、受付、電話交換</v>
          </cell>
          <cell r="AF2555" t="str">
            <v>清掃、設備管理、警備業務といった建物総合管理業務を得意としています。また、人材派遣や看護補助業務関連業務（医療器材滅菌消毒、手術室環境整備等）でも多数のお取引をいただいております。</v>
          </cell>
        </row>
        <row r="2556">
          <cell r="B2556">
            <v>11005</v>
          </cell>
          <cell r="C2556" t="str">
            <v>(株)ビケンテクノ</v>
          </cell>
          <cell r="D2556" t="str">
            <v>06-6380-2141</v>
          </cell>
          <cell r="E2556" t="str">
            <v>540-0044</v>
          </cell>
          <cell r="F2556" t="str">
            <v>大阪府吹田市南金田2-12-1</v>
          </cell>
          <cell r="G2556" t="str">
            <v>吹田市</v>
          </cell>
          <cell r="H2556" t="str">
            <v/>
          </cell>
          <cell r="I2556" t="str">
            <v>代表取締役社長 梶山　龍誠</v>
          </cell>
          <cell r="J2556" t="str">
            <v>本店</v>
          </cell>
          <cell r="K2556" t="str">
            <v>06-6385-8391</v>
          </cell>
          <cell r="L2556" t="str">
            <v>kaihatsu@bikentechno.co.jp</v>
          </cell>
          <cell r="M2556" t="str">
            <v>ﾋﾞｹﾝﾃｸﾉ</v>
          </cell>
          <cell r="N2556" t="str">
            <v>無</v>
          </cell>
          <cell r="O2556">
            <v>37</v>
          </cell>
          <cell r="P2556">
            <v>1844</v>
          </cell>
          <cell r="Q2556">
            <v>5120901008067</v>
          </cell>
          <cell r="R2556">
            <v>1808800</v>
          </cell>
          <cell r="S2556">
            <v>12164209</v>
          </cell>
          <cell r="T2556">
            <v>30947622</v>
          </cell>
          <cell r="V2556" t="str">
            <v>mt762391</v>
          </cell>
          <cell r="W2556" t="str">
            <v>du179915</v>
          </cell>
          <cell r="Y2556" t="str">
            <v>052，45，46，47，48，49，52，54，</v>
          </cell>
          <cell r="Z2556">
            <v>54</v>
          </cell>
          <cell r="AA2556">
            <v>46</v>
          </cell>
          <cell r="AB2556">
            <v>45</v>
          </cell>
          <cell r="AC2556">
            <v>52</v>
          </cell>
          <cell r="AD2556" t="str">
            <v/>
          </cell>
          <cell r="AE2556" t="str">
            <v>１；日常、定期、床面、ガラス、外装、高所等の清掃２；電気、空調、給排水設備等、日常運転、定期保守管理３；防災、常駐警備４；ネズミ、ゴキブリ、蚊、白アリ等の駆除</v>
          </cell>
          <cell r="AF2556" t="str">
            <v>「医・食・住」に関わるビルメンテナンス（建物等の清掃・設備・警備）、コンストラクト＆リフォーム（建物の建築・修理・修繕）等のトータルサービスを提供しております。</v>
          </cell>
        </row>
        <row r="2557">
          <cell r="B2557">
            <v>11008</v>
          </cell>
          <cell r="C2557" t="str">
            <v>ホーチキ(株)</v>
          </cell>
          <cell r="D2557" t="str">
            <v>072-966-8181</v>
          </cell>
          <cell r="E2557" t="str">
            <v>578-0921</v>
          </cell>
          <cell r="F2557" t="str">
            <v>大阪府東大阪市水走3-6-41</v>
          </cell>
          <cell r="G2557" t="str">
            <v>東大阪市</v>
          </cell>
          <cell r="H2557" t="str">
            <v>関西支店</v>
          </cell>
          <cell r="I2557" t="str">
            <v>執行役員支店長 田中　栄一</v>
          </cell>
          <cell r="J2557" t="str">
            <v>東京都</v>
          </cell>
          <cell r="K2557" t="str">
            <v>072-966-8171</v>
          </cell>
          <cell r="L2557" t="str">
            <v>tokatsu@hochiki.co.jp</v>
          </cell>
          <cell r="M2557" t="str">
            <v>ﾎｰﾁｷ</v>
          </cell>
          <cell r="N2557" t="str">
            <v>有</v>
          </cell>
          <cell r="O2557">
            <v>65</v>
          </cell>
          <cell r="P2557">
            <v>1378</v>
          </cell>
          <cell r="Q2557">
            <v>3010701008973</v>
          </cell>
          <cell r="R2557">
            <v>3798000</v>
          </cell>
          <cell r="S2557">
            <v>26088701</v>
          </cell>
          <cell r="T2557">
            <v>75961000</v>
          </cell>
          <cell r="V2557" t="str">
            <v>qu767570</v>
          </cell>
          <cell r="W2557" t="str">
            <v>ｒw196937</v>
          </cell>
          <cell r="Y2557" t="str">
            <v>036，36，38，47，49，50，</v>
          </cell>
          <cell r="Z2557">
            <v>49</v>
          </cell>
          <cell r="AA2557">
            <v>38</v>
          </cell>
          <cell r="AB2557">
            <v>50</v>
          </cell>
          <cell r="AC2557">
            <v>36</v>
          </cell>
          <cell r="AD2557" t="str">
            <v/>
          </cell>
          <cell r="AE2557" t="str">
            <v>１；本社に「２４（ツーホー）センター」を設置して、全日２４時間の対応を可能にしたきめ細かいサービスの提供を心がけています。２；世界最大規模を誇る大空間総合防災実験場を所有して、多様化・高度化・高層化する建築物の安全と安心を見守る防災設備の開発・研究に取り組んでいます。３；入退室管理システム「ｉｄ・Ｔｅｃｈｎｏ」シリーズをはじめとした設備機器の研究開発・製造・販売・施工及び保守管理までをトータルに行っています。４；昭和４３年ブースタの製造を開始して以来、ＣＡＴＶ・ＣＳ・ＢＳ放送設備から医療施設のナースコール・インターホン・ＩＴＶ設備機器の保守までをトータルに行っています。</v>
          </cell>
          <cell r="AF2557" t="str">
            <v>大正７年創業以来防災機器メーカーとして、又昭和４３年からテレビ共聴分野においても機器の研究・開発、製造・販売から施工・保守点検までトータルに行っている。</v>
          </cell>
        </row>
        <row r="2558">
          <cell r="B2558">
            <v>11009</v>
          </cell>
          <cell r="C2558" t="str">
            <v>中央コンピューター(株)</v>
          </cell>
          <cell r="D2558" t="str">
            <v>06-6446-2643</v>
          </cell>
          <cell r="E2558" t="str">
            <v>530-6691</v>
          </cell>
          <cell r="F2558" t="str">
            <v>大阪府大阪市北区中之島6‐2‐27</v>
          </cell>
          <cell r="G2558" t="str">
            <v>大阪市</v>
          </cell>
          <cell r="H2558" t="str">
            <v>大阪事業本部</v>
          </cell>
          <cell r="I2558" t="str">
            <v>常務取締役大阪事業本部長 浅田　利晴</v>
          </cell>
          <cell r="J2558" t="str">
            <v>大阪府大阪市</v>
          </cell>
          <cell r="K2558" t="str">
            <v>06-6446-4343</v>
          </cell>
          <cell r="L2558" t="str">
            <v>sales-dep@chuo-computer.co.jp</v>
          </cell>
          <cell r="M2558" t="str">
            <v>ﾁｭｳｵｳｺﾝﾋﾟｭｰﾀｰ</v>
          </cell>
          <cell r="N2558" t="str">
            <v>有</v>
          </cell>
          <cell r="O2558">
            <v>50</v>
          </cell>
          <cell r="P2558">
            <v>555</v>
          </cell>
          <cell r="Q2558">
            <v>4120001067097</v>
          </cell>
          <cell r="R2558">
            <v>70000</v>
          </cell>
          <cell r="S2558">
            <v>3482624</v>
          </cell>
          <cell r="T2558">
            <v>6640128</v>
          </cell>
          <cell r="V2558" t="str">
            <v>vp399453</v>
          </cell>
          <cell r="W2558" t="str">
            <v>xt119539</v>
          </cell>
          <cell r="Y2558" t="str">
            <v>36，57，58，</v>
          </cell>
          <cell r="Z2558">
            <v>58</v>
          </cell>
          <cell r="AA2558">
            <v>57</v>
          </cell>
          <cell r="AB2558">
            <v>36</v>
          </cell>
          <cell r="AC2558" t="str">
            <v/>
          </cell>
          <cell r="AD2558" t="str">
            <v/>
          </cell>
          <cell r="AE2558" t="str">
            <v>１；主にシステムの開発及び保守業務、システムの運用管理業務を行っております。２；主に電算機のオペレーションを行っております。３；パソコン、サーバー、その他周辺機器の販売を行っております。主な仕入先は、富士通株式会社、リコージャパン株式会社、ダイワボウ情報システム株式会社等です。４；</v>
          </cell>
          <cell r="AF2558" t="str">
            <v>業務システムの開発を中心に、システムの運用管理、自社開発ソフトの販売等を行っております。物品としては、パソコン及びサーバー、その他周辺機器を取り扱っております。</v>
          </cell>
        </row>
        <row r="2559">
          <cell r="B2559">
            <v>11013</v>
          </cell>
          <cell r="C2559" t="str">
            <v>(株)鳥取県情報センター</v>
          </cell>
          <cell r="D2559" t="str">
            <v>0857-27-5070</v>
          </cell>
          <cell r="E2559" t="str">
            <v>680-0053</v>
          </cell>
          <cell r="F2559" t="str">
            <v>鳥取県鳥取市寺町50番地</v>
          </cell>
          <cell r="G2559" t="str">
            <v>鳥取市</v>
          </cell>
          <cell r="H2559" t="str">
            <v/>
          </cell>
          <cell r="I2559" t="str">
            <v>代表取締役社長 湊　正彦</v>
          </cell>
          <cell r="J2559" t="str">
            <v>本店</v>
          </cell>
          <cell r="K2559" t="str">
            <v>0857-29-2254</v>
          </cell>
          <cell r="L2559" t="str">
            <v>eigyo@tori-info.co.jp</v>
          </cell>
          <cell r="M2559" t="str">
            <v>ﾄｯﾄﾘｹﾝｼﾞｮｳﾎｳｾﾝﾀｰ</v>
          </cell>
          <cell r="N2559" t="str">
            <v>無</v>
          </cell>
          <cell r="O2559">
            <v>10</v>
          </cell>
          <cell r="P2559">
            <v>130</v>
          </cell>
          <cell r="Q2559">
            <v>6270001002871</v>
          </cell>
          <cell r="R2559">
            <v>80000</v>
          </cell>
          <cell r="S2559">
            <v>2861548</v>
          </cell>
          <cell r="T2559">
            <v>2888282</v>
          </cell>
          <cell r="V2559" t="str">
            <v>mr911298</v>
          </cell>
          <cell r="W2559" t="str">
            <v>nw120009</v>
          </cell>
          <cell r="Y2559" t="str">
            <v>044，36，44，57，58，</v>
          </cell>
          <cell r="Z2559">
            <v>58</v>
          </cell>
          <cell r="AA2559">
            <v>57</v>
          </cell>
          <cell r="AB2559">
            <v>36</v>
          </cell>
          <cell r="AC2559">
            <v>44</v>
          </cell>
          <cell r="AD2559" t="str">
            <v/>
          </cell>
          <cell r="AE2559" t="str">
            <v>１；２；３；４；</v>
          </cell>
          <cell r="AF2559" t="str">
            <v>鳥取県及び近隣の県、市町村といった自治体を中心に基幹系業務システム、ネットワークなどについてシステム設計から開発・構築・運用管理まで一貫したサービス提供を実施しています。またクラウドサーバサービスも行っております。</v>
          </cell>
        </row>
        <row r="2560">
          <cell r="B2560">
            <v>11016</v>
          </cell>
          <cell r="C2560" t="str">
            <v>(株)誠宏</v>
          </cell>
          <cell r="D2560" t="str">
            <v>06-6437-3801</v>
          </cell>
          <cell r="E2560" t="str">
            <v>661-0033</v>
          </cell>
          <cell r="F2560" t="str">
            <v>兵庫県尼崎市南武庫之荘2-9-8</v>
          </cell>
          <cell r="G2560" t="str">
            <v>尼崎市</v>
          </cell>
          <cell r="H2560" t="str">
            <v/>
          </cell>
          <cell r="I2560" t="str">
            <v>代表取締役 中澤　秀起</v>
          </cell>
          <cell r="J2560" t="str">
            <v>本店</v>
          </cell>
          <cell r="K2560" t="str">
            <v>06-6436-3434</v>
          </cell>
          <cell r="L2560" t="str">
            <v>seiko-futureplan@chive.ocn.ne.jp</v>
          </cell>
          <cell r="M2560" t="str">
            <v>ｾｲｺｳ</v>
          </cell>
          <cell r="N2560" t="str">
            <v>無</v>
          </cell>
          <cell r="O2560">
            <v>58</v>
          </cell>
          <cell r="P2560">
            <v>9</v>
          </cell>
          <cell r="Q2560">
            <v>4140001049424</v>
          </cell>
          <cell r="R2560">
            <v>48000</v>
          </cell>
          <cell r="S2560">
            <v>130380</v>
          </cell>
          <cell r="T2560">
            <v>105760</v>
          </cell>
          <cell r="V2560" t="str">
            <v>uv741040</v>
          </cell>
          <cell r="W2560" t="str">
            <v>it193635</v>
          </cell>
          <cell r="Y2560" t="str">
            <v>51，55，68，</v>
          </cell>
          <cell r="Z2560">
            <v>68</v>
          </cell>
          <cell r="AA2560">
            <v>51</v>
          </cell>
          <cell r="AB2560">
            <v>55</v>
          </cell>
          <cell r="AC2560" t="str">
            <v/>
          </cell>
          <cell r="AD2560" t="str">
            <v/>
          </cell>
          <cell r="AE2560" t="str">
            <v>１；産業廃棄物処理業許可は兵庫県・大阪府　阪神間の各水道局の汚泥収集運搬業務を行っております。２；水路清掃、各水道局の沈殿池の清掃を行っております。３；道路の側溝や公園内及び周辺の清掃を行っております。４；</v>
          </cell>
          <cell r="AF2560" t="str">
            <v>建設工事については、上下水道工事・管更生工事を手がけております。産業廃棄物処理業務としては、伊丹市上下水道局等阪神間の水道局関係の汚泥収集運搬業、清掃業務として各水道局の沈殿池の清掃をおこなっております。</v>
          </cell>
        </row>
        <row r="2561">
          <cell r="B2561">
            <v>11017</v>
          </cell>
          <cell r="C2561" t="str">
            <v>(有)都印刷</v>
          </cell>
          <cell r="D2561" t="str">
            <v>0798-33-0908</v>
          </cell>
          <cell r="E2561" t="str">
            <v>658-0864</v>
          </cell>
          <cell r="F2561" t="str">
            <v>兵庫県西宮市越水町1-7</v>
          </cell>
          <cell r="G2561" t="str">
            <v>西宮市</v>
          </cell>
          <cell r="H2561" t="str">
            <v/>
          </cell>
          <cell r="I2561" t="str">
            <v>代表取締役 室屋　修一</v>
          </cell>
          <cell r="J2561" t="str">
            <v>本店</v>
          </cell>
          <cell r="K2561" t="str">
            <v>0798-33-1192</v>
          </cell>
          <cell r="L2561" t="str">
            <v>miyako-print@nifty.com</v>
          </cell>
          <cell r="M2561" t="str">
            <v>ﾐﾔｺｲﾝｻﾂ</v>
          </cell>
          <cell r="N2561" t="str">
            <v>無</v>
          </cell>
          <cell r="O2561">
            <v>35</v>
          </cell>
          <cell r="P2561">
            <v>7</v>
          </cell>
          <cell r="Q2561">
            <v>3140002058004</v>
          </cell>
          <cell r="R2561">
            <v>3000</v>
          </cell>
          <cell r="S2561">
            <v>-7903</v>
          </cell>
          <cell r="T2561">
            <v>75138</v>
          </cell>
          <cell r="V2561" t="str">
            <v>tz130434</v>
          </cell>
          <cell r="W2561" t="str">
            <v>ez153959</v>
          </cell>
          <cell r="Y2561" t="str">
            <v>73，</v>
          </cell>
          <cell r="Z2561" t="str">
            <v/>
          </cell>
          <cell r="AA2561" t="str">
            <v/>
          </cell>
          <cell r="AB2561" t="str">
            <v/>
          </cell>
          <cell r="AC2561" t="str">
            <v/>
          </cell>
          <cell r="AD2561" t="str">
            <v/>
          </cell>
          <cell r="AE2561" t="str">
            <v>１；２；３；４；</v>
          </cell>
          <cell r="AF2561" t="str">
            <v>オフセット及びオンデマンドによる印刷物全般を取り扱っております。商品の内容は次の通りです。冊子、パンフレット、ポスター、帳票類、封筒、はがき、名刺等です。また、穴開け、ミシン入れ、製本のみといった小さな仕事も承っております。</v>
          </cell>
        </row>
        <row r="2562">
          <cell r="B2562">
            <v>11018</v>
          </cell>
          <cell r="C2562" t="str">
            <v>(株)コーネットワーク</v>
          </cell>
          <cell r="D2562" t="str">
            <v>06-6478-1052</v>
          </cell>
          <cell r="E2562" t="str">
            <v>555-0033</v>
          </cell>
          <cell r="F2562" t="str">
            <v>大阪府大阪市西淀川区姫島1-14-18</v>
          </cell>
          <cell r="G2562" t="str">
            <v>大阪市</v>
          </cell>
          <cell r="H2562" t="str">
            <v/>
          </cell>
          <cell r="I2562" t="str">
            <v>代表取締役 川島　富美子</v>
          </cell>
          <cell r="J2562" t="str">
            <v>本店</v>
          </cell>
          <cell r="K2562" t="str">
            <v>06-6478-1061</v>
          </cell>
          <cell r="L2562" t="str">
            <v>office@conetwork.jp</v>
          </cell>
          <cell r="M2562" t="str">
            <v>ｺｰﾈｯﾄﾜｰｸ</v>
          </cell>
          <cell r="N2562" t="str">
            <v>無</v>
          </cell>
          <cell r="O2562">
            <v>19</v>
          </cell>
          <cell r="P2562">
            <v>15</v>
          </cell>
          <cell r="Q2562">
            <v>6120001092408</v>
          </cell>
          <cell r="R2562">
            <v>10000</v>
          </cell>
          <cell r="S2562">
            <v>-42757</v>
          </cell>
          <cell r="T2562">
            <v>189801</v>
          </cell>
          <cell r="V2562" t="str">
            <v>xx361035</v>
          </cell>
          <cell r="W2562" t="str">
            <v>mm181536</v>
          </cell>
          <cell r="Y2562" t="str">
            <v>14，</v>
          </cell>
          <cell r="Z2562" t="str">
            <v/>
          </cell>
          <cell r="AA2562" t="str">
            <v/>
          </cell>
          <cell r="AB2562" t="str">
            <v/>
          </cell>
          <cell r="AC2562" t="str">
            <v/>
          </cell>
          <cell r="AD2562" t="str">
            <v/>
          </cell>
          <cell r="AE2562" t="str">
            <v>１；トナーカートリッジ、ＯＡサプライ品２；３；４；</v>
          </cell>
          <cell r="AF2562" t="str">
            <v>トナーカートリッジ・リサイクルサービス</v>
          </cell>
        </row>
        <row r="2563">
          <cell r="B2563">
            <v>11020</v>
          </cell>
          <cell r="C2563" t="str">
            <v>(株)ニチイ学館</v>
          </cell>
          <cell r="D2563" t="str">
            <v>03-3291-2121</v>
          </cell>
          <cell r="E2563" t="str">
            <v>658-0053</v>
          </cell>
          <cell r="F2563" t="str">
            <v>東京都千代田区神田駿河台2丁目9番地</v>
          </cell>
          <cell r="G2563" t="str">
            <v>東京都</v>
          </cell>
          <cell r="H2563" t="str">
            <v/>
          </cell>
          <cell r="I2563" t="str">
            <v>代表取締役　 森　信介</v>
          </cell>
          <cell r="J2563" t="str">
            <v>本店</v>
          </cell>
          <cell r="K2563" t="str">
            <v>03-3291-6886</v>
          </cell>
          <cell r="L2563" t="str">
            <v>eg715@nichiigakkan.co.jp</v>
          </cell>
          <cell r="M2563" t="str">
            <v>ﾆﾁｲｶﾞﾂｶﾝ</v>
          </cell>
          <cell r="N2563" t="str">
            <v>無</v>
          </cell>
          <cell r="O2563">
            <v>49</v>
          </cell>
          <cell r="P2563">
            <v>86205</v>
          </cell>
          <cell r="Q2563">
            <v>3010000000000</v>
          </cell>
          <cell r="R2563">
            <v>11933790</v>
          </cell>
          <cell r="S2563">
            <v>42276723</v>
          </cell>
          <cell r="T2563">
            <v>243588</v>
          </cell>
          <cell r="V2563" t="str">
            <v>uu199599</v>
          </cell>
          <cell r="W2563" t="str">
            <v>qk113889</v>
          </cell>
          <cell r="Y2563" t="str">
            <v>6.14.39.44.56.60</v>
          </cell>
          <cell r="Z2563">
            <v>60</v>
          </cell>
          <cell r="AA2563">
            <v>56</v>
          </cell>
          <cell r="AB2563">
            <v>39</v>
          </cell>
          <cell r="AC2563">
            <v>44</v>
          </cell>
          <cell r="AD2563" t="str">
            <v/>
          </cell>
          <cell r="AE2563" t="str">
            <v>１；２；医事業務全般（医療事務、診療報酬明細書点検、病院への事務派遣等）介護事業全般（訪問介護、訪問入浴、デイサービス、グループホーム、介護付有料老人ホーム、配食等）３；事務作業全般４；福祉介護用品全般（おむつ、介護用ベッド、エアマット、車椅子、入浴リフト、介護リフト、電動カー、歩行器、杖、ポータプルトイレ等）</v>
          </cell>
          <cell r="AF2563" t="str">
            <v>医事業務に受託運営、医事コンサルティング、保険者点検、介護支援などのサービスを全国を結ぶネットワークで質の高いサービス・商品を提供することで医療・介護の業界・自治体様より高い評価を受けております。</v>
          </cell>
        </row>
        <row r="2564">
          <cell r="B2564">
            <v>11021</v>
          </cell>
          <cell r="C2564" t="str">
            <v>(株)ＫＣＳソリューションズ</v>
          </cell>
          <cell r="D2564" t="str">
            <v>078-351-3415</v>
          </cell>
          <cell r="E2564" t="str">
            <v>650-0015</v>
          </cell>
          <cell r="F2564" t="str">
            <v>兵庫県神戸市中央区多聞通3-3-9</v>
          </cell>
          <cell r="G2564" t="str">
            <v>神戸市</v>
          </cell>
          <cell r="H2564" t="str">
            <v/>
          </cell>
          <cell r="I2564" t="str">
            <v>代表取締役 山口　勝</v>
          </cell>
          <cell r="J2564" t="str">
            <v>本店</v>
          </cell>
          <cell r="K2564" t="str">
            <v>078-362-8336</v>
          </cell>
          <cell r="L2564" t="str">
            <v>d-gyoumu@kcs.co.jp</v>
          </cell>
          <cell r="M2564" t="str">
            <v>ｹｰｼｰｴｽｿﾘｭｰｼｮﾝｽﾞ</v>
          </cell>
          <cell r="N2564" t="str">
            <v>無</v>
          </cell>
          <cell r="O2564">
            <v>38</v>
          </cell>
          <cell r="P2564">
            <v>316</v>
          </cell>
          <cell r="Q2564">
            <v>6140001007363</v>
          </cell>
          <cell r="R2564">
            <v>10000</v>
          </cell>
          <cell r="S2564">
            <v>1156694</v>
          </cell>
          <cell r="T2564">
            <v>2013939</v>
          </cell>
          <cell r="V2564" t="str">
            <v>us332740</v>
          </cell>
          <cell r="W2564" t="str">
            <v>vb197965</v>
          </cell>
          <cell r="Y2564" t="str">
            <v>56，57，</v>
          </cell>
          <cell r="Z2564">
            <v>56</v>
          </cell>
          <cell r="AA2564">
            <v>57</v>
          </cell>
          <cell r="AB2564" t="str">
            <v/>
          </cell>
          <cell r="AC2564" t="str">
            <v/>
          </cell>
          <cell r="AD2564" t="str">
            <v/>
          </cell>
          <cell r="AE2564" t="str">
            <v>１；２；３；４；</v>
          </cell>
          <cell r="AF2564" t="str">
            <v>人材派遣業務・データエントリー・スキャニング業務・電算システム運用管理・文書・図面等デジタル化業務</v>
          </cell>
        </row>
        <row r="2565">
          <cell r="B2565">
            <v>11022</v>
          </cell>
          <cell r="C2565" t="str">
            <v>リコージャパン(株)</v>
          </cell>
          <cell r="D2565" t="str">
            <v>078-232-8521</v>
          </cell>
          <cell r="E2565" t="str">
            <v>651-0084</v>
          </cell>
          <cell r="F2565" t="str">
            <v>兵庫県神戸市中央区磯辺通1-1-39</v>
          </cell>
          <cell r="G2565" t="str">
            <v>神戸市</v>
          </cell>
          <cell r="H2565" t="str">
            <v>兵庫支社兵庫ＭＡ営業部</v>
          </cell>
          <cell r="I2565" t="str">
            <v>部長 笹山　計実</v>
          </cell>
          <cell r="J2565" t="str">
            <v>東京都</v>
          </cell>
          <cell r="K2565" t="str">
            <v>078-265-2119</v>
          </cell>
          <cell r="L2565" t="str">
            <v>masahiro_nishiumi@jp.ricoh.com</v>
          </cell>
          <cell r="M2565" t="str">
            <v>ﾘｺｰｼﾞｬﾊﾟﾝ</v>
          </cell>
          <cell r="N2565" t="str">
            <v>有</v>
          </cell>
          <cell r="O2565">
            <v>59</v>
          </cell>
          <cell r="P2565">
            <v>18552</v>
          </cell>
          <cell r="Q2565">
            <v>1010001110829</v>
          </cell>
          <cell r="R2565">
            <v>2517400</v>
          </cell>
          <cell r="S2565">
            <v>24424462</v>
          </cell>
          <cell r="T2565">
            <v>629974028</v>
          </cell>
          <cell r="V2565" t="str">
            <v>gr524265</v>
          </cell>
          <cell r="W2565" t="str">
            <v>kk191973</v>
          </cell>
          <cell r="Y2565" t="str">
            <v>014，12，14，15，35，36，44，58，</v>
          </cell>
          <cell r="Z2565">
            <v>36</v>
          </cell>
          <cell r="AA2565">
            <v>58</v>
          </cell>
          <cell r="AB2565">
            <v>44</v>
          </cell>
          <cell r="AC2565">
            <v>14</v>
          </cell>
          <cell r="AD2565" t="str">
            <v/>
          </cell>
          <cell r="AE2565" t="str">
            <v>１；（株）リコー代理店、その他情報通信機器については、ＩＢＭ、レノボ、ＨＰ、東芝等各メーカー製品の取扱い２；ネットワーク構築、システム保守３；複写機、パソコン等のレンタル４；各種事務用品、事務機器の取扱い</v>
          </cell>
          <cell r="AF2565" t="str">
            <v/>
          </cell>
        </row>
        <row r="2566">
          <cell r="B2566">
            <v>11023</v>
          </cell>
          <cell r="C2566" t="str">
            <v>ランスタッド(株)</v>
          </cell>
          <cell r="D2566" t="str">
            <v>078-221-8845</v>
          </cell>
          <cell r="E2566" t="str">
            <v>651-0088</v>
          </cell>
          <cell r="F2566" t="str">
            <v>兵庫県神戸市中央区小野柄通7-1-1</v>
          </cell>
          <cell r="G2566" t="str">
            <v>神戸市</v>
          </cell>
          <cell r="H2566" t="str">
            <v>神戸支店</v>
          </cell>
          <cell r="I2566" t="str">
            <v>支店長 柴田　泰之</v>
          </cell>
          <cell r="J2566" t="str">
            <v>東京都</v>
          </cell>
          <cell r="K2566" t="str">
            <v>078-221-8874</v>
          </cell>
          <cell r="L2566" t="str">
            <v/>
          </cell>
          <cell r="M2566" t="str">
            <v>ﾗﾝｽﾀｯﾄﾞ</v>
          </cell>
          <cell r="N2566" t="str">
            <v>有</v>
          </cell>
          <cell r="O2566">
            <v>38</v>
          </cell>
          <cell r="P2566">
            <v>2295</v>
          </cell>
          <cell r="Q2566">
            <v>1010001084148</v>
          </cell>
          <cell r="R2566">
            <v>1000000</v>
          </cell>
          <cell r="S2566">
            <v>5058729</v>
          </cell>
          <cell r="T2566">
            <v>76186054</v>
          </cell>
          <cell r="V2566" t="str">
            <v>sk146316</v>
          </cell>
          <cell r="W2566" t="str">
            <v>dh186168</v>
          </cell>
          <cell r="Y2566" t="str">
            <v>56，57，77，</v>
          </cell>
          <cell r="Z2566">
            <v>56</v>
          </cell>
          <cell r="AA2566">
            <v>57</v>
          </cell>
          <cell r="AB2566">
            <v>77</v>
          </cell>
          <cell r="AC2566" t="str">
            <v/>
          </cell>
          <cell r="AD2566" t="str">
            <v/>
          </cell>
          <cell r="AE2566" t="str">
            <v>１；労働者派遣事業許可番号　派１３－０１０５３８２；３；４；</v>
          </cell>
          <cell r="AF2566" t="str">
            <v>世界３９の国と地域に拠点を構える世界最大級の人材サービス会社です。オフィスワークからアクティブワークまで幅広くサービス提供しています。</v>
          </cell>
        </row>
        <row r="2567">
          <cell r="B2567">
            <v>11024</v>
          </cell>
          <cell r="C2567" t="str">
            <v>(株)スズケン</v>
          </cell>
          <cell r="D2567" t="str">
            <v>072-782-0521</v>
          </cell>
          <cell r="E2567" t="str">
            <v>664-0892</v>
          </cell>
          <cell r="F2567" t="str">
            <v>兵庫県伊丹市高台1-4</v>
          </cell>
          <cell r="G2567" t="str">
            <v>伊丹市</v>
          </cell>
          <cell r="H2567" t="str">
            <v>伊丹支店</v>
          </cell>
          <cell r="I2567" t="str">
            <v>支店長 宮崎　敏</v>
          </cell>
          <cell r="J2567" t="str">
            <v>愛知県名古屋市</v>
          </cell>
          <cell r="K2567" t="str">
            <v>072-773-1183</v>
          </cell>
          <cell r="L2567" t="str">
            <v>y.tagawa@suzuken.co.jp</v>
          </cell>
          <cell r="M2567" t="str">
            <v>ｽｽﾞｹﾝ</v>
          </cell>
          <cell r="N2567" t="str">
            <v>有</v>
          </cell>
          <cell r="O2567">
            <v>86</v>
          </cell>
          <cell r="P2567">
            <v>4474</v>
          </cell>
          <cell r="Q2567">
            <v>1180001017009</v>
          </cell>
          <cell r="R2567">
            <v>13546533</v>
          </cell>
          <cell r="S2567">
            <v>305509490</v>
          </cell>
          <cell r="T2567">
            <v>1897393558</v>
          </cell>
          <cell r="V2567" t="str">
            <v>qp891728</v>
          </cell>
          <cell r="W2567" t="str">
            <v>xi118338</v>
          </cell>
          <cell r="Y2567" t="str">
            <v>02，02，9，39，41，44，</v>
          </cell>
          <cell r="Z2567">
            <v>9</v>
          </cell>
          <cell r="AA2567">
            <v>39</v>
          </cell>
          <cell r="AB2567">
            <v>41</v>
          </cell>
          <cell r="AC2567">
            <v>2</v>
          </cell>
          <cell r="AD2567" t="str">
            <v>８０　その他　⇒　ＳＰＤ（病院内物流）業務</v>
          </cell>
          <cell r="AE2567" t="str">
            <v>１；アステラス製薬（株）特、ファイザー（株）特、第一三共（株）特、ＭＳＤ（株）特、大塚製薬（株）特、他多数２；（株）タカゾノ特、（株）ユヤマ特、テルモ（株）特、ニプロ（株）特、他多数３；ロシュ・ダイアグノスティックス（株）、他多数４；医療食品（流動食等）、味の素（株）、（株）クリニコ</v>
          </cell>
          <cell r="AF2567" t="str">
            <v>医療用医薬品、試薬、医療機器、医療材料、医療食等の販売。</v>
          </cell>
        </row>
        <row r="2568">
          <cell r="B2568">
            <v>11025</v>
          </cell>
          <cell r="C2568" t="str">
            <v>(株)総合環境計画</v>
          </cell>
          <cell r="D2568" t="str">
            <v>078-241-5761</v>
          </cell>
          <cell r="E2568" t="str">
            <v>651-0084</v>
          </cell>
          <cell r="F2568" t="str">
            <v>兵庫県神戸市中央区磯辺通1-1-18</v>
          </cell>
          <cell r="G2568" t="str">
            <v>神戸市</v>
          </cell>
          <cell r="H2568" t="str">
            <v>神戸事務所</v>
          </cell>
          <cell r="I2568" t="str">
            <v>所長 赤井　裕</v>
          </cell>
          <cell r="J2568" t="str">
            <v>東京都</v>
          </cell>
          <cell r="K2568" t="str">
            <v>078-241-6560</v>
          </cell>
          <cell r="L2568" t="str">
            <v>kikaku@sepc.co.jp</v>
          </cell>
          <cell r="M2568" t="str">
            <v>ｿｳｺﾞｳｶﾝｷﾖｳｹｲｶｸ</v>
          </cell>
          <cell r="N2568" t="str">
            <v>有</v>
          </cell>
          <cell r="O2568">
            <v>29</v>
          </cell>
          <cell r="P2568">
            <v>54</v>
          </cell>
          <cell r="Q2568">
            <v>3010601039466</v>
          </cell>
          <cell r="R2568">
            <v>45000</v>
          </cell>
          <cell r="S2568">
            <v>154759</v>
          </cell>
          <cell r="T2568">
            <v>589718</v>
          </cell>
          <cell r="V2568" t="str">
            <v>mt387681</v>
          </cell>
          <cell r="W2568" t="str">
            <v>vf195939</v>
          </cell>
          <cell r="Y2568" t="str">
            <v>42.57.58.63.72.73.77.80</v>
          </cell>
          <cell r="Z2568">
            <v>77</v>
          </cell>
          <cell r="AA2568">
            <v>80</v>
          </cell>
          <cell r="AB2568">
            <v>57</v>
          </cell>
          <cell r="AC2568">
            <v>63</v>
          </cell>
          <cell r="AD2568" t="str">
            <v/>
          </cell>
          <cell r="AE2568" t="str">
            <v>１；２；市民意識調査等アンケート調査、ヒアリング調査３；各種計画策定（環境基本計画、地球温暖化対策、省エネルギー及び新エネルギービジョン、再生可能エネルギー、生物多様性戦略、総合計画、緑の基本計画、景観、都市計画、防災、健康増進計画等）４；データ入力、データベース作成、電算処理</v>
          </cell>
          <cell r="AF2568" t="str">
            <v>各種計画策定（環境、地球温暖化対策、再生可能エネルギー、生物多様性戦略、総合計画、緑の基本計画、景観、都市計画、防災、健康増進計画）、環境調査（騒音、振動、大気質、動物、植物）、環境予測・評価・対策検討、環境アセスメント、アンケート調査、ヒアリング調査</v>
          </cell>
        </row>
        <row r="2569">
          <cell r="B2569">
            <v>11026</v>
          </cell>
          <cell r="C2569" t="str">
            <v>(株)アルゴセキュリティー</v>
          </cell>
          <cell r="D2569" t="str">
            <v>06-6479-5544</v>
          </cell>
          <cell r="E2569" t="str">
            <v>550-0002</v>
          </cell>
          <cell r="F2569" t="str">
            <v>大阪府大阪市西区江戸堀3-3-1</v>
          </cell>
          <cell r="G2569" t="str">
            <v>大阪市</v>
          </cell>
          <cell r="H2569" t="str">
            <v/>
          </cell>
          <cell r="I2569" t="str">
            <v>代表取締役 赤嶺　陽介</v>
          </cell>
          <cell r="J2569" t="str">
            <v>本店</v>
          </cell>
          <cell r="K2569" t="str">
            <v>06-6479-5545</v>
          </cell>
          <cell r="L2569" t="str">
            <v>akamine@argo-security.jp</v>
          </cell>
          <cell r="M2569" t="str">
            <v>ｱﾙｺﾞｾｷｭﾘﾃｨｰ</v>
          </cell>
          <cell r="N2569" t="str">
            <v>無</v>
          </cell>
          <cell r="O2569">
            <v>30</v>
          </cell>
          <cell r="P2569">
            <v>82</v>
          </cell>
          <cell r="Q2569">
            <v>9120001041122</v>
          </cell>
          <cell r="R2569">
            <v>10000</v>
          </cell>
          <cell r="S2569">
            <v>61531</v>
          </cell>
          <cell r="T2569">
            <v>782173</v>
          </cell>
          <cell r="V2569" t="str">
            <v>qg425568</v>
          </cell>
          <cell r="W2569" t="str">
            <v>xx154254</v>
          </cell>
          <cell r="Y2569" t="str">
            <v>45，</v>
          </cell>
          <cell r="Z2569" t="str">
            <v/>
          </cell>
          <cell r="AA2569" t="str">
            <v/>
          </cell>
          <cell r="AB2569" t="str">
            <v/>
          </cell>
          <cell r="AC2569" t="str">
            <v/>
          </cell>
          <cell r="AD2569" t="str">
            <v/>
          </cell>
          <cell r="AE2569" t="str">
            <v>１；２；３；４；</v>
          </cell>
          <cell r="AF2569" t="str">
            <v>イベント警備、施設常駐警備を得意としている。</v>
          </cell>
        </row>
        <row r="2570">
          <cell r="B2570">
            <v>11027</v>
          </cell>
          <cell r="C2570" t="str">
            <v>(株)豊浦浚渫</v>
          </cell>
          <cell r="D2570" t="str">
            <v>0798-23-6984</v>
          </cell>
          <cell r="E2570" t="str">
            <v>662-0943</v>
          </cell>
          <cell r="F2570" t="str">
            <v>兵庫県西宮市西宮浜2-21-3</v>
          </cell>
          <cell r="G2570" t="str">
            <v>西宮市</v>
          </cell>
          <cell r="H2570" t="str">
            <v/>
          </cell>
          <cell r="I2570" t="str">
            <v>代表取締役 嶋城　隆彦</v>
          </cell>
          <cell r="J2570" t="str">
            <v>本店</v>
          </cell>
          <cell r="K2570" t="str">
            <v>0798-33-5649</v>
          </cell>
          <cell r="L2570" t="str">
            <v>info@toyoura-s.com</v>
          </cell>
          <cell r="M2570" t="str">
            <v>ﾄﾖｳﾗｼｭﾝｾﾂ</v>
          </cell>
          <cell r="N2570" t="str">
            <v>無</v>
          </cell>
          <cell r="O2570">
            <v>35</v>
          </cell>
          <cell r="P2570">
            <v>24</v>
          </cell>
          <cell r="Q2570">
            <v>1140001069598</v>
          </cell>
          <cell r="R2570">
            <v>25000</v>
          </cell>
          <cell r="S2570">
            <v>-17480</v>
          </cell>
          <cell r="T2570">
            <v>496160</v>
          </cell>
          <cell r="V2570" t="str">
            <v>rt889868</v>
          </cell>
          <cell r="W2570" t="str">
            <v>sd131985</v>
          </cell>
          <cell r="Y2570" t="str">
            <v>55，68，79，</v>
          </cell>
          <cell r="Z2570">
            <v>79</v>
          </cell>
          <cell r="AA2570">
            <v>55</v>
          </cell>
          <cell r="AB2570">
            <v>68</v>
          </cell>
          <cell r="AC2570" t="str">
            <v/>
          </cell>
          <cell r="AD2570" t="str">
            <v/>
          </cell>
          <cell r="AE2570" t="str">
            <v>１；２；３；産業廃棄物収集運搬業許可４；</v>
          </cell>
          <cell r="AF2570" t="str">
            <v>下水道内部からの管更生工事、補修工事。下水道管内カメラ調査、長寿命化調査・診断等調査業務。下水道管渠清掃、側溝路面清掃。沈砂池・調整池等の浚渫作業</v>
          </cell>
        </row>
        <row r="2571">
          <cell r="B2571">
            <v>11029</v>
          </cell>
          <cell r="C2571" t="str">
            <v>オリジナル設計(株)</v>
          </cell>
          <cell r="D2571" t="str">
            <v>078-915-1314</v>
          </cell>
          <cell r="E2571" t="str">
            <v>673-0881</v>
          </cell>
          <cell r="F2571" t="str">
            <v>兵庫県明石市天文町2-4-26 ヴｪﾙﾋﾞｭ明石</v>
          </cell>
          <cell r="G2571" t="str">
            <v>明石市</v>
          </cell>
          <cell r="H2571" t="str">
            <v>兵庫営業所</v>
          </cell>
          <cell r="I2571" t="str">
            <v>所長　 吉田　雅之</v>
          </cell>
          <cell r="J2571" t="str">
            <v>東京都</v>
          </cell>
          <cell r="K2571" t="str">
            <v>078-915-1315</v>
          </cell>
          <cell r="L2571" t="str">
            <v>hyogo-shocho@oec-solution.co.jp</v>
          </cell>
          <cell r="M2571" t="str">
            <v>ｵﾘｼﾞﾅﾙｾﾂｹｲ</v>
          </cell>
          <cell r="N2571" t="str">
            <v>有</v>
          </cell>
          <cell r="O2571">
            <v>56</v>
          </cell>
          <cell r="P2571">
            <v>366</v>
          </cell>
          <cell r="Q2571">
            <v>8011000000000</v>
          </cell>
          <cell r="R2571">
            <v>1093000</v>
          </cell>
          <cell r="S2571">
            <v>5584386</v>
          </cell>
          <cell r="T2571">
            <v>6256439</v>
          </cell>
          <cell r="V2571" t="str">
            <v>bt506948</v>
          </cell>
          <cell r="W2571" t="str">
            <v>uf199178</v>
          </cell>
          <cell r="Y2571" t="str">
            <v>36.42.57.58.79</v>
          </cell>
          <cell r="Z2571">
            <v>58</v>
          </cell>
          <cell r="AA2571">
            <v>57</v>
          </cell>
          <cell r="AB2571">
            <v>79</v>
          </cell>
          <cell r="AC2571">
            <v>36</v>
          </cell>
          <cell r="AD2571" t="str">
            <v/>
          </cell>
          <cell r="AE2571" t="str">
            <v>１；２；上下水道施設の施設管理に関するシステム構築３；データ入力、データ変換４；</v>
          </cell>
          <cell r="AF2571" t="str">
            <v>・上下水道、工業用水、農業用水、雨水、治・利水、湖沼、公園、都市・産業廃棄物・し尿処理施設に関する調査、設計、施工監理　・測量、地質、海流に関する調査業務　・上下水道施設維持管理に関するコンピュータソフトウェアの開発・販売</v>
          </cell>
        </row>
        <row r="2572">
          <cell r="B2572">
            <v>11033</v>
          </cell>
          <cell r="C2572" t="str">
            <v>(株)ライズファクトリー</v>
          </cell>
          <cell r="D2572" t="str">
            <v>03-3288-0099</v>
          </cell>
          <cell r="E2572" t="str">
            <v>102-0072</v>
          </cell>
          <cell r="F2572" t="str">
            <v>東京都千代田区飯田橋2-1-4</v>
          </cell>
          <cell r="G2572" t="str">
            <v>東京都</v>
          </cell>
          <cell r="H2572" t="str">
            <v/>
          </cell>
          <cell r="I2572" t="str">
            <v>代表取締役 戸田　その子</v>
          </cell>
          <cell r="J2572" t="str">
            <v>本店</v>
          </cell>
          <cell r="K2572" t="str">
            <v xml:space="preserve">03-3288-0097 </v>
          </cell>
          <cell r="L2572" t="str">
            <v>info@risefactory.co.jp</v>
          </cell>
          <cell r="M2572" t="str">
            <v>ｶﾌﾞｼｷｶﾞｲｼｬﾗｲｽﾞﾌｧｸﾄﾘｰ</v>
          </cell>
          <cell r="N2572" t="str">
            <v>無</v>
          </cell>
          <cell r="O2572">
            <v>23</v>
          </cell>
          <cell r="P2572">
            <v>14</v>
          </cell>
          <cell r="Q2572">
            <v>4010601042650</v>
          </cell>
          <cell r="R2572">
            <v>10000</v>
          </cell>
          <cell r="S2572">
            <v>16280</v>
          </cell>
          <cell r="T2572">
            <v>221948</v>
          </cell>
          <cell r="V2572" t="str">
            <v>bf287039</v>
          </cell>
          <cell r="W2572" t="str">
            <v>jq167569</v>
          </cell>
          <cell r="Y2572" t="str">
            <v>08，08，13，73，</v>
          </cell>
          <cell r="Z2572">
            <v>13</v>
          </cell>
          <cell r="AA2572">
            <v>73</v>
          </cell>
          <cell r="AB2572">
            <v>80</v>
          </cell>
          <cell r="AC2572">
            <v>8</v>
          </cell>
          <cell r="AD2572" t="str">
            <v/>
          </cell>
          <cell r="AE2572" t="str">
            <v>１；国民健康保険・介護保険・保健衛生・障がい者福祉・児童福祉・消費生活等に関するパンフレット・小冊子等２；国民健康保険・介護保険・保健衛生・障がい者福祉・児童福祉・消費生活等に関するパンフレット・小冊子等３；各種啓発用品・歩数計・保険証カバー等４；記念品・贈答品</v>
          </cell>
          <cell r="AF2572" t="str">
            <v>国民健康保険・介護保険・保健衛生・障がい者福祉・児童福祉・消費生活等に関する各種印刷物の編集制作及び販売。各種啓発用品・記念品・贈答品・イベント用ＰＲグッズ・歩数計等</v>
          </cell>
        </row>
        <row r="2573">
          <cell r="B2573">
            <v>11034</v>
          </cell>
          <cell r="C2573" t="str">
            <v>シンコースポーツ(株)</v>
          </cell>
          <cell r="D2573" t="str">
            <v>078-272-3701</v>
          </cell>
          <cell r="E2573" t="str">
            <v>651-0087</v>
          </cell>
          <cell r="F2573" t="str">
            <v>兵庫県神戸市中央区御幸通4-2-20</v>
          </cell>
          <cell r="G2573" t="str">
            <v>神戸市</v>
          </cell>
          <cell r="H2573" t="str">
            <v>兵庫支店</v>
          </cell>
          <cell r="I2573" t="str">
            <v>支店長 加藤　学</v>
          </cell>
          <cell r="J2573" t="str">
            <v>東京都</v>
          </cell>
          <cell r="K2573" t="str">
            <v>078-272-3702</v>
          </cell>
          <cell r="L2573" t="str">
            <v>hyogo@shinko-sports.com</v>
          </cell>
          <cell r="M2573" t="str">
            <v>ｼﾝｺｰｽﾎﾟｰﾂ</v>
          </cell>
          <cell r="N2573" t="str">
            <v>有</v>
          </cell>
          <cell r="O2573">
            <v>40</v>
          </cell>
          <cell r="P2573">
            <v>900</v>
          </cell>
          <cell r="Q2573">
            <v>3010501006491</v>
          </cell>
          <cell r="R2573">
            <v>100000</v>
          </cell>
          <cell r="S2573">
            <v>1579304</v>
          </cell>
          <cell r="T2573">
            <v>8976447</v>
          </cell>
          <cell r="V2573" t="str">
            <v>xu263327</v>
          </cell>
          <cell r="W2573" t="str">
            <v>te193573</v>
          </cell>
          <cell r="Y2573" t="str">
            <v>020，20，45，63，</v>
          </cell>
          <cell r="Z2573">
            <v>80</v>
          </cell>
          <cell r="AA2573">
            <v>45</v>
          </cell>
          <cell r="AB2573">
            <v>63</v>
          </cell>
          <cell r="AC2573">
            <v>20</v>
          </cell>
          <cell r="AD2573" t="str">
            <v/>
          </cell>
          <cell r="AE2573" t="str">
            <v>１；スポーツ施設運営管理（トレーニング指導、受付、施設内清掃など）２；プール監視３；介護予防運動指導（運動機能向上、低栄養改善指導、転倒予防、口腔機能向上、尿失禁予防）４；スポーツ用品、トレーニングマシン</v>
          </cell>
          <cell r="AF2573" t="str">
            <v>人々の健やかな暮らしを応援するスポーツ文化施設のマネジメント会社です。創意工夫を合言葉によりよい人間形成の場として地域社会に貢献していきます。受付案内業務や施設の管理業務、また、介護予防事業にも積極的に取り組み、専門のスタッフのもとで実施しています。</v>
          </cell>
        </row>
        <row r="2574">
          <cell r="B2574">
            <v>11036</v>
          </cell>
          <cell r="C2574" t="str">
            <v>(株)東邦微生物病研究所</v>
          </cell>
          <cell r="D2574" t="str">
            <v>06-6648-7157</v>
          </cell>
          <cell r="E2574" t="str">
            <v>556-0001</v>
          </cell>
          <cell r="F2574" t="str">
            <v>大阪府大阪市浪速区下寺3-11-14</v>
          </cell>
          <cell r="G2574" t="str">
            <v>大阪市</v>
          </cell>
          <cell r="H2574" t="str">
            <v/>
          </cell>
          <cell r="I2574" t="str">
            <v>代表取締役 西村　公一</v>
          </cell>
          <cell r="J2574" t="str">
            <v>本店</v>
          </cell>
          <cell r="K2574" t="str">
            <v>06-6636-9266</v>
          </cell>
          <cell r="L2574" t="str">
            <v>k-nishimura@toholab.co.jp</v>
          </cell>
          <cell r="M2574" t="str">
            <v>ﾄｳﾎｳﾋﾞｾｲﾌﾞﾂﾋﾞｮｳｹﾝｷｭｳｼｮ</v>
          </cell>
          <cell r="N2574" t="str">
            <v>無</v>
          </cell>
          <cell r="O2574">
            <v>39</v>
          </cell>
          <cell r="P2574">
            <v>56</v>
          </cell>
          <cell r="Q2574">
            <v>1120001045758</v>
          </cell>
          <cell r="R2574">
            <v>10000</v>
          </cell>
          <cell r="S2574">
            <v>606407</v>
          </cell>
          <cell r="T2574">
            <v>597337</v>
          </cell>
          <cell r="V2574" t="str">
            <v>ez415897</v>
          </cell>
          <cell r="W2574" t="str">
            <v>qo173693</v>
          </cell>
          <cell r="Y2574" t="str">
            <v>78，</v>
          </cell>
          <cell r="Z2574">
            <v>78</v>
          </cell>
          <cell r="AA2574">
            <v>80</v>
          </cell>
          <cell r="AB2574" t="str">
            <v/>
          </cell>
          <cell r="AC2574" t="str">
            <v/>
          </cell>
          <cell r="AD2574" t="str">
            <v/>
          </cell>
          <cell r="AE2574" t="str">
            <v>１；臨床検査（微生物学的検査）、学校給食従事者等検便検査２；学校給食食品細菌検査、水道水水質検査、建築物飲料水水質検査、計量証明３；４；</v>
          </cell>
          <cell r="AF2574" t="str">
            <v>各種登録検査機関として公共的責務を自覚し、法令を遵守し、正確又迅速に検査分析を行い、社会的信頼を確保し、顧客満足に努める。</v>
          </cell>
        </row>
        <row r="2575">
          <cell r="B2575">
            <v>11037</v>
          </cell>
          <cell r="C2575" t="str">
            <v>(株)カマタニ</v>
          </cell>
          <cell r="D2575" t="str">
            <v>078-569-1129</v>
          </cell>
          <cell r="E2575" t="str">
            <v>650-0012</v>
          </cell>
          <cell r="F2575" t="str">
            <v>兵庫県神戸市中央区北長狭通6-1-8</v>
          </cell>
          <cell r="G2575" t="str">
            <v>神戸市</v>
          </cell>
          <cell r="H2575" t="str">
            <v>神戸営業所</v>
          </cell>
          <cell r="I2575" t="str">
            <v>所長 吉井　耕一</v>
          </cell>
          <cell r="J2575" t="str">
            <v>兵庫県姫路市</v>
          </cell>
          <cell r="K2575" t="str">
            <v>078-569-1128</v>
          </cell>
          <cell r="L2575" t="str">
            <v>k-eigyou1@kamatani.co.jp</v>
          </cell>
          <cell r="M2575" t="str">
            <v>ｶﾏﾀﾆ</v>
          </cell>
          <cell r="N2575" t="str">
            <v>有</v>
          </cell>
          <cell r="O2575">
            <v>68</v>
          </cell>
          <cell r="P2575">
            <v>179</v>
          </cell>
          <cell r="Q2575">
            <v>2140001058369</v>
          </cell>
          <cell r="R2575">
            <v>31000</v>
          </cell>
          <cell r="S2575">
            <v>311032</v>
          </cell>
          <cell r="T2575">
            <v>4255391</v>
          </cell>
          <cell r="V2575" t="str">
            <v>bx933087</v>
          </cell>
          <cell r="W2575" t="str">
            <v>ad169999</v>
          </cell>
          <cell r="Y2575" t="str">
            <v>03，04，06，</v>
          </cell>
          <cell r="Z2575">
            <v>3</v>
          </cell>
          <cell r="AA2575">
            <v>4</v>
          </cell>
          <cell r="AB2575">
            <v>6</v>
          </cell>
          <cell r="AC2575" t="str">
            <v/>
          </cell>
          <cell r="AD2575" t="str">
            <v/>
          </cell>
          <cell r="AE2575" t="str">
            <v>１；２；３；４；</v>
          </cell>
          <cell r="AF2575" t="str">
            <v>ユニフォーム一筋の会社です。ユニフォームのことならどんな対応でも可能。取り扱いメーカー数もかなり多いのが特徴の会社です。</v>
          </cell>
        </row>
        <row r="2576">
          <cell r="B2576">
            <v>11039</v>
          </cell>
          <cell r="C2576" t="str">
            <v>(株)洛南エンジニアリング</v>
          </cell>
          <cell r="D2576" t="str">
            <v>0774-22-6357</v>
          </cell>
          <cell r="E2576" t="str">
            <v>611-0013</v>
          </cell>
          <cell r="F2576" t="str">
            <v>京都府宇治市莵道田中34-5</v>
          </cell>
          <cell r="G2576" t="str">
            <v>宇治市</v>
          </cell>
          <cell r="H2576" t="str">
            <v/>
          </cell>
          <cell r="I2576" t="str">
            <v>代表取締役 堀　誠典</v>
          </cell>
          <cell r="J2576" t="str">
            <v>本店</v>
          </cell>
          <cell r="K2576" t="str">
            <v>0774-21-4112</v>
          </cell>
          <cell r="L2576" t="str">
            <v>info@rec2000.co.jp</v>
          </cell>
          <cell r="M2576" t="str">
            <v>ﾗｸﾅﾝｴﾝｼﾞﾆｱﾘﾝｸﾞ</v>
          </cell>
          <cell r="N2576" t="str">
            <v>無</v>
          </cell>
          <cell r="O2576">
            <v>38</v>
          </cell>
          <cell r="P2576">
            <v>15</v>
          </cell>
          <cell r="Q2576">
            <v>4130001033239</v>
          </cell>
          <cell r="R2576">
            <v>30000</v>
          </cell>
          <cell r="S2576">
            <v>554012</v>
          </cell>
          <cell r="T2576">
            <v>607644</v>
          </cell>
          <cell r="V2576" t="str">
            <v>ft772495</v>
          </cell>
          <cell r="W2576" t="str">
            <v>hn148435</v>
          </cell>
          <cell r="Y2576" t="str">
            <v>041，33，34，35，36，38，41，42，47，48，50，</v>
          </cell>
          <cell r="Z2576">
            <v>47</v>
          </cell>
          <cell r="AA2576">
            <v>48</v>
          </cell>
          <cell r="AB2576">
            <v>42</v>
          </cell>
          <cell r="AC2576">
            <v>41</v>
          </cell>
          <cell r="AD2576" t="str">
            <v/>
          </cell>
          <cell r="AE2576" t="str">
            <v>１；電気計装設備保守管理業務(上水道・簡易水道・飲料水供給施設・下水道・地域下水道・農業集落排水・ごみ焼却プラント・排水プラント)２；ポンプ設備保守管理業務(上水道・簡易水道・飲料水供給施設・地域下水道・農業集落排水・農水揚水ポンプ施設・その他 ポンプ施設全般)３；水位計・流量計・圧力計・記録計・指示計・調節計・積算計・警報設定器・高速回線避雷ユニット　他(仕入先:横河電機・島津製作所・JFEアドバンテック・日本ハイコン・大豊機工・森長電子(代) 等)４；濁度計・残留塩素計・PH計・アルカリ度計・溶存酸素計・CO計・CO2計・SO2計・NOx計・O2計　他(仕入先:横河電機・島津製作所・愛知時計電機・東亜ディーケーケー・日本電色工業 等)</v>
          </cell>
          <cell r="AF2576" t="str">
            <v>上下水道をはじめ、プラントの電気計装設備から建築電気までの施工及び保守を得意としており、特に計装分野においては各メーカーとの直接取引により、高い技術力と価格・納期に自信を持っております。</v>
          </cell>
        </row>
        <row r="2577">
          <cell r="B2577">
            <v>11042</v>
          </cell>
          <cell r="C2577" t="str">
            <v>北伊丹ダイハツ販売(株)</v>
          </cell>
          <cell r="D2577" t="str">
            <v>072-781-1917</v>
          </cell>
          <cell r="E2577" t="str">
            <v>664-0014</v>
          </cell>
          <cell r="F2577" t="str">
            <v>兵庫県伊丹市広畑2-16</v>
          </cell>
          <cell r="G2577" t="str">
            <v>伊丹市</v>
          </cell>
          <cell r="H2577" t="str">
            <v/>
          </cell>
          <cell r="I2577" t="str">
            <v>代表取締役 杉本　啓次</v>
          </cell>
          <cell r="J2577" t="str">
            <v>本店</v>
          </cell>
          <cell r="K2577" t="str">
            <v>072-777-9545</v>
          </cell>
          <cell r="L2577" t="str">
            <v>gotou@netkid.jp</v>
          </cell>
          <cell r="M2577" t="str">
            <v>ｷﾀｲﾀﾐﾀﾞｲﾊﾂﾊﾝﾊﾞｲ</v>
          </cell>
          <cell r="N2577" t="str">
            <v>無</v>
          </cell>
          <cell r="O2577">
            <v>52</v>
          </cell>
          <cell r="P2577">
            <v>21</v>
          </cell>
          <cell r="Q2577">
            <v>7140001078239</v>
          </cell>
          <cell r="R2577">
            <v>20000</v>
          </cell>
          <cell r="S2577">
            <v>17626</v>
          </cell>
          <cell r="T2577">
            <v>330894</v>
          </cell>
          <cell r="V2577" t="str">
            <v>er625213</v>
          </cell>
          <cell r="W2577" t="str">
            <v>vo173936</v>
          </cell>
          <cell r="Y2577" t="str">
            <v>044，23，24，26，44，</v>
          </cell>
          <cell r="Z2577">
            <v>23</v>
          </cell>
          <cell r="AA2577">
            <v>26</v>
          </cell>
          <cell r="AB2577">
            <v>24</v>
          </cell>
          <cell r="AC2577">
            <v>44</v>
          </cell>
          <cell r="AD2577" t="str">
            <v>近畿陸運局長指定局内車検工場　ダイハツ工業（株）ダイハツショップ</v>
          </cell>
          <cell r="AE2577" t="str">
            <v>１；ダイハツ車の新車・中古車の販売及び他メーカーの新車・中古車の販売２；各メーカーの車両整備（車検・法定点検・一般整備・ＢＰ）３；各メーカーの部品販売４；自動車のリース</v>
          </cell>
          <cell r="AF2577" t="str">
            <v>ダイハツ車の新車・中古車の車両販売、整備修理一式及び部品の販売</v>
          </cell>
        </row>
        <row r="2578">
          <cell r="B2578">
            <v>11045</v>
          </cell>
          <cell r="C2578" t="str">
            <v>(一財)関西情報センター</v>
          </cell>
          <cell r="D2578" t="str">
            <v>06-6809-1093</v>
          </cell>
          <cell r="E2578" t="str">
            <v>530-0001</v>
          </cell>
          <cell r="F2578" t="str">
            <v>大阪府大阪市中央区城見1-3-7松下IMPﾋﾞﾙ</v>
          </cell>
          <cell r="G2578" t="str">
            <v>大阪市</v>
          </cell>
          <cell r="H2578" t="str">
            <v/>
          </cell>
          <cell r="I2578" t="str">
            <v>会長 森下　俊三</v>
          </cell>
          <cell r="J2578" t="str">
            <v>本店</v>
          </cell>
          <cell r="K2578" t="str">
            <v>06-6809-2093</v>
          </cell>
          <cell r="L2578" t="str">
            <v>ict-staff@kiis.or.jp</v>
          </cell>
          <cell r="M2578" t="str">
            <v>ｶﾝｻｲｼﾞｮｳﾎｳｾﾝﾀｰ</v>
          </cell>
          <cell r="N2578" t="str">
            <v>無</v>
          </cell>
          <cell r="O2578">
            <v>48</v>
          </cell>
          <cell r="P2578">
            <v>38</v>
          </cell>
          <cell r="Q2578">
            <v>5120005015290</v>
          </cell>
          <cell r="R2578">
            <v>483000</v>
          </cell>
          <cell r="S2578">
            <v>756527</v>
          </cell>
          <cell r="T2578">
            <v>1390538</v>
          </cell>
          <cell r="V2578" t="str">
            <v>sp499076</v>
          </cell>
          <cell r="W2578" t="str">
            <v>ｒd169159</v>
          </cell>
          <cell r="Y2578" t="str">
            <v>57，58，77，</v>
          </cell>
          <cell r="Z2578" t="str">
            <v/>
          </cell>
          <cell r="AA2578" t="str">
            <v/>
          </cell>
          <cell r="AB2578" t="str">
            <v/>
          </cell>
          <cell r="AC2578" t="str">
            <v/>
          </cell>
          <cell r="AD2578" t="str">
            <v/>
          </cell>
          <cell r="AE2578" t="str">
            <v>１；２；３；４；</v>
          </cell>
          <cell r="AF2578" t="str">
            <v>システム構築・運営、情報セキュリティ監査・コンサル、情報化、交通、福祉、文化、産業関係の調査・研究、各種計画策定、統合発展計画等</v>
          </cell>
        </row>
        <row r="2579">
          <cell r="B2579">
            <v>11046</v>
          </cell>
          <cell r="C2579" t="str">
            <v>(株)極東技工コンサルタント</v>
          </cell>
          <cell r="D2579" t="str">
            <v>078-386-9450</v>
          </cell>
          <cell r="E2579" t="str">
            <v>650-0046</v>
          </cell>
          <cell r="F2579" t="str">
            <v>兵庫県神戸市中央区港島中町6-2-1-2-1103</v>
          </cell>
          <cell r="G2579" t="str">
            <v>神戸市</v>
          </cell>
          <cell r="H2579" t="str">
            <v>神戸事務所</v>
          </cell>
          <cell r="I2579" t="str">
            <v>所長 田中　孝一</v>
          </cell>
          <cell r="J2579" t="str">
            <v>大阪府吹田市</v>
          </cell>
          <cell r="K2579" t="str">
            <v>078-386-9450</v>
          </cell>
          <cell r="L2579" t="str">
            <v>a-eigyou@kgc21.co.jp</v>
          </cell>
          <cell r="M2579" t="str">
            <v>ｷｮｸﾄｳｷﾞｺｳｺﾝｻﾙﾀﾝﾄ</v>
          </cell>
          <cell r="N2579" t="str">
            <v>有</v>
          </cell>
          <cell r="O2579">
            <v>44</v>
          </cell>
          <cell r="P2579">
            <v>134</v>
          </cell>
          <cell r="Q2579">
            <v>2120901006107</v>
          </cell>
          <cell r="R2579">
            <v>50000</v>
          </cell>
          <cell r="S2579">
            <v>354256</v>
          </cell>
          <cell r="T2579">
            <v>1956022</v>
          </cell>
          <cell r="V2579" t="str">
            <v>un413896</v>
          </cell>
          <cell r="W2579" t="str">
            <v>gf166963</v>
          </cell>
          <cell r="Y2579" t="str">
            <v>057，57，58，79，</v>
          </cell>
          <cell r="Z2579">
            <v>79</v>
          </cell>
          <cell r="AA2579">
            <v>80</v>
          </cell>
          <cell r="AB2579">
            <v>58</v>
          </cell>
          <cell r="AC2579">
            <v>57</v>
          </cell>
          <cell r="AD2579" t="str">
            <v/>
          </cell>
          <cell r="AE2579" t="str">
            <v>１；下水道管内TVカメラ調査２；流量調査、浄化槽調査３；システム開発(下水道台帳管理システム)４；電算処理、データ入力</v>
          </cell>
          <cell r="AF2579" t="str">
            <v>弊社は昨年４４周年をむかえ、貴市に対する営業活動にもより一層注力してまいる所存です。今後も「下水道設計・上水道設計」のみならず、ストックマネジメント・防災・耐震対策・浸水対策等にも積極的に取り組んでまいります。ぜひともご用命のほど、よろしくお願いいたします。</v>
          </cell>
        </row>
        <row r="2580">
          <cell r="B2580">
            <v>11047</v>
          </cell>
          <cell r="C2580" t="str">
            <v>エネサーブ(株)</v>
          </cell>
          <cell r="D2580" t="str">
            <v>077-543-6330</v>
          </cell>
          <cell r="E2580" t="str">
            <v>520-2152</v>
          </cell>
          <cell r="F2580" t="str">
            <v>滋賀県大津市月輪2-19-6</v>
          </cell>
          <cell r="G2580" t="str">
            <v>大津市</v>
          </cell>
          <cell r="H2580" t="str">
            <v/>
          </cell>
          <cell r="I2580" t="str">
            <v>代表取締役 井上　博司</v>
          </cell>
          <cell r="J2580" t="str">
            <v>本店</v>
          </cell>
          <cell r="K2580" t="str">
            <v>077-543-6331</v>
          </cell>
          <cell r="L2580" t="str">
            <v>nyusatsu@eneserve.co.jp</v>
          </cell>
          <cell r="M2580" t="str">
            <v>ｴﾈｻｰﾌﾞ</v>
          </cell>
          <cell r="N2580" t="str">
            <v>無</v>
          </cell>
          <cell r="O2580">
            <v>44</v>
          </cell>
          <cell r="P2580">
            <v>221</v>
          </cell>
          <cell r="Q2580">
            <v>2160001003901</v>
          </cell>
          <cell r="R2580">
            <v>7629500</v>
          </cell>
          <cell r="S2580">
            <v>29316179</v>
          </cell>
          <cell r="T2580">
            <v>40930588</v>
          </cell>
          <cell r="V2580" t="str">
            <v>wr126416</v>
          </cell>
          <cell r="W2580" t="str">
            <v>qn181939</v>
          </cell>
          <cell r="Y2580" t="str">
            <v>43，47，</v>
          </cell>
          <cell r="Z2580">
            <v>47</v>
          </cell>
          <cell r="AA2580">
            <v>43</v>
          </cell>
          <cell r="AB2580" t="str">
            <v/>
          </cell>
          <cell r="AC2580" t="str">
            <v/>
          </cell>
          <cell r="AD2580" t="str">
            <v/>
          </cell>
          <cell r="AE2580" t="str">
            <v>１；電気設備保守・点検２；小売電気事業の登録３；４；</v>
          </cell>
          <cell r="AF2580" t="str">
            <v>会社設立以来、電気設備のセキュリティーサービスを提供。電気設備の安全とエネルギーの有効利用を促進しています。平成16年からは今まで培ってきた技術・ノウハウをもとに託送による電力小売事業も展開しています。</v>
          </cell>
        </row>
        <row r="2581">
          <cell r="B2581">
            <v>11048</v>
          </cell>
          <cell r="C2581" t="str">
            <v>(株)セイワプラント</v>
          </cell>
          <cell r="D2581" t="str">
            <v>06-6606-2050</v>
          </cell>
          <cell r="E2581" t="str">
            <v>558-0003</v>
          </cell>
          <cell r="F2581" t="str">
            <v>大阪府大阪市住吉区長居4-5-18-104</v>
          </cell>
          <cell r="G2581" t="str">
            <v>大阪市</v>
          </cell>
          <cell r="H2581" t="str">
            <v/>
          </cell>
          <cell r="I2581" t="str">
            <v>代表取締役 井原　純</v>
          </cell>
          <cell r="J2581" t="str">
            <v>本店</v>
          </cell>
          <cell r="K2581" t="str">
            <v>06-6606-2051</v>
          </cell>
          <cell r="L2581" t="str">
            <v>seiwa-p@wish.ocn.ne.jp</v>
          </cell>
          <cell r="M2581" t="str">
            <v>ｾｲﾜﾌﾟﾗﾝﾄ</v>
          </cell>
          <cell r="N2581" t="str">
            <v>無</v>
          </cell>
          <cell r="O2581">
            <v>37</v>
          </cell>
          <cell r="P2581">
            <v>7</v>
          </cell>
          <cell r="Q2581">
            <v>5120001141322</v>
          </cell>
          <cell r="R2581">
            <v>33000</v>
          </cell>
          <cell r="S2581">
            <v>43091</v>
          </cell>
          <cell r="T2581">
            <v>154075</v>
          </cell>
          <cell r="V2581" t="str">
            <v>vx619140</v>
          </cell>
          <cell r="W2581" t="str">
            <v>kl159969</v>
          </cell>
          <cell r="Y2581" t="str">
            <v>051，51，53，54，55，68，79，</v>
          </cell>
          <cell r="Z2581">
            <v>55</v>
          </cell>
          <cell r="AA2581">
            <v>79</v>
          </cell>
          <cell r="AB2581">
            <v>53</v>
          </cell>
          <cell r="AC2581">
            <v>51</v>
          </cell>
          <cell r="AD2581" t="str">
            <v>道路及び下水道施設等、清掃維持管理を得意としております。</v>
          </cell>
          <cell r="AE2581" t="str">
            <v>１；路面清掃車、散水車、ダンプトラック等全て自社保有しております。２；ＴＶカメラ車、取付管カメラ、簡易カメラ、高圧洗浄車、強力吸引車、吸引車等全て自社保有しております。３；肩掛け式草刈り機等除草清掃に必要機材は全て自社保有しております。４；貯水槽清掃業許可　大阪府貯　第３－３１号</v>
          </cell>
          <cell r="AF2581" t="str">
            <v>工事：浚渫工事（下水管、側溝、桝、水路、河川等浚渫清掃）・管更生工事（ＦＦＴ工法）・人孔蓋取替工事（ＬＢ工法）を得意としております。物品：路面清掃・下水管内調査（ＴＶカメラ、目視等）・下水管、貯水槽等清掃、各種清掃維持管理を得意としており、機材は全て自社保有しております。</v>
          </cell>
        </row>
        <row r="2582">
          <cell r="B2582">
            <v>11049</v>
          </cell>
          <cell r="C2582" t="str">
            <v>(株)トクスイ</v>
          </cell>
          <cell r="D2582" t="str">
            <v>072-275-8092</v>
          </cell>
          <cell r="E2582" t="str">
            <v>590-0025</v>
          </cell>
          <cell r="F2582" t="str">
            <v>大阪府堺市堺区向陵東町1-9-5</v>
          </cell>
          <cell r="G2582" t="str">
            <v>堺市</v>
          </cell>
          <cell r="H2582" t="str">
            <v>大阪営業所</v>
          </cell>
          <cell r="I2582" t="str">
            <v>所長 仁木　学</v>
          </cell>
          <cell r="J2582" t="str">
            <v>徳島県徳島市</v>
          </cell>
          <cell r="K2582" t="str">
            <v>072-275-8096</v>
          </cell>
          <cell r="L2582" t="str">
            <v>office@tokusui-water.jp</v>
          </cell>
          <cell r="M2582" t="str">
            <v>ﾄｸｽｲ</v>
          </cell>
          <cell r="N2582" t="str">
            <v>有</v>
          </cell>
          <cell r="O2582">
            <v>34</v>
          </cell>
          <cell r="P2582">
            <v>10</v>
          </cell>
          <cell r="Q2582">
            <v>2480001001765</v>
          </cell>
          <cell r="R2582">
            <v>10000</v>
          </cell>
          <cell r="S2582">
            <v>23886</v>
          </cell>
          <cell r="T2582">
            <v>60568</v>
          </cell>
          <cell r="V2582" t="str">
            <v>aj928153</v>
          </cell>
          <cell r="W2582" t="str">
            <v>qt197913</v>
          </cell>
          <cell r="Y2582" t="str">
            <v>79，</v>
          </cell>
          <cell r="Z2582">
            <v>79</v>
          </cell>
          <cell r="AA2582" t="str">
            <v/>
          </cell>
          <cell r="AB2582" t="str">
            <v/>
          </cell>
          <cell r="AC2582" t="str">
            <v/>
          </cell>
          <cell r="AD2582" t="str">
            <v/>
          </cell>
          <cell r="AE2582" t="str">
            <v>１；上水道漏水調査、水圧測定、水道管内不断水カメラ調査、水道管特殊洗浄（ＳＣＯＰＥ工法）２；３；４；</v>
          </cell>
          <cell r="AF2582" t="str">
            <v>上水道漏水調査、水圧測定、水道管内不断水カメラ調査、水道管特殊洗浄（ＳＣＯＰＥ工法）</v>
          </cell>
        </row>
        <row r="2583">
          <cell r="B2583">
            <v>11052</v>
          </cell>
          <cell r="C2583" t="str">
            <v>(株)トモヤ</v>
          </cell>
          <cell r="D2583" t="str">
            <v>078-611-4111</v>
          </cell>
          <cell r="E2583" t="str">
            <v>653-0035</v>
          </cell>
          <cell r="F2583" t="str">
            <v>兵庫県神戸市長田区庄田町4-9-7</v>
          </cell>
          <cell r="G2583" t="str">
            <v>神戸市</v>
          </cell>
          <cell r="H2583" t="str">
            <v/>
          </cell>
          <cell r="I2583" t="str">
            <v>代表取締役 友久　一徹</v>
          </cell>
          <cell r="J2583" t="str">
            <v>本店</v>
          </cell>
          <cell r="K2583" t="str">
            <v>078-641-2810</v>
          </cell>
          <cell r="L2583" t="str">
            <v>info@tomoya-uniform.co.jp</v>
          </cell>
          <cell r="M2583" t="str">
            <v>ﾄﾓﾔ</v>
          </cell>
          <cell r="N2583" t="str">
            <v>無</v>
          </cell>
          <cell r="O2583">
            <v>59</v>
          </cell>
          <cell r="P2583">
            <v>12</v>
          </cell>
          <cell r="Q2583">
            <v>5140001016530</v>
          </cell>
          <cell r="R2583">
            <v>10000</v>
          </cell>
          <cell r="S2583">
            <v>151096</v>
          </cell>
          <cell r="T2583">
            <v>518907</v>
          </cell>
          <cell r="V2583" t="str">
            <v>eb531773</v>
          </cell>
          <cell r="W2583" t="str">
            <v>el199598</v>
          </cell>
          <cell r="Y2583" t="str">
            <v>03，</v>
          </cell>
          <cell r="Z2583" t="str">
            <v/>
          </cell>
          <cell r="AA2583" t="str">
            <v/>
          </cell>
          <cell r="AB2583" t="str">
            <v/>
          </cell>
          <cell r="AC2583" t="str">
            <v/>
          </cell>
          <cell r="AD2583" t="str">
            <v/>
          </cell>
          <cell r="AE2583" t="str">
            <v>１；２；３；４；</v>
          </cell>
          <cell r="AF2583" t="str">
            <v>作業服、ユニフォーム、事務服、白衣、雨衣等の製造卸売販売</v>
          </cell>
        </row>
        <row r="2584">
          <cell r="B2584">
            <v>11053</v>
          </cell>
          <cell r="C2584" t="str">
            <v>赤坂印刷(株)</v>
          </cell>
          <cell r="D2584" t="str">
            <v>06-6974-0190</v>
          </cell>
          <cell r="E2584" t="str">
            <v>537-0024</v>
          </cell>
          <cell r="F2584" t="str">
            <v>大阪府大阪市東成区東小橋1-18-10</v>
          </cell>
          <cell r="G2584" t="str">
            <v>大阪市</v>
          </cell>
          <cell r="H2584" t="str">
            <v>大阪支店</v>
          </cell>
          <cell r="I2584" t="str">
            <v>支店長 赤坂　尚亮</v>
          </cell>
          <cell r="J2584" t="str">
            <v>山口県周南市</v>
          </cell>
          <cell r="K2584" t="str">
            <v>06-6974-0191</v>
          </cell>
          <cell r="L2584" t="str">
            <v/>
          </cell>
          <cell r="M2584" t="str">
            <v>ｱｶｻｶｲﾝｻﾂ</v>
          </cell>
          <cell r="N2584" t="str">
            <v>有</v>
          </cell>
          <cell r="O2584">
            <v>65</v>
          </cell>
          <cell r="P2584">
            <v>123</v>
          </cell>
          <cell r="Q2584">
            <v>8250001008646</v>
          </cell>
          <cell r="R2584">
            <v>40000</v>
          </cell>
          <cell r="S2584" t="str">
            <v/>
          </cell>
          <cell r="T2584">
            <v>2956153</v>
          </cell>
          <cell r="V2584" t="str">
            <v>cm218763</v>
          </cell>
          <cell r="W2584" t="str">
            <v>tr195131</v>
          </cell>
          <cell r="Y2584" t="str">
            <v>57，74，76，</v>
          </cell>
          <cell r="Z2584">
            <v>74</v>
          </cell>
          <cell r="AA2584">
            <v>76</v>
          </cell>
          <cell r="AB2584">
            <v>57</v>
          </cell>
          <cell r="AC2584" t="str">
            <v/>
          </cell>
          <cell r="AD2584" t="str">
            <v/>
          </cell>
          <cell r="AE2584" t="str">
            <v>１；連続伝票・バックカーボン伝票・長短尺複写伝票・インサータ伝票・タックフォーム・給与袋・特殊ナンバリング・各種圧着メール・バーコード印刷・偽造防止用紙２；ごみシール・シール各種３；データプリント及び封入封緘業務４；</v>
          </cell>
          <cell r="AF2584" t="str">
            <v>事務用印刷物を中心として各種印刷物を扱っております。特に環境問題のゴミシールなども実績をもっております。</v>
          </cell>
        </row>
        <row r="2585">
          <cell r="B2585">
            <v>11054</v>
          </cell>
          <cell r="C2585" t="str">
            <v>(株)ニュージェック</v>
          </cell>
          <cell r="D2585" t="str">
            <v>078-232-7401</v>
          </cell>
          <cell r="E2585" t="str">
            <v>651-0097</v>
          </cell>
          <cell r="F2585" t="str">
            <v>兵庫県神戸市中央区布引町2-1-7</v>
          </cell>
          <cell r="G2585" t="str">
            <v>神戸市</v>
          </cell>
          <cell r="H2585" t="str">
            <v>兵庫事務所</v>
          </cell>
          <cell r="I2585" t="str">
            <v>所長 澁谷　浩司</v>
          </cell>
          <cell r="J2585" t="str">
            <v>大阪府大阪市</v>
          </cell>
          <cell r="K2585" t="str">
            <v>078-232-7419</v>
          </cell>
          <cell r="L2585" t="str">
            <v>hyogo@newjec.co.jp</v>
          </cell>
          <cell r="M2585" t="str">
            <v>ﾆｭｰｼﾞｪｯｸ</v>
          </cell>
          <cell r="N2585" t="str">
            <v>有</v>
          </cell>
          <cell r="O2585">
            <v>54</v>
          </cell>
          <cell r="P2585">
            <v>614</v>
          </cell>
          <cell r="Q2585">
            <v>2120001086883</v>
          </cell>
          <cell r="R2585">
            <v>200000</v>
          </cell>
          <cell r="S2585">
            <v>7315341</v>
          </cell>
          <cell r="T2585">
            <v>16812874</v>
          </cell>
          <cell r="V2585" t="str">
            <v>na396117</v>
          </cell>
          <cell r="W2585" t="str">
            <v>nt195316</v>
          </cell>
          <cell r="Y2585" t="str">
            <v>58，77，</v>
          </cell>
          <cell r="Z2585" t="str">
            <v/>
          </cell>
          <cell r="AA2585" t="str">
            <v/>
          </cell>
          <cell r="AB2585" t="str">
            <v/>
          </cell>
          <cell r="AC2585" t="str">
            <v/>
          </cell>
          <cell r="AD2585" t="str">
            <v/>
          </cell>
          <cell r="AE2585" t="str">
            <v>１；２；３；４；</v>
          </cell>
          <cell r="AF2585" t="str">
            <v>建設コンサルタント及び一級建築士事務所として地方自治体の発注する土木・建築設計及び計画業務、調査業務において豊富な実績を積んでおります。近年は老朽化した公共インフラ施設の長寿命化計画及び維持管理計画策定等アセットマネジメントの分野においても当社の技術力を発揮しております。</v>
          </cell>
        </row>
        <row r="2586">
          <cell r="B2586">
            <v>11056</v>
          </cell>
          <cell r="C2586" t="str">
            <v>金田運輸(株)</v>
          </cell>
          <cell r="D2586" t="str">
            <v>0798-22-1219</v>
          </cell>
          <cell r="E2586" t="str">
            <v>662-0931</v>
          </cell>
          <cell r="F2586" t="str">
            <v>兵庫県西宮市前浜町3ｰ36</v>
          </cell>
          <cell r="G2586" t="str">
            <v>西宮市</v>
          </cell>
          <cell r="H2586" t="str">
            <v/>
          </cell>
          <cell r="I2586" t="str">
            <v>代表取締役 野村　めぐみ</v>
          </cell>
          <cell r="J2586" t="str">
            <v>本店</v>
          </cell>
          <cell r="K2586" t="str">
            <v>0798-22-1766</v>
          </cell>
          <cell r="L2586" t="str">
            <v>kaneda-unyu@h2.dion.ne.jp</v>
          </cell>
          <cell r="M2586" t="str">
            <v>ｶﾈﾀﾞｳﾝﾕ</v>
          </cell>
          <cell r="N2586" t="str">
            <v>無</v>
          </cell>
          <cell r="O2586">
            <v>66</v>
          </cell>
          <cell r="P2586">
            <v>48</v>
          </cell>
          <cell r="Q2586">
            <v>1140001068360</v>
          </cell>
          <cell r="R2586">
            <v>14000</v>
          </cell>
          <cell r="S2586">
            <v>120989</v>
          </cell>
          <cell r="T2586">
            <v>357640</v>
          </cell>
          <cell r="V2586" t="str">
            <v>eb558171</v>
          </cell>
          <cell r="W2586" t="str">
            <v>eｒ166397</v>
          </cell>
          <cell r="Y2586" t="str">
            <v>63，67，68，</v>
          </cell>
          <cell r="Z2586">
            <v>67</v>
          </cell>
          <cell r="AA2586">
            <v>63</v>
          </cell>
          <cell r="AB2586">
            <v>68</v>
          </cell>
          <cell r="AC2586" t="str">
            <v/>
          </cell>
          <cell r="AD2586" t="str">
            <v/>
          </cell>
          <cell r="AE2586" t="str">
            <v>１；引越移転業務、信書便、給食物資配送（冷凍・冷蔵・常温）、楽器運搬、精密機械・医療機器運送２；文化祭・発表会等のパネル設営・運搬、作品展示３；産業廃棄物収集運搬４；</v>
          </cell>
          <cell r="AF2586" t="str">
            <v>軽～５トンの天然ガス・ハイブリッド・エアサス・冷凍冷蔵・パワーゲート・ユニック車など４５台を所有、営業年数６５年。西宮市神戸市学校給食・特定信書便・楽器・精密機器輸送。展示パネル設営・移転業務・保管も可能。冷凍冷蔵庫所有。自動停止装置付きトラックで安全輸送。</v>
          </cell>
        </row>
        <row r="2587">
          <cell r="B2587">
            <v>11057</v>
          </cell>
          <cell r="C2587" t="str">
            <v>(株)イー・ウォーター</v>
          </cell>
          <cell r="D2587" t="str">
            <v>0799-42-6423</v>
          </cell>
          <cell r="E2587" t="str">
            <v>656-0473</v>
          </cell>
          <cell r="F2587" t="str">
            <v>兵庫県南あわじ市市小井137</v>
          </cell>
          <cell r="G2587" t="str">
            <v>南あわじ市</v>
          </cell>
          <cell r="H2587" t="str">
            <v/>
          </cell>
          <cell r="I2587" t="str">
            <v>代表取締役 滝本　太一郎</v>
          </cell>
          <cell r="J2587" t="str">
            <v>本店</v>
          </cell>
          <cell r="K2587" t="str">
            <v>0799-42-5883</v>
          </cell>
          <cell r="L2587" t="str">
            <v>office@ewater.co.jp</v>
          </cell>
          <cell r="M2587" t="str">
            <v>ｲｰ･ｳｫｰﾀｰ</v>
          </cell>
          <cell r="N2587" t="str">
            <v>無</v>
          </cell>
          <cell r="O2587">
            <v>16</v>
          </cell>
          <cell r="P2587">
            <v>15</v>
          </cell>
          <cell r="Q2587">
            <v>1140001084960</v>
          </cell>
          <cell r="R2587">
            <v>10000</v>
          </cell>
          <cell r="S2587">
            <v>31228</v>
          </cell>
          <cell r="T2587">
            <v>55162</v>
          </cell>
          <cell r="V2587" t="str">
            <v>bc958720</v>
          </cell>
          <cell r="W2587" t="str">
            <v>qd196995</v>
          </cell>
          <cell r="Y2587" t="str">
            <v>61，79，</v>
          </cell>
          <cell r="Z2587">
            <v>61</v>
          </cell>
          <cell r="AA2587">
            <v>80</v>
          </cell>
          <cell r="AB2587">
            <v>79</v>
          </cell>
          <cell r="AC2587" t="str">
            <v/>
          </cell>
          <cell r="AD2587" t="str">
            <v>プライバシーマーク登録</v>
          </cell>
          <cell r="AE2587" t="str">
            <v>１；検針・収納等水道料金関連業務２；上水道施設運転管理業務３；漏水調査業務４；</v>
          </cell>
          <cell r="AF2587" t="str">
            <v>上水道お客さまセンター業務・上水道施設運転維持管理業務を核に水道事業の運営・維持管理を総合的に行っております。</v>
          </cell>
        </row>
        <row r="2588">
          <cell r="B2588">
            <v>11059</v>
          </cell>
          <cell r="C2588" t="str">
            <v>(株)マツダ建設</v>
          </cell>
          <cell r="D2588" t="str">
            <v>079-563-4747</v>
          </cell>
          <cell r="E2588" t="str">
            <v>669-1548</v>
          </cell>
          <cell r="F2588" t="str">
            <v>兵庫県三田市池尻25</v>
          </cell>
          <cell r="G2588" t="str">
            <v>三田市</v>
          </cell>
          <cell r="H2588" t="str">
            <v/>
          </cell>
          <cell r="I2588" t="str">
            <v>代表取締役 松田　菊次</v>
          </cell>
          <cell r="J2588" t="str">
            <v>本店</v>
          </cell>
          <cell r="K2588" t="str">
            <v>079-563-7415</v>
          </cell>
          <cell r="L2588" t="str">
            <v>mailmaster@matsudak.co.jp</v>
          </cell>
          <cell r="M2588" t="str">
            <v>ﾏﾂﾀﾞｹﾝｾﾂ</v>
          </cell>
          <cell r="N2588" t="str">
            <v>無</v>
          </cell>
          <cell r="O2588">
            <v>51</v>
          </cell>
          <cell r="P2588">
            <v>6</v>
          </cell>
          <cell r="Q2588">
            <v>6140001066590</v>
          </cell>
          <cell r="R2588">
            <v>20000</v>
          </cell>
          <cell r="S2588">
            <v>115787</v>
          </cell>
          <cell r="T2588">
            <v>156041</v>
          </cell>
          <cell r="V2588" t="str">
            <v>wc258791</v>
          </cell>
          <cell r="W2588" t="str">
            <v>fs185759</v>
          </cell>
          <cell r="Y2588" t="str">
            <v/>
          </cell>
          <cell r="Z2588" t="str">
            <v/>
          </cell>
          <cell r="AA2588" t="str">
            <v/>
          </cell>
          <cell r="AB2588" t="str">
            <v/>
          </cell>
          <cell r="AC2588" t="str">
            <v/>
          </cell>
          <cell r="AD2588" t="str">
            <v/>
          </cell>
          <cell r="AE2588" t="str">
            <v>１；埋蔵文化財発掘調査２；３；４；</v>
          </cell>
          <cell r="AF2588" t="str">
            <v>土木事業及び埋蔵文化財発掘調査事業における高度な技術と経験を持つパートナーとして、お客様の問題を解決し要求を満足する技術を提供します。</v>
          </cell>
        </row>
        <row r="2589">
          <cell r="B2589">
            <v>11060</v>
          </cell>
          <cell r="C2589" t="str">
            <v>(株)システム・エージ</v>
          </cell>
          <cell r="D2589" t="str">
            <v>072-775-0708</v>
          </cell>
          <cell r="E2589" t="str">
            <v>664-0855</v>
          </cell>
          <cell r="F2589" t="str">
            <v>兵庫県伊丹市御願塚3-1-18</v>
          </cell>
          <cell r="G2589" t="str">
            <v>伊丹市</v>
          </cell>
          <cell r="H2589" t="str">
            <v/>
          </cell>
          <cell r="I2589" t="str">
            <v>代表取締役 上田　隆</v>
          </cell>
          <cell r="J2589" t="str">
            <v>本店</v>
          </cell>
          <cell r="K2589" t="str">
            <v>072-775-2902</v>
          </cell>
          <cell r="L2589" t="str">
            <v>ueda@system-age.co.jp</v>
          </cell>
          <cell r="M2589" t="str">
            <v>ｼｽﾃﾑ･ｴｰｼﾞ</v>
          </cell>
          <cell r="N2589" t="str">
            <v>無</v>
          </cell>
          <cell r="O2589">
            <v>37</v>
          </cell>
          <cell r="P2589">
            <v>21</v>
          </cell>
          <cell r="Q2589">
            <v>8140001078436</v>
          </cell>
          <cell r="R2589">
            <v>10000</v>
          </cell>
          <cell r="S2589">
            <v>131142</v>
          </cell>
          <cell r="T2589">
            <v>285597</v>
          </cell>
          <cell r="V2589" t="str">
            <v>vy774535</v>
          </cell>
          <cell r="W2589" t="str">
            <v>ju171733</v>
          </cell>
          <cell r="Y2589" t="str">
            <v>36，57，58，</v>
          </cell>
          <cell r="Z2589">
            <v>58</v>
          </cell>
          <cell r="AA2589">
            <v>36</v>
          </cell>
          <cell r="AB2589">
            <v>57</v>
          </cell>
          <cell r="AC2589" t="str">
            <v/>
          </cell>
          <cell r="AD2589" t="str">
            <v/>
          </cell>
          <cell r="AE2589" t="str">
            <v>１；システム開発、運用、保守２；開発に伴うＯＡ機器の販売３；４；</v>
          </cell>
          <cell r="AF2589" t="str">
            <v>地方自治体向けソフトウェア開発、運用、保守及び開発に伴うＯＡ機器販売</v>
          </cell>
        </row>
        <row r="2590">
          <cell r="B2590">
            <v>11061</v>
          </cell>
          <cell r="C2590" t="str">
            <v>(株)エース警備保障</v>
          </cell>
          <cell r="D2590" t="str">
            <v>06-6481-0055</v>
          </cell>
          <cell r="E2590" t="str">
            <v>660-0815</v>
          </cell>
          <cell r="F2590" t="str">
            <v>兵庫県尼崎市杭瀬北新町四丁目9番7号</v>
          </cell>
          <cell r="G2590" t="str">
            <v>尼崎市</v>
          </cell>
          <cell r="H2590" t="str">
            <v/>
          </cell>
          <cell r="I2590" t="str">
            <v>代表取締役社長 河内　龍てつ</v>
          </cell>
          <cell r="J2590" t="str">
            <v>本店</v>
          </cell>
          <cell r="K2590" t="str">
            <v>06-6481-0011</v>
          </cell>
          <cell r="L2590" t="str">
            <v>kuriaki@ace-guard.com</v>
          </cell>
          <cell r="M2590" t="str">
            <v>ｴｰｽｹｲﾋﾞﾎｼｮｳ</v>
          </cell>
          <cell r="N2590" t="str">
            <v>無</v>
          </cell>
          <cell r="O2590">
            <v>26</v>
          </cell>
          <cell r="P2590">
            <v>405</v>
          </cell>
          <cell r="Q2590">
            <v>7140001047838</v>
          </cell>
          <cell r="R2590">
            <v>10000</v>
          </cell>
          <cell r="S2590">
            <v>10000</v>
          </cell>
          <cell r="T2590">
            <v>371741</v>
          </cell>
          <cell r="V2590" t="str">
            <v>rp458574</v>
          </cell>
          <cell r="W2590" t="str">
            <v>qm133339</v>
          </cell>
          <cell r="Y2590" t="str">
            <v>45，</v>
          </cell>
          <cell r="Z2590" t="str">
            <v/>
          </cell>
          <cell r="AA2590" t="str">
            <v/>
          </cell>
          <cell r="AB2590" t="str">
            <v/>
          </cell>
          <cell r="AC2590" t="str">
            <v/>
          </cell>
          <cell r="AD2590" t="str">
            <v/>
          </cell>
          <cell r="AE2590" t="str">
            <v>１；２；３；４；</v>
          </cell>
          <cell r="AF2590" t="str">
            <v>交通誘導警備、雑踏警備、施設警備他警備業務全般</v>
          </cell>
        </row>
        <row r="2591">
          <cell r="B2591">
            <v>11062</v>
          </cell>
          <cell r="C2591" t="str">
            <v>アーベス(株)</v>
          </cell>
          <cell r="D2591" t="str">
            <v>078-381-5300</v>
          </cell>
          <cell r="E2591" t="str">
            <v>652-0841</v>
          </cell>
          <cell r="F2591" t="str">
            <v>兵庫県神戸市兵庫区南仲町2-26</v>
          </cell>
          <cell r="G2591" t="str">
            <v>神戸市</v>
          </cell>
          <cell r="H2591" t="str">
            <v>神戸営業所</v>
          </cell>
          <cell r="I2591" t="str">
            <v>所長 堀部　周一</v>
          </cell>
          <cell r="J2591" t="str">
            <v>兵庫県姫路市</v>
          </cell>
          <cell r="K2591" t="str">
            <v>078-381-5386</v>
          </cell>
          <cell r="L2591" t="str">
            <v>k-kouji@aves.jp</v>
          </cell>
          <cell r="M2591" t="str">
            <v>ｱ-ﾍﾞｽ</v>
          </cell>
          <cell r="N2591" t="str">
            <v>有</v>
          </cell>
          <cell r="O2591">
            <v>51</v>
          </cell>
          <cell r="P2591">
            <v>30</v>
          </cell>
          <cell r="Q2591">
            <v>6140001057482</v>
          </cell>
          <cell r="R2591">
            <v>10000</v>
          </cell>
          <cell r="S2591">
            <v>23452</v>
          </cell>
          <cell r="T2591">
            <v>610680</v>
          </cell>
          <cell r="V2591" t="str">
            <v>nq448983</v>
          </cell>
          <cell r="W2591" t="str">
            <v>dq198881</v>
          </cell>
          <cell r="Y2591" t="str">
            <v>049，18，35，36，38，49，50，</v>
          </cell>
          <cell r="Z2591">
            <v>18</v>
          </cell>
          <cell r="AA2591">
            <v>36</v>
          </cell>
          <cell r="AB2591">
            <v>50</v>
          </cell>
          <cell r="AC2591">
            <v>49</v>
          </cell>
          <cell r="AD2591" t="str">
            <v>電気錠、テレビ共聴設備、設備時計</v>
          </cell>
          <cell r="AE2591" t="str">
            <v>１；ホール音響、放送設備２；映像、ＩＴＶ、情報機器、時計、パソコン周辺機器、インターホン、電話３；放送設備、電話、テレビ、映像、情報機器、時計、ナースコール、インターホン、他修理４；非常放送、火災報知器修理</v>
          </cell>
          <cell r="AF2591" t="str">
            <v>創業以来、企業・官公庁での電気通信、消防設備、物品（放送、監視カメラ、会議システム、交換機、ナースコール、インターホン、時計、電気錠、テレビ受信、映像システム）等の分野で設計、取付、修理、施工等の実績を数多くさせていただいております。</v>
          </cell>
        </row>
        <row r="2592">
          <cell r="B2592">
            <v>11063</v>
          </cell>
          <cell r="C2592" t="str">
            <v>(株)アークス</v>
          </cell>
          <cell r="D2592" t="str">
            <v>079-568-1944</v>
          </cell>
          <cell r="E2592" t="str">
            <v>669-1353</v>
          </cell>
          <cell r="F2592" t="str">
            <v>兵庫県三田市東山1142-1</v>
          </cell>
          <cell r="G2592" t="str">
            <v>三田市</v>
          </cell>
          <cell r="H2592" t="str">
            <v/>
          </cell>
          <cell r="I2592" t="str">
            <v>代表取締役 島田　勝彦</v>
          </cell>
          <cell r="J2592" t="str">
            <v>本店</v>
          </cell>
          <cell r="K2592" t="str">
            <v>079-568-4963</v>
          </cell>
          <cell r="L2592" t="str">
            <v>earks@sweet.ocn.ne.jp</v>
          </cell>
          <cell r="M2592" t="str">
            <v>ｱｰｸｽ</v>
          </cell>
          <cell r="N2592" t="str">
            <v>無</v>
          </cell>
          <cell r="O2592">
            <v>25</v>
          </cell>
          <cell r="P2592">
            <v>28</v>
          </cell>
          <cell r="Q2592">
            <v>5140001066253</v>
          </cell>
          <cell r="R2592">
            <v>20000</v>
          </cell>
          <cell r="S2592">
            <v>507682</v>
          </cell>
          <cell r="T2592">
            <v>307813</v>
          </cell>
          <cell r="V2592" t="str">
            <v>ns461081</v>
          </cell>
          <cell r="W2592" t="str">
            <v>su128535</v>
          </cell>
          <cell r="Y2592" t="str">
            <v>55，79，</v>
          </cell>
          <cell r="Z2592">
            <v>79</v>
          </cell>
          <cell r="AA2592">
            <v>55</v>
          </cell>
          <cell r="AB2592" t="str">
            <v/>
          </cell>
          <cell r="AC2592" t="str">
            <v/>
          </cell>
          <cell r="AD2592" t="str">
            <v/>
          </cell>
          <cell r="AE2592" t="str">
            <v>１；テレビカメラにて下水管の老朽、漏水調査。高圧ジェット洗浄機にて下水管の汚泥浚渫除去。２；高圧ジェット洗浄機にて河川、暗渠、側溝の汚泥浚渫清掃３；４；</v>
          </cell>
          <cell r="AF2592" t="str">
            <v>高圧ジェット洗浄機にて管路を清掃、目視あるいはカメラにて管内の老朽・漏水状況を調査、後、管更生工事、止水工事と一式施工出来ます。阪神間での施工が多く、自社施工が約８５％で臨機に対応できます。</v>
          </cell>
        </row>
        <row r="2593">
          <cell r="B2593">
            <v>11065</v>
          </cell>
          <cell r="C2593" t="str">
            <v>(株)川西洗装社</v>
          </cell>
          <cell r="D2593" t="str">
            <v>072-757-4756</v>
          </cell>
          <cell r="E2593" t="str">
            <v>666-0005</v>
          </cell>
          <cell r="F2593" t="str">
            <v>兵庫県川西市川西市萩原台東1-266</v>
          </cell>
          <cell r="G2593" t="str">
            <v>川西市</v>
          </cell>
          <cell r="H2593" t="str">
            <v/>
          </cell>
          <cell r="I2593" t="str">
            <v>代表取締役 阪本　知昭</v>
          </cell>
          <cell r="J2593" t="str">
            <v>本店</v>
          </cell>
          <cell r="K2593" t="str">
            <v>072-755-9995</v>
          </cell>
          <cell r="L2593" t="str">
            <v>sakamoto@k-s-birukanri.com</v>
          </cell>
          <cell r="M2593" t="str">
            <v>ｶﾜﾆｼｾﾝｿｳｼｬ</v>
          </cell>
          <cell r="N2593" t="str">
            <v>無</v>
          </cell>
          <cell r="O2593">
            <v>39</v>
          </cell>
          <cell r="P2593">
            <v>50</v>
          </cell>
          <cell r="Q2593">
            <v>2140002064399</v>
          </cell>
          <cell r="R2593">
            <v>3000</v>
          </cell>
          <cell r="S2593" t="str">
            <v/>
          </cell>
          <cell r="T2593">
            <v>73174</v>
          </cell>
          <cell r="V2593" t="str">
            <v>zk605577</v>
          </cell>
          <cell r="W2593" t="str">
            <v>ae119795</v>
          </cell>
          <cell r="Y2593" t="str">
            <v>52，53，54，</v>
          </cell>
          <cell r="Z2593">
            <v>54</v>
          </cell>
          <cell r="AA2593">
            <v>52</v>
          </cell>
          <cell r="AB2593">
            <v>53</v>
          </cell>
          <cell r="AC2593" t="str">
            <v/>
          </cell>
          <cell r="AD2593" t="str">
            <v/>
          </cell>
          <cell r="AE2593" t="str">
            <v>１；建物清掃業務　清掃作業監督者　医療関連サービスマーク２；防除作業監督者３；４；</v>
          </cell>
          <cell r="AF2593" t="str">
            <v>完全自社施工で業務を行っております。弊社は親切・丁寧な作業を心掛けております。</v>
          </cell>
        </row>
        <row r="2594">
          <cell r="B2594">
            <v>11066</v>
          </cell>
          <cell r="C2594" t="str">
            <v>山陽マーク株式会社(株)</v>
          </cell>
          <cell r="D2594" t="str">
            <v>082-503-8899</v>
          </cell>
          <cell r="E2594" t="str">
            <v>733-0002</v>
          </cell>
          <cell r="F2594" t="str">
            <v>広島県広島市西区楠木町1-2-5</v>
          </cell>
          <cell r="G2594" t="str">
            <v>広島市</v>
          </cell>
          <cell r="H2594" t="str">
            <v/>
          </cell>
          <cell r="I2594" t="str">
            <v>代表取締役 岡本　里司</v>
          </cell>
          <cell r="J2594" t="str">
            <v>本店</v>
          </cell>
          <cell r="K2594" t="str">
            <v>082-503-8817</v>
          </cell>
          <cell r="L2594" t="str">
            <v>imanishi@sanyomark.co.jp</v>
          </cell>
          <cell r="M2594" t="str">
            <v>ｻﾝﾖｳﾏｰｸ</v>
          </cell>
          <cell r="N2594" t="str">
            <v>無</v>
          </cell>
          <cell r="O2594">
            <v>71</v>
          </cell>
          <cell r="P2594">
            <v>95</v>
          </cell>
          <cell r="Q2594">
            <v>3240001010863</v>
          </cell>
          <cell r="R2594">
            <v>99900</v>
          </cell>
          <cell r="S2594">
            <v>1144853</v>
          </cell>
          <cell r="T2594">
            <v>755636</v>
          </cell>
          <cell r="V2594" t="str">
            <v>mq411758</v>
          </cell>
          <cell r="W2594" t="str">
            <v>ke177633</v>
          </cell>
          <cell r="Y2594" t="str">
            <v>073，66，73，76，</v>
          </cell>
          <cell r="Z2594">
            <v>66</v>
          </cell>
          <cell r="AA2594">
            <v>80</v>
          </cell>
          <cell r="AB2594">
            <v>76</v>
          </cell>
          <cell r="AC2594">
            <v>73</v>
          </cell>
          <cell r="AD2594" t="str">
            <v/>
          </cell>
          <cell r="AE2594" t="str">
            <v>１；原付ナンバープレート　街区表示板２；鑑札３；シール・ラベル・ステッカー４；一般印刷</v>
          </cell>
          <cell r="AF2594" t="str">
            <v>マツダ株式会社の自動車マークを始め、米国スリーエム社の技術導入により、各種マークを製造し設備においてはデマンド印刷機、シール印刷機導入により少量多品種から、大量生産まで対応可能な生産体制を確立。下請けに頼らない一貫生産を行っています。</v>
          </cell>
        </row>
        <row r="2595">
          <cell r="B2595">
            <v>11067</v>
          </cell>
          <cell r="C2595" t="str">
            <v>富士通ネットワークソリューションズ(株)</v>
          </cell>
          <cell r="D2595" t="str">
            <v>078-371-5110</v>
          </cell>
          <cell r="E2595" t="str">
            <v>664-0011</v>
          </cell>
          <cell r="F2595" t="str">
            <v>兵庫県神戸市中央区東川崎町1-7-4</v>
          </cell>
          <cell r="G2595" t="str">
            <v>神戸市</v>
          </cell>
          <cell r="H2595" t="str">
            <v>神戸営業所</v>
          </cell>
          <cell r="I2595" t="str">
            <v>神戸営業所長　 川上　等</v>
          </cell>
          <cell r="J2595" t="str">
            <v>神奈川県横浜市</v>
          </cell>
          <cell r="K2595" t="str">
            <v>078-371-5150</v>
          </cell>
          <cell r="L2595" t="str">
            <v>fnets-publicgroup@dl.jp.fujitsu.com</v>
          </cell>
          <cell r="M2595" t="str">
            <v>ﾌｼﾞﾂｳﾈﾂﾄﾜ-ｸｿﾘﾕ-ｼﾖﾝｽﾞ</v>
          </cell>
          <cell r="N2595" t="str">
            <v>有</v>
          </cell>
          <cell r="O2595">
            <v>20</v>
          </cell>
          <cell r="P2595">
            <v>1505</v>
          </cell>
          <cell r="Q2595">
            <v>7020001077145</v>
          </cell>
          <cell r="R2595">
            <v>3942150</v>
          </cell>
          <cell r="S2595">
            <v>14132875</v>
          </cell>
          <cell r="T2595">
            <v>55016872</v>
          </cell>
          <cell r="V2595" t="str">
            <v>an120819</v>
          </cell>
          <cell r="W2595" t="str">
            <v>qｒ153969</v>
          </cell>
          <cell r="Y2595" t="str">
            <v>36.47.50.58</v>
          </cell>
          <cell r="Z2595">
            <v>36</v>
          </cell>
          <cell r="AA2595">
            <v>58</v>
          </cell>
          <cell r="AB2595">
            <v>50</v>
          </cell>
          <cell r="AC2595">
            <v>47</v>
          </cell>
          <cell r="AD2595" t="str">
            <v/>
          </cell>
          <cell r="AE2595" t="str">
            <v>１；２；伝送機器、ＣＡＴＶ機器、光・ＵＴＰケーブル、電話機、交換機、パソコン、プリンタ、ソフトウェア、ＰＯＳ、無線ＬＡＮ、画像装置等（富士通（株）代）３；ネットワーク企画・構築・運用支援サービス４；ネットワーク機器保守</v>
          </cell>
          <cell r="AF2595" t="str">
            <v>情報通信ネットワークシステムの企画、コンサルティング、設計、施工、現地調整、運用、保守及び機器販売</v>
          </cell>
        </row>
        <row r="2596">
          <cell r="B2596">
            <v>11068</v>
          </cell>
          <cell r="C2596" t="str">
            <v>(株)富士通エフサス</v>
          </cell>
          <cell r="D2596" t="str">
            <v>06-6755-4200</v>
          </cell>
          <cell r="E2596" t="str">
            <v>540-0001</v>
          </cell>
          <cell r="F2596" t="str">
            <v>大阪府大阪市中央区城見2-2-22</v>
          </cell>
          <cell r="G2596" t="str">
            <v>大阪市</v>
          </cell>
          <cell r="H2596" t="str">
            <v>西日本ビジネス本部</v>
          </cell>
          <cell r="I2596" t="str">
            <v>本部長 小栁　誠二</v>
          </cell>
          <cell r="J2596" t="str">
            <v>東京都</v>
          </cell>
          <cell r="K2596" t="str">
            <v>06-6945-6170</v>
          </cell>
          <cell r="L2596" t="str">
            <v>proj-kobejititai@ml.fsas.fujitsu.com</v>
          </cell>
          <cell r="M2596" t="str">
            <v>ﾌｼﾞﾂｳｴﾌｻｽ</v>
          </cell>
          <cell r="N2596" t="str">
            <v>有</v>
          </cell>
          <cell r="O2596">
            <v>29</v>
          </cell>
          <cell r="P2596">
            <v>4642</v>
          </cell>
          <cell r="Q2596">
            <v>8010401056384</v>
          </cell>
          <cell r="R2596">
            <v>9401750</v>
          </cell>
          <cell r="S2596">
            <v>47659000</v>
          </cell>
          <cell r="T2596">
            <v>255083000</v>
          </cell>
          <cell r="V2596" t="str">
            <v>vs553078</v>
          </cell>
          <cell r="W2596" t="str">
            <v>vn199169</v>
          </cell>
          <cell r="Y2596" t="str">
            <v>36，58，</v>
          </cell>
          <cell r="Z2596">
            <v>36</v>
          </cell>
          <cell r="AA2596">
            <v>58</v>
          </cell>
          <cell r="AB2596" t="str">
            <v/>
          </cell>
          <cell r="AC2596" t="str">
            <v/>
          </cell>
          <cell r="AD2596" t="str">
            <v/>
          </cell>
          <cell r="AE2596" t="str">
            <v>１；パソコン、タブレット端末、サーバ、プリンタ、ストレージ、スイッチ、ルーター、ソフトウェア等　販売及び設置業務２；パソコン、タブレット端末、サーバ、プリンタ、ストレージ、スイッチ、ルーター、ソフトウェア等　保守及び運用業務３；４；</v>
          </cell>
          <cell r="AF2596" t="str">
            <v>ＩＣＴをコアとした、上流の企画・コンサルティングから、マルチベンダー環境を前提とした設計・構築、導入・展開、運用・保守といったライフサイクル全般をカバーするとともに、コールセンター業務、ならびにお客様が製造・販売された製品の保守業務などもＢＰＯサービスとして受託します。</v>
          </cell>
        </row>
        <row r="2597">
          <cell r="B2597">
            <v>11072</v>
          </cell>
          <cell r="C2597" t="str">
            <v>(株)ジオテクノ関西</v>
          </cell>
          <cell r="D2597" t="str">
            <v>0798-38-8510</v>
          </cell>
          <cell r="E2597" t="str">
            <v>662-0911</v>
          </cell>
          <cell r="F2597" t="str">
            <v>兵庫県西宮市池田町12-20</v>
          </cell>
          <cell r="G2597" t="str">
            <v>西宮市</v>
          </cell>
          <cell r="H2597" t="str">
            <v/>
          </cell>
          <cell r="I2597" t="str">
            <v>代表取締役 藤井　博美</v>
          </cell>
          <cell r="J2597" t="str">
            <v>本店</v>
          </cell>
          <cell r="K2597" t="str">
            <v>0798-38-8522</v>
          </cell>
          <cell r="L2597" t="str">
            <v>nnn@geotec.co.jp</v>
          </cell>
          <cell r="M2597" t="str">
            <v>ｼﾞｵﾃｸﾉｶﾝｻｲ</v>
          </cell>
          <cell r="N2597" t="str">
            <v>無</v>
          </cell>
          <cell r="O2597">
            <v>53</v>
          </cell>
          <cell r="P2597">
            <v>36</v>
          </cell>
          <cell r="Q2597">
            <v>1140001068971</v>
          </cell>
          <cell r="R2597">
            <v>30000</v>
          </cell>
          <cell r="S2597">
            <v>228859</v>
          </cell>
          <cell r="T2597">
            <v>701846</v>
          </cell>
          <cell r="V2597" t="str">
            <v>zp206489</v>
          </cell>
          <cell r="W2597" t="str">
            <v>aq113519</v>
          </cell>
          <cell r="Y2597" t="str">
            <v>071，57，58，71，72，73，74，77，</v>
          </cell>
          <cell r="Z2597">
            <v>72</v>
          </cell>
          <cell r="AA2597">
            <v>57</v>
          </cell>
          <cell r="AB2597">
            <v>58</v>
          </cell>
          <cell r="AC2597">
            <v>71</v>
          </cell>
          <cell r="AD2597" t="str">
            <v>地図印刷、古地図等の電子化</v>
          </cell>
          <cell r="AE2597" t="str">
            <v>１；航空写真（実機ヘリコプター撮影、ラジコヘリコプター撮影、クレーン、ＵＡＶ（ドローン）、航空レーザ撮影（撮影後はデータ加工しオルソ画像やパネル作成等のデータ処理）２；地図情報システムに伴う台帳作成、データ入力、編集加工、ＣＡＤ，デジタルマッピング３；システム開発、ソフトウェア開発、データベース構築、システム保守４；マイクロフィルム</v>
          </cell>
          <cell r="AF2597" t="str">
            <v>官公庁を主に地図情報関連を得意として、特に道路台帳は実績があり更新費用も安価で、国土地理院に承認された地形図として利用でき、常に新鮮な地図情報を提供し他部署にも多目的にご利用いただけます。近年では災害や防災の事業も行っており協定も締結させていただいております。</v>
          </cell>
        </row>
        <row r="2598">
          <cell r="B2598">
            <v>11074</v>
          </cell>
          <cell r="C2598" t="str">
            <v>理想科学工業(株)</v>
          </cell>
          <cell r="D2598" t="str">
            <v>06-6398-1403</v>
          </cell>
          <cell r="E2598" t="str">
            <v>532-0003</v>
          </cell>
          <cell r="F2598" t="str">
            <v>大阪府大阪市淀川区宮原4-3-7</v>
          </cell>
          <cell r="G2598" t="str">
            <v>大阪市</v>
          </cell>
          <cell r="H2598" t="str">
            <v>理想北大阪支店</v>
          </cell>
          <cell r="I2598" t="str">
            <v>支店長 岩根　尚史</v>
          </cell>
          <cell r="J2598" t="str">
            <v>東京都</v>
          </cell>
          <cell r="K2598" t="str">
            <v>06-6398-1401</v>
          </cell>
          <cell r="L2598" t="str">
            <v>riso-kitaosaka@riso.co.jp</v>
          </cell>
          <cell r="M2598" t="str">
            <v>ﾘｿｳｶｶﾞｸｺｳｷﾞｮｳ</v>
          </cell>
          <cell r="N2598" t="str">
            <v>有</v>
          </cell>
          <cell r="O2598">
            <v>73</v>
          </cell>
          <cell r="P2598">
            <v>1804</v>
          </cell>
          <cell r="Q2598">
            <v>9010401031452</v>
          </cell>
          <cell r="R2598">
            <v>14114985</v>
          </cell>
          <cell r="S2598">
            <v>60423685</v>
          </cell>
          <cell r="T2598">
            <v>68290199</v>
          </cell>
          <cell r="V2598" t="str">
            <v>fu265030</v>
          </cell>
          <cell r="W2598" t="str">
            <v>uo198996</v>
          </cell>
          <cell r="Y2598" t="str">
            <v>15，36，</v>
          </cell>
          <cell r="Z2598">
            <v>36</v>
          </cell>
          <cell r="AA2598">
            <v>15</v>
          </cell>
          <cell r="AB2598" t="str">
            <v/>
          </cell>
          <cell r="AC2598" t="str">
            <v/>
          </cell>
          <cell r="AD2598" t="str">
            <v/>
          </cell>
          <cell r="AE2598" t="str">
            <v>１；デジタル孔版印刷機　リソグラフシリーズ・高速フルカラープリンター　オルフィスシリーズ２；再生紙・コピー用紙・シール用紙等３；４；</v>
          </cell>
          <cell r="AF2598" t="str">
            <v>「世界に類のないものを創る」を開発ポリシーとして新製品の開発に努め、印刷機・プリンターメーカーとして官公庁や学校を中心に民間企業まで世界１８０の国や地域において幅広くご活用いただいております。</v>
          </cell>
        </row>
        <row r="2599">
          <cell r="B2599">
            <v>11076</v>
          </cell>
          <cell r="C2599" t="str">
            <v>日研電工(株)</v>
          </cell>
          <cell r="D2599" t="str">
            <v>078-822-1200</v>
          </cell>
          <cell r="E2599" t="str">
            <v>658-0046</v>
          </cell>
          <cell r="F2599" t="str">
            <v>兵庫県神戸市東灘区御影本町6-2-5</v>
          </cell>
          <cell r="G2599" t="str">
            <v>神戸市</v>
          </cell>
          <cell r="H2599" t="str">
            <v/>
          </cell>
          <cell r="I2599" t="str">
            <v>代表取締役社長 大塚　仁志</v>
          </cell>
          <cell r="J2599" t="str">
            <v>本店</v>
          </cell>
          <cell r="K2599" t="str">
            <v>078-822-1206</v>
          </cell>
          <cell r="L2599" t="str">
            <v>h-ohtsuka@nikken-ee.co.jp</v>
          </cell>
          <cell r="M2599" t="str">
            <v>ﾆｯｹﾝﾃﾞﾝｺｳ</v>
          </cell>
          <cell r="N2599" t="str">
            <v>無</v>
          </cell>
          <cell r="O2599">
            <v>28</v>
          </cell>
          <cell r="P2599">
            <v>14</v>
          </cell>
          <cell r="Q2599">
            <v>8140001019043</v>
          </cell>
          <cell r="R2599">
            <v>10000</v>
          </cell>
          <cell r="S2599">
            <v>30966</v>
          </cell>
          <cell r="T2599">
            <v>601418</v>
          </cell>
          <cell r="V2599" t="str">
            <v>aq253656</v>
          </cell>
          <cell r="W2599" t="str">
            <v>qb193399</v>
          </cell>
          <cell r="Y2599" t="str">
            <v>47，48，49，</v>
          </cell>
          <cell r="Z2599">
            <v>47</v>
          </cell>
          <cell r="AA2599">
            <v>80</v>
          </cell>
          <cell r="AB2599">
            <v>48</v>
          </cell>
          <cell r="AC2599" t="str">
            <v/>
          </cell>
          <cell r="AD2599" t="str">
            <v/>
          </cell>
          <cell r="AE2599" t="str">
            <v>１；自家発電設備や発電機などの保守点検・整備・修理等２；蓄電池の納入３；消防設備の保守点検・管理・修理等４；</v>
          </cell>
          <cell r="AF2599" t="str">
            <v>非常用発電機やバッテリー、蓄電池などの納入から設置工事および保守点検に至るまで、トータルにご要望にお応えできます。</v>
          </cell>
        </row>
        <row r="2600">
          <cell r="B2600">
            <v>11078</v>
          </cell>
          <cell r="C2600" t="str">
            <v>(株)中国トラック</v>
          </cell>
          <cell r="D2600" t="str">
            <v>082-277-8855</v>
          </cell>
          <cell r="E2600" t="str">
            <v>733-0832</v>
          </cell>
          <cell r="F2600" t="str">
            <v>広島県広島市西区草津港2-5-32</v>
          </cell>
          <cell r="G2600" t="str">
            <v>広島市</v>
          </cell>
          <cell r="H2600" t="str">
            <v/>
          </cell>
          <cell r="I2600" t="str">
            <v>代表取締役 寺迫　正男</v>
          </cell>
          <cell r="J2600" t="str">
            <v>本店</v>
          </cell>
          <cell r="K2600" t="str">
            <v>082-277-8859</v>
          </cell>
          <cell r="L2600" t="str">
            <v>honbu@rakudayon.com</v>
          </cell>
          <cell r="M2600" t="str">
            <v>ﾁｭｳｺﾞｸﾄﾗｯｸ</v>
          </cell>
          <cell r="N2600" t="str">
            <v>無</v>
          </cell>
          <cell r="O2600">
            <v>56</v>
          </cell>
          <cell r="P2600">
            <v>84</v>
          </cell>
          <cell r="Q2600">
            <v>1240001006748</v>
          </cell>
          <cell r="R2600">
            <v>45000</v>
          </cell>
          <cell r="S2600">
            <v>255102</v>
          </cell>
          <cell r="T2600">
            <v>1521084</v>
          </cell>
          <cell r="V2600" t="str">
            <v>pb380530</v>
          </cell>
          <cell r="W2600" t="str">
            <v>wh196963</v>
          </cell>
          <cell r="Y2600" t="str">
            <v>67，</v>
          </cell>
          <cell r="Z2600">
            <v>67</v>
          </cell>
          <cell r="AA2600" t="str">
            <v/>
          </cell>
          <cell r="AB2600" t="str">
            <v/>
          </cell>
          <cell r="AC2600" t="str">
            <v/>
          </cell>
          <cell r="AD2600" t="str">
            <v/>
          </cell>
          <cell r="AE2600" t="str">
            <v>１；一般貨物自動車運送事業２；３；４；</v>
          </cell>
          <cell r="AF2600" t="str">
            <v>引越業務、一般貨物運送事業をメインとして創業以来５６年。物流のプロとして「安全、迅速、確実」をモットーに幅広いニーズに効率よく対応致します。</v>
          </cell>
        </row>
        <row r="2601">
          <cell r="B2601">
            <v>11081</v>
          </cell>
          <cell r="C2601" t="str">
            <v>日世産業(株)</v>
          </cell>
          <cell r="D2601" t="str">
            <v>0798-66-6921</v>
          </cell>
          <cell r="E2601" t="str">
            <v>663-8013</v>
          </cell>
          <cell r="F2601" t="str">
            <v>兵庫県西宮市門前町11-4</v>
          </cell>
          <cell r="G2601" t="str">
            <v>西宮市</v>
          </cell>
          <cell r="H2601" t="str">
            <v/>
          </cell>
          <cell r="I2601" t="str">
            <v>代表取締役 増永　喜亮</v>
          </cell>
          <cell r="J2601" t="str">
            <v>本店</v>
          </cell>
          <cell r="K2601" t="str">
            <v>0798-66-6923</v>
          </cell>
          <cell r="L2601" t="str">
            <v>y-masunaga@nisseisan.co.jp</v>
          </cell>
          <cell r="M2601" t="str">
            <v>ﾆｯｾｲｻﾝｷﾞｮｳ</v>
          </cell>
          <cell r="N2601" t="str">
            <v>無</v>
          </cell>
          <cell r="O2601">
            <v>38</v>
          </cell>
          <cell r="P2601">
            <v>20</v>
          </cell>
          <cell r="Q2601">
            <v>4140001069760</v>
          </cell>
          <cell r="R2601">
            <v>20008</v>
          </cell>
          <cell r="S2601">
            <v>325596</v>
          </cell>
          <cell r="T2601">
            <v>1774538</v>
          </cell>
          <cell r="V2601" t="str">
            <v>ay839348</v>
          </cell>
          <cell r="W2601" t="str">
            <v>tm159819</v>
          </cell>
          <cell r="Y2601" t="str">
            <v>35，</v>
          </cell>
          <cell r="Z2601" t="str">
            <v/>
          </cell>
          <cell r="AA2601" t="str">
            <v/>
          </cell>
          <cell r="AB2601" t="str">
            <v/>
          </cell>
          <cell r="AC2601" t="str">
            <v/>
          </cell>
          <cell r="AD2601" t="str">
            <v/>
          </cell>
          <cell r="AE2601" t="str">
            <v>１；ガスヒートポンプエアコン、ガスコージェネレーション２；３；４；</v>
          </cell>
          <cell r="AF2601" t="str">
            <v>ガス空調工事をメインとしてコージェネーレーションシステム工事をしております。他にガスヒートポンプエアコン、ガス吸収式冷温水機を納入しており、老人保健施設、病院等への実績も多くあげています。</v>
          </cell>
        </row>
        <row r="2602">
          <cell r="B2602">
            <v>11082</v>
          </cell>
          <cell r="C2602" t="str">
            <v>(株)ヤマサ環境エンジニアリング</v>
          </cell>
          <cell r="D2602" t="str">
            <v>0798-26-3555</v>
          </cell>
          <cell r="E2602" t="str">
            <v>662-0934</v>
          </cell>
          <cell r="F2602" t="str">
            <v>兵庫県西宮市西宮浜3-2-2</v>
          </cell>
          <cell r="G2602" t="str">
            <v>西宮市</v>
          </cell>
          <cell r="H2602" t="str">
            <v/>
          </cell>
          <cell r="I2602" t="str">
            <v>代表取締役 阪本　貴良</v>
          </cell>
          <cell r="J2602" t="str">
            <v>本店</v>
          </cell>
          <cell r="K2602" t="str">
            <v>0798-26-6728</v>
          </cell>
          <cell r="L2602" t="str">
            <v>info@yamasaeco.co.jp</v>
          </cell>
          <cell r="M2602" t="str">
            <v>ﾔﾏｻｶﾝｷｮｳｴﾝｼﾞﾆｱﾘﾝｸﾞ</v>
          </cell>
          <cell r="N2602" t="str">
            <v>無</v>
          </cell>
          <cell r="O2602">
            <v>46</v>
          </cell>
          <cell r="P2602">
            <v>45</v>
          </cell>
          <cell r="Q2602">
            <v>3140001070620</v>
          </cell>
          <cell r="R2602">
            <v>10000</v>
          </cell>
          <cell r="S2602">
            <v>461062</v>
          </cell>
          <cell r="T2602">
            <v>1163215</v>
          </cell>
          <cell r="V2602" t="str">
            <v>rt342417</v>
          </cell>
          <cell r="W2602" t="str">
            <v>oe161989</v>
          </cell>
          <cell r="Y2602" t="str">
            <v>55，68，69，</v>
          </cell>
          <cell r="Z2602">
            <v>68</v>
          </cell>
          <cell r="AA2602">
            <v>69</v>
          </cell>
          <cell r="AB2602">
            <v>55</v>
          </cell>
          <cell r="AC2602" t="str">
            <v/>
          </cell>
          <cell r="AD2602" t="str">
            <v/>
          </cell>
          <cell r="AE2602" t="str">
            <v>１；一般廃棄物処理業許可（西宮市・伊丹市）・産業廃棄物収集運搬業許可（兵庫県）・一般貨物自動車運送事業許可・塵芥収集車・コンテナ専用車・ダンプ・キャブオ－バ・ショベルロ－ダ・バン２；古物商・金属くず商・廃棄物再生事業者登録証明書３；４；</v>
          </cell>
          <cell r="AF2602" t="str">
            <v>現在、営業の中心は西宮市・伊丹市での塵芥収集運搬業務ですが、今後、産業廃棄物処理及び不用品買受、再生処理にも力を入れたいと思っています。</v>
          </cell>
        </row>
        <row r="2603">
          <cell r="B2603">
            <v>11085</v>
          </cell>
          <cell r="C2603" t="str">
            <v>(株)イタヘル</v>
          </cell>
          <cell r="D2603" t="str">
            <v>072-777-2209</v>
          </cell>
          <cell r="E2603" t="str">
            <v>664-0013</v>
          </cell>
          <cell r="F2603" t="str">
            <v>兵庫県伊丹市瑞穂町6-53</v>
          </cell>
          <cell r="G2603" t="str">
            <v>伊丹市</v>
          </cell>
          <cell r="H2603" t="str">
            <v/>
          </cell>
          <cell r="I2603" t="str">
            <v>代表取締役 村田　康人</v>
          </cell>
          <cell r="J2603" t="str">
            <v>本店</v>
          </cell>
          <cell r="K2603" t="str">
            <v>072-777-2133</v>
          </cell>
          <cell r="L2603" t="str">
            <v>itahel-yatto@tempo.ocn.ne.jp</v>
          </cell>
          <cell r="M2603" t="str">
            <v>ｲﾀﾍﾙ</v>
          </cell>
          <cell r="N2603" t="str">
            <v>無</v>
          </cell>
          <cell r="O2603">
            <v>30</v>
          </cell>
          <cell r="P2603">
            <v>9</v>
          </cell>
          <cell r="Q2603">
            <v>8140001078056</v>
          </cell>
          <cell r="R2603">
            <v>40000</v>
          </cell>
          <cell r="S2603">
            <v>95393</v>
          </cell>
          <cell r="T2603">
            <v>112282</v>
          </cell>
          <cell r="V2603" t="str">
            <v>ke218096</v>
          </cell>
          <cell r="W2603" t="str">
            <v>sd188379</v>
          </cell>
          <cell r="Y2603" t="str">
            <v>51，54，</v>
          </cell>
          <cell r="Z2603">
            <v>51</v>
          </cell>
          <cell r="AA2603">
            <v>54</v>
          </cell>
          <cell r="AB2603" t="str">
            <v/>
          </cell>
          <cell r="AC2603" t="str">
            <v/>
          </cell>
          <cell r="AD2603" t="str">
            <v/>
          </cell>
          <cell r="AE2603" t="str">
            <v>１；飲料水受水槽・高架水槽の清掃及び保守点検業務２；３；４；</v>
          </cell>
          <cell r="AF2603" t="str">
            <v>各種設備機器の新設更新及びそれに伴う配管工事をメインにしております。取扱品受水設備・ポンプ設備・空調設備・給水設備・排水設備・給湯設備・衛生設備・濾過設備・水道設備集合住宅内共用及び専用部の水廻りのメンテナンス及びリフォームを主体とした工事業を行っております。</v>
          </cell>
        </row>
        <row r="2604">
          <cell r="B2604">
            <v>11087</v>
          </cell>
          <cell r="C2604" t="str">
            <v>サンケイ総合印刷(株)</v>
          </cell>
          <cell r="D2604" t="str">
            <v>06-6462-1951</v>
          </cell>
          <cell r="E2604" t="str">
            <v>554-0012</v>
          </cell>
          <cell r="F2604" t="str">
            <v>大阪府大阪市此花区西九条2-14-6</v>
          </cell>
          <cell r="G2604" t="str">
            <v>大阪市</v>
          </cell>
          <cell r="H2604" t="str">
            <v/>
          </cell>
          <cell r="I2604" t="str">
            <v>代表取締役社長 津田　衛</v>
          </cell>
          <cell r="J2604" t="str">
            <v>本店</v>
          </cell>
          <cell r="K2604" t="str">
            <v>06-6462-1955</v>
          </cell>
          <cell r="L2604" t="str">
            <v>k-kamohara@sankeisougo.co.jp</v>
          </cell>
          <cell r="M2604" t="str">
            <v>ｻﾝｹｲｿｳｺﾞｳｲﾝｻﾂ</v>
          </cell>
          <cell r="N2604" t="str">
            <v>無</v>
          </cell>
          <cell r="O2604">
            <v>57</v>
          </cell>
          <cell r="P2604">
            <v>45</v>
          </cell>
          <cell r="Q2604">
            <v>7120001035051</v>
          </cell>
          <cell r="R2604">
            <v>30000</v>
          </cell>
          <cell r="S2604">
            <v>343441</v>
          </cell>
          <cell r="T2604">
            <v>1408144</v>
          </cell>
          <cell r="V2604" t="str">
            <v>cp379590</v>
          </cell>
          <cell r="W2604" t="str">
            <v>kd118886</v>
          </cell>
          <cell r="Y2604" t="str">
            <v>65，73，76，</v>
          </cell>
          <cell r="Z2604">
            <v>73</v>
          </cell>
          <cell r="AA2604">
            <v>76</v>
          </cell>
          <cell r="AB2604" t="str">
            <v/>
          </cell>
          <cell r="AC2604" t="str">
            <v/>
          </cell>
          <cell r="AD2604" t="str">
            <v/>
          </cell>
          <cell r="AE2604" t="str">
            <v>１；広報紙、議会報などは得意分野です。２；衆議院・参議院選挙公報なども実績があります。３；４；</v>
          </cell>
          <cell r="AF2604" t="str">
            <v>官公庁の広報誌、議会報、選挙公報などは得意分野としており、企画・デザインから印刷まで一連の体制をとっています。フジサンケイグループの印刷会社であります。</v>
          </cell>
        </row>
        <row r="2605">
          <cell r="B2605">
            <v>11088</v>
          </cell>
          <cell r="C2605" t="str">
            <v>(株)帝国データバンク</v>
          </cell>
          <cell r="D2605" t="str">
            <v>06-6443-5602</v>
          </cell>
          <cell r="E2605" t="str">
            <v>550-8691</v>
          </cell>
          <cell r="F2605" t="str">
            <v>大阪府大阪市西区靱本町1-6-18</v>
          </cell>
          <cell r="G2605" t="str">
            <v>大阪市</v>
          </cell>
          <cell r="H2605" t="str">
            <v>大阪支社</v>
          </cell>
          <cell r="I2605" t="str">
            <v>管理課課長 折竹　和幸</v>
          </cell>
          <cell r="J2605" t="str">
            <v>東京都</v>
          </cell>
          <cell r="K2605" t="str">
            <v>06-6443-8255</v>
          </cell>
          <cell r="L2605" t="str">
            <v/>
          </cell>
          <cell r="M2605" t="str">
            <v>ﾃｲｺｸﾃﾞｰﾀﾊﾞﾝｸ</v>
          </cell>
          <cell r="N2605" t="str">
            <v>有</v>
          </cell>
          <cell r="O2605">
            <v>32</v>
          </cell>
          <cell r="P2605">
            <v>3291</v>
          </cell>
          <cell r="Q2605">
            <v>7010401018377</v>
          </cell>
          <cell r="R2605">
            <v>90000</v>
          </cell>
          <cell r="S2605">
            <v>72721710</v>
          </cell>
          <cell r="T2605">
            <v>51492631</v>
          </cell>
          <cell r="V2605" t="str">
            <v>bs658009</v>
          </cell>
          <cell r="W2605" t="str">
            <v>ｒh169995</v>
          </cell>
          <cell r="Y2605" t="str">
            <v>13，57，77，</v>
          </cell>
          <cell r="Z2605">
            <v>77</v>
          </cell>
          <cell r="AA2605">
            <v>57</v>
          </cell>
          <cell r="AB2605">
            <v>13</v>
          </cell>
          <cell r="AC2605" t="str">
            <v/>
          </cell>
          <cell r="AD2605" t="str">
            <v/>
          </cell>
          <cell r="AE2605" t="str">
            <v>１；企業信用調査、各種マーケティング（動向調査・アンケート調査）、調査業務２；データベースサービス（企業情報データベース、データエントリー、リスト・ラベル出力等）３；会社年鑑、帝国ニュース等４；</v>
          </cell>
          <cell r="AF2605" t="str">
            <v>長年にわたり蓄積してきた企業情報、企業調査ノウハウ、全国ネットワークおよび一般企業・官公庁での幅広い実勢を活かして、企業誘致調査、市場調査を行い政策立案のお役に立ちます。</v>
          </cell>
        </row>
        <row r="2606">
          <cell r="B2606">
            <v>11090</v>
          </cell>
          <cell r="C2606" t="str">
            <v>(株)森田鉄工所</v>
          </cell>
          <cell r="D2606" t="str">
            <v>06-6262-8771</v>
          </cell>
          <cell r="E2606" t="str">
            <v>541-0053</v>
          </cell>
          <cell r="F2606" t="str">
            <v>大阪府大阪市中央区本町4丁目6番10号</v>
          </cell>
          <cell r="G2606" t="str">
            <v>大阪市</v>
          </cell>
          <cell r="H2606" t="str">
            <v>大阪営業支店</v>
          </cell>
          <cell r="I2606" t="str">
            <v>支店長 木村　新</v>
          </cell>
          <cell r="J2606" t="str">
            <v>埼玉県幸手市</v>
          </cell>
          <cell r="K2606" t="str">
            <v>06-6262-8776</v>
          </cell>
          <cell r="L2606" t="str">
            <v>osaka@morita-tekkousyo.co.jp</v>
          </cell>
          <cell r="M2606" t="str">
            <v>ﾓﾘﾀﾃｯｺｳｼｮ</v>
          </cell>
          <cell r="N2606" t="str">
            <v>有</v>
          </cell>
          <cell r="O2606">
            <v>101</v>
          </cell>
          <cell r="P2606">
            <v>174</v>
          </cell>
          <cell r="Q2606">
            <v>8030001031554</v>
          </cell>
          <cell r="R2606">
            <v>73500</v>
          </cell>
          <cell r="S2606">
            <v>159460</v>
          </cell>
          <cell r="T2606">
            <v>3563127</v>
          </cell>
          <cell r="V2606" t="str">
            <v>hd711778</v>
          </cell>
          <cell r="W2606" t="str">
            <v>ej168919</v>
          </cell>
          <cell r="Y2606" t="str">
            <v/>
          </cell>
          <cell r="Z2606">
            <v>80</v>
          </cell>
          <cell r="AA2606" t="str">
            <v/>
          </cell>
          <cell r="AB2606" t="str">
            <v/>
          </cell>
          <cell r="AC2606" t="str">
            <v/>
          </cell>
          <cell r="AD2606" t="str">
            <v/>
          </cell>
          <cell r="AE2606" t="str">
            <v>１；上水道、下水道、農業用水、工業用水、河川水等で使用されている、バルブの製造及び販売を行っている。２；３；４；</v>
          </cell>
          <cell r="AF2606" t="str">
            <v>上水道、下水道、農業用水、工業用水、河川水等で使用されている、バルブの製造及び販売に加え、据付の工事から整備、点検等業務まで幅広く業務を行っております。</v>
          </cell>
        </row>
        <row r="2607">
          <cell r="B2607">
            <v>11091</v>
          </cell>
          <cell r="C2607" t="str">
            <v>東芝インフラシステムズ(株)</v>
          </cell>
          <cell r="D2607" t="str">
            <v>06-6130-2215</v>
          </cell>
          <cell r="E2607" t="str">
            <v>530-0017</v>
          </cell>
          <cell r="F2607" t="str">
            <v>大阪府大阪市北区角田町8-1</v>
          </cell>
          <cell r="G2607" t="str">
            <v>大阪市</v>
          </cell>
          <cell r="H2607" t="str">
            <v>関西支社</v>
          </cell>
          <cell r="I2607" t="str">
            <v>関西支社長 江尻　昌弘</v>
          </cell>
          <cell r="J2607" t="str">
            <v>神奈川県川崎市</v>
          </cell>
          <cell r="K2607" t="str">
            <v>06-6130-1104</v>
          </cell>
          <cell r="L2607" t="str">
            <v>br-knsi10@ml.toshiba.co.jp</v>
          </cell>
          <cell r="M2607" t="str">
            <v>ﾄｳｼﾊﾞｲﾝﾌﾗｼｽﾃﾑｽﾞ</v>
          </cell>
          <cell r="N2607" t="str">
            <v>有</v>
          </cell>
          <cell r="O2607">
            <v>30</v>
          </cell>
          <cell r="P2607">
            <v>7442</v>
          </cell>
          <cell r="Q2607">
            <v>2011101014084</v>
          </cell>
          <cell r="R2607">
            <v>10000000</v>
          </cell>
          <cell r="S2607">
            <v>139086000</v>
          </cell>
          <cell r="T2607">
            <v>431013000</v>
          </cell>
          <cell r="V2607" t="str">
            <v>nk633568</v>
          </cell>
          <cell r="W2607" t="str">
            <v>ｒt139317</v>
          </cell>
          <cell r="Y2607" t="str">
            <v>050，42，47，50，56，</v>
          </cell>
          <cell r="Z2607">
            <v>47</v>
          </cell>
          <cell r="AA2607">
            <v>80</v>
          </cell>
          <cell r="AB2607">
            <v>56</v>
          </cell>
          <cell r="AC2607">
            <v>50</v>
          </cell>
          <cell r="AD2607" t="str">
            <v/>
          </cell>
          <cell r="AE2607" t="str">
            <v>１；電気・計装設備等保守点検業務、電気・機械運転監視業務（点検補修用品の販売含む）２；上下水道施設・設備等の運転維持管理業務３；上下水道維持管理保守、電気設備の運転維持、保守点検業務４；通信設備保守点検業務</v>
          </cell>
          <cell r="AF2607" t="str">
            <v>当社グループは、社会インフラ等の広範囲かつ多種多様な分野の製品を生産しており、それぞれＩＴ（情報技術）を駆使した生産システムを駆使した生産システムや製造技術を基盤にして、高度の生産体制をとっています。</v>
          </cell>
        </row>
        <row r="2608">
          <cell r="B2608">
            <v>11093</v>
          </cell>
          <cell r="C2608" t="str">
            <v>(公社)尼崎市シルバー人材センター</v>
          </cell>
          <cell r="D2608" t="str">
            <v>06-6481-3380</v>
          </cell>
          <cell r="E2608" t="str">
            <v>660-0892</v>
          </cell>
          <cell r="F2608" t="str">
            <v>兵庫県尼崎市東難波町5-19-5</v>
          </cell>
          <cell r="G2608" t="str">
            <v>尼崎市</v>
          </cell>
          <cell r="H2608" t="str">
            <v/>
          </cell>
          <cell r="I2608" t="str">
            <v>理事長 中嶋　千萬城</v>
          </cell>
          <cell r="J2608" t="str">
            <v>本店</v>
          </cell>
          <cell r="K2608" t="str">
            <v>06-6481-2660</v>
          </cell>
          <cell r="L2608" t="str">
            <v>amagasakisc1@sjc.ne.jp</v>
          </cell>
          <cell r="M2608" t="str">
            <v>ｱﾏｶﾞｻｷｼｼﾙﾊﾞｰｼﾞﾝｻﾞｲｾﾝﾀｰ</v>
          </cell>
          <cell r="N2608" t="str">
            <v>無</v>
          </cell>
          <cell r="O2608">
            <v>38</v>
          </cell>
          <cell r="P2608">
            <v>23</v>
          </cell>
          <cell r="Q2608">
            <v>7140005020304</v>
          </cell>
          <cell r="R2608">
            <v>0</v>
          </cell>
          <cell r="S2608">
            <v>0</v>
          </cell>
          <cell r="T2608">
            <v>1662327</v>
          </cell>
          <cell r="V2608" t="str">
            <v>hf474405</v>
          </cell>
          <cell r="W2608" t="str">
            <v>aq193837</v>
          </cell>
          <cell r="Y2608" t="str">
            <v>046，46，53，54，55，57，60，</v>
          </cell>
          <cell r="Z2608">
            <v>54</v>
          </cell>
          <cell r="AA2608">
            <v>53</v>
          </cell>
          <cell r="AB2608">
            <v>60</v>
          </cell>
          <cell r="AC2608">
            <v>46</v>
          </cell>
          <cell r="AD2608" t="str">
            <v/>
          </cell>
          <cell r="AE2608" t="str">
            <v>１；２；３；４；</v>
          </cell>
          <cell r="AF2608" t="str">
            <v>高年齢者の持っている労働能力を活用することによって、自らの生きがいの充実、社会参加への推進を図ることにより、地域社会づくりに寄与するとともに、福祉の向上を図る目的で設立された団体</v>
          </cell>
        </row>
        <row r="2609">
          <cell r="B2609">
            <v>11094</v>
          </cell>
          <cell r="C2609" t="str">
            <v>(株)エネゲート</v>
          </cell>
          <cell r="D2609" t="str">
            <v>06-6458-7301</v>
          </cell>
          <cell r="E2609" t="str">
            <v>531-0077</v>
          </cell>
          <cell r="F2609" t="str">
            <v>大阪府大阪市北区大淀一丁目6番110号</v>
          </cell>
          <cell r="G2609" t="str">
            <v>大阪市</v>
          </cell>
          <cell r="H2609" t="str">
            <v/>
          </cell>
          <cell r="I2609" t="str">
            <v>代表取締役社長 岡田　雅彦</v>
          </cell>
          <cell r="J2609" t="str">
            <v>本店</v>
          </cell>
          <cell r="K2609" t="str">
            <v>06-6458-7303</v>
          </cell>
          <cell r="L2609" t="str">
            <v>eikai-nyusatsu@enegate.co.jp</v>
          </cell>
          <cell r="M2609" t="str">
            <v>ｴﾈｹﾞｰﾄ</v>
          </cell>
          <cell r="N2609" t="str">
            <v>無</v>
          </cell>
          <cell r="O2609">
            <v>104</v>
          </cell>
          <cell r="P2609">
            <v>996</v>
          </cell>
          <cell r="Q2609">
            <v>2120001108992</v>
          </cell>
          <cell r="R2609">
            <v>497000</v>
          </cell>
          <cell r="S2609">
            <v>17872383</v>
          </cell>
          <cell r="T2609">
            <v>23214907</v>
          </cell>
          <cell r="V2609" t="str">
            <v>dx993285</v>
          </cell>
          <cell r="W2609" t="str">
            <v>st185139</v>
          </cell>
          <cell r="Y2609" t="str">
            <v>42，47，49，</v>
          </cell>
          <cell r="Z2609">
            <v>47</v>
          </cell>
          <cell r="AA2609">
            <v>42</v>
          </cell>
          <cell r="AB2609">
            <v>49</v>
          </cell>
          <cell r="AC2609" t="str">
            <v/>
          </cell>
          <cell r="AD2609" t="str">
            <v/>
          </cell>
          <cell r="AE2609" t="str">
            <v>１；電気設備点検・保守２；ＥＶ充電器認証・課金システム３；消防設備点検・保守４；</v>
          </cell>
          <cell r="AF2609" t="str">
            <v>各電力会社向けに各種電力量計や試験装置、ならびに受配電設備をはじめとする制御システム・変成器など従来からの独自技術分野において、開発から製造・販売・メンテナンスまで一貫したサービスを提供する体制を構築しています。</v>
          </cell>
        </row>
        <row r="2610">
          <cell r="B2610">
            <v>11096</v>
          </cell>
          <cell r="C2610" t="str">
            <v>島津サイエンス西日本(株)</v>
          </cell>
          <cell r="D2610" t="str">
            <v>078-325-2011</v>
          </cell>
          <cell r="E2610" t="str">
            <v>650-0033</v>
          </cell>
          <cell r="F2610" t="str">
            <v>兵庫県神戸市中央区江戸町93</v>
          </cell>
          <cell r="G2610" t="str">
            <v>神戸市</v>
          </cell>
          <cell r="H2610" t="str">
            <v>神戸支店</v>
          </cell>
          <cell r="I2610" t="str">
            <v>支店長 岡田　慎市</v>
          </cell>
          <cell r="J2610" t="str">
            <v>大阪府大阪市</v>
          </cell>
          <cell r="K2610" t="str">
            <v>078-325-2171</v>
          </cell>
          <cell r="L2610" t="str">
            <v/>
          </cell>
          <cell r="M2610" t="str">
            <v>ｼﾏﾂﾞｻｲｴﾝｽﾆｼﾆﾎﾝ</v>
          </cell>
          <cell r="N2610" t="str">
            <v>有</v>
          </cell>
          <cell r="O2610">
            <v>64</v>
          </cell>
          <cell r="P2610">
            <v>92</v>
          </cell>
          <cell r="Q2610">
            <v>8120001110398</v>
          </cell>
          <cell r="R2610">
            <v>34000</v>
          </cell>
          <cell r="S2610">
            <v>1591448</v>
          </cell>
          <cell r="T2610">
            <v>10605639</v>
          </cell>
          <cell r="V2610" t="str">
            <v>vx430806</v>
          </cell>
          <cell r="W2610" t="str">
            <v>mv137691</v>
          </cell>
          <cell r="Y2610" t="str">
            <v>41，42，</v>
          </cell>
          <cell r="Z2610">
            <v>41</v>
          </cell>
          <cell r="AA2610">
            <v>42</v>
          </cell>
          <cell r="AB2610" t="str">
            <v/>
          </cell>
          <cell r="AC2610" t="str">
            <v/>
          </cell>
          <cell r="AD2610" t="str">
            <v/>
          </cell>
          <cell r="AE2610" t="str">
            <v>１；代：島津製作所、代：島津理化２；代：島津製作所、代：島津理化３；４；</v>
          </cell>
          <cell r="AF2610" t="str">
            <v>理化学総合商社でございますので、理化学分析機器、計量機器、測量機器はほぼ取扱い可能でございます。</v>
          </cell>
        </row>
        <row r="2611">
          <cell r="B2611">
            <v>11097</v>
          </cell>
          <cell r="C2611" t="str">
            <v>(株)ミツワ</v>
          </cell>
          <cell r="D2611" t="str">
            <v>072-756-1770</v>
          </cell>
          <cell r="E2611" t="str">
            <v>666-0024</v>
          </cell>
          <cell r="F2611" t="str">
            <v>兵庫県川西市久代2-2-1</v>
          </cell>
          <cell r="G2611" t="str">
            <v>川西市</v>
          </cell>
          <cell r="H2611" t="str">
            <v>本社</v>
          </cell>
          <cell r="I2611" t="str">
            <v>常務取締役 船岡　武史</v>
          </cell>
          <cell r="J2611" t="str">
            <v>兵庫県川西市</v>
          </cell>
          <cell r="K2611" t="str">
            <v>072-757-0795</v>
          </cell>
          <cell r="L2611" t="str">
            <v>g-watanabe@mitsuwa-gr.co.jp</v>
          </cell>
          <cell r="M2611" t="str">
            <v>ﾐﾂﾜ</v>
          </cell>
          <cell r="N2611" t="str">
            <v>有</v>
          </cell>
          <cell r="O2611">
            <v>65</v>
          </cell>
          <cell r="P2611">
            <v>185</v>
          </cell>
          <cell r="Q2611">
            <v>3140001079686</v>
          </cell>
          <cell r="R2611">
            <v>48000</v>
          </cell>
          <cell r="S2611" t="str">
            <v/>
          </cell>
          <cell r="T2611">
            <v>9240000</v>
          </cell>
          <cell r="V2611" t="str">
            <v>qc921315</v>
          </cell>
          <cell r="W2611" t="str">
            <v>ｒb193795</v>
          </cell>
          <cell r="Y2611" t="str">
            <v>043，11，14，23，26，29，35，36，37，43，44，</v>
          </cell>
          <cell r="Z2611">
            <v>11</v>
          </cell>
          <cell r="AA2611">
            <v>23</v>
          </cell>
          <cell r="AB2611">
            <v>36</v>
          </cell>
          <cell r="AC2611">
            <v>43</v>
          </cell>
          <cell r="AD2611" t="str">
            <v/>
          </cell>
          <cell r="AE2611" t="str">
            <v>１；２；３；４；</v>
          </cell>
          <cell r="AF2611" t="str">
            <v>燃料販売を中心にリフォームなど新規商品までお客様のニーズにあった商品展開を志しています</v>
          </cell>
        </row>
        <row r="2612">
          <cell r="B2612">
            <v>11101</v>
          </cell>
          <cell r="C2612" t="str">
            <v>(株)大阪北ワンダー社</v>
          </cell>
          <cell r="D2612" t="str">
            <v>072-632-8162</v>
          </cell>
          <cell r="E2612" t="str">
            <v>567-0851</v>
          </cell>
          <cell r="F2612" t="str">
            <v>大阪府茨木市真砂2-15-19</v>
          </cell>
          <cell r="G2612" t="str">
            <v>茨木市</v>
          </cell>
          <cell r="H2612" t="str">
            <v/>
          </cell>
          <cell r="I2612" t="str">
            <v>代表取締役 高野　裕輔</v>
          </cell>
          <cell r="J2612" t="str">
            <v>本店</v>
          </cell>
          <cell r="K2612" t="str">
            <v>072-632-8173</v>
          </cell>
          <cell r="L2612" t="str">
            <v>wonder07@sirius.ocn.ne.jp</v>
          </cell>
          <cell r="M2612" t="str">
            <v>ｵｵｻｶｷﾀﾜﾝﾀﾞｰｼｬ</v>
          </cell>
          <cell r="N2612" t="str">
            <v>無</v>
          </cell>
          <cell r="O2612">
            <v>10</v>
          </cell>
          <cell r="P2612">
            <v>7</v>
          </cell>
          <cell r="Q2612">
            <v>7120901016778</v>
          </cell>
          <cell r="R2612">
            <v>3000</v>
          </cell>
          <cell r="S2612" t="str">
            <v/>
          </cell>
          <cell r="T2612">
            <v>295786</v>
          </cell>
          <cell r="V2612" t="str">
            <v>jm744706</v>
          </cell>
          <cell r="W2612" t="str">
            <v>bi158189</v>
          </cell>
          <cell r="Y2612" t="str">
            <v>018，12，13，14，18，20，27，</v>
          </cell>
          <cell r="Z2612">
            <v>12</v>
          </cell>
          <cell r="AA2612">
            <v>13</v>
          </cell>
          <cell r="AB2612">
            <v>20</v>
          </cell>
          <cell r="AC2612">
            <v>18</v>
          </cell>
          <cell r="AD2612" t="str">
            <v/>
          </cell>
          <cell r="AE2612" t="str">
            <v>１；世界文化社・マスセット２；世界文化社３；世界文化社４；世界文化社</v>
          </cell>
          <cell r="AF2612" t="str">
            <v>幼稚園・保育園の遊具・備品販売</v>
          </cell>
        </row>
        <row r="2613">
          <cell r="B2613">
            <v>11105</v>
          </cell>
          <cell r="C2613" t="str">
            <v>(株)東急コミュニティー</v>
          </cell>
          <cell r="D2613" t="str">
            <v>06-4704-0158</v>
          </cell>
          <cell r="E2613" t="str">
            <v>541-0059</v>
          </cell>
          <cell r="F2613" t="str">
            <v>大阪府大阪市中央区博労町3-2-8</v>
          </cell>
          <cell r="G2613" t="str">
            <v>大阪市</v>
          </cell>
          <cell r="H2613" t="str">
            <v>ビル事業本部　第二事業部</v>
          </cell>
          <cell r="I2613" t="str">
            <v>事業部長 中川　達二</v>
          </cell>
          <cell r="J2613" t="str">
            <v>東京都</v>
          </cell>
          <cell r="K2613" t="str">
            <v>06-4704-0130</v>
          </cell>
          <cell r="L2613" t="str">
            <v>touji@tokyu-com.co.jp</v>
          </cell>
          <cell r="M2613" t="str">
            <v>ﾄｳｷｭｳｺﾐｭﾆﾃｨｰ</v>
          </cell>
          <cell r="N2613" t="str">
            <v>有</v>
          </cell>
          <cell r="O2613">
            <v>48</v>
          </cell>
          <cell r="P2613">
            <v>7629</v>
          </cell>
          <cell r="Q2613">
            <v>4010901008681</v>
          </cell>
          <cell r="R2613">
            <v>1653800</v>
          </cell>
          <cell r="S2613">
            <v>62729000</v>
          </cell>
          <cell r="T2613">
            <v>120714000</v>
          </cell>
          <cell r="V2613" t="str">
            <v>wd979745</v>
          </cell>
          <cell r="W2613" t="str">
            <v>tm196939</v>
          </cell>
          <cell r="Y2613" t="str">
            <v>45，46，54，</v>
          </cell>
          <cell r="Z2613">
            <v>46</v>
          </cell>
          <cell r="AA2613">
            <v>45</v>
          </cell>
          <cell r="AB2613">
            <v>54</v>
          </cell>
          <cell r="AC2613" t="str">
            <v/>
          </cell>
          <cell r="AD2613" t="str">
            <v/>
          </cell>
          <cell r="AE2613" t="str">
            <v>１；建築物環境衛生総合管理業２；警備業認定証３；建築物環境衛生総合管理業４；</v>
          </cell>
          <cell r="AF2613" t="str">
            <v>マンションやビル、商業施設や公共施設など業界トップクラスの管理・運営実績があります。その多岐にわたる総合力を活かして資産価値を将来にわたって高め、一人ひとりが安心して幸せに暮らせる毎日を支えて、人と建物の未来をつくります。</v>
          </cell>
        </row>
        <row r="2614">
          <cell r="B2614">
            <v>11107</v>
          </cell>
          <cell r="C2614" t="str">
            <v>(株)ホウワ</v>
          </cell>
          <cell r="D2614" t="str">
            <v>0743-57-8000</v>
          </cell>
          <cell r="E2614" t="str">
            <v>639-1115</v>
          </cell>
          <cell r="F2614" t="str">
            <v>奈良県大和郡山市横田町595-1</v>
          </cell>
          <cell r="G2614" t="str">
            <v>大和郡山市</v>
          </cell>
          <cell r="H2614" t="str">
            <v/>
          </cell>
          <cell r="I2614" t="str">
            <v>代表取締役 北森　康史</v>
          </cell>
          <cell r="J2614" t="str">
            <v>本店</v>
          </cell>
          <cell r="K2614" t="str">
            <v>0743-59-0880</v>
          </cell>
          <cell r="L2614" t="str">
            <v>info@houwa.net</v>
          </cell>
          <cell r="M2614" t="str">
            <v>ﾎｳﾜ</v>
          </cell>
          <cell r="N2614" t="str">
            <v>無</v>
          </cell>
          <cell r="O2614">
            <v>46</v>
          </cell>
          <cell r="P2614">
            <v>61</v>
          </cell>
          <cell r="Q2614">
            <v>6150001006100</v>
          </cell>
          <cell r="R2614">
            <v>20000</v>
          </cell>
          <cell r="S2614">
            <v>64131</v>
          </cell>
          <cell r="T2614">
            <v>1277063</v>
          </cell>
          <cell r="V2614" t="str">
            <v>mr726511</v>
          </cell>
          <cell r="W2614" t="str">
            <v>om117839</v>
          </cell>
          <cell r="Y2614" t="str">
            <v>044，02，27，30，31，38，44，67，68，</v>
          </cell>
          <cell r="Z2614">
            <v>67</v>
          </cell>
          <cell r="AA2614">
            <v>38</v>
          </cell>
          <cell r="AB2614">
            <v>30</v>
          </cell>
          <cell r="AC2614">
            <v>44</v>
          </cell>
          <cell r="AD2614" t="str">
            <v>防災倉庫は海上コンテナの地震や火災に強い特性を活かして製作され、内部の荷物棚には災害時に必要な物資の備蓄が可能で、据付や移動が簡単なため災害時には直ちにトラックで被災地へ運搬できます。</v>
          </cell>
          <cell r="AE2614" t="str">
            <v>１；引越・移転業務、給食配送業務ほか一般貨物運送事業　［一般貨物自動車運送事業許可・貨物軽自動車運送事業届出］２；防災備蓄倉庫・水防倉庫・防災トイレ　[建設業許可]、防災備蓄用品（保存食・非常食・毛布・非常用アルミシート・携帯用浄水器）３；海上コンテナ・仮設ハウス・簡易トイレ　[建設業許可・古物商許可]４；防災備蓄倉庫・水防倉庫・防災トイレ・仮設ハウス・ユニットハウス・簡易トイレ・保管庫・物置・ゴミ庫・ミニ庫・トランクルームＢＯＸ・冷蔵冷凍倉庫　[建設業許可・古物商許可]</v>
          </cell>
          <cell r="AF2614" t="str">
            <v>海上コンテナをベースにして製作した倉庫類の販売を行っています。用途・価格・大きさ等あらゆるご要望にお応えして官公署、民間を問わず満足頂ける製品を提供しております。設置に関しては据置きのほか基礎工事を伴う据付け、運搬も可能です。また、中古・レンタルにも対応しております。</v>
          </cell>
        </row>
        <row r="2615">
          <cell r="B2615">
            <v>11108</v>
          </cell>
          <cell r="C2615" t="str">
            <v>(株)日興商会</v>
          </cell>
          <cell r="D2615" t="str">
            <v>06-6487-1434</v>
          </cell>
          <cell r="E2615" t="str">
            <v>660-0892</v>
          </cell>
          <cell r="F2615" t="str">
            <v>兵庫県尼崎市東難波町5-10-30</v>
          </cell>
          <cell r="G2615" t="str">
            <v>尼崎市</v>
          </cell>
          <cell r="H2615" t="str">
            <v/>
          </cell>
          <cell r="I2615" t="str">
            <v>代表取締役社長 藤縄　修平</v>
          </cell>
          <cell r="J2615" t="str">
            <v>本店</v>
          </cell>
          <cell r="K2615" t="str">
            <v>06-6487-1429</v>
          </cell>
          <cell r="L2615" t="str">
            <v/>
          </cell>
          <cell r="M2615" t="str">
            <v>ﾆｯｺｳｼｮｳｶｲ</v>
          </cell>
          <cell r="N2615" t="str">
            <v>無</v>
          </cell>
          <cell r="O2615">
            <v>72</v>
          </cell>
          <cell r="P2615">
            <v>614</v>
          </cell>
          <cell r="Q2615">
            <v>1140001050558</v>
          </cell>
          <cell r="R2615">
            <v>300000</v>
          </cell>
          <cell r="S2615">
            <v>1282835</v>
          </cell>
          <cell r="T2615">
            <v>19802378</v>
          </cell>
          <cell r="V2615" t="str">
            <v>up756212</v>
          </cell>
          <cell r="W2615" t="str">
            <v>qq165796</v>
          </cell>
          <cell r="Y2615" t="str">
            <v>074，03，07，08，14，15，27，36，73，74，</v>
          </cell>
          <cell r="Z2615">
            <v>14</v>
          </cell>
          <cell r="AA2615">
            <v>15</v>
          </cell>
          <cell r="AB2615">
            <v>73</v>
          </cell>
          <cell r="AC2615">
            <v>74</v>
          </cell>
          <cell r="AD2615" t="str">
            <v/>
          </cell>
          <cell r="AE2615" t="str">
            <v>１；２；３；４；</v>
          </cell>
          <cell r="AF2615" t="str">
            <v>文具、事務用品、ＯＡ機器、オフィス家具。ＬＥＤ等の販売、コンピュータ用連続伝票他各種帳票、カラー印刷等の製造販売</v>
          </cell>
        </row>
        <row r="2616">
          <cell r="B2616">
            <v>11110</v>
          </cell>
          <cell r="C2616" t="str">
            <v>(株)日本サポートサービス</v>
          </cell>
          <cell r="D2616" t="str">
            <v>03-3291-6943</v>
          </cell>
          <cell r="E2616" t="str">
            <v>101-0064</v>
          </cell>
          <cell r="F2616" t="str">
            <v>東京都千代田区神田猿楽町2-2-10</v>
          </cell>
          <cell r="G2616" t="str">
            <v>東京都</v>
          </cell>
          <cell r="H2616" t="str">
            <v/>
          </cell>
          <cell r="I2616" t="str">
            <v>代表取締役 籏鉾　吉男</v>
          </cell>
          <cell r="J2616" t="str">
            <v>本店</v>
          </cell>
          <cell r="K2616" t="str">
            <v>03-3291-2135</v>
          </cell>
          <cell r="L2616" t="str">
            <v>kanri@nssweb.co.jp</v>
          </cell>
          <cell r="M2616" t="str">
            <v>ﾆﾎﾝｻﾎﾟｰﾄｻｰﾋﾞｽ</v>
          </cell>
          <cell r="N2616" t="str">
            <v>無</v>
          </cell>
          <cell r="O2616">
            <v>35</v>
          </cell>
          <cell r="P2616">
            <v>45</v>
          </cell>
          <cell r="Q2616">
            <v>5010001025874</v>
          </cell>
          <cell r="R2616">
            <v>100000</v>
          </cell>
          <cell r="S2616">
            <v>379444</v>
          </cell>
          <cell r="T2616">
            <v>632670</v>
          </cell>
          <cell r="V2616" t="str">
            <v>by229823</v>
          </cell>
          <cell r="W2616" t="str">
            <v>ta196333</v>
          </cell>
          <cell r="Y2616" t="str">
            <v>57，60，</v>
          </cell>
          <cell r="Z2616">
            <v>60</v>
          </cell>
          <cell r="AA2616">
            <v>80</v>
          </cell>
          <cell r="AB2616">
            <v>57</v>
          </cell>
          <cell r="AC2616" t="str">
            <v/>
          </cell>
          <cell r="AD2616" t="str">
            <v/>
          </cell>
          <cell r="AE2616" t="str">
            <v>１；医事業務（医療費の点検、医療費分析業務、その他関連業務）２；保健指導関連業務（生活習慣病・糖尿病重症化予防等の保健指導、その他関連業務）３；電算業務（データ入力、情報処理）４；</v>
          </cell>
          <cell r="AF2616" t="str">
            <v>高度な医事技能と豊富な経験を持つ業務スタッフと先進的医療情報技術により、効率的で効果的な診療報酬明細書の点検を中心とした幅広い医療給付関連事務業務を提供し、医療費適正化の為の事業を推進しています。</v>
          </cell>
        </row>
        <row r="2617">
          <cell r="B2617">
            <v>11111</v>
          </cell>
          <cell r="C2617" t="str">
            <v>ＮＰＯ法人ワーカーズコープかんさい</v>
          </cell>
          <cell r="D2617" t="str">
            <v>072-770-4556</v>
          </cell>
          <cell r="E2617" t="str">
            <v>664-0023</v>
          </cell>
          <cell r="F2617" t="str">
            <v>兵庫県伊丹市中野西1-142</v>
          </cell>
          <cell r="G2617" t="str">
            <v>伊丹市中野西</v>
          </cell>
          <cell r="H2617" t="str">
            <v/>
          </cell>
          <cell r="I2617" t="str">
            <v>理事長 高木　哲次</v>
          </cell>
          <cell r="J2617" t="str">
            <v>本店</v>
          </cell>
          <cell r="K2617" t="str">
            <v>072-770-4639</v>
          </cell>
          <cell r="L2617" t="str">
            <v>npo-kansai@iwc.or.jp</v>
          </cell>
          <cell r="M2617" t="str">
            <v>ｴﾇﾋﾟｰｵｰﾎｳｼﾞﾝﾜｰｶｰｽﾞｺｰﾌﾟｶﾝｻｲ</v>
          </cell>
          <cell r="N2617" t="str">
            <v>無</v>
          </cell>
          <cell r="O2617" t="str">
            <v/>
          </cell>
          <cell r="P2617">
            <v>30</v>
          </cell>
          <cell r="Q2617">
            <v>4140005018549</v>
          </cell>
          <cell r="R2617" t="str">
            <v/>
          </cell>
          <cell r="S2617" t="str">
            <v/>
          </cell>
          <cell r="T2617" t="str">
            <v/>
          </cell>
          <cell r="V2617" t="str">
            <v>su455691</v>
          </cell>
          <cell r="W2617" t="str">
            <v>nd173838</v>
          </cell>
          <cell r="Y2617" t="str">
            <v>022，05，22，53，54，55，77，79，</v>
          </cell>
          <cell r="Z2617">
            <v>53</v>
          </cell>
          <cell r="AA2617">
            <v>55</v>
          </cell>
          <cell r="AB2617">
            <v>54</v>
          </cell>
          <cell r="AC2617">
            <v>22</v>
          </cell>
          <cell r="AD2617" t="str">
            <v/>
          </cell>
          <cell r="AE2617" t="str">
            <v>１；２；３；４；</v>
          </cell>
          <cell r="AF2617" t="str">
            <v>園芸農耕用品・公園緑地等管理・道路公園清掃・障害児通所支援事業・困窮者自立支援事業・就労準備支援事業</v>
          </cell>
        </row>
        <row r="2618">
          <cell r="B2618">
            <v>11113</v>
          </cell>
          <cell r="C2618" t="str">
            <v>的場商事(株)</v>
          </cell>
          <cell r="D2618" t="str">
            <v>078-361-1622</v>
          </cell>
          <cell r="E2618" t="str">
            <v>650-0015</v>
          </cell>
          <cell r="F2618" t="str">
            <v>兵庫県神戸市中央区多聞通3-2-9 甲南ｽｶｲﾋﾞﾙ206</v>
          </cell>
          <cell r="G2618" t="str">
            <v>神戸市</v>
          </cell>
          <cell r="H2618" t="str">
            <v>神戸支店</v>
          </cell>
          <cell r="I2618" t="str">
            <v>取締役支店長　 的場　幸代</v>
          </cell>
          <cell r="J2618" t="str">
            <v>大阪府吹田市</v>
          </cell>
          <cell r="K2618" t="str">
            <v>078-361-1677</v>
          </cell>
          <cell r="L2618" t="str">
            <v>honsya@matoba-shoji.co.jp</v>
          </cell>
          <cell r="M2618" t="str">
            <v>ﾏﾄﾊﾞｼﾖｳｼﾞ</v>
          </cell>
          <cell r="N2618" t="str">
            <v>有</v>
          </cell>
          <cell r="O2618">
            <v>47</v>
          </cell>
          <cell r="P2618">
            <v>19</v>
          </cell>
          <cell r="Q2618">
            <v>9120900000000</v>
          </cell>
          <cell r="R2618">
            <v>30000</v>
          </cell>
          <cell r="S2618">
            <v>262575</v>
          </cell>
          <cell r="T2618">
            <v>439509</v>
          </cell>
          <cell r="V2618" t="str">
            <v>dp656050</v>
          </cell>
          <cell r="W2618" t="str">
            <v>ds173556</v>
          </cell>
          <cell r="Y2618" t="str">
            <v>55.68.79</v>
          </cell>
          <cell r="Z2618">
            <v>79</v>
          </cell>
          <cell r="AA2618">
            <v>55</v>
          </cell>
          <cell r="AB2618">
            <v>68</v>
          </cell>
          <cell r="AC2618" t="str">
            <v/>
          </cell>
          <cell r="AD2618" t="str">
            <v/>
          </cell>
          <cell r="AE2618" t="str">
            <v>１；２；下水道管内に自走式ＴＶカメラを挿入し、管内状況を調査・記録を行います。超高圧洗浄車２台、強力吸引車３台、ＴＶカメラ車２台保有しています。３；河川や水路、側溝等に溜まった土砂や汚泥を強力吸引車・高圧洗浄車を用いて取り除き、適正な状態を保ちます。４；兵庫県・大阪府・京都府・奈良県・滋賀県の産業廃棄物収集運搬許可を保有しています。</v>
          </cell>
          <cell r="AF2618" t="str">
            <v>下水道管渠更生工事・給排水管更生工事を得意としています。下水道管内調査（ＴＶカメラ及び目視）や、下水道管渠清掃・道路排水施設清掃・水路等清掃も行っています。</v>
          </cell>
        </row>
        <row r="2619">
          <cell r="B2619">
            <v>11114</v>
          </cell>
          <cell r="C2619" t="str">
            <v>海田工業(株)</v>
          </cell>
          <cell r="D2619" t="str">
            <v>0797-72-9660</v>
          </cell>
          <cell r="E2619" t="str">
            <v>665-0051</v>
          </cell>
          <cell r="F2619" t="str">
            <v>兵庫県宝塚市高司5-2-36</v>
          </cell>
          <cell r="G2619" t="str">
            <v>宝塚市</v>
          </cell>
          <cell r="H2619" t="str">
            <v/>
          </cell>
          <cell r="I2619" t="str">
            <v>代表取締役 寺田　俊二</v>
          </cell>
          <cell r="J2619" t="str">
            <v>本店</v>
          </cell>
          <cell r="K2619" t="str">
            <v>0797-72-1815</v>
          </cell>
          <cell r="L2619" t="str">
            <v>teraizu@kaida.co.jp</v>
          </cell>
          <cell r="M2619" t="str">
            <v>ｶｲﾀﾞｺｳｷﾞｮｳ</v>
          </cell>
          <cell r="N2619" t="str">
            <v>無</v>
          </cell>
          <cell r="O2619">
            <v>56</v>
          </cell>
          <cell r="P2619">
            <v>15</v>
          </cell>
          <cell r="Q2619">
            <v>1140001081322</v>
          </cell>
          <cell r="R2619">
            <v>10000</v>
          </cell>
          <cell r="S2619">
            <v>184574</v>
          </cell>
          <cell r="T2619">
            <v>224598</v>
          </cell>
          <cell r="V2619" t="str">
            <v>ug604477</v>
          </cell>
          <cell r="W2619" t="str">
            <v>hj187618</v>
          </cell>
          <cell r="Y2619" t="str">
            <v>080，25，54，60，68，69，</v>
          </cell>
          <cell r="Z2619">
            <v>68</v>
          </cell>
          <cell r="AA2619">
            <v>69</v>
          </cell>
          <cell r="AB2619">
            <v>25</v>
          </cell>
          <cell r="AC2619">
            <v>80</v>
          </cell>
          <cell r="AD2619" t="str">
            <v>ヘルパー２級の資格を取得している従業員が所属しています。</v>
          </cell>
          <cell r="AE2619" t="str">
            <v>１；産業廃棄物の収集運搬を主要事業としていくなかで、56年の信頼と実績をもち、継続的に環境面の負荷を削減する活動をしております。２；遺品整理士、事件現場特殊清掃士保有者も所属し、遺品整理にも力を入れております。３；撤去自転車の売却も行っております。４；</v>
          </cell>
          <cell r="AF2619" t="str">
            <v>廃棄物に関する事業を長年継続しており、遺品整理事業・古物商を取り扱うほか廃棄物再生事業者登録や一般廃棄物の積替え保管の許可を取得するなど、廃棄物に関する専門的な知識や設備を有しているため守備範囲が広く総合力がある。</v>
          </cell>
        </row>
        <row r="2620">
          <cell r="B2620">
            <v>11115</v>
          </cell>
          <cell r="C2620" t="str">
            <v>白瀬浚渫興業(株)</v>
          </cell>
          <cell r="D2620" t="str">
            <v>0797-84-1203</v>
          </cell>
          <cell r="E2620" t="str">
            <v>665-0822</v>
          </cell>
          <cell r="F2620" t="str">
            <v>兵庫県宝塚市安倉中6-8-23</v>
          </cell>
          <cell r="G2620" t="str">
            <v>宝塚市</v>
          </cell>
          <cell r="H2620" t="str">
            <v/>
          </cell>
          <cell r="I2620" t="str">
            <v>代表取締役 白瀬　賢司</v>
          </cell>
          <cell r="J2620" t="str">
            <v>本店</v>
          </cell>
          <cell r="K2620" t="str">
            <v>0797-86-1982</v>
          </cell>
          <cell r="L2620" t="str">
            <v>shirase@jeans.ocn.ne.jp</v>
          </cell>
          <cell r="M2620" t="str">
            <v>ｼﾗｾｼｭﾝｾﾂｺｳｷﾞｮｳ</v>
          </cell>
          <cell r="N2620" t="str">
            <v>無</v>
          </cell>
          <cell r="O2620">
            <v>37</v>
          </cell>
          <cell r="P2620">
            <v>9</v>
          </cell>
          <cell r="Q2620">
            <v>9140001081612</v>
          </cell>
          <cell r="R2620">
            <v>10000</v>
          </cell>
          <cell r="S2620">
            <v>182094</v>
          </cell>
          <cell r="T2620">
            <v>217699</v>
          </cell>
          <cell r="V2620" t="str">
            <v>nk163618</v>
          </cell>
          <cell r="W2620" t="str">
            <v>qg198389</v>
          </cell>
          <cell r="Y2620" t="str">
            <v>048，48，55，68，79，</v>
          </cell>
          <cell r="Z2620">
            <v>79</v>
          </cell>
          <cell r="AA2620">
            <v>55</v>
          </cell>
          <cell r="AB2620">
            <v>68</v>
          </cell>
          <cell r="AC2620">
            <v>48</v>
          </cell>
          <cell r="AD2620" t="str">
            <v>上記に関連する一切の業務の受注可能です。</v>
          </cell>
          <cell r="AE2620" t="str">
            <v>１；下水管渠の清掃目視やカメラ使用による管内調査２；道路側溝等の清掃３；汚泥等の廃棄物収集運搬４；噴水設備等の水関係設備保守</v>
          </cell>
          <cell r="AF2620" t="str">
            <v>自己所有による車両・機器により迅速かつ丁寧な施工作業を自負しております。所有機器車両は工事役務の業務に欠かせないものです。</v>
          </cell>
        </row>
        <row r="2621">
          <cell r="B2621">
            <v>11116</v>
          </cell>
          <cell r="C2621" t="str">
            <v>阪神地域開発事業(協)</v>
          </cell>
          <cell r="D2621" t="str">
            <v>072-777-3531</v>
          </cell>
          <cell r="E2621" t="str">
            <v>664-0023</v>
          </cell>
          <cell r="F2621" t="str">
            <v>兵庫県伊丹市中野西1-142</v>
          </cell>
          <cell r="G2621" t="str">
            <v>伊丹市</v>
          </cell>
          <cell r="H2621" t="str">
            <v/>
          </cell>
          <cell r="I2621" t="str">
            <v>代表理事 高木　哲次</v>
          </cell>
          <cell r="J2621" t="str">
            <v>本店</v>
          </cell>
          <cell r="K2621" t="str">
            <v>072-770-4639</v>
          </cell>
          <cell r="L2621" t="str">
            <v>hansin@iwc.or.jp</v>
          </cell>
          <cell r="M2621" t="str">
            <v>ﾊﾝｼﾝﾁｲｷｶｲﾊﾂｼﾞｷﾞｮｳ</v>
          </cell>
          <cell r="N2621" t="str">
            <v>無</v>
          </cell>
          <cell r="O2621">
            <v>38</v>
          </cell>
          <cell r="P2621">
            <v>4</v>
          </cell>
          <cell r="Q2621">
            <v>5140005018110</v>
          </cell>
          <cell r="R2621">
            <v>8590</v>
          </cell>
          <cell r="S2621">
            <v>12740</v>
          </cell>
          <cell r="T2621">
            <v>113650</v>
          </cell>
          <cell r="V2621" t="str">
            <v>mx753715</v>
          </cell>
          <cell r="W2621" t="str">
            <v>bu119983</v>
          </cell>
          <cell r="Y2621" t="str">
            <v>022，05，22，28，29，30，31，32，33，34，35，37，38，43，46，47，51，52，53，54，55，68，79，</v>
          </cell>
          <cell r="Z2621">
            <v>53</v>
          </cell>
          <cell r="AA2621">
            <v>55</v>
          </cell>
          <cell r="AB2621">
            <v>54</v>
          </cell>
          <cell r="AC2621">
            <v>22</v>
          </cell>
          <cell r="AD2621" t="str">
            <v/>
          </cell>
          <cell r="AE2621" t="str">
            <v>１；２；３；４；</v>
          </cell>
          <cell r="AF2621" t="str">
            <v>造園工事・土木工事・建築工事・大工工事・屋根工事・管工事・タイル・内装仕上工事・植物維持管理・花壇管理・公園維持管理・樹木薬剤散布・樹木植栽・ビルメンテナンス・空調管理・学校給食荷受配送</v>
          </cell>
        </row>
        <row r="2622">
          <cell r="B2622">
            <v>11117</v>
          </cell>
          <cell r="C2622" t="str">
            <v>(株)モリタエコノス</v>
          </cell>
          <cell r="D2622" t="str">
            <v>072-947-2121</v>
          </cell>
          <cell r="E2622" t="str">
            <v>581-0067</v>
          </cell>
          <cell r="F2622" t="str">
            <v>大阪府八尾市神武町2-68</v>
          </cell>
          <cell r="G2622" t="str">
            <v>八尾市</v>
          </cell>
          <cell r="H2622" t="str">
            <v>関西支店</v>
          </cell>
          <cell r="I2622" t="str">
            <v>支店長 植村　則雄</v>
          </cell>
          <cell r="J2622" t="str">
            <v>兵庫県三田市</v>
          </cell>
          <cell r="K2622" t="str">
            <v>072-947-2123</v>
          </cell>
          <cell r="L2622" t="str">
            <v>yasufumi.endou@morita119.com</v>
          </cell>
          <cell r="M2622" t="str">
            <v>ﾓﾘﾀｴｺﾉｽ</v>
          </cell>
          <cell r="N2622" t="str">
            <v>有</v>
          </cell>
          <cell r="O2622">
            <v>70</v>
          </cell>
          <cell r="P2622">
            <v>284</v>
          </cell>
          <cell r="Q2622">
            <v>8122000000000</v>
          </cell>
          <cell r="R2622">
            <v>400000</v>
          </cell>
          <cell r="S2622">
            <v>2780535</v>
          </cell>
          <cell r="T2622">
            <v>10264103</v>
          </cell>
          <cell r="V2622" t="str">
            <v>ea550306</v>
          </cell>
          <cell r="W2622" t="str">
            <v>si167939</v>
          </cell>
          <cell r="Y2622">
            <v>24</v>
          </cell>
          <cell r="Z2622" t="str">
            <v/>
          </cell>
          <cell r="AA2622" t="str">
            <v/>
          </cell>
          <cell r="AB2622" t="str">
            <v/>
          </cell>
          <cell r="AC2622" t="str">
            <v/>
          </cell>
          <cell r="AD2622" t="str">
            <v/>
          </cell>
          <cell r="AE2622" t="str">
            <v>１；２；塵芥車３；衛生車４；高圧洗浄車</v>
          </cell>
          <cell r="AF2622" t="str">
            <v>会社創業以来、清掃車両架装販売専門メーカーとして国土・都市の環境美化昂揚に寄与して参りました。衛生車・塵芥車・汚泥車・高圧洗浄車等特殊車両、リサイクル関連商品の開発、介護サービスを支援する入浴車等の開発に努めております。</v>
          </cell>
        </row>
        <row r="2623">
          <cell r="B2623">
            <v>11120</v>
          </cell>
          <cell r="C2623" t="str">
            <v>ジェイエムシー(株)</v>
          </cell>
          <cell r="D2623" t="str">
            <v>06-6453-2400</v>
          </cell>
          <cell r="E2623" t="str">
            <v>553-0003</v>
          </cell>
          <cell r="F2623" t="str">
            <v>大阪府大阪市福島区福島7-20-1KM西梅田ﾋﾞﾙ14F</v>
          </cell>
          <cell r="G2623" t="str">
            <v>大阪市</v>
          </cell>
          <cell r="H2623" t="str">
            <v>大阪支店</v>
          </cell>
          <cell r="I2623" t="str">
            <v>大阪支店長 仁木　海渡</v>
          </cell>
          <cell r="J2623" t="str">
            <v>高知県高知市</v>
          </cell>
          <cell r="K2623" t="str">
            <v>06-6453-2411</v>
          </cell>
          <cell r="L2623" t="str">
            <v>kenkou@jmc-ltd.co.jp</v>
          </cell>
          <cell r="M2623" t="str">
            <v>ｼﾞｪｲｴﾑｼｰ</v>
          </cell>
          <cell r="N2623" t="str">
            <v>有</v>
          </cell>
          <cell r="O2623">
            <v>32</v>
          </cell>
          <cell r="P2623">
            <v>42</v>
          </cell>
          <cell r="Q2623">
            <v>6490001001273</v>
          </cell>
          <cell r="R2623">
            <v>30000</v>
          </cell>
          <cell r="S2623">
            <v>621921</v>
          </cell>
          <cell r="T2623">
            <v>732326</v>
          </cell>
          <cell r="V2623" t="str">
            <v>qj306035</v>
          </cell>
          <cell r="W2623" t="str">
            <v>gｒ197959</v>
          </cell>
          <cell r="Y2623" t="str">
            <v>057，36，56，57，58，73，74，77，78，</v>
          </cell>
          <cell r="Z2623">
            <v>77</v>
          </cell>
          <cell r="AA2623">
            <v>80</v>
          </cell>
          <cell r="AB2623">
            <v>58</v>
          </cell>
          <cell r="AC2623">
            <v>57</v>
          </cell>
          <cell r="AD2623" t="str">
            <v>プライバシーマーク取得。</v>
          </cell>
          <cell r="AE2623" t="str">
            <v>１；市民意向調査。２；国保保健指導事業、特定保健指導等の保健事業。保健福祉分野における計画策定支援。３；介護給付適正化支援システム他、各種保健福祉関連システムの販売、運用、保守。（代）４；</v>
          </cell>
          <cell r="AF2623" t="str">
            <v>各種保健福祉に関する計画策定とそれに伴う調査業務、国保保健事業、特定保健指導、介護給付費適正化支援システムの販売・保守、その他保健福祉に関するシステムの構築・保守等</v>
          </cell>
        </row>
        <row r="2624">
          <cell r="B2624">
            <v>11121</v>
          </cell>
          <cell r="C2624" t="str">
            <v>大東衛生(株)</v>
          </cell>
          <cell r="D2624" t="str">
            <v>06-6971-7339</v>
          </cell>
          <cell r="E2624" t="str">
            <v>537-0014</v>
          </cell>
          <cell r="F2624" t="str">
            <v>大阪府大阪市東成区大今里西1-19-38</v>
          </cell>
          <cell r="G2624" t="str">
            <v>大阪市</v>
          </cell>
          <cell r="H2624" t="str">
            <v/>
          </cell>
          <cell r="I2624" t="str">
            <v>代表取締役 渡部　敏弘</v>
          </cell>
          <cell r="J2624" t="str">
            <v>本店</v>
          </cell>
          <cell r="K2624" t="str">
            <v>06-6971-7339</v>
          </cell>
          <cell r="L2624" t="str">
            <v>info@daitoueisei.com</v>
          </cell>
          <cell r="M2624" t="str">
            <v>ﾀﾞｲﾄｳｴｲｾｲ</v>
          </cell>
          <cell r="N2624" t="str">
            <v>無</v>
          </cell>
          <cell r="O2624">
            <v>48</v>
          </cell>
          <cell r="P2624">
            <v>93</v>
          </cell>
          <cell r="Q2624">
            <v>7120001012810</v>
          </cell>
          <cell r="R2624">
            <v>30000</v>
          </cell>
          <cell r="S2624">
            <v>1608866</v>
          </cell>
          <cell r="T2624">
            <v>1618510</v>
          </cell>
          <cell r="V2624" t="str">
            <v>vs822387</v>
          </cell>
          <cell r="W2624" t="str">
            <v>ww159379</v>
          </cell>
          <cell r="Y2624" t="str">
            <v>55，68，</v>
          </cell>
          <cell r="Z2624">
            <v>55</v>
          </cell>
          <cell r="AA2624">
            <v>68</v>
          </cell>
          <cell r="AB2624" t="str">
            <v/>
          </cell>
          <cell r="AC2624" t="str">
            <v/>
          </cell>
          <cell r="AD2624" t="str">
            <v/>
          </cell>
          <cell r="AE2624" t="str">
            <v>１；道路清掃（機械清掃・人力清掃）　公園清掃２；産業廃棄物・特別管理産業廃棄物収集運搬及び処理３；４；</v>
          </cell>
          <cell r="AF2624" t="str">
            <v>大阪市内に産業廃棄物処理プラントを持ち、廃棄物の減容化、中和処理による無害化を軸に食品系廃棄物のコンポスト化や廃プラスチック類の再資源化など幅広く営業。また官公庁や各自治体様の道路清掃、排水管渠しゅんせつ、廃棄物処理業務を数多く手掛け信頼と実績を重ね現在に至ります。</v>
          </cell>
        </row>
        <row r="2625">
          <cell r="B2625">
            <v>11122</v>
          </cell>
          <cell r="C2625" t="str">
            <v>長田広告(株)</v>
          </cell>
          <cell r="D2625" t="str">
            <v>0567-26-5251</v>
          </cell>
          <cell r="E2625" t="str">
            <v>496-0045</v>
          </cell>
          <cell r="F2625" t="str">
            <v>愛知県津島市東柳原町5‐5‐1</v>
          </cell>
          <cell r="G2625" t="str">
            <v>津島市</v>
          </cell>
          <cell r="H2625" t="str">
            <v/>
          </cell>
          <cell r="I2625" t="str">
            <v>代表取締役 長田　一郎</v>
          </cell>
          <cell r="J2625" t="str">
            <v>本店</v>
          </cell>
          <cell r="K2625" t="str">
            <v>0567-26-6099</v>
          </cell>
          <cell r="L2625" t="str">
            <v/>
          </cell>
          <cell r="M2625" t="str">
            <v>ﾅｶﾞﾀｺｳｺｸ</v>
          </cell>
          <cell r="N2625" t="str">
            <v>無</v>
          </cell>
          <cell r="O2625">
            <v>55</v>
          </cell>
          <cell r="P2625">
            <v>790</v>
          </cell>
          <cell r="Q2625">
            <v>5180001097294</v>
          </cell>
          <cell r="R2625">
            <v>10000</v>
          </cell>
          <cell r="S2625">
            <v>26579357</v>
          </cell>
          <cell r="T2625">
            <v>13292216</v>
          </cell>
          <cell r="V2625" t="str">
            <v>cp773298</v>
          </cell>
          <cell r="W2625" t="str">
            <v>bk165997</v>
          </cell>
          <cell r="Y2625" t="str">
            <v>65，</v>
          </cell>
          <cell r="Z2625">
            <v>80</v>
          </cell>
          <cell r="AA2625">
            <v>65</v>
          </cell>
          <cell r="AB2625" t="str">
            <v/>
          </cell>
          <cell r="AC2625" t="str">
            <v/>
          </cell>
          <cell r="AD2625" t="str">
            <v/>
          </cell>
          <cell r="AE2625" t="str">
            <v>１；モニター等による庁舎内での広告事業運営（情報周知及び財源確保を目的とした媒体の設置・運営）２；ホームページバナー広告等の媒体の企画運営・看板（市所有の土地・施設の有効利用を目的とした媒体の設置・運営）３；４；</v>
          </cell>
          <cell r="AF2625" t="str">
            <v>弊社は市の施設や土地等を広告媒体として有効活用し、各自治体で財源確保・情報周知の目的で設置・運営しております。主に庁舎内でのモニター広告・広告付き番号案内表示機等の企画・設置・運営や広告用ポスター・看板等の設置・運営、その他庁舎内外での広告全般を取り扱っております。</v>
          </cell>
        </row>
        <row r="2626">
          <cell r="B2626">
            <v>11123</v>
          </cell>
          <cell r="C2626" t="str">
            <v>関西明装(株)</v>
          </cell>
          <cell r="D2626" t="str">
            <v>06-6190-0100</v>
          </cell>
          <cell r="E2626" t="str">
            <v>564-0063</v>
          </cell>
          <cell r="F2626" t="str">
            <v>大阪府吹田市江坂町一丁目23番101号</v>
          </cell>
          <cell r="G2626" t="str">
            <v>吹田市</v>
          </cell>
          <cell r="H2626" t="str">
            <v/>
          </cell>
          <cell r="I2626" t="str">
            <v>代表取締役 松田　敏樹</v>
          </cell>
          <cell r="J2626" t="str">
            <v>本店</v>
          </cell>
          <cell r="K2626" t="str">
            <v>06-6190-0108</v>
          </cell>
          <cell r="L2626" t="str">
            <v>11-eigyo@meiso.co.jp</v>
          </cell>
          <cell r="M2626" t="str">
            <v>ｶﾝｻｲﾒｲｿｳ</v>
          </cell>
          <cell r="N2626" t="str">
            <v>無</v>
          </cell>
          <cell r="O2626">
            <v>63</v>
          </cell>
          <cell r="P2626">
            <v>1375</v>
          </cell>
          <cell r="Q2626">
            <v>1120901017138</v>
          </cell>
          <cell r="R2626">
            <v>80935</v>
          </cell>
          <cell r="S2626">
            <v>3712000</v>
          </cell>
          <cell r="T2626">
            <v>5108000</v>
          </cell>
          <cell r="V2626" t="str">
            <v>qe657792</v>
          </cell>
          <cell r="W2626" t="str">
            <v>db195695</v>
          </cell>
          <cell r="Y2626" t="str">
            <v>047，45，46，47，49，52，53，54，</v>
          </cell>
          <cell r="Z2626">
            <v>54</v>
          </cell>
          <cell r="AA2626">
            <v>45</v>
          </cell>
          <cell r="AB2626">
            <v>46</v>
          </cell>
          <cell r="AC2626">
            <v>47</v>
          </cell>
          <cell r="AD2626" t="str">
            <v/>
          </cell>
          <cell r="AE2626" t="str">
            <v>１；建築物環境衛生総合管理業、医療関連サービスマーク２；警備業３；建築物環境衛生総合管理業、建築物飲料水貯水槽清掃業、建築物ねずみ昆虫等防除業、一般建設病４；一般建設業</v>
          </cell>
          <cell r="AF2626" t="str">
            <v>ビルや学校やマンション、病院、商業施設などあらゆる建物を独自のマネジメントシステムとメンテナンスシステムにより総合的に管理し安全で安心できる快適な空間を創造いたします。</v>
          </cell>
        </row>
        <row r="2627">
          <cell r="B2627">
            <v>11127</v>
          </cell>
          <cell r="C2627" t="str">
            <v>日本オーチス・エレベータ(株)</v>
          </cell>
          <cell r="D2627" t="str">
            <v>078-391-4502</v>
          </cell>
          <cell r="E2627" t="str">
            <v>654-0034</v>
          </cell>
          <cell r="F2627" t="str">
            <v>兵庫県神戸市中央区京町78</v>
          </cell>
          <cell r="G2627" t="str">
            <v>神戸市</v>
          </cell>
          <cell r="H2627" t="str">
            <v>神戸支店</v>
          </cell>
          <cell r="I2627" t="str">
            <v>支店長 川井　浩嗣</v>
          </cell>
          <cell r="J2627" t="str">
            <v>東京都</v>
          </cell>
          <cell r="K2627" t="str">
            <v>078-392-3733</v>
          </cell>
          <cell r="L2627" t="str">
            <v/>
          </cell>
          <cell r="M2627" t="str">
            <v>ﾆｯﾎﾟﾝｵｰﾁｽ･ｴﾚﾍﾞｰﾀ</v>
          </cell>
          <cell r="N2627" t="str">
            <v>有</v>
          </cell>
          <cell r="O2627">
            <v>69</v>
          </cell>
          <cell r="P2627">
            <v>2378</v>
          </cell>
          <cell r="Q2627">
            <v>9010001075825</v>
          </cell>
          <cell r="R2627">
            <v>4364000</v>
          </cell>
          <cell r="S2627">
            <v>35832000</v>
          </cell>
          <cell r="T2627">
            <v>14688173</v>
          </cell>
          <cell r="V2627" t="str">
            <v>cn866939</v>
          </cell>
          <cell r="W2627" t="str">
            <v>ｒx191689</v>
          </cell>
          <cell r="Y2627" t="str">
            <v>48，</v>
          </cell>
          <cell r="Z2627">
            <v>48</v>
          </cell>
          <cell r="AA2627" t="str">
            <v/>
          </cell>
          <cell r="AB2627" t="str">
            <v/>
          </cell>
          <cell r="AC2627" t="str">
            <v/>
          </cell>
          <cell r="AD2627" t="str">
            <v/>
          </cell>
          <cell r="AE2627" t="str">
            <v>１；昇降機（エレベーター・エスカレーター）保守点検業務２；３；４；</v>
          </cell>
          <cell r="AF2627" t="str">
            <v>環境負荷の低いベルトを採用したエレベーターの販売、設置、保守及び改修工事を行なっています。エレベーター、エスカレーターのメンテナンスサービスを２４時間、３６５日提供しております。</v>
          </cell>
        </row>
        <row r="2628">
          <cell r="B2628">
            <v>11131</v>
          </cell>
          <cell r="C2628" t="str">
            <v>(株)交通システム研究所</v>
          </cell>
          <cell r="D2628" t="str">
            <v>06-6101-7001</v>
          </cell>
          <cell r="E2628" t="str">
            <v>532-0011</v>
          </cell>
          <cell r="F2628" t="str">
            <v>大阪府大阪市淀川区西中島7-1-20</v>
          </cell>
          <cell r="G2628" t="str">
            <v>大阪市</v>
          </cell>
          <cell r="H2628" t="str">
            <v/>
          </cell>
          <cell r="I2628" t="str">
            <v>代表取締役 大藤　武彦</v>
          </cell>
          <cell r="J2628" t="str">
            <v>本店</v>
          </cell>
          <cell r="K2628" t="str">
            <v>06-6101-7002</v>
          </cell>
          <cell r="L2628" t="str">
            <v>tssl@tss-lab.com</v>
          </cell>
          <cell r="M2628" t="str">
            <v>ｺｳﾂｳｼｽﾃﾑｹﾝｷｭｳｼｮ</v>
          </cell>
          <cell r="N2628" t="str">
            <v>無</v>
          </cell>
          <cell r="O2628">
            <v>18</v>
          </cell>
          <cell r="P2628">
            <v>5</v>
          </cell>
          <cell r="Q2628">
            <v>7120001099195</v>
          </cell>
          <cell r="R2628">
            <v>10000</v>
          </cell>
          <cell r="S2628">
            <v>11005</v>
          </cell>
          <cell r="T2628">
            <v>52278</v>
          </cell>
          <cell r="V2628" t="str">
            <v>se600991</v>
          </cell>
          <cell r="W2628" t="str">
            <v>gq105572</v>
          </cell>
          <cell r="Y2628" t="str">
            <v>063，57，58，63，77，</v>
          </cell>
          <cell r="Z2628">
            <v>77</v>
          </cell>
          <cell r="AA2628">
            <v>58</v>
          </cell>
          <cell r="AB2628">
            <v>57</v>
          </cell>
          <cell r="AC2628">
            <v>63</v>
          </cell>
          <cell r="AD2628" t="str">
            <v/>
          </cell>
          <cell r="AE2628" t="str">
            <v>１；２；３；４；</v>
          </cell>
          <cell r="AF2628" t="str">
            <v>地域、社会において、人に焦点を当てて地域・社会と交通システムに関する調査、分析、計画、評価、システム構築などの取組に貢献したいと考えています。高齢者から子どもまで、全ての人に喜んでいただける社会をめざして、研究、提言、政策実行支援に努力してまいります。</v>
          </cell>
        </row>
        <row r="2629">
          <cell r="B2629">
            <v>11133</v>
          </cell>
          <cell r="C2629" t="str">
            <v>和歌山航測(株)</v>
          </cell>
          <cell r="D2629" t="str">
            <v>06-6762-7002</v>
          </cell>
          <cell r="E2629" t="str">
            <v>542-0012</v>
          </cell>
          <cell r="F2629" t="str">
            <v>大阪府大阪市中央区谷町6-4-8</v>
          </cell>
          <cell r="G2629" t="str">
            <v>大阪市</v>
          </cell>
          <cell r="H2629" t="str">
            <v>大阪支店</v>
          </cell>
          <cell r="I2629" t="str">
            <v>支店長 村岡　俊幸</v>
          </cell>
          <cell r="J2629" t="str">
            <v>和歌山県和歌山市</v>
          </cell>
          <cell r="K2629" t="str">
            <v>06-6766-6977</v>
          </cell>
          <cell r="L2629" t="str">
            <v>info@wasco.co.jp</v>
          </cell>
          <cell r="M2629" t="str">
            <v>ﾜｶﾔﾏｺｳｿｸ</v>
          </cell>
          <cell r="N2629" t="str">
            <v>有</v>
          </cell>
          <cell r="O2629">
            <v>46</v>
          </cell>
          <cell r="P2629">
            <v>39</v>
          </cell>
          <cell r="Q2629">
            <v>4170001003733</v>
          </cell>
          <cell r="R2629">
            <v>10000</v>
          </cell>
          <cell r="S2629">
            <v>242268</v>
          </cell>
          <cell r="T2629">
            <v>531166</v>
          </cell>
          <cell r="V2629" t="str">
            <v>vq307433</v>
          </cell>
          <cell r="W2629" t="str">
            <v>ir159893</v>
          </cell>
          <cell r="Y2629" t="str">
            <v>57，72，77，</v>
          </cell>
          <cell r="Z2629">
            <v>72</v>
          </cell>
          <cell r="AA2629">
            <v>77</v>
          </cell>
          <cell r="AB2629">
            <v>57</v>
          </cell>
          <cell r="AC2629" t="str">
            <v/>
          </cell>
          <cell r="AD2629" t="str">
            <v/>
          </cell>
          <cell r="AE2629" t="str">
            <v>１；遺跡調査に伴う航空写真撮影　等２；３；４；</v>
          </cell>
          <cell r="AF2629" t="str">
            <v>弊社は、道路設計・橋梁耐震補強設計・橋梁点検・航空写真測量・オルソ画像作成・基準点測量・路線測量・システム開発・データ入力等を得意としています。</v>
          </cell>
        </row>
        <row r="2630">
          <cell r="B2630">
            <v>11134</v>
          </cell>
          <cell r="C2630" t="str">
            <v>伊藤喜商事(株)</v>
          </cell>
          <cell r="D2630" t="str">
            <v>078-391-4774</v>
          </cell>
          <cell r="E2630" t="str">
            <v>650-0011</v>
          </cell>
          <cell r="F2630" t="str">
            <v>兵庫県神戸市中央区下山手通3-13-2</v>
          </cell>
          <cell r="G2630" t="str">
            <v>神戸市</v>
          </cell>
          <cell r="H2630" t="str">
            <v/>
          </cell>
          <cell r="I2630" t="str">
            <v>代表取締役 記村　道春</v>
          </cell>
          <cell r="J2630" t="str">
            <v>本店</v>
          </cell>
          <cell r="K2630" t="str">
            <v>078-391-8730</v>
          </cell>
          <cell r="L2630" t="str">
            <v>y.sagayama@itoki-syoji.co.jp</v>
          </cell>
          <cell r="M2630" t="str">
            <v>ｲﾄｳｷｼｮｳｼﾞ</v>
          </cell>
          <cell r="N2630" t="str">
            <v>無</v>
          </cell>
          <cell r="O2630">
            <v>41</v>
          </cell>
          <cell r="P2630">
            <v>43</v>
          </cell>
          <cell r="Q2630">
            <v>7140001006141</v>
          </cell>
          <cell r="R2630">
            <v>43560</v>
          </cell>
          <cell r="S2630">
            <v>1282555</v>
          </cell>
          <cell r="T2630" t="str">
            <v/>
          </cell>
          <cell r="V2630" t="str">
            <v>up532369</v>
          </cell>
          <cell r="W2630" t="str">
            <v>no195993</v>
          </cell>
          <cell r="Y2630" t="str">
            <v>14，27，28，</v>
          </cell>
          <cell r="Z2630">
            <v>14</v>
          </cell>
          <cell r="AA2630">
            <v>27</v>
          </cell>
          <cell r="AB2630">
            <v>28</v>
          </cell>
          <cell r="AC2630" t="str">
            <v/>
          </cell>
          <cell r="AD2630" t="str">
            <v/>
          </cell>
          <cell r="AE2630" t="str">
            <v>１；事務机・椅子・キャビネット・ロッカー等　（代）イトーキ　２；木製机・椅子・木製書架等　（代）イトーキ３；ブラインド４；</v>
          </cell>
          <cell r="AF2630" t="str">
            <v>物品につきましてはオフィス家具製品を中心に兵庫県下に多くの納入実績があります。建設工事につきましては間仕切工事ＯＡフロア工事造作家具工事等を中心に施工実績があります。</v>
          </cell>
          <cell r="AQ2630" t="str">
            <v>ｈ</v>
          </cell>
        </row>
        <row r="2631">
          <cell r="B2631">
            <v>11135</v>
          </cell>
          <cell r="C2631" t="str">
            <v>(株)モリタテクノス</v>
          </cell>
          <cell r="D2631" t="str">
            <v>079-568-7302</v>
          </cell>
          <cell r="E2631" t="str">
            <v>669-1339</v>
          </cell>
          <cell r="F2631" t="str">
            <v>兵庫県三田市ﾃｸﾉﾊﾟｰｸ32</v>
          </cell>
          <cell r="G2631" t="str">
            <v>三田市</v>
          </cell>
          <cell r="H2631" t="str">
            <v>西日本営業部</v>
          </cell>
          <cell r="I2631" t="str">
            <v>部長 平岡　圭司</v>
          </cell>
          <cell r="J2631" t="str">
            <v>兵庫県三田市</v>
          </cell>
          <cell r="K2631" t="str">
            <v>079-568-7303</v>
          </cell>
          <cell r="L2631" t="str">
            <v>takashi.kitani@morita119.com</v>
          </cell>
          <cell r="M2631" t="str">
            <v>ﾓﾘﾀﾃｸﾉｽ</v>
          </cell>
          <cell r="N2631" t="str">
            <v>有</v>
          </cell>
          <cell r="O2631">
            <v>21</v>
          </cell>
          <cell r="P2631">
            <v>140</v>
          </cell>
          <cell r="Q2631">
            <v>9120001132334</v>
          </cell>
          <cell r="R2631">
            <v>100000</v>
          </cell>
          <cell r="S2631">
            <v>3763364</v>
          </cell>
          <cell r="T2631">
            <v>5181403</v>
          </cell>
          <cell r="V2631" t="str">
            <v>kh402537</v>
          </cell>
          <cell r="W2631" t="str">
            <v>ga119336</v>
          </cell>
          <cell r="Y2631" t="str">
            <v>24.26.38.80</v>
          </cell>
          <cell r="Z2631" t="str">
            <v/>
          </cell>
          <cell r="AA2631" t="str">
            <v/>
          </cell>
          <cell r="AB2631" t="str">
            <v/>
          </cell>
          <cell r="AC2631" t="str">
            <v/>
          </cell>
          <cell r="AD2631" t="str">
            <v/>
          </cell>
          <cell r="AE2631" t="str">
            <v>１；２；各種消防自動車および資機材の販売３；消防用資機材　化学防護服等（レシピレックス社）４；</v>
          </cell>
          <cell r="AF2631" t="str">
            <v>各種消防自動車および資機材の販売・点検・修理・オーバーホール等</v>
          </cell>
        </row>
        <row r="2632">
          <cell r="B2632">
            <v>11137</v>
          </cell>
          <cell r="C2632" t="str">
            <v>(株)日展</v>
          </cell>
          <cell r="D2632" t="str">
            <v>06-6362-2210</v>
          </cell>
          <cell r="E2632" t="str">
            <v>530-0028</v>
          </cell>
          <cell r="F2632" t="str">
            <v>大阪府大阪市北区万歳町3-7</v>
          </cell>
          <cell r="G2632" t="str">
            <v>大阪市</v>
          </cell>
          <cell r="H2632" t="str">
            <v/>
          </cell>
          <cell r="I2632" t="str">
            <v>代表取締役 田加井　徹</v>
          </cell>
          <cell r="J2632" t="str">
            <v>本店</v>
          </cell>
          <cell r="K2632" t="str">
            <v>06-6362-6030</v>
          </cell>
          <cell r="L2632" t="str">
            <v>osaka@nitten.com</v>
          </cell>
          <cell r="M2632" t="str">
            <v>ﾆｯﾃﾝ</v>
          </cell>
          <cell r="N2632" t="str">
            <v>無</v>
          </cell>
          <cell r="O2632">
            <v>51</v>
          </cell>
          <cell r="P2632">
            <v>140</v>
          </cell>
          <cell r="Q2632">
            <v>6120001068606</v>
          </cell>
          <cell r="R2632">
            <v>495000</v>
          </cell>
          <cell r="S2632">
            <v>2114854</v>
          </cell>
          <cell r="T2632">
            <v>6480185</v>
          </cell>
          <cell r="V2632" t="str">
            <v>pj484449</v>
          </cell>
          <cell r="W2632" t="str">
            <v>kq193333</v>
          </cell>
          <cell r="Y2632" t="str">
            <v>066，63，64，66，</v>
          </cell>
          <cell r="Z2632">
            <v>63</v>
          </cell>
          <cell r="AA2632">
            <v>80</v>
          </cell>
          <cell r="AB2632">
            <v>64</v>
          </cell>
          <cell r="AC2632">
            <v>66</v>
          </cell>
          <cell r="AD2632" t="str">
            <v/>
          </cell>
          <cell r="AE2632" t="str">
            <v>１；博物館・資料館・科学館等の展示業務委託、博覧会・見本市・展示会等のイベント企画および会場設営、運営業務２；模型・モニュメント・レプリカ・展示ケース・演示具等３；ＰＲビデオ・ＤＶＤ、解説映像製作４；案内板・掲示板・表示板・サイン・パネル・銘板</v>
          </cell>
          <cell r="AF2632" t="str">
            <v>博物館・資料館・科学館などの教育文化施設の企画設計から製作施工まで展示に関わる事業をトータルに行っている会社です。主に大型イベントの企画運営・大型サイン・モニュメント・模型レプリカ・ＰＲビデオ・展示ケースなどディスプレイに関する品目を取り扱っています。</v>
          </cell>
        </row>
        <row r="2633">
          <cell r="B2633">
            <v>11138</v>
          </cell>
          <cell r="C2633" t="str">
            <v>(株)ＮＥＯ　ＤＡＩＳＥＩ</v>
          </cell>
          <cell r="D2633" t="str">
            <v>078-331-1955</v>
          </cell>
          <cell r="E2633" t="str">
            <v>650-0023</v>
          </cell>
          <cell r="F2633" t="str">
            <v>兵庫県神戸市中央区栄町通2丁目4番14号</v>
          </cell>
          <cell r="G2633" t="str">
            <v>神戸市</v>
          </cell>
          <cell r="H2633" t="str">
            <v/>
          </cell>
          <cell r="I2633" t="str">
            <v>代表取締役 平井　良治</v>
          </cell>
          <cell r="J2633" t="str">
            <v>本店</v>
          </cell>
          <cell r="K2633" t="str">
            <v>078-331-4500</v>
          </cell>
          <cell r="L2633" t="str">
            <v>eigyou@daisei-cs.com</v>
          </cell>
          <cell r="M2633" t="str">
            <v>ﾈｵ ﾀﾞｲｾｲ</v>
          </cell>
          <cell r="N2633" t="str">
            <v>無</v>
          </cell>
          <cell r="O2633">
            <v>46</v>
          </cell>
          <cell r="P2633">
            <v>100</v>
          </cell>
          <cell r="Q2633">
            <v>1140001077898</v>
          </cell>
          <cell r="R2633">
            <v>50000</v>
          </cell>
          <cell r="S2633">
            <v>875655</v>
          </cell>
          <cell r="T2633">
            <v>2399633</v>
          </cell>
          <cell r="V2633" t="str">
            <v>dn358860</v>
          </cell>
          <cell r="W2633" t="str">
            <v>rd189991</v>
          </cell>
          <cell r="Y2633" t="str">
            <v>055，46，47，55，79，</v>
          </cell>
          <cell r="Z2633">
            <v>79</v>
          </cell>
          <cell r="AA2633">
            <v>46</v>
          </cell>
          <cell r="AB2633">
            <v>47</v>
          </cell>
          <cell r="AC2633">
            <v>55</v>
          </cell>
          <cell r="AD2633" t="str">
            <v/>
          </cell>
          <cell r="AE2633" t="str">
            <v>１；神戸市において平成２４年度より現在に至るまで、毎年雨水・汚水管調査を受注しております。ＴＶカメラ調査車を１台所持しております。２；神戸市において港島トンネル設備管理業務、地下鉄設備管理業務を受注した実績があります。３；神戸市より平成２８年度から鵯越斎場電気機械設備業務を受注しております。４；神戸市において平成２４年度より垂水建設事務所管内道路美化業務を毎年受注しております。</v>
          </cell>
          <cell r="AF2633" t="str">
            <v>道路の維持・修繕・保全工事を基幹業務とし、交通管理業務・施設管理業務・料金収受業務の実績も有しております。平成２６年度からは下水管更生業務を神戸市から受注し始め、現在に至るまで少なくとも１年に１回は受注し続けております。</v>
          </cell>
        </row>
        <row r="2634">
          <cell r="B2634">
            <v>11139</v>
          </cell>
          <cell r="C2634" t="str">
            <v>(株)インフォマティクス</v>
          </cell>
          <cell r="D2634" t="str">
            <v>06-6633-0803</v>
          </cell>
          <cell r="F2634" t="str">
            <v>大阪府大阪市難波中2-10-70</v>
          </cell>
          <cell r="G2634" t="str">
            <v>大阪市</v>
          </cell>
          <cell r="H2634" t="str">
            <v>大阪営業所</v>
          </cell>
          <cell r="I2634" t="str">
            <v>大阪営業所長　 室谷　徹</v>
          </cell>
          <cell r="J2634" t="str">
            <v>神奈川県川崎市</v>
          </cell>
          <cell r="K2634" t="str">
            <v>06-6633-0804</v>
          </cell>
          <cell r="L2634" t="str">
            <v>keiyaku@informatix.co.jp</v>
          </cell>
          <cell r="M2634" t="str">
            <v>ｲﾝﾌｵﾏﾃｲｸｽ</v>
          </cell>
          <cell r="N2634" t="str">
            <v>有</v>
          </cell>
          <cell r="O2634">
            <v>37</v>
          </cell>
          <cell r="P2634">
            <v>204</v>
          </cell>
          <cell r="Q2634">
            <v>3010400000000</v>
          </cell>
          <cell r="R2634">
            <v>100000</v>
          </cell>
          <cell r="S2634">
            <v>1181311</v>
          </cell>
          <cell r="T2634">
            <v>3833845</v>
          </cell>
          <cell r="V2634" t="str">
            <v>rs290738</v>
          </cell>
          <cell r="W2634" t="str">
            <v>af117393</v>
          </cell>
          <cell r="Y2634" t="str">
            <v>36.57.58</v>
          </cell>
          <cell r="Z2634">
            <v>58</v>
          </cell>
          <cell r="AA2634">
            <v>57</v>
          </cell>
          <cell r="AB2634">
            <v>36</v>
          </cell>
          <cell r="AC2634" t="str">
            <v/>
          </cell>
          <cell r="AD2634" t="str">
            <v/>
          </cell>
          <cell r="AE2634" t="str">
            <v>１；２；ＧＩＳシステム・ＣＡＤシステムの開発および保守３；ＧＩＳシステム・ＣＡＤシステム関連データ作成、入力４；パソコン、サーバーソフトウェア、地図データ、パソコン周辺機器等</v>
          </cell>
          <cell r="AF2634" t="str">
            <v>ＧＩＳおよびＣＡＤシステムの開発、データ入力、パソコン、サーバーおよび周辺機器の販売</v>
          </cell>
        </row>
        <row r="2635">
          <cell r="B2635">
            <v>11143</v>
          </cell>
          <cell r="C2635" t="str">
            <v>ヒビノスペーステック(株)</v>
          </cell>
          <cell r="D2635" t="str">
            <v>06-6201-6677</v>
          </cell>
          <cell r="E2635" t="str">
            <v>541-0041</v>
          </cell>
          <cell r="F2635" t="str">
            <v>大阪府大阪市中央区北浜2-5-13</v>
          </cell>
          <cell r="G2635" t="str">
            <v>大阪市</v>
          </cell>
          <cell r="H2635" t="str">
            <v>大阪営業所</v>
          </cell>
          <cell r="I2635" t="str">
            <v>所長 平澤　良明</v>
          </cell>
          <cell r="J2635" t="str">
            <v>東京都</v>
          </cell>
          <cell r="K2635" t="str">
            <v>06-6201-6678</v>
          </cell>
          <cell r="L2635" t="str">
            <v>nyusatsu@hibino.co.jp</v>
          </cell>
          <cell r="M2635" t="str">
            <v>ﾋﾋﾞﾉｽﾍﾟｰｽﾃｯｸ</v>
          </cell>
          <cell r="N2635" t="str">
            <v>有</v>
          </cell>
          <cell r="O2635">
            <v>55</v>
          </cell>
          <cell r="P2635">
            <v>101</v>
          </cell>
          <cell r="Q2635">
            <v>5010401025103</v>
          </cell>
          <cell r="R2635">
            <v>35000</v>
          </cell>
          <cell r="S2635">
            <v>347270</v>
          </cell>
          <cell r="T2635">
            <v>2707892</v>
          </cell>
          <cell r="V2635" t="str">
            <v>td968966</v>
          </cell>
          <cell r="W2635" t="str">
            <v>jx199987</v>
          </cell>
          <cell r="Y2635" t="str">
            <v>35，50，</v>
          </cell>
          <cell r="Z2635">
            <v>80</v>
          </cell>
          <cell r="AA2635">
            <v>50</v>
          </cell>
          <cell r="AB2635">
            <v>35</v>
          </cell>
          <cell r="AC2635" t="str">
            <v/>
          </cell>
          <cell r="AD2635" t="str">
            <v/>
          </cell>
          <cell r="AE2635" t="str">
            <v>１；音響・映像設備機器、映写機、視聴覚機器、放送設備機器　仕入先：（株）ＪＶＣケンウッド・公共産業システム（特）　ヒビノ（株）（代）ヤマハ（株）他２；舞台音響設備・映像設備・映写機・放送設備他各種保守点検３；オーディオ製品、ＤＶＤレコーダー、ブルーレイレコーダー他　仕入先：ＪＶＣケンウッド・公共産業システム（特）ヒビノ（株）（代）ヤマハ（株）他４；</v>
          </cell>
          <cell r="AF2635" t="str">
            <v>舞台音響・映像設備の施工、保守及び機器の販売。視聴覚機器、映写機等の販売</v>
          </cell>
        </row>
        <row r="2636">
          <cell r="B2636">
            <v>11145</v>
          </cell>
          <cell r="C2636" t="str">
            <v>コマツカスタマーサポート(株)</v>
          </cell>
          <cell r="D2636" t="str">
            <v>050-3486-7111</v>
          </cell>
          <cell r="E2636" t="str">
            <v>561-0857</v>
          </cell>
          <cell r="F2636" t="str">
            <v>大阪府豊中市服部寿町5-133</v>
          </cell>
          <cell r="G2636" t="str">
            <v>豊中市</v>
          </cell>
          <cell r="H2636" t="str">
            <v>大阪支店</v>
          </cell>
          <cell r="I2636" t="str">
            <v>支店長 五前　靖弘</v>
          </cell>
          <cell r="J2636" t="str">
            <v>東京都</v>
          </cell>
          <cell r="K2636" t="str">
            <v>06-6863-1457</v>
          </cell>
          <cell r="L2636" t="str">
            <v>hitomi_nakamura@global.komatsu</v>
          </cell>
          <cell r="M2636" t="str">
            <v>ｺﾏﾂｶｽﾀﾏｰｻﾎﾟｰﾄ</v>
          </cell>
          <cell r="N2636" t="str">
            <v>有</v>
          </cell>
          <cell r="O2636">
            <v>51</v>
          </cell>
          <cell r="P2636">
            <v>4830</v>
          </cell>
          <cell r="Q2636">
            <v>7021001015409</v>
          </cell>
          <cell r="R2636">
            <v>950000</v>
          </cell>
          <cell r="S2636">
            <v>45226232</v>
          </cell>
          <cell r="T2636">
            <v>206915238</v>
          </cell>
          <cell r="V2636" t="str">
            <v>qa660985</v>
          </cell>
          <cell r="W2636" t="str">
            <v>dv188997</v>
          </cell>
          <cell r="Y2636" t="str">
            <v>26，40，</v>
          </cell>
          <cell r="Z2636">
            <v>40</v>
          </cell>
          <cell r="AA2636">
            <v>26</v>
          </cell>
          <cell r="AB2636" t="str">
            <v/>
          </cell>
          <cell r="AC2636" t="str">
            <v/>
          </cell>
          <cell r="AD2636" t="str">
            <v/>
          </cell>
          <cell r="AE2636" t="str">
            <v>１；各種建設機械及びフォークリフト（株式会社　小松製作所）２；各種建設機械及びフォークリフトの用品販売・修理・整備３；４；</v>
          </cell>
          <cell r="AF2636" t="str">
            <v>株式会社小松製作所の販売代理店　各建設機械及びフォークリフトの販売並びに修理整備・部品販売</v>
          </cell>
        </row>
        <row r="2637">
          <cell r="B2637">
            <v>11147</v>
          </cell>
          <cell r="C2637" t="str">
            <v>ポートスタッフ(株)</v>
          </cell>
          <cell r="D2637" t="str">
            <v>078-230-8890</v>
          </cell>
          <cell r="E2637" t="str">
            <v>651-0086</v>
          </cell>
          <cell r="F2637" t="str">
            <v>兵庫県神戸市中央区磯上通7-1-30</v>
          </cell>
          <cell r="G2637" t="str">
            <v>神戸市</v>
          </cell>
          <cell r="H2637" t="str">
            <v/>
          </cell>
          <cell r="I2637" t="str">
            <v>代表取締役 長谷　一俊</v>
          </cell>
          <cell r="J2637" t="str">
            <v>本店</v>
          </cell>
          <cell r="K2637" t="str">
            <v>078-230-8898</v>
          </cell>
          <cell r="L2637" t="str">
            <v>nyusatsu@portstaff.co.jp</v>
          </cell>
          <cell r="M2637" t="str">
            <v>ﾎﾟｰﾄｽﾀｯﾌ</v>
          </cell>
          <cell r="N2637" t="str">
            <v>無</v>
          </cell>
          <cell r="O2637">
            <v>19</v>
          </cell>
          <cell r="P2637">
            <v>15</v>
          </cell>
          <cell r="Q2637">
            <v>8140001020521</v>
          </cell>
          <cell r="R2637">
            <v>10000</v>
          </cell>
          <cell r="S2637">
            <v>22051</v>
          </cell>
          <cell r="T2637">
            <v>694883</v>
          </cell>
          <cell r="V2637" t="str">
            <v>nh886339</v>
          </cell>
          <cell r="W2637" t="str">
            <v>wx159395</v>
          </cell>
          <cell r="Y2637" t="str">
            <v>061，56，57，61，</v>
          </cell>
          <cell r="Z2637">
            <v>56</v>
          </cell>
          <cell r="AA2637">
            <v>80</v>
          </cell>
          <cell r="AB2637">
            <v>57</v>
          </cell>
          <cell r="AC2637">
            <v>61</v>
          </cell>
          <cell r="AD2637" t="str">
            <v>歩行者通行量調査、交通量調査などに対応可能です。</v>
          </cell>
          <cell r="AE2637" t="str">
            <v>１；労働者派遣事業許可番号　派２８－０２００３５　事務系を中心に幅広い職種に対応可能です。２；業務委託として、電話交換業務、受付案内業務などに多数の実績がございます。３；データ入力や集計業務に実績がございます。４；神戸市において検針業務、メーター取替え業務の受託実績がございます。</v>
          </cell>
          <cell r="AF2637" t="str">
            <v>人材派遣では事務系、受付案内業務、電話交換業務、データ入力などを中心に短期長期を問わず対応いたします。　業務委託でも、受付案内業務、電話交換業務、各種調査業務に多くの実績がございます。</v>
          </cell>
        </row>
        <row r="2638">
          <cell r="B2638">
            <v>11150</v>
          </cell>
          <cell r="C2638" t="str">
            <v>(株)神戸サンソ</v>
          </cell>
          <cell r="D2638" t="str">
            <v>078-453-0081</v>
          </cell>
          <cell r="E2638" t="str">
            <v>658-0025</v>
          </cell>
          <cell r="F2638" t="str">
            <v>兵庫県神戸市東灘区魚崎南町3-2-2</v>
          </cell>
          <cell r="G2638" t="str">
            <v>神戸市</v>
          </cell>
          <cell r="H2638" t="str">
            <v/>
          </cell>
          <cell r="I2638" t="str">
            <v>代表取締役 岡野　洋太郎</v>
          </cell>
          <cell r="J2638" t="str">
            <v>本店</v>
          </cell>
          <cell r="K2638" t="str">
            <v>078-453-0561</v>
          </cell>
          <cell r="L2638" t="str">
            <v>generalaffairs@kobe-sanso.co.jp</v>
          </cell>
          <cell r="M2638" t="str">
            <v>ｺｳﾍﾞｻﾝｿ</v>
          </cell>
          <cell r="N2638" t="str">
            <v>無</v>
          </cell>
          <cell r="O2638">
            <v>94</v>
          </cell>
          <cell r="P2638">
            <v>38</v>
          </cell>
          <cell r="Q2638">
            <v>5140001002852</v>
          </cell>
          <cell r="R2638">
            <v>48000</v>
          </cell>
          <cell r="S2638">
            <v>371525</v>
          </cell>
          <cell r="T2638">
            <v>910366</v>
          </cell>
          <cell r="V2638" t="str">
            <v>jx625790</v>
          </cell>
          <cell r="W2638" t="str">
            <v>bz153989</v>
          </cell>
          <cell r="Y2638" t="str">
            <v>010，9，10，38，39，41，46，</v>
          </cell>
          <cell r="Z2638">
            <v>9</v>
          </cell>
          <cell r="AA2638">
            <v>39</v>
          </cell>
          <cell r="AB2638">
            <v>46</v>
          </cell>
          <cell r="AC2638">
            <v>10</v>
          </cell>
          <cell r="AD2638" t="str">
            <v/>
          </cell>
          <cell r="AE2638" t="str">
            <v>１；日本薬局方酸素、日本薬局方亜酸化窒素、その他医療ガス全般、医薬品全般、医薬品製造業許可、医薬品販売業許可、高圧ガス販売業許可　代理店（岩谷産業・住友精化・日本エア・リキード）２；医療用吸引器、医療用湿潤器、滅菌器、その他医療用関連機器全般、高度管理医療機器等販売業賃貸業許可　代理店（エア・ウォーター防災）３；医療用ガス供給設備法定保守点検業務・医療ガス関連サービスマーク取得４；窒素ガス、工業用ガス、標準ガス、分析ガス（研究用・検査用ガスなど）、浄水用ガス・高圧ガス販売業許可、毒物劇物一般販売業登録　代理店（カネカ・岩谷産業・住友精化）</v>
          </cell>
          <cell r="AF2638" t="str">
            <v>日本薬局方酸素は自社工場で製造し、医療用ガス及び関連機器納入と保守は２４時間３６５日体制で安定供給を図り、非常時も迅速な対応が可能です。医療ガス配管工事、研究分析用特殊ガス配管など高い技術での検査が求められる要望にもお応えできます。</v>
          </cell>
        </row>
        <row r="2639">
          <cell r="B2639">
            <v>11152</v>
          </cell>
          <cell r="C2639" t="str">
            <v>ＮＥＣネクサソリューションズ(株)</v>
          </cell>
          <cell r="D2639" t="str">
            <v>06-6945-3617</v>
          </cell>
          <cell r="E2639" t="str">
            <v>540-8551</v>
          </cell>
          <cell r="F2639" t="str">
            <v>大阪府大阪市中央区城見1-4-24</v>
          </cell>
          <cell r="G2639" t="str">
            <v>大阪市</v>
          </cell>
          <cell r="H2639" t="str">
            <v>関西支社</v>
          </cell>
          <cell r="I2639" t="str">
            <v>関西支社長 伊藤　幸夫</v>
          </cell>
          <cell r="J2639" t="str">
            <v>東京都</v>
          </cell>
          <cell r="K2639" t="str">
            <v>06-6945-3601</v>
          </cell>
          <cell r="L2639" t="str">
            <v>kansai-jititai@nexs.nec.co.jp</v>
          </cell>
          <cell r="M2639" t="str">
            <v>ｴﾇｲｰｼｰﾈｸｻｿﾘｭｰｼｮﾝｽﾞ</v>
          </cell>
          <cell r="N2639" t="str">
            <v>有</v>
          </cell>
          <cell r="O2639">
            <v>44</v>
          </cell>
          <cell r="P2639">
            <v>1870</v>
          </cell>
          <cell r="Q2639">
            <v>7010401022924</v>
          </cell>
          <cell r="R2639">
            <v>815000</v>
          </cell>
          <cell r="S2639">
            <v>2668538</v>
          </cell>
          <cell r="T2639">
            <v>68140159</v>
          </cell>
          <cell r="V2639" t="str">
            <v>jk871055</v>
          </cell>
          <cell r="W2639" t="str">
            <v>kw195997</v>
          </cell>
          <cell r="Y2639" t="str">
            <v>36，57，58，</v>
          </cell>
          <cell r="Z2639">
            <v>58</v>
          </cell>
          <cell r="AA2639">
            <v>57</v>
          </cell>
          <cell r="AB2639">
            <v>36</v>
          </cell>
          <cell r="AC2639" t="str">
            <v/>
          </cell>
          <cell r="AD2639" t="str">
            <v/>
          </cell>
          <cell r="AE2639" t="str">
            <v>１；２；３；（特）日本電気株式会社４；</v>
          </cell>
          <cell r="AF2639" t="str">
            <v>システムインテグレーション（コンサルティング、設計、開発、保守、運用管理等）、アウトソーシング、ＡＳＰサービス、ソフトウェアの設計、開発、販売、保守、ネットビジネス（インターネットを利用した電子商取引システムの構築等）機器の販売等</v>
          </cell>
        </row>
        <row r="2640">
          <cell r="B2640">
            <v>11154</v>
          </cell>
          <cell r="C2640" t="str">
            <v>近畿システム管理(株)</v>
          </cell>
          <cell r="D2640" t="str">
            <v>06-6482-5641</v>
          </cell>
          <cell r="E2640" t="str">
            <v>530-0044</v>
          </cell>
          <cell r="F2640" t="str">
            <v>兵庫県尼崎市北大物町16-55</v>
          </cell>
          <cell r="G2640" t="str">
            <v>尼崎市</v>
          </cell>
          <cell r="H2640" t="str">
            <v/>
          </cell>
          <cell r="I2640" t="str">
            <v>代表取締役社長　 椎屋　法久</v>
          </cell>
          <cell r="J2640" t="str">
            <v>本店</v>
          </cell>
          <cell r="K2640" t="str">
            <v>06-6482-3944</v>
          </cell>
          <cell r="L2640" t="str">
            <v>ogawa@kinkisystem.com</v>
          </cell>
          <cell r="M2640" t="str">
            <v>ｷﾝｷｼｽﾃﾑｶﾝﾘ</v>
          </cell>
          <cell r="N2640" t="str">
            <v>無</v>
          </cell>
          <cell r="O2640">
            <v>41</v>
          </cell>
          <cell r="P2640">
            <v>250</v>
          </cell>
          <cell r="Q2640">
            <v>7140001048398</v>
          </cell>
          <cell r="R2640">
            <v>30000</v>
          </cell>
          <cell r="S2640">
            <v>325228</v>
          </cell>
          <cell r="T2640">
            <v>1833761</v>
          </cell>
          <cell r="V2640" t="str">
            <v>dh662051</v>
          </cell>
          <cell r="W2640" t="str">
            <v>dx185395</v>
          </cell>
          <cell r="Y2640" t="str">
            <v>45.46.49</v>
          </cell>
          <cell r="Z2640">
            <v>45</v>
          </cell>
          <cell r="AA2640" t="str">
            <v/>
          </cell>
          <cell r="AB2640" t="str">
            <v/>
          </cell>
          <cell r="AC2640" t="str">
            <v/>
          </cell>
          <cell r="AD2640" t="str">
            <v/>
          </cell>
          <cell r="AE2640" t="str">
            <v>１；２；機械警備と施設常駐警備を主とした会社です。３；４；</v>
          </cell>
          <cell r="AF2640" t="str">
            <v>機械警備を中心にビル保守管理、防犯カメラ設置販売等、尼崎信用金の本店、支店、関連ビルを主に管理しております。</v>
          </cell>
        </row>
        <row r="2641">
          <cell r="B2641">
            <v>11155</v>
          </cell>
          <cell r="C2641" t="str">
            <v>(株)エムアイディ</v>
          </cell>
          <cell r="D2641" t="str">
            <v>06-6427-1337</v>
          </cell>
          <cell r="E2641" t="str">
            <v>661-0001</v>
          </cell>
          <cell r="F2641" t="str">
            <v>兵庫県尼崎市塚口本町7-14-11</v>
          </cell>
          <cell r="G2641" t="str">
            <v>尼崎市</v>
          </cell>
          <cell r="H2641" t="str">
            <v>阪神営業所</v>
          </cell>
          <cell r="I2641" t="str">
            <v>所長 種生　博</v>
          </cell>
          <cell r="J2641" t="str">
            <v>福岡県福岡市</v>
          </cell>
          <cell r="K2641" t="str">
            <v>06-6427-1338</v>
          </cell>
          <cell r="L2641" t="str">
            <v>mid-hanshin@midinfo.co.jp</v>
          </cell>
          <cell r="M2641" t="str">
            <v>ｴﾑｱｲﾃﾞｨ</v>
          </cell>
          <cell r="N2641" t="str">
            <v>有</v>
          </cell>
          <cell r="O2641">
            <v>26</v>
          </cell>
          <cell r="P2641">
            <v>175</v>
          </cell>
          <cell r="Q2641">
            <v>7290001011952</v>
          </cell>
          <cell r="R2641">
            <v>99500</v>
          </cell>
          <cell r="S2641">
            <v>1656567</v>
          </cell>
          <cell r="T2641">
            <v>17793334</v>
          </cell>
          <cell r="V2641" t="str">
            <v>qb778378</v>
          </cell>
          <cell r="W2641" t="str">
            <v>uo193853</v>
          </cell>
          <cell r="Y2641" t="str">
            <v>36，39，</v>
          </cell>
          <cell r="Z2641">
            <v>39</v>
          </cell>
          <cell r="AA2641">
            <v>36</v>
          </cell>
          <cell r="AB2641" t="str">
            <v/>
          </cell>
          <cell r="AC2641" t="str">
            <v/>
          </cell>
          <cell r="AD2641" t="str">
            <v>許可　高度管理医療機器販売業賃貸業務許可</v>
          </cell>
          <cell r="AE2641" t="str">
            <v>１；２；３；４；</v>
          </cell>
          <cell r="AF2641" t="str">
            <v>循環器系の検査・治療材料（カテーテル・ペースメーカー等）を専門的に取り扱っている。また、自社ブランドであるネクシス製品（医療用ソフト）やパラマテック（血圧計等の計測機器）の総販売元として全国展開を行っている。</v>
          </cell>
        </row>
        <row r="2642">
          <cell r="B2642">
            <v>11160</v>
          </cell>
          <cell r="C2642" t="str">
            <v>日東カストディアル・サービス(株)</v>
          </cell>
          <cell r="D2642" t="str">
            <v>078-333-0194</v>
          </cell>
          <cell r="E2642" t="str">
            <v>650-0021</v>
          </cell>
          <cell r="F2642" t="str">
            <v>兵庫県神戸市中央区三宮町3-7-6 神戸元町ﾕﾆｵﾝﾋﾞﾙ9F</v>
          </cell>
          <cell r="G2642" t="str">
            <v>神戸市</v>
          </cell>
          <cell r="H2642" t="str">
            <v>神戸支店</v>
          </cell>
          <cell r="I2642" t="str">
            <v>支店長　 岩花　圭二郎</v>
          </cell>
          <cell r="J2642" t="str">
            <v>東京都板橋区中丸町１４－１</v>
          </cell>
          <cell r="K2642" t="str">
            <v>078-333-0821</v>
          </cell>
          <cell r="L2642" t="str">
            <v>soumu@nitto-cs.co.jp</v>
          </cell>
          <cell r="M2642" t="str">
            <v>ﾆﾂﾄｳｶｽﾄﾃﾞｲｱﾙ･ｻ-ﾋﾞｽ</v>
          </cell>
          <cell r="N2642" t="str">
            <v>有</v>
          </cell>
          <cell r="O2642">
            <v>55</v>
          </cell>
          <cell r="P2642">
            <v>9114</v>
          </cell>
          <cell r="Q2642">
            <v>9011400000000</v>
          </cell>
          <cell r="R2642">
            <v>70012</v>
          </cell>
          <cell r="S2642">
            <v>710664</v>
          </cell>
          <cell r="T2642">
            <v>21823406</v>
          </cell>
          <cell r="V2642" t="str">
            <v>yd113378</v>
          </cell>
          <cell r="W2642" t="str">
            <v>lj198383</v>
          </cell>
          <cell r="Y2642" t="str">
            <v>45.46.47.48.49.51.52.54.56</v>
          </cell>
          <cell r="Z2642">
            <v>54</v>
          </cell>
          <cell r="AA2642">
            <v>46</v>
          </cell>
          <cell r="AB2642">
            <v>45</v>
          </cell>
          <cell r="AC2642">
            <v>47</v>
          </cell>
          <cell r="AD2642" t="str">
            <v/>
          </cell>
          <cell r="AE2642" t="str">
            <v>１；２；ビルクリーニング技能士・病院清掃受託責任者３；建築物環境衛生総合管理業登録証明書４；警備業法</v>
          </cell>
          <cell r="AF2642" t="str">
            <v>変化する環境のなかで、従来の実務に最新の技術・知識をプラスしてあらゆる建築物を常に最良のコンディションに保つための運用・管理・維持を行っております。ビルのイメージをはかり、より確実な「安心管理」を実現させています。</v>
          </cell>
        </row>
        <row r="2643">
          <cell r="B2643">
            <v>11161</v>
          </cell>
          <cell r="C2643" t="str">
            <v>東映(株)</v>
          </cell>
          <cell r="D2643" t="str">
            <v>06-6345-9026</v>
          </cell>
          <cell r="E2643" t="str">
            <v>530-0001</v>
          </cell>
          <cell r="F2643" t="str">
            <v>大阪府大阪市北区梅田1-12-6</v>
          </cell>
          <cell r="G2643" t="str">
            <v>大阪市</v>
          </cell>
          <cell r="H2643" t="str">
            <v>教育映像部関西営業推進室</v>
          </cell>
          <cell r="I2643" t="str">
            <v>室長 大東　駒吉</v>
          </cell>
          <cell r="J2643" t="str">
            <v>東京都</v>
          </cell>
          <cell r="K2643" t="str">
            <v>06-6345-6756</v>
          </cell>
          <cell r="L2643" t="str">
            <v>kansai-kyoiku1@toei.co.jp</v>
          </cell>
          <cell r="M2643" t="str">
            <v>ﾄｳｴｲ</v>
          </cell>
          <cell r="N2643" t="str">
            <v>有</v>
          </cell>
          <cell r="O2643">
            <v>70</v>
          </cell>
          <cell r="P2643">
            <v>370</v>
          </cell>
          <cell r="Q2643">
            <v>6010001034866</v>
          </cell>
          <cell r="R2643">
            <v>11707092</v>
          </cell>
          <cell r="S2643">
            <v>76392385</v>
          </cell>
          <cell r="T2643">
            <v>46827810</v>
          </cell>
          <cell r="V2643" t="str">
            <v>uq718658</v>
          </cell>
          <cell r="W2643" t="str">
            <v>fd163595</v>
          </cell>
          <cell r="Y2643" t="str">
            <v>12，64，65，</v>
          </cell>
          <cell r="Z2643">
            <v>12</v>
          </cell>
          <cell r="AA2643">
            <v>64</v>
          </cell>
          <cell r="AB2643">
            <v>65</v>
          </cell>
          <cell r="AC2643" t="str">
            <v/>
          </cell>
          <cell r="AD2643" t="str">
            <v/>
          </cell>
          <cell r="AE2643" t="str">
            <v>１；教育・研修・啓発用ＤＶＤ２；映画・ビデオ等映像制作３；シネアド４；</v>
          </cell>
          <cell r="AF2643" t="str">
            <v>数多くの作品が文科省の選定を受け、教育界から高い評価と信頼を得ている。学校教材・社会教育ビデオを中心に企画制作し、学校・視聴覚ライブラリー・企業に販売しています。広報ビデオ・人権啓発ビデオ等幅広い受注制作の活動を行っています。</v>
          </cell>
        </row>
        <row r="2644">
          <cell r="B2644">
            <v>11162</v>
          </cell>
          <cell r="C2644" t="str">
            <v>吹田興業</v>
          </cell>
          <cell r="D2644" t="str">
            <v>06-6381-9897</v>
          </cell>
          <cell r="E2644" t="str">
            <v>564-0012</v>
          </cell>
          <cell r="F2644" t="str">
            <v>大阪府吹田市南正雀1-24-35</v>
          </cell>
          <cell r="G2644" t="str">
            <v>吹田市</v>
          </cell>
          <cell r="H2644" t="str">
            <v/>
          </cell>
          <cell r="I2644" t="str">
            <v>代表者 竹内　祐三</v>
          </cell>
          <cell r="J2644" t="str">
            <v>本店</v>
          </cell>
          <cell r="K2644" t="str">
            <v>06-6381-8188</v>
          </cell>
          <cell r="L2644" t="str">
            <v>suitakogyo@vanilla.ocn.ne.jp</v>
          </cell>
          <cell r="M2644" t="str">
            <v>ｽｲﾀｺｳｷﾞｮｳ</v>
          </cell>
          <cell r="N2644" t="str">
            <v>無</v>
          </cell>
          <cell r="O2644">
            <v>36</v>
          </cell>
          <cell r="P2644">
            <v>10</v>
          </cell>
          <cell r="Q2644" t="str">
            <v/>
          </cell>
          <cell r="R2644">
            <v>16150</v>
          </cell>
          <cell r="S2644">
            <v>16587</v>
          </cell>
          <cell r="T2644">
            <v>1870</v>
          </cell>
          <cell r="V2644" t="str">
            <v>vs685001</v>
          </cell>
          <cell r="W2644" t="str">
            <v>xs196881</v>
          </cell>
          <cell r="Y2644" t="str">
            <v>69，</v>
          </cell>
          <cell r="Z2644" t="str">
            <v/>
          </cell>
          <cell r="AA2644" t="str">
            <v/>
          </cell>
          <cell r="AB2644" t="str">
            <v/>
          </cell>
          <cell r="AC2644" t="str">
            <v/>
          </cell>
          <cell r="AD2644" t="str">
            <v/>
          </cell>
          <cell r="AE2644" t="str">
            <v>１；不用自転車（古物商許可証）２；中古自動車（古物商許可証）３；鉄くず（金属くず業許可証）４；</v>
          </cell>
          <cell r="AF2644" t="str">
            <v>不用品の買受業務をしております。自転車、自動車、オートバイ、金属を主に取り扱っております。</v>
          </cell>
        </row>
        <row r="2645">
          <cell r="B2645">
            <v>11163</v>
          </cell>
          <cell r="C2645" t="str">
            <v>ジャパントラック大阪(株)</v>
          </cell>
          <cell r="D2645" t="str">
            <v>0797-80-3300</v>
          </cell>
          <cell r="E2645" t="str">
            <v>665-0882</v>
          </cell>
          <cell r="F2645" t="str">
            <v>兵庫県宝塚市山本南1-19-18</v>
          </cell>
          <cell r="G2645" t="str">
            <v>宝塚市</v>
          </cell>
          <cell r="H2645" t="str">
            <v>宝塚営業所</v>
          </cell>
          <cell r="I2645" t="str">
            <v>取締役部長　 関戸　吉啓</v>
          </cell>
          <cell r="J2645" t="str">
            <v>兵庫県尼崎市</v>
          </cell>
          <cell r="K2645" t="str">
            <v>0797-80-3030</v>
          </cell>
          <cell r="L2645" t="str">
            <v>qqem9me9@fancy.ocn.ne.jp</v>
          </cell>
          <cell r="M2645" t="str">
            <v>ｼﾞﾔﾊﾟﾝﾄﾗﾂｸｵｵｻｶ</v>
          </cell>
          <cell r="N2645" t="str">
            <v>有</v>
          </cell>
          <cell r="O2645">
            <v>47</v>
          </cell>
          <cell r="P2645">
            <v>71</v>
          </cell>
          <cell r="Q2645">
            <v>7140001049330</v>
          </cell>
          <cell r="R2645">
            <v>50000</v>
          </cell>
          <cell r="S2645">
            <v>119142</v>
          </cell>
          <cell r="T2645">
            <v>691168</v>
          </cell>
          <cell r="V2645" t="str">
            <v>pa360299</v>
          </cell>
          <cell r="W2645" t="str">
            <v>db133957</v>
          </cell>
          <cell r="Y2645">
            <v>67.680000000000007</v>
          </cell>
          <cell r="Z2645" t="str">
            <v/>
          </cell>
          <cell r="AA2645" t="str">
            <v/>
          </cell>
          <cell r="AB2645" t="str">
            <v/>
          </cell>
          <cell r="AC2645" t="str">
            <v/>
          </cell>
          <cell r="AD2645" t="str">
            <v/>
          </cell>
          <cell r="AE2645" t="str">
            <v>１；２；３；４；</v>
          </cell>
          <cell r="AF2645" t="str">
            <v>家電製品配送及びステンレスパイプの配送を中心に事業を展開しております。又、日本ローカルネットワークシステムに所属し引越等にも幅広く対応しております。また、関西地区はもとより、山陰地区まで広範囲にあらゆる種類の産業廃棄物に対応できるよう収集運搬の許可を取得しております。</v>
          </cell>
        </row>
        <row r="2646">
          <cell r="B2646">
            <v>11165</v>
          </cell>
          <cell r="C2646" t="str">
            <v>ファーストリネンサービス(株)</v>
          </cell>
          <cell r="D2646" t="str">
            <v>078-793-3232</v>
          </cell>
          <cell r="E2646" t="str">
            <v>654-0154</v>
          </cell>
          <cell r="F2646" t="str">
            <v>兵庫県神戸市須磨区中落合2-2-5</v>
          </cell>
          <cell r="G2646" t="str">
            <v>神戸市</v>
          </cell>
          <cell r="H2646" t="str">
            <v/>
          </cell>
          <cell r="I2646" t="str">
            <v>代表取締役 尾崎　智史</v>
          </cell>
          <cell r="J2646" t="str">
            <v>本店</v>
          </cell>
          <cell r="K2646" t="str">
            <v>078-793-7771</v>
          </cell>
          <cell r="L2646" t="str">
            <v>info@first-linen.co.jp</v>
          </cell>
          <cell r="M2646" t="str">
            <v>ﾌｧｰｽﾄﾘﾈﾝｻｰﾋﾞｽ</v>
          </cell>
          <cell r="N2646" t="str">
            <v>無</v>
          </cell>
          <cell r="O2646">
            <v>36</v>
          </cell>
          <cell r="P2646">
            <v>134</v>
          </cell>
          <cell r="Q2646">
            <v>1140001017862</v>
          </cell>
          <cell r="R2646">
            <v>10000</v>
          </cell>
          <cell r="S2646">
            <v>3152974</v>
          </cell>
          <cell r="T2646">
            <v>2988734</v>
          </cell>
          <cell r="V2646" t="str">
            <v>jk678050</v>
          </cell>
          <cell r="W2646" t="str">
            <v>ae197896</v>
          </cell>
          <cell r="Y2646" t="str">
            <v>03，03，06，9，28，39，44，62，</v>
          </cell>
          <cell r="Z2646">
            <v>62</v>
          </cell>
          <cell r="AA2646">
            <v>44</v>
          </cell>
          <cell r="AB2646">
            <v>6</v>
          </cell>
          <cell r="AC2646">
            <v>3</v>
          </cell>
          <cell r="AD2646" t="str">
            <v/>
          </cell>
          <cell r="AE2646" t="str">
            <v>１；寝具、衣類、タオル、マットレス、カーテン等のクリーニング２；寝具、衣類、タオル、マットレス、カーテン等のリース３；寝具類一式の販売４；衣類（白衣・看護服・事務服等）の販売</v>
          </cell>
          <cell r="AF2646" t="str">
            <v>各種業務用の洗濯（クリーニング）や、衛生材料（紙おむつ）介護用ベッドの販売、病院／老人ホーム関連の寝具・ユニフォーム（白衣）・カーテン等のリース及び販売、を得意とします。</v>
          </cell>
        </row>
        <row r="2647">
          <cell r="B2647">
            <v>11167</v>
          </cell>
          <cell r="C2647" t="str">
            <v>(株)大成電機工業所</v>
          </cell>
          <cell r="D2647" t="str">
            <v>06-6487-0491</v>
          </cell>
          <cell r="E2647" t="str">
            <v>660-0832</v>
          </cell>
          <cell r="F2647" t="str">
            <v>兵庫県尼崎市東初島町2-24</v>
          </cell>
          <cell r="G2647" t="str">
            <v>尼崎市</v>
          </cell>
          <cell r="H2647" t="str">
            <v/>
          </cell>
          <cell r="I2647" t="str">
            <v>代表取締役 都倉　忠夫</v>
          </cell>
          <cell r="J2647" t="str">
            <v>本店</v>
          </cell>
          <cell r="K2647" t="str">
            <v>06-6487-0492</v>
          </cell>
          <cell r="L2647" t="str">
            <v>info@taisei-denki.co.jp</v>
          </cell>
          <cell r="M2647" t="str">
            <v>ﾀｲｾｲﾃﾞﾝｷｺｳｷﾞｮｳｼｮ</v>
          </cell>
          <cell r="N2647" t="str">
            <v>無</v>
          </cell>
          <cell r="O2647">
            <v>33</v>
          </cell>
          <cell r="P2647">
            <v>17</v>
          </cell>
          <cell r="Q2647">
            <v>5140001049638</v>
          </cell>
          <cell r="R2647">
            <v>16000</v>
          </cell>
          <cell r="S2647">
            <v>362453</v>
          </cell>
          <cell r="T2647">
            <v>483459</v>
          </cell>
          <cell r="V2647" t="str">
            <v>ey996879</v>
          </cell>
          <cell r="W2647" t="str">
            <v>dt139579</v>
          </cell>
          <cell r="Y2647" t="str">
            <v>40，</v>
          </cell>
          <cell r="Z2647">
            <v>40</v>
          </cell>
          <cell r="AA2647">
            <v>80</v>
          </cell>
          <cell r="AB2647" t="str">
            <v/>
          </cell>
          <cell r="AC2647" t="str">
            <v/>
          </cell>
          <cell r="AD2647" t="str">
            <v/>
          </cell>
          <cell r="AE2647" t="str">
            <v>１；・住友重機械工業（株）製変減速機及び付帯部品・（代）兵神装備（株）製ヘイシンモーノポンプ及び付帯部品２；上下水道関係設備の保守点検（上記製品）３；４；</v>
          </cell>
          <cell r="AF2647" t="str">
            <v>住友重機械工業（株）製サイクロ減速機・バイエル変速機等の据付、修理工事等及び販売（付帯部品含）並びに兵神装備（株）製ヘイシンモーノポンプの据付・修理行為等及び販売（付帯部品含）を主とし、緊急時にも対応できるよう部品も充分に管理しております。</v>
          </cell>
        </row>
        <row r="2648">
          <cell r="B2648">
            <v>11168</v>
          </cell>
          <cell r="C2648" t="str">
            <v>西尾レントオール(株)</v>
          </cell>
          <cell r="D2648" t="str">
            <v>06-4258-1240</v>
          </cell>
          <cell r="E2648" t="str">
            <v>536-0014</v>
          </cell>
          <cell r="F2648" t="str">
            <v>大阪市城東区鴫野西2-6-8</v>
          </cell>
          <cell r="G2648" t="str">
            <v>大阪市</v>
          </cell>
          <cell r="H2648" t="str">
            <v>RA西日本営業部</v>
          </cell>
          <cell r="I2648" t="str">
            <v>代表取締役 細木　寿英</v>
          </cell>
          <cell r="J2648" t="str">
            <v>大阪府大阪市</v>
          </cell>
          <cell r="K2648" t="str">
            <v>06-4258-1241</v>
          </cell>
          <cell r="L2648" t="str">
            <v>ra.osaka2@nishio-rent.co.jp</v>
          </cell>
          <cell r="M2648" t="str">
            <v>ﾆｼｵﾚﾝﾄｵｰﾙ</v>
          </cell>
          <cell r="N2648" t="str">
            <v>有</v>
          </cell>
          <cell r="O2648">
            <v>59</v>
          </cell>
          <cell r="P2648">
            <v>1761</v>
          </cell>
          <cell r="Q2648">
            <v>8120001086432</v>
          </cell>
          <cell r="R2648">
            <v>8100835</v>
          </cell>
          <cell r="S2648">
            <v>65810791</v>
          </cell>
          <cell r="T2648">
            <v>80511403</v>
          </cell>
          <cell r="V2648" t="str">
            <v>qm442136</v>
          </cell>
          <cell r="W2648" t="str">
            <v>fo115985</v>
          </cell>
          <cell r="Y2648" t="str">
            <v>44，63，66，</v>
          </cell>
          <cell r="Z2648">
            <v>44</v>
          </cell>
          <cell r="AA2648">
            <v>63</v>
          </cell>
          <cell r="AB2648">
            <v>66</v>
          </cell>
          <cell r="AC2648" t="str">
            <v/>
          </cell>
          <cell r="AD2648" t="str">
            <v/>
          </cell>
          <cell r="AE2648" t="str">
            <v>１；イベント用品、展示会用品、民生用品、冷暖房機、音響・通信機器、テント、選挙用品、什器・備品　他２；各種イベント、会場設営３；看板４；</v>
          </cell>
          <cell r="AF2648" t="str">
            <v>総合レンタル業のパイオニアとして建設機械・産業機器から展示会用品・民生用品まで幅広いレンタルを行っております。又、豊富な商品群を基に各種イベント・周年行事・地鎮祭においても企画・運営・プロデュースまで一手に引受け、何でも貸します！をモットーにしております。</v>
          </cell>
        </row>
        <row r="2649">
          <cell r="B2649">
            <v>11169</v>
          </cell>
          <cell r="C2649" t="str">
            <v>日新電器(株)</v>
          </cell>
          <cell r="D2649" t="str">
            <v>072-772-3838</v>
          </cell>
          <cell r="E2649" t="str">
            <v>664-0851</v>
          </cell>
          <cell r="F2649" t="str">
            <v>兵庫県伊丹市中央4-2-8</v>
          </cell>
          <cell r="G2649" t="str">
            <v>伊丹市</v>
          </cell>
          <cell r="H2649" t="str">
            <v/>
          </cell>
          <cell r="I2649" t="str">
            <v>代表取締役 山口　眞樹</v>
          </cell>
          <cell r="J2649" t="str">
            <v>本店</v>
          </cell>
          <cell r="K2649" t="str">
            <v>072-772-4741</v>
          </cell>
          <cell r="L2649" t="str">
            <v xml:space="preserve">nissin@hm.h555.net </v>
          </cell>
          <cell r="M2649" t="str">
            <v>ﾆｯｼﾝﾃﾞﾝｷ</v>
          </cell>
          <cell r="N2649" t="str">
            <v>無</v>
          </cell>
          <cell r="O2649">
            <v>68</v>
          </cell>
          <cell r="P2649">
            <v>8</v>
          </cell>
          <cell r="Q2649">
            <v>3140001078754</v>
          </cell>
          <cell r="R2649">
            <v>10000</v>
          </cell>
          <cell r="S2649">
            <v>-8635</v>
          </cell>
          <cell r="T2649">
            <v>39757</v>
          </cell>
          <cell r="V2649" t="str">
            <v>er342220</v>
          </cell>
          <cell r="W2649" t="str">
            <v>gb156936</v>
          </cell>
          <cell r="Y2649" t="str">
            <v>037，05，29，34，35，36，37，50，58，</v>
          </cell>
          <cell r="Z2649">
            <v>35</v>
          </cell>
          <cell r="AA2649">
            <v>36</v>
          </cell>
          <cell r="AB2649">
            <v>5</v>
          </cell>
          <cell r="AC2649">
            <v>37</v>
          </cell>
          <cell r="AD2649" t="str">
            <v/>
          </cell>
          <cell r="AE2649" t="str">
            <v>１；家庭用、業務用電気製品・電気消耗品・記録メディア・照明器具・エアコンなど冷暖房機器それらに伴う電気工事、取り付け工事。電気工事士・危険物取り扱い。パナソニック・三菱その他主要メーカーなど２；ワイヤレス拡声システム・パソコン・電話機・ＦＡＸなどの販売及び取り付け工事。工事担任者。ソニー、ユニペックスその他国内メーカー３；家庭用・業務用日用雑貨。主に台所用品、洗剤、ふきん、タオル、なべ、フライパン、まな板など店頭在庫もしております。４；家庭用・業務用厨房商品。流し台。業務用冷蔵庫など。星崎など国内主要メーカー。</v>
          </cell>
          <cell r="AF2649" t="str">
            <v>消耗品から大型家電まで、家庭用、業務用共に取扱いの幅は、物品販売、電気工事、修繕と多岐に亘ります。また、店舗は中心市街地のビバ伊丹商店街にございますので、ご来店の際にも便利です。創業から六十余年の間、官公庁の取引も永くご用命いただいております。</v>
          </cell>
        </row>
        <row r="2650">
          <cell r="B2650">
            <v>11171</v>
          </cell>
          <cell r="C2650" t="str">
            <v>(株)播万</v>
          </cell>
          <cell r="D2650" t="str">
            <v>072-751-1551</v>
          </cell>
          <cell r="E2650" t="str">
            <v>563-0025</v>
          </cell>
          <cell r="F2650" t="str">
            <v>大阪府池田市城南2-3-7</v>
          </cell>
          <cell r="G2650" t="str">
            <v>池田市</v>
          </cell>
          <cell r="H2650" t="str">
            <v/>
          </cell>
          <cell r="I2650" t="str">
            <v>代表取締役 上向井　敏伸</v>
          </cell>
          <cell r="J2650" t="str">
            <v>本店</v>
          </cell>
          <cell r="K2650" t="str">
            <v>072-751-5771</v>
          </cell>
          <cell r="L2650" t="str">
            <v>hariman@wombat.zaq.ne.jp</v>
          </cell>
          <cell r="M2650" t="str">
            <v>ﾊﾘﾏﾝ</v>
          </cell>
          <cell r="N2650" t="str">
            <v>無</v>
          </cell>
          <cell r="O2650">
            <v>121</v>
          </cell>
          <cell r="P2650">
            <v>11</v>
          </cell>
          <cell r="Q2650">
            <v>7120901019847</v>
          </cell>
          <cell r="R2650">
            <v>15000</v>
          </cell>
          <cell r="S2650">
            <v>129454</v>
          </cell>
          <cell r="T2650">
            <v>269207</v>
          </cell>
          <cell r="V2650" t="str">
            <v>ek241223</v>
          </cell>
          <cell r="W2650" t="str">
            <v>zh153937</v>
          </cell>
          <cell r="Y2650" t="str">
            <v>063，07，16，63，66，</v>
          </cell>
          <cell r="Z2650">
            <v>66</v>
          </cell>
          <cell r="AA2650">
            <v>7</v>
          </cell>
          <cell r="AB2650">
            <v>16</v>
          </cell>
          <cell r="AC2650">
            <v>63</v>
          </cell>
          <cell r="AD2650" t="str">
            <v/>
          </cell>
          <cell r="AE2650" t="str">
            <v>１；看板標識製作、一般美術看板広告制作取付の広告事業。（屋外広告業者登録：兵庫県知事登録兵広登（１）第１０４４号、大阪府知事登録（１）第２４１１４号）　２；横断幕・懸垂幕など製作設置他３；選挙用品関係、ポスター掲示板など選挙用品製作設置４；ゴルフ看板製作・設営・撤去</v>
          </cell>
          <cell r="AF2650" t="str">
            <v>百余年の伝統で培ったノウハウと技術で満足いただけるものに仕上げます。</v>
          </cell>
        </row>
        <row r="2651">
          <cell r="B2651">
            <v>11173</v>
          </cell>
          <cell r="C2651" t="str">
            <v>(株)日本シューター</v>
          </cell>
          <cell r="D2651" t="str">
            <v>06-6532-4680</v>
          </cell>
          <cell r="E2651" t="str">
            <v>550-0011</v>
          </cell>
          <cell r="F2651" t="str">
            <v>大阪府大阪市西区阿波座2-2-18</v>
          </cell>
          <cell r="G2651" t="str">
            <v>大阪市</v>
          </cell>
          <cell r="H2651" t="str">
            <v>大阪支店</v>
          </cell>
          <cell r="I2651" t="str">
            <v>支店長 伊藤　雅章</v>
          </cell>
          <cell r="J2651" t="str">
            <v>東京都</v>
          </cell>
          <cell r="K2651" t="str">
            <v>06-6532-4688</v>
          </cell>
          <cell r="L2651" t="str">
            <v>eigyo@nippon-shooter.co.jp</v>
          </cell>
          <cell r="M2651" t="str">
            <v>ﾆｯﾎﾟﾝｼｭｰﾀｰ</v>
          </cell>
          <cell r="N2651" t="str">
            <v>有</v>
          </cell>
          <cell r="O2651">
            <v>15</v>
          </cell>
          <cell r="P2651">
            <v>187</v>
          </cell>
          <cell r="Q2651">
            <v>5130001024831</v>
          </cell>
          <cell r="R2651">
            <v>90000</v>
          </cell>
          <cell r="S2651">
            <v>957970</v>
          </cell>
          <cell r="T2651">
            <v>7068105</v>
          </cell>
          <cell r="V2651" t="str">
            <v>yy571577</v>
          </cell>
          <cell r="W2651" t="str">
            <v>ｒs169999</v>
          </cell>
          <cell r="Y2651" t="str">
            <v>03，05，39，44，48，</v>
          </cell>
          <cell r="Z2651">
            <v>48</v>
          </cell>
          <cell r="AA2651">
            <v>80</v>
          </cell>
          <cell r="AB2651">
            <v>5</v>
          </cell>
          <cell r="AC2651" t="str">
            <v/>
          </cell>
          <cell r="AD2651" t="str">
            <v/>
          </cell>
          <cell r="AE2651" t="str">
            <v>１；搬送設備の保守点検２；搬送設備の部品販売３；医療廃棄物処理用容器及びそのホルダーの販売４；</v>
          </cell>
          <cell r="AF2651" t="str">
            <v>エアーシューター等搬送設備の設計、製作、施工、保守、開発、部品等の販売。医療廃棄物（感染性廃棄物）処理用容器及びそのホルダーの販売</v>
          </cell>
        </row>
        <row r="2652">
          <cell r="B2652">
            <v>11174</v>
          </cell>
          <cell r="C2652" t="str">
            <v>日本調理機(株)</v>
          </cell>
          <cell r="D2652" t="str">
            <v>078-291-5880</v>
          </cell>
          <cell r="E2652" t="str">
            <v>651-0077</v>
          </cell>
          <cell r="F2652" t="str">
            <v>兵庫県神戸市中央区日暮通4-1-7-201</v>
          </cell>
          <cell r="G2652" t="str">
            <v>神戸市</v>
          </cell>
          <cell r="H2652" t="str">
            <v>神戸営業所</v>
          </cell>
          <cell r="I2652" t="str">
            <v>所長 高畠　司</v>
          </cell>
          <cell r="J2652" t="str">
            <v>東京都</v>
          </cell>
          <cell r="K2652" t="str">
            <v>078-291-5881</v>
          </cell>
          <cell r="L2652" t="str">
            <v>toru_kawai@nitcho.co.jp</v>
          </cell>
          <cell r="M2652" t="str">
            <v>ﾆﾎﾝﾁｮｳﾘｷ</v>
          </cell>
          <cell r="N2652" t="str">
            <v>有</v>
          </cell>
          <cell r="O2652">
            <v>71</v>
          </cell>
          <cell r="P2652">
            <v>566</v>
          </cell>
          <cell r="Q2652">
            <v>8010801009041</v>
          </cell>
          <cell r="R2652">
            <v>597600</v>
          </cell>
          <cell r="S2652">
            <v>5212658</v>
          </cell>
          <cell r="T2652">
            <v>16605341</v>
          </cell>
          <cell r="V2652" t="str">
            <v>sk691303</v>
          </cell>
          <cell r="W2652" t="str">
            <v>ｒd175113</v>
          </cell>
          <cell r="Y2652" t="str">
            <v>05，37，</v>
          </cell>
          <cell r="Z2652">
            <v>37</v>
          </cell>
          <cell r="AA2652">
            <v>5</v>
          </cell>
          <cell r="AB2652" t="str">
            <v/>
          </cell>
          <cell r="AC2652" t="str">
            <v/>
          </cell>
          <cell r="AD2652" t="str">
            <v/>
          </cell>
          <cell r="AE2652" t="str">
            <v>１；２；３；４；</v>
          </cell>
          <cell r="AF2652" t="str">
            <v>業務用厨房機器一式(ガス及び電気式機器　他冷機器、板金製品)、食器、器具類その他什器、備品類</v>
          </cell>
        </row>
        <row r="2653">
          <cell r="B2653">
            <v>11177</v>
          </cell>
          <cell r="C2653" t="str">
            <v>北大阪環境(株)</v>
          </cell>
          <cell r="D2653" t="str">
            <v>072-832-2088</v>
          </cell>
          <cell r="E2653" t="str">
            <v>572-0006</v>
          </cell>
          <cell r="F2653" t="str">
            <v>大阪府寝屋川市美井元町10-25</v>
          </cell>
          <cell r="G2653" t="str">
            <v>寝屋川市</v>
          </cell>
          <cell r="H2653" t="str">
            <v/>
          </cell>
          <cell r="I2653" t="str">
            <v>代表取締役 杉本　正弘</v>
          </cell>
          <cell r="J2653" t="str">
            <v>本店</v>
          </cell>
          <cell r="K2653" t="str">
            <v>072-832-2082</v>
          </cell>
          <cell r="L2653" t="str">
            <v>kitakan@abeam.ocn.ne.jp</v>
          </cell>
          <cell r="M2653" t="str">
            <v>ｷﾀｵｵｻｶｶﾝｷｮｳ</v>
          </cell>
          <cell r="N2653" t="str">
            <v>無</v>
          </cell>
          <cell r="O2653">
            <v>34</v>
          </cell>
          <cell r="P2653">
            <v>10</v>
          </cell>
          <cell r="Q2653">
            <v>3120001147676</v>
          </cell>
          <cell r="R2653">
            <v>10000</v>
          </cell>
          <cell r="S2653">
            <v>83432</v>
          </cell>
          <cell r="T2653">
            <v>249605</v>
          </cell>
          <cell r="V2653" t="str">
            <v>yn950264</v>
          </cell>
          <cell r="W2653" t="str">
            <v>dk197959</v>
          </cell>
          <cell r="Y2653" t="str">
            <v>55，79，</v>
          </cell>
          <cell r="Z2653">
            <v>79</v>
          </cell>
          <cell r="AA2653">
            <v>55</v>
          </cell>
          <cell r="AB2653">
            <v>80</v>
          </cell>
          <cell r="AC2653" t="str">
            <v/>
          </cell>
          <cell r="AD2653" t="str">
            <v/>
          </cell>
          <cell r="AE2653" t="str">
            <v>１；不明水・漏水・誤接等調査２；側溝・会所等清掃、河川水路・ピット清掃３；親水施設等保守点検４；</v>
          </cell>
          <cell r="AF2653" t="str">
            <v>管渠・水路等浚渫清掃、管更生工事、管渠内ＴＶカメラ調査、漏水調査、親水施設等保守点検</v>
          </cell>
        </row>
        <row r="2654">
          <cell r="B2654">
            <v>11179</v>
          </cell>
          <cell r="C2654" t="str">
            <v>ジャトー(株)</v>
          </cell>
          <cell r="D2654" t="str">
            <v>06-6313-1351</v>
          </cell>
          <cell r="E2654" t="str">
            <v>530-0053</v>
          </cell>
          <cell r="F2654" t="str">
            <v>大阪府大阪市北区末広町1-22</v>
          </cell>
          <cell r="G2654" t="str">
            <v>大阪市</v>
          </cell>
          <cell r="H2654" t="str">
            <v/>
          </cell>
          <cell r="I2654" t="str">
            <v>代表取締役 小野　謙治</v>
          </cell>
          <cell r="J2654" t="str">
            <v>本店</v>
          </cell>
          <cell r="K2654" t="str">
            <v>06-6313-4152</v>
          </cell>
          <cell r="L2654" t="str">
            <v>nyusatsu-jato@jato.co.jp</v>
          </cell>
          <cell r="M2654" t="str">
            <v>ｼﾞｬﾄｰ</v>
          </cell>
          <cell r="N2654" t="str">
            <v>無</v>
          </cell>
          <cell r="O2654">
            <v>51</v>
          </cell>
          <cell r="P2654">
            <v>178</v>
          </cell>
          <cell r="Q2654">
            <v>6120001072913</v>
          </cell>
          <cell r="R2654">
            <v>80000</v>
          </cell>
          <cell r="S2654">
            <v>1513818</v>
          </cell>
          <cell r="T2654">
            <v>7178623</v>
          </cell>
          <cell r="V2654" t="str">
            <v>nm214189</v>
          </cell>
          <cell r="W2654" t="str">
            <v>me187159</v>
          </cell>
          <cell r="Y2654" t="str">
            <v>058，14，35，36，38，44，47，49，50，58，64，</v>
          </cell>
          <cell r="Z2654">
            <v>36</v>
          </cell>
          <cell r="AA2654">
            <v>50</v>
          </cell>
          <cell r="AB2654">
            <v>35</v>
          </cell>
          <cell r="AC2654">
            <v>58</v>
          </cell>
          <cell r="AD2654" t="str">
            <v/>
          </cell>
          <cell r="AE2654" t="str">
            <v>１；品目：パソコン、その他周辺機器、電話機　仕入先：パナソニックシステムソリューションズジャパン（株）、オーケーテクノ（株）２；内容：音響、映像設備・監視カメラ設備保守点検３；品目：ＬＥＤ照明器具、テレビ　仕入先：パナソニック（株）エコソリューションズ社４；内容：システム開発（デジタルサイネージ、ホテル客室省エネ設備）</v>
          </cell>
          <cell r="AF2654" t="str">
            <v>音響、映像、情報、セキュリティーシステムの設計、施工、メンテナンス及び関連機器の開発製造販売、ネットワーク構築、コンテンツ制作、ネット配信及びソフトウェアの開発、販売、住宅用設備、照明器具、生産材の販売</v>
          </cell>
        </row>
        <row r="2655">
          <cell r="B2655">
            <v>11180</v>
          </cell>
          <cell r="C2655" t="str">
            <v>兵丹島</v>
          </cell>
          <cell r="D2655" t="str">
            <v>072-751-9415</v>
          </cell>
          <cell r="E2655" t="str">
            <v>563-0046</v>
          </cell>
          <cell r="F2655" t="str">
            <v>大阪府池田市姫室町8-12</v>
          </cell>
          <cell r="G2655" t="str">
            <v>池田市</v>
          </cell>
          <cell r="H2655" t="str">
            <v/>
          </cell>
          <cell r="I2655" t="str">
            <v xml:space="preserve"> 兵丹石　保</v>
          </cell>
          <cell r="J2655" t="str">
            <v>本店</v>
          </cell>
          <cell r="K2655" t="str">
            <v>072-751-9414</v>
          </cell>
          <cell r="L2655" t="str">
            <v>hyotann@gaia.eonet.ne.jp</v>
          </cell>
          <cell r="M2655" t="str">
            <v>ﾋｮｳﾀﾝｼﾞﾏ</v>
          </cell>
          <cell r="N2655" t="str">
            <v>無</v>
          </cell>
          <cell r="O2655">
            <v>16</v>
          </cell>
          <cell r="P2655">
            <v>1</v>
          </cell>
          <cell r="Q2655" t="str">
            <v/>
          </cell>
          <cell r="R2655" t="str">
            <v/>
          </cell>
          <cell r="S2655" t="str">
            <v/>
          </cell>
          <cell r="T2655">
            <v>11651</v>
          </cell>
          <cell r="V2655" t="str">
            <v>ba514163</v>
          </cell>
          <cell r="W2655" t="str">
            <v>dx178959</v>
          </cell>
          <cell r="Y2655" t="str">
            <v>12，20，</v>
          </cell>
          <cell r="Z2655">
            <v>12</v>
          </cell>
          <cell r="AA2655">
            <v>20</v>
          </cell>
          <cell r="AB2655" t="str">
            <v/>
          </cell>
          <cell r="AC2655" t="str">
            <v/>
          </cell>
          <cell r="AD2655" t="str">
            <v/>
          </cell>
          <cell r="AE2655" t="str">
            <v>１；保育所・幼稚園・こども園・公園向けスウェーデン製屋外遊具・ドイツ製屋内遊具の販売。特：（株）アネビー２；テニス・バドミントンラケット用ガット張り機の輸入販売。テニス肘・ゴルフ肘対策有害振動吸収リストバンドの輸入販売。３；４；</v>
          </cell>
          <cell r="AF2655" t="str">
            <v>保育所・幼稚園・こども園・公園向けスウェーデン製屋外遊具・ドイツ製屋内遊具の販売。テニス・バドミントンラケット用ガット張り機の輸入販売。テニス肘・ゴルフ肘対策有害振動吸収リストバンドの輸入販売。</v>
          </cell>
        </row>
        <row r="2656">
          <cell r="B2656">
            <v>11182</v>
          </cell>
          <cell r="C2656" t="str">
            <v>協和テクノロジィズ(株)</v>
          </cell>
          <cell r="D2656" t="str">
            <v>078-511-9840</v>
          </cell>
          <cell r="E2656" t="str">
            <v>652-0047</v>
          </cell>
          <cell r="F2656" t="str">
            <v>兵庫県神戸市兵庫区下沢通7-1-23</v>
          </cell>
          <cell r="G2656" t="str">
            <v>神戸市</v>
          </cell>
          <cell r="H2656" t="str">
            <v>兵庫営業所</v>
          </cell>
          <cell r="I2656" t="str">
            <v>所長 竹村　聡</v>
          </cell>
          <cell r="J2656" t="str">
            <v>大阪府大阪市</v>
          </cell>
          <cell r="K2656" t="str">
            <v>078-511-9895</v>
          </cell>
          <cell r="L2656" t="str">
            <v>hyougo@kyotec.co.jp</v>
          </cell>
          <cell r="M2656" t="str">
            <v>ｷｮｳﾜﾃｸﾉﾛｼﾞｨｽﾞ</v>
          </cell>
          <cell r="N2656" t="str">
            <v>有</v>
          </cell>
          <cell r="O2656">
            <v>67</v>
          </cell>
          <cell r="P2656">
            <v>487</v>
          </cell>
          <cell r="Q2656">
            <v>9120001062993</v>
          </cell>
          <cell r="R2656">
            <v>98600</v>
          </cell>
          <cell r="S2656">
            <v>6806647</v>
          </cell>
          <cell r="T2656">
            <v>18173072</v>
          </cell>
          <cell r="V2656" t="str">
            <v>pw496990</v>
          </cell>
          <cell r="W2656" t="str">
            <v>ov199399</v>
          </cell>
          <cell r="Y2656" t="str">
            <v>047，36，44，47，50，</v>
          </cell>
          <cell r="Z2656">
            <v>36</v>
          </cell>
          <cell r="AA2656">
            <v>50</v>
          </cell>
          <cell r="AB2656">
            <v>44</v>
          </cell>
          <cell r="AC2656">
            <v>47</v>
          </cell>
          <cell r="AD2656" t="str">
            <v/>
          </cell>
          <cell r="AE2656" t="str">
            <v>１；電話交換機、消防用無線機、ネットワークカメラ、パソコン、サーバ等　（特）日本電気株式会社２；電話交換機、無線設備等３；電話交換設備、パソコン、サーバ等４；中央監視設備等</v>
          </cell>
          <cell r="AF2656" t="str">
            <v>電気通信設備、電子応用設備（コンピュータ機器、電子制御装置等）、電気設備、消防設備の設計設置工事・修理・保全。有線・無線・光通信機械器具、コンピュータ機器、電子制御機器等の製造・販売。コンピュータソフトウェアの開発及び販売。</v>
          </cell>
        </row>
        <row r="2657">
          <cell r="B2657">
            <v>11184</v>
          </cell>
          <cell r="C2657" t="str">
            <v>(株)星医療酸器関西</v>
          </cell>
          <cell r="D2657" t="str">
            <v xml:space="preserve">06-4868-8225 </v>
          </cell>
          <cell r="E2657" t="str">
            <v>660-0892</v>
          </cell>
          <cell r="F2657" t="str">
            <v>兵庫県尼崎市東難波町2-1-5</v>
          </cell>
          <cell r="G2657" t="str">
            <v>尼崎市</v>
          </cell>
          <cell r="H2657" t="str">
            <v>尼崎営業所</v>
          </cell>
          <cell r="I2657" t="str">
            <v>所長 加藤　宏明</v>
          </cell>
          <cell r="J2657" t="str">
            <v>大阪府交野市</v>
          </cell>
          <cell r="K2657" t="str">
            <v>06-4868-8226</v>
          </cell>
          <cell r="L2657" t="str">
            <v>katoh.hiroaki@hosi.co.jp</v>
          </cell>
          <cell r="M2657" t="str">
            <v>ﾎｼｲﾘｮｳｻﾝｷｶﾝｻｲ</v>
          </cell>
          <cell r="N2657" t="str">
            <v>有</v>
          </cell>
          <cell r="O2657">
            <v>15</v>
          </cell>
          <cell r="P2657">
            <v>45</v>
          </cell>
          <cell r="Q2657">
            <v>3120001151645</v>
          </cell>
          <cell r="R2657">
            <v>80000</v>
          </cell>
          <cell r="S2657">
            <v>139417</v>
          </cell>
          <cell r="T2657">
            <v>887064</v>
          </cell>
          <cell r="V2657" t="str">
            <v>cn190707</v>
          </cell>
          <cell r="W2657" t="str">
            <v>bd173898</v>
          </cell>
          <cell r="Y2657" t="str">
            <v>9，39，44，46，</v>
          </cell>
          <cell r="Z2657" t="str">
            <v/>
          </cell>
          <cell r="AA2657" t="str">
            <v/>
          </cell>
          <cell r="AB2657" t="str">
            <v/>
          </cell>
          <cell r="AC2657" t="str">
            <v/>
          </cell>
          <cell r="AD2657" t="str">
            <v/>
          </cell>
          <cell r="AE2657" t="str">
            <v>１；２；３；４；</v>
          </cell>
          <cell r="AF2657" t="str">
            <v>医療用酸素・医療用笑気ガス・医療用滅菌ガス・医療用ヘリウムガス・在宅酸素療法に使用する酸素濃縮器・ネブライザー・医療用機器・医療用配管保守点検・電動四輪車・杖・介護ベッド</v>
          </cell>
        </row>
        <row r="2658">
          <cell r="B2658">
            <v>11186</v>
          </cell>
          <cell r="C2658" t="str">
            <v>兵庫リハビリ(株)</v>
          </cell>
          <cell r="D2658" t="str">
            <v>0798-22-4801</v>
          </cell>
          <cell r="E2658" t="str">
            <v>662-0617</v>
          </cell>
          <cell r="F2658" t="str">
            <v>兵庫県西宮市与古道町6-17</v>
          </cell>
          <cell r="G2658" t="str">
            <v>西宮市</v>
          </cell>
          <cell r="H2658" t="str">
            <v/>
          </cell>
          <cell r="I2658" t="str">
            <v>代表取締役 中嶋　智康</v>
          </cell>
          <cell r="J2658" t="str">
            <v>本店</v>
          </cell>
          <cell r="K2658" t="str">
            <v>0798-22-4802</v>
          </cell>
          <cell r="L2658" t="str">
            <v>mail@wondertree.family</v>
          </cell>
          <cell r="M2658" t="str">
            <v>ﾋｮｳｺﾞﾘﾊﾋﾞﾘ</v>
          </cell>
          <cell r="N2658" t="str">
            <v>無</v>
          </cell>
          <cell r="O2658">
            <v>38</v>
          </cell>
          <cell r="P2658">
            <v>8</v>
          </cell>
          <cell r="Q2658" t="str">
            <v/>
          </cell>
          <cell r="R2658">
            <v>10000</v>
          </cell>
          <cell r="S2658">
            <v>75063</v>
          </cell>
          <cell r="T2658">
            <v>271934</v>
          </cell>
          <cell r="V2658" t="str">
            <v>mp726430</v>
          </cell>
          <cell r="W2658" t="str">
            <v>uj171915</v>
          </cell>
          <cell r="Y2658" t="str">
            <v>029，06，9，29，35，36，37，38，39，42，44，</v>
          </cell>
          <cell r="Z2658">
            <v>39</v>
          </cell>
          <cell r="AA2658">
            <v>9</v>
          </cell>
          <cell r="AB2658">
            <v>6</v>
          </cell>
          <cell r="AC2658">
            <v>29</v>
          </cell>
          <cell r="AD2658" t="str">
            <v>高度管理医療機器等　販売業・賃貸業　許可証　毒物劇物一般販売業登録票　汚物除去機・洗濯機・乾燥機　エレクトロラックスジャパン株式会社、株式会社アサヒ製作所</v>
          </cell>
          <cell r="AE2658" t="str">
            <v>１；医療機器用具　オムロンコーリング株式会社、酒井医療株式会社、パラマウントベッド株式会社、株式会社カワムラサイクル、株式会社サンオート、株式会社いうら、シーホネンス株式会社２；アズワン株式会社、川本産業株式会社、宮野医療器株式会社３；パラマウントベッド株式会社、シーホネンス株式会社、株式会社プラッツ４；酒井医療株式会社、オージー技研株式会社</v>
          </cell>
          <cell r="AF2658" t="str">
            <v>リハビリテーション機器・福祉用具・介護用品・医療機器の設計製造販売・レンタル・研究・コンサルタント業・障害者及び高齢者向け住宅改修工事・居宅介護支援事業・ホームヘルパーの派遣・育成・研修・一般労働者派遣事業・特定労働者派遣事業・百貨店業</v>
          </cell>
        </row>
        <row r="2659">
          <cell r="B2659">
            <v>11187</v>
          </cell>
          <cell r="C2659" t="str">
            <v>(株)紀伊國屋書店</v>
          </cell>
          <cell r="D2659" t="str">
            <v>06-6843-0161</v>
          </cell>
          <cell r="E2659" t="str">
            <v>560-0032</v>
          </cell>
          <cell r="F2659" t="str">
            <v>大阪府豊中市蛍池東町4-6-23</v>
          </cell>
          <cell r="G2659" t="str">
            <v>豊中市</v>
          </cell>
          <cell r="H2659" t="str">
            <v>関西営業本部</v>
          </cell>
          <cell r="I2659" t="str">
            <v>関西営業本部長 柴　康明</v>
          </cell>
          <cell r="J2659" t="str">
            <v>東京都</v>
          </cell>
          <cell r="K2659" t="str">
            <v>06-6843-0942</v>
          </cell>
          <cell r="L2659" t="str">
            <v/>
          </cell>
          <cell r="M2659" t="str">
            <v>ｷﾉｸﾆﾔｼｮﾃﾝ</v>
          </cell>
          <cell r="N2659" t="str">
            <v>有</v>
          </cell>
          <cell r="O2659">
            <v>92</v>
          </cell>
          <cell r="P2659">
            <v>3208</v>
          </cell>
          <cell r="Q2659">
            <v>4011101005131</v>
          </cell>
          <cell r="R2659">
            <v>36000</v>
          </cell>
          <cell r="S2659">
            <v>21360145</v>
          </cell>
          <cell r="T2659">
            <v>103144184</v>
          </cell>
          <cell r="V2659" t="str">
            <v>hc871715</v>
          </cell>
          <cell r="W2659" t="str">
            <v>dt193737</v>
          </cell>
          <cell r="Y2659" t="str">
            <v>057，12，13，27，36，57，</v>
          </cell>
          <cell r="Z2659">
            <v>13</v>
          </cell>
          <cell r="AA2659">
            <v>27</v>
          </cell>
          <cell r="AB2659">
            <v>36</v>
          </cell>
          <cell r="AC2659">
            <v>57</v>
          </cell>
          <cell r="AD2659" t="str">
            <v/>
          </cell>
          <cell r="AE2659" t="str">
            <v>１；国内外の書籍、雑誌、電子書籍、電子ジャーナル、インターネットデータベース。主な仕入先は（株）トーハン、日本出版販売（株）２；図書館用什器、書棚、書架。主な仕入先は日本ファイリング（株）３；図書館システム及び関連機器、書籍用ＩＣタグ及び関連システム。主な仕入先は（株）リコー、（株）ブレインテック４；図書整理、図書データ入力業務</v>
          </cell>
          <cell r="AF2659" t="str">
            <v>国内外の書籍、雑誌、電子書籍、電子ジャーナル、ＩＣタグ、及び関連システム、図書館用品</v>
          </cell>
        </row>
        <row r="2660">
          <cell r="B2660">
            <v>11188</v>
          </cell>
          <cell r="C2660" t="str">
            <v>(株)両備システムズ</v>
          </cell>
          <cell r="D2660" t="str">
            <v>086-264-0113</v>
          </cell>
          <cell r="E2660" t="str">
            <v>700-8504</v>
          </cell>
          <cell r="F2660" t="str">
            <v>岡山県岡山市南区豊成2-7-16</v>
          </cell>
          <cell r="G2660" t="str">
            <v>岡山市</v>
          </cell>
          <cell r="H2660" t="str">
            <v/>
          </cell>
          <cell r="I2660" t="str">
            <v>代表取締役 松田　敏之</v>
          </cell>
          <cell r="J2660" t="str">
            <v>本店</v>
          </cell>
          <cell r="K2660" t="str">
            <v>086-264-1159</v>
          </cell>
          <cell r="L2660" t="str">
            <v>keiyaku-osk@ryobi.co.jp</v>
          </cell>
          <cell r="M2660" t="str">
            <v>ﾘｮｳﾋﾞｼｽﾃﾑｽﾞ</v>
          </cell>
          <cell r="N2660" t="str">
            <v>無</v>
          </cell>
          <cell r="O2660">
            <v>53</v>
          </cell>
          <cell r="P2660">
            <v>780</v>
          </cell>
          <cell r="Q2660">
            <v>8260001007077</v>
          </cell>
          <cell r="R2660">
            <v>300000</v>
          </cell>
          <cell r="S2660">
            <v>10715697</v>
          </cell>
          <cell r="T2660">
            <v>12434420</v>
          </cell>
          <cell r="V2660" t="str">
            <v>rv415715</v>
          </cell>
          <cell r="W2660" t="str">
            <v>tm136136</v>
          </cell>
          <cell r="Y2660" t="str">
            <v>036，36，44，56，57，58，74，77，</v>
          </cell>
          <cell r="Z2660">
            <v>58</v>
          </cell>
          <cell r="AA2660">
            <v>57</v>
          </cell>
          <cell r="AB2660">
            <v>44</v>
          </cell>
          <cell r="AC2660">
            <v>36</v>
          </cell>
          <cell r="AD2660" t="str">
            <v>技術者派遣、フォーム印刷、アンケート調査、ＯＡ機器保守</v>
          </cell>
          <cell r="AE2660" t="str">
            <v>１；システム開発・保守、ホームページ作成２；電算処理、データ入力３；パソコン、ＯＡ機器、ソフトウェア４；パソコン、ＰＣ周辺機器</v>
          </cell>
          <cell r="AF2660" t="str">
            <v>行政機関向け住民・税務・福祉情報システムから、医療機関様に向けた電子カルテを中心とした総合医療システムなどの開発、またはインフラの整備・アウトソーシングサービスまで情報システム構築を総合的にサポート致します。</v>
          </cell>
        </row>
        <row r="2661">
          <cell r="B2661">
            <v>11190</v>
          </cell>
          <cell r="C2661" t="str">
            <v>(株)幸和道路管理</v>
          </cell>
          <cell r="D2661" t="str">
            <v>078-731-1144</v>
          </cell>
          <cell r="E2661" t="str">
            <v>653-0052</v>
          </cell>
          <cell r="F2661" t="str">
            <v>兵庫県神戸市長田区海運町8丁目4番8号</v>
          </cell>
          <cell r="G2661" t="str">
            <v>神戸市</v>
          </cell>
          <cell r="H2661" t="str">
            <v/>
          </cell>
          <cell r="I2661" t="str">
            <v>代表取締役 谷山　和義</v>
          </cell>
          <cell r="J2661" t="str">
            <v>本店</v>
          </cell>
          <cell r="K2661" t="str">
            <v>078-731-1190</v>
          </cell>
          <cell r="L2661" t="str">
            <v>kowa@r5.dion.ne.jp</v>
          </cell>
          <cell r="M2661" t="str">
            <v>ｺｳﾜﾄﾞｳﾛｶﾝﾘ</v>
          </cell>
          <cell r="N2661" t="str">
            <v>無</v>
          </cell>
          <cell r="O2661">
            <v>20</v>
          </cell>
          <cell r="P2661">
            <v>15</v>
          </cell>
          <cell r="Q2661">
            <v>2140001034254</v>
          </cell>
          <cell r="R2661">
            <v>30000</v>
          </cell>
          <cell r="S2661">
            <v>65228</v>
          </cell>
          <cell r="T2661">
            <v>456273</v>
          </cell>
          <cell r="V2661" t="str">
            <v>jv720080</v>
          </cell>
          <cell r="W2661" t="str">
            <v>ｒk197393</v>
          </cell>
          <cell r="Y2661" t="str">
            <v>053，53，55，68，79，</v>
          </cell>
          <cell r="Z2661">
            <v>79</v>
          </cell>
          <cell r="AA2661">
            <v>55</v>
          </cell>
          <cell r="AB2661">
            <v>68</v>
          </cell>
          <cell r="AC2661">
            <v>53</v>
          </cell>
          <cell r="AD2661" t="str">
            <v>建設業許可（土、とび、石、鋼、ほ、しゅ、塗、水、管、解）、下水道工法協会（ポリエチレン工法・ＣＰＳシステム工法・ＦＲＰ内面補修工法・ＦＦＴ工法・３ＳＩＣＰ技術協会・カナフレックス工法）</v>
          </cell>
          <cell r="AE2661" t="str">
            <v>１；ＴＶカメラ車２台、ライニング施工車１台、強力吸引車４台、超高圧洗浄車４台２；路面清掃車１台、２ｔダンプ２台、散水車１台、規制車２台、強力吸引車４台、超高圧洗浄車４台３；産業廃棄物収集運搬業許可（兵庫県）４；</v>
          </cell>
          <cell r="AF2661" t="str">
            <v>当社は、神戸市をはじめ、兵庫県や国道の下水道・側溝清掃、路面清掃及び事故復旧工事等の多くの実績を積んでおります。また、道路管理パトロール業務や下水道管渠調査業務でも多くの実績を積んでおります。下水道管更生工事も実績があり、道路維持管理の多くの業務・工事に従事できます。</v>
          </cell>
        </row>
        <row r="2662">
          <cell r="B2662">
            <v>11192</v>
          </cell>
          <cell r="C2662" t="str">
            <v>プラスワン(株)</v>
          </cell>
          <cell r="D2662" t="str">
            <v>072-758-0001</v>
          </cell>
          <cell r="E2662" t="str">
            <v>666-0033</v>
          </cell>
          <cell r="F2662" t="str">
            <v>兵庫県川西市栄町25番1号</v>
          </cell>
          <cell r="G2662" t="str">
            <v>川西市</v>
          </cell>
          <cell r="H2662" t="str">
            <v/>
          </cell>
          <cell r="I2662" t="str">
            <v>代表取締役 古賀　正靖</v>
          </cell>
          <cell r="J2662" t="str">
            <v>本店</v>
          </cell>
          <cell r="K2662" t="str">
            <v>072-758-0550</v>
          </cell>
          <cell r="L2662" t="str">
            <v>y-yamano@plusone-group.co.jp</v>
          </cell>
          <cell r="M2662" t="str">
            <v>ﾌﾟﾗｽﾜﾝ</v>
          </cell>
          <cell r="N2662" t="str">
            <v>無</v>
          </cell>
          <cell r="O2662">
            <v>32</v>
          </cell>
          <cell r="P2662">
            <v>600</v>
          </cell>
          <cell r="Q2662">
            <v>2140001079852</v>
          </cell>
          <cell r="R2662">
            <v>1000</v>
          </cell>
          <cell r="S2662">
            <v>72594</v>
          </cell>
          <cell r="T2662">
            <v>1257200</v>
          </cell>
          <cell r="V2662" t="str">
            <v>np316856</v>
          </cell>
          <cell r="W2662" t="str">
            <v>yh125651</v>
          </cell>
          <cell r="Y2662" t="str">
            <v>45，54，56，</v>
          </cell>
          <cell r="Z2662">
            <v>45</v>
          </cell>
          <cell r="AA2662">
            <v>54</v>
          </cell>
          <cell r="AB2662">
            <v>56</v>
          </cell>
          <cell r="AC2662" t="str">
            <v/>
          </cell>
          <cell r="AD2662" t="str">
            <v/>
          </cell>
          <cell r="AE2662" t="str">
            <v>１；警備業（兵庫県公安委員会第６３０００２８９）２；建築物環境衛生総合管理業（兵庫県１８総第１４号の２）３；一般労働者派遣事業（派２８－３０００３０）４；</v>
          </cell>
          <cell r="AF2662" t="str">
            <v>警備業務・建物清掃・人材派遣</v>
          </cell>
        </row>
        <row r="2663">
          <cell r="B2663">
            <v>11193</v>
          </cell>
          <cell r="C2663" t="str">
            <v>(株)山本総合防災</v>
          </cell>
          <cell r="D2663" t="str">
            <v>072-781-4474</v>
          </cell>
          <cell r="E2663" t="str">
            <v>664-0006</v>
          </cell>
          <cell r="F2663" t="str">
            <v>兵庫県伊丹市鴻池3-5-18</v>
          </cell>
          <cell r="G2663" t="str">
            <v>伊丹市</v>
          </cell>
          <cell r="H2663" t="str">
            <v/>
          </cell>
          <cell r="I2663" t="str">
            <v>代表取締役 山本　泰幸</v>
          </cell>
          <cell r="J2663" t="str">
            <v>本店</v>
          </cell>
          <cell r="K2663" t="str">
            <v>072-781-9319</v>
          </cell>
          <cell r="L2663" t="str">
            <v>yamamotosougoubousai@ceres.ocn.ne.jp</v>
          </cell>
          <cell r="M2663" t="str">
            <v>ﾔﾏﾓﾄｿｳｺﾞｳﾎﾞｳｻｲ</v>
          </cell>
          <cell r="N2663" t="str">
            <v>無</v>
          </cell>
          <cell r="O2663">
            <v>21</v>
          </cell>
          <cell r="P2663">
            <v>21</v>
          </cell>
          <cell r="Q2663">
            <v>1140001079060</v>
          </cell>
          <cell r="R2663">
            <v>10000</v>
          </cell>
          <cell r="S2663">
            <v>67218</v>
          </cell>
          <cell r="T2663">
            <v>474229</v>
          </cell>
          <cell r="V2663" t="str">
            <v>ns769851</v>
          </cell>
          <cell r="W2663" t="str">
            <v>vi196937</v>
          </cell>
          <cell r="Y2663" t="str">
            <v>38，49，</v>
          </cell>
          <cell r="Z2663">
            <v>49</v>
          </cell>
          <cell r="AA2663">
            <v>38</v>
          </cell>
          <cell r="AB2663" t="str">
            <v/>
          </cell>
          <cell r="AC2663" t="str">
            <v/>
          </cell>
          <cell r="AD2663" t="str">
            <v/>
          </cell>
          <cell r="AE2663" t="str">
            <v>１；各種消防設備の保守点検・防火対象物の点検管理２；消火器・消防ホース・警報装置・消火装置等の消防防災用品全般３；４；</v>
          </cell>
          <cell r="AF2663" t="str">
            <v>各種消防設備工事をメイン業務として、附帯する電気工事及び関連する消防設備保守点検業務並びに消防・防災機器の販売まで広範囲に業務を遂行しております。当社の全員が有資格者で経験も積んでいる者ばかりですので、安心して工事と保守点検業務を任せられる技術者集団です。</v>
          </cell>
        </row>
        <row r="2664">
          <cell r="B2664">
            <v>11195</v>
          </cell>
          <cell r="C2664" t="str">
            <v>神戸電機工業(株)</v>
          </cell>
          <cell r="D2664" t="str">
            <v>078-575-4278</v>
          </cell>
          <cell r="E2664" t="str">
            <v>650-0025</v>
          </cell>
          <cell r="F2664" t="str">
            <v>兵庫県神戸市中央区相生町5-16-10</v>
          </cell>
          <cell r="G2664" t="str">
            <v>神戸市</v>
          </cell>
          <cell r="H2664" t="str">
            <v/>
          </cell>
          <cell r="I2664" t="str">
            <v>代表取締役 村迫　孝幸</v>
          </cell>
          <cell r="J2664" t="str">
            <v>本店</v>
          </cell>
          <cell r="K2664" t="str">
            <v>078-576-4251</v>
          </cell>
          <cell r="L2664" t="str">
            <v>kbattery@siren.ocn.ne.jp</v>
          </cell>
          <cell r="M2664" t="str">
            <v>ｺｳﾍﾞﾃﾞﾝｷｺｳｷﾞｮｳ</v>
          </cell>
          <cell r="N2664" t="str">
            <v>無</v>
          </cell>
          <cell r="O2664">
            <v>46</v>
          </cell>
          <cell r="P2664">
            <v>8</v>
          </cell>
          <cell r="Q2664">
            <v>8140001012056</v>
          </cell>
          <cell r="R2664">
            <v>10000</v>
          </cell>
          <cell r="S2664">
            <v>721272</v>
          </cell>
          <cell r="T2664">
            <v>401181</v>
          </cell>
          <cell r="V2664" t="str">
            <v>nh949267</v>
          </cell>
          <cell r="W2664" t="str">
            <v>gf167379</v>
          </cell>
          <cell r="Y2664" t="str">
            <v>080，26，36，47，</v>
          </cell>
          <cell r="Z2664">
            <v>36</v>
          </cell>
          <cell r="AA2664">
            <v>47</v>
          </cell>
          <cell r="AB2664">
            <v>26</v>
          </cell>
          <cell r="AC2664">
            <v>80</v>
          </cell>
          <cell r="AD2664" t="str">
            <v/>
          </cell>
          <cell r="AE2664" t="str">
            <v>１；通信用機械器具、ＰＢＸ用電源装置、電話用蓄電池、整流器２；電源装置、蓄電池の保守点検及び自家発電装置の保守点検３；自動車部品、自動車用バッテリー４；蓄電池設備の新設，既設の取替、蓄電池、整流器、直流電源装置</v>
          </cell>
          <cell r="AF2664" t="str">
            <v>各種蓄電池、直流電源装置及び自家発電設備の販売、設計、施工をメイン業務として、兵庫県下のほとんどの自治体において工事の施工・製品の納入及び保守点検までの受注をいただき、技術面でも高い評価をいただいております。</v>
          </cell>
        </row>
        <row r="2665">
          <cell r="B2665">
            <v>11196</v>
          </cell>
          <cell r="C2665" t="str">
            <v>中島農園(株)</v>
          </cell>
          <cell r="D2665" t="str">
            <v>072-781-2603</v>
          </cell>
          <cell r="E2665" t="str">
            <v>664-0029</v>
          </cell>
          <cell r="F2665" t="str">
            <v>兵庫県伊丹市中野北2-8-5</v>
          </cell>
          <cell r="G2665" t="str">
            <v>伊丹市</v>
          </cell>
          <cell r="H2665" t="str">
            <v/>
          </cell>
          <cell r="I2665" t="str">
            <v>代表取締役 中島　宏明</v>
          </cell>
          <cell r="J2665" t="str">
            <v>本店</v>
          </cell>
          <cell r="K2665" t="str">
            <v>072-777-3151</v>
          </cell>
          <cell r="L2665" t="str">
            <v>nakajima-nouen@nnweb.co.jp</v>
          </cell>
          <cell r="M2665" t="str">
            <v>ﾅｶｼﾞﾏﾉｳｴﾝ</v>
          </cell>
          <cell r="N2665" t="str">
            <v>無</v>
          </cell>
          <cell r="O2665">
            <v>96</v>
          </cell>
          <cell r="P2665">
            <v>11</v>
          </cell>
          <cell r="Q2665">
            <v>5140001078686</v>
          </cell>
          <cell r="R2665">
            <v>32000</v>
          </cell>
          <cell r="S2665">
            <v>35390</v>
          </cell>
          <cell r="T2665">
            <v>375766</v>
          </cell>
          <cell r="V2665" t="str">
            <v>pz467965</v>
          </cell>
          <cell r="W2665" t="str">
            <v>fd171993</v>
          </cell>
          <cell r="Y2665" t="str">
            <v>22，53，</v>
          </cell>
          <cell r="Z2665">
            <v>22</v>
          </cell>
          <cell r="AA2665">
            <v>53</v>
          </cell>
          <cell r="AB2665" t="str">
            <v/>
          </cell>
          <cell r="AC2665" t="str">
            <v/>
          </cell>
          <cell r="AD2665" t="str">
            <v/>
          </cell>
          <cell r="AE2665" t="str">
            <v>１；造園・庭園・公園及び花壇用の樹木・苗木・花・果樹園・芝生等あらゆる樹木の納入２；花壇・鉢物管理・公園樹木の剪定３；４；</v>
          </cell>
          <cell r="AF2665" t="str">
            <v>樹木と共に歩むをモットーに、信頼こそ最大の財産との認識の中で、規格、樹形、根の状態、そして積載運搬方法等に細心の注意をを払いながら、全国ネットの出荷体制を整えております。より品質の高い樹木の供給、これが私たちの使命です。</v>
          </cell>
        </row>
        <row r="2666">
          <cell r="B2666">
            <v>11197</v>
          </cell>
          <cell r="C2666" t="str">
            <v>(有)防災アラーム</v>
          </cell>
          <cell r="D2666" t="str">
            <v>072-778-5353</v>
          </cell>
          <cell r="E2666" t="str">
            <v>664-0875</v>
          </cell>
          <cell r="F2666" t="str">
            <v>兵庫県伊丹市野間北5-11-9</v>
          </cell>
          <cell r="G2666" t="str">
            <v>伊丹市</v>
          </cell>
          <cell r="H2666" t="str">
            <v/>
          </cell>
          <cell r="I2666" t="str">
            <v>代表取締役 吉永　力</v>
          </cell>
          <cell r="J2666" t="str">
            <v>本店</v>
          </cell>
          <cell r="K2666" t="str">
            <v>072-778-5354</v>
          </cell>
          <cell r="L2666" t="str">
            <v>bousai-alarm@muse.ocn.ne.jp</v>
          </cell>
          <cell r="M2666" t="str">
            <v>ﾎﾞｳｻｲｱﾗｰﾑ</v>
          </cell>
          <cell r="N2666" t="str">
            <v>無</v>
          </cell>
          <cell r="O2666">
            <v>13</v>
          </cell>
          <cell r="P2666">
            <v>6</v>
          </cell>
          <cell r="Q2666">
            <v>3140002065751</v>
          </cell>
          <cell r="R2666">
            <v>3000</v>
          </cell>
          <cell r="S2666">
            <v>11170</v>
          </cell>
          <cell r="T2666">
            <v>134034</v>
          </cell>
          <cell r="V2666" t="str">
            <v>cj668783</v>
          </cell>
          <cell r="W2666" t="str">
            <v>bd153991</v>
          </cell>
          <cell r="Y2666" t="str">
            <v>38，49，</v>
          </cell>
          <cell r="Z2666">
            <v>49</v>
          </cell>
          <cell r="AA2666">
            <v>38</v>
          </cell>
          <cell r="AB2666" t="str">
            <v/>
          </cell>
          <cell r="AC2666" t="str">
            <v/>
          </cell>
          <cell r="AD2666" t="str">
            <v/>
          </cell>
          <cell r="AE2666" t="str">
            <v>１；各種消防設備の保守点検業務２；消火器・消防ホース・火災報知器等の消防用品、非常警報装置等の防災用品３；４；</v>
          </cell>
          <cell r="AF2666" t="str">
            <v>消防設備工事（自動火災報知設備工事、誘導灯・避難器具・スプリンクラー設備等）及び消防設備の保守点検を得意としております。</v>
          </cell>
        </row>
        <row r="2667">
          <cell r="B2667">
            <v>11198</v>
          </cell>
          <cell r="C2667" t="str">
            <v>エール(株)</v>
          </cell>
          <cell r="D2667" t="str">
            <v>077-545-0315</v>
          </cell>
          <cell r="E2667" t="str">
            <v>520-2132</v>
          </cell>
          <cell r="F2667" t="str">
            <v>滋賀県大津市神領3-12-1</v>
          </cell>
          <cell r="G2667" t="str">
            <v>大津市</v>
          </cell>
          <cell r="H2667" t="str">
            <v/>
          </cell>
          <cell r="I2667" t="str">
            <v>代表取締役 居關　和江</v>
          </cell>
          <cell r="J2667" t="str">
            <v>本店</v>
          </cell>
          <cell r="K2667" t="str">
            <v>077-545-0316</v>
          </cell>
          <cell r="L2667" t="str">
            <v>info2@yell-corp.com</v>
          </cell>
          <cell r="M2667" t="str">
            <v>ｴｰﾙ</v>
          </cell>
          <cell r="N2667" t="str">
            <v>無</v>
          </cell>
          <cell r="O2667">
            <v>23</v>
          </cell>
          <cell r="P2667">
            <v>30</v>
          </cell>
          <cell r="Q2667">
            <v>1160001000271</v>
          </cell>
          <cell r="R2667">
            <v>11500</v>
          </cell>
          <cell r="S2667">
            <v>69103</v>
          </cell>
          <cell r="T2667">
            <v>641367</v>
          </cell>
          <cell r="V2667" t="str">
            <v>yb605367</v>
          </cell>
          <cell r="W2667" t="str">
            <v>uk153793</v>
          </cell>
          <cell r="Y2667" t="str">
            <v>12，17，20，</v>
          </cell>
          <cell r="Z2667">
            <v>17</v>
          </cell>
          <cell r="AA2667">
            <v>20</v>
          </cell>
          <cell r="AB2667">
            <v>12</v>
          </cell>
          <cell r="AC2667" t="str">
            <v/>
          </cell>
          <cell r="AD2667" t="str">
            <v/>
          </cell>
          <cell r="AE2667" t="str">
            <v>１；木製玩具カプラ（仕入先：代／有限会社アイ・ピー・エス)２；安田式移動型遊具３；魔法のにこにこねんど４；</v>
          </cell>
          <cell r="AF2667" t="str">
            <v>弊社では、遊具の販売だけでなく、ご購入いただいた遊具を教育現場でよりご活用いただけるための研修会やワークショップも承っております。実際に遊具を使う子供だけでなく、対象は指導者、保護者など多岐にわたり、ご好評いただいております。</v>
          </cell>
        </row>
        <row r="2668">
          <cell r="B2668">
            <v>11203</v>
          </cell>
          <cell r="C2668" t="str">
            <v>(株)田村コピー</v>
          </cell>
          <cell r="D2668" t="str">
            <v>06-6482-0021</v>
          </cell>
          <cell r="E2668" t="str">
            <v>666-0021</v>
          </cell>
          <cell r="F2668" t="str">
            <v>兵庫県尼崎市金楽寺町1-6-48</v>
          </cell>
          <cell r="G2668" t="str">
            <v>尼崎市</v>
          </cell>
          <cell r="H2668" t="str">
            <v>尼崎営業所</v>
          </cell>
          <cell r="I2668" t="str">
            <v>所長 廣岡　篤</v>
          </cell>
          <cell r="J2668" t="str">
            <v>兵庫県尼崎市</v>
          </cell>
          <cell r="K2668" t="str">
            <v>06-6482-0011</v>
          </cell>
          <cell r="L2668" t="str">
            <v>amtatamura@vanilla.ocn.ne.jp</v>
          </cell>
          <cell r="M2668" t="str">
            <v>ﾀﾑﾗｺﾋﾟｰ</v>
          </cell>
          <cell r="N2668" t="str">
            <v>有</v>
          </cell>
          <cell r="O2668">
            <v>41</v>
          </cell>
          <cell r="P2668">
            <v>70</v>
          </cell>
          <cell r="Q2668">
            <v>8140001049965</v>
          </cell>
          <cell r="R2668">
            <v>10000</v>
          </cell>
          <cell r="S2668">
            <v>165605</v>
          </cell>
          <cell r="T2668">
            <v>849971</v>
          </cell>
          <cell r="V2668" t="str">
            <v>vq760506</v>
          </cell>
          <cell r="W2668" t="str">
            <v>sn159339</v>
          </cell>
          <cell r="Y2668" t="str">
            <v>014，14，15，35，36，44，70，71，73，74，75，76，</v>
          </cell>
          <cell r="Z2668">
            <v>75</v>
          </cell>
          <cell r="AA2668">
            <v>44</v>
          </cell>
          <cell r="AB2668">
            <v>73</v>
          </cell>
          <cell r="AC2668">
            <v>14</v>
          </cell>
          <cell r="AD2668" t="str">
            <v>複合機のアフターメンテナンスにて、顧客満足度近畿５年連続１位になっております。また個人全国２位のサービスマンがいます。</v>
          </cell>
          <cell r="AE2668" t="str">
            <v>１；大型・小型電子複写、カラーコピー、デジタル入出力、各種製本までの複写関係全般にわたり１４店舗にて同設備により対応が可能。２；キヤノンマーケティングジャパン（株）代理店。キヤノン製品の販売、リース、レンタル。当社にて保守・アフターメンテナンスが可能。３；オフセット印刷、オンデマンド印刷等印刷機械を配備し、ほとんどすべての印刷物の加工が社内にて行えます。４；コクヨマーケティング（株）特約店。コクヨ製品（スチール等も含む）の販売。コクヨ製品以外での事務用品、事務用機器等オフィス用品全般の販売も可能です。</v>
          </cell>
          <cell r="AF2668" t="str">
            <v>大型・小型電子複写、カラーコピー、デジタル入出力、各種製本等複写業務全般。一般印刷、オンデマンド印刷等印刷関係全般。事務用機器（ＯＡ機器）等の販売・リース・レンタル・保守・メンテナンス。キヤノンマーケティングジャパン代理店。事務用品販売（コクヨマーケティング特約店）</v>
          </cell>
        </row>
        <row r="2669">
          <cell r="B2669">
            <v>11206</v>
          </cell>
          <cell r="C2669" t="str">
            <v>(株)アズマ</v>
          </cell>
          <cell r="D2669" t="str">
            <v>077-598-8025</v>
          </cell>
          <cell r="E2669" t="str">
            <v>520-0353</v>
          </cell>
          <cell r="F2669" t="str">
            <v>滋賀県大津市伊香立向在地町24番地</v>
          </cell>
          <cell r="G2669" t="str">
            <v>大津市</v>
          </cell>
          <cell r="H2669" t="str">
            <v/>
          </cell>
          <cell r="I2669" t="str">
            <v>代表取締役 東　弘幸</v>
          </cell>
          <cell r="J2669" t="str">
            <v>本店</v>
          </cell>
          <cell r="K2669" t="str">
            <v>077-598-2431</v>
          </cell>
          <cell r="L2669" t="str">
            <v>azuma.inc@azmer.co.jp</v>
          </cell>
          <cell r="M2669" t="str">
            <v>ｱｽﾞﾏ</v>
          </cell>
          <cell r="N2669" t="str">
            <v>無</v>
          </cell>
          <cell r="O2669">
            <v>57</v>
          </cell>
          <cell r="P2669">
            <v>13</v>
          </cell>
          <cell r="Q2669">
            <v>8160001000026</v>
          </cell>
          <cell r="R2669">
            <v>42000</v>
          </cell>
          <cell r="S2669">
            <v>165019</v>
          </cell>
          <cell r="T2669">
            <v>373923</v>
          </cell>
          <cell r="V2669" t="str">
            <v>nx396359</v>
          </cell>
          <cell r="W2669" t="str">
            <v>st197899</v>
          </cell>
          <cell r="Y2669" t="str">
            <v>33，38，</v>
          </cell>
          <cell r="Z2669">
            <v>38</v>
          </cell>
          <cell r="AA2669">
            <v>33</v>
          </cell>
          <cell r="AB2669">
            <v>80</v>
          </cell>
          <cell r="AC2669" t="str">
            <v/>
          </cell>
          <cell r="AD2669" t="str">
            <v/>
          </cell>
          <cell r="AE2669" t="str">
            <v>１；代：谷口商会(株)　油吸着材【ＡＣライト、ＡＣクリーン、スミレイオイルフェンス、スミレイオイルマット、スミレイ油ろ過吸着袋、パコール（溝の浮油堰）、オイルレスＱ】２；代：谷口商会（株）全天候型常温合材【ＹＫアスコン】代：（有）ＥＣＳテクノ環境配慮型土系舗装材【エコクリーンソイル】（株）村中商会【ＮＡＯＳ、Ｑ-ｓｏｋｕ補修材】３；代：谷口商会（株）　曇り防止機能付き道路反射鏡【くもら～ず】４；</v>
          </cell>
          <cell r="AF2669" t="str">
            <v>油吸着材メーカー谷口商会株式会社の近畿地区代理店として、油流出事故対策資材を大量に備蓄し、24時間365日体制で対応しています。また都市部のヒートアイランド現象緩和に役立つ土系舗装材も取扱っております。</v>
          </cell>
        </row>
        <row r="2670">
          <cell r="B2670">
            <v>11207</v>
          </cell>
          <cell r="C2670" t="str">
            <v>フジテック(株)</v>
          </cell>
          <cell r="D2670" t="str">
            <v>072-622-8391</v>
          </cell>
          <cell r="E2670" t="str">
            <v>567-8510</v>
          </cell>
          <cell r="F2670" t="str">
            <v>大阪府茨木市庄1-28-10</v>
          </cell>
          <cell r="G2670" t="str">
            <v>茨木市</v>
          </cell>
          <cell r="H2670" t="str">
            <v>近畿統括本部</v>
          </cell>
          <cell r="I2670" t="str">
            <v>近畿統括本部長 杉山　健一</v>
          </cell>
          <cell r="J2670" t="str">
            <v>滋賀県彦根市</v>
          </cell>
          <cell r="K2670" t="str">
            <v>072-622-8387</v>
          </cell>
          <cell r="L2670" t="str">
            <v>idb6700@jp.fujitec.com</v>
          </cell>
          <cell r="M2670" t="str">
            <v>ﾌｼﾞﾃｯｸ</v>
          </cell>
          <cell r="N2670" t="str">
            <v>有</v>
          </cell>
          <cell r="O2670">
            <v>70</v>
          </cell>
          <cell r="P2670">
            <v>2923</v>
          </cell>
          <cell r="Q2670">
            <v>3160001009212</v>
          </cell>
          <cell r="R2670">
            <v>12533933</v>
          </cell>
          <cell r="S2670">
            <v>57149455</v>
          </cell>
          <cell r="T2670">
            <v>67646277</v>
          </cell>
          <cell r="V2670" t="str">
            <v>jt250115</v>
          </cell>
          <cell r="W2670" t="str">
            <v>ｒh195571</v>
          </cell>
          <cell r="Y2670" t="str">
            <v>48，</v>
          </cell>
          <cell r="Z2670" t="str">
            <v/>
          </cell>
          <cell r="AA2670" t="str">
            <v/>
          </cell>
          <cell r="AB2670" t="str">
            <v/>
          </cell>
          <cell r="AC2670" t="str">
            <v/>
          </cell>
          <cell r="AD2670" t="str">
            <v/>
          </cell>
          <cell r="AE2670" t="str">
            <v>１；機械設備保守（エレベータ・エスカレータ保守点検）２；３；４；</v>
          </cell>
          <cell r="AF2670" t="str">
            <v>フジテック製のエレベータ・エスカレータ・小荷物専用昇降機の生産・販売・据付・保守点検・修理を行っております。</v>
          </cell>
        </row>
        <row r="2671">
          <cell r="B2671">
            <v>11210</v>
          </cell>
          <cell r="C2671" t="str">
            <v>(株)エネルギーステーション</v>
          </cell>
          <cell r="D2671" t="str">
            <v>06-6494-1906</v>
          </cell>
          <cell r="E2671" t="str">
            <v>661-0953</v>
          </cell>
          <cell r="F2671" t="str">
            <v>兵庫県尼崎市東園田町6-79-5</v>
          </cell>
          <cell r="G2671" t="str">
            <v>尼崎市</v>
          </cell>
          <cell r="H2671" t="str">
            <v/>
          </cell>
          <cell r="I2671" t="str">
            <v>代表取締役 米田　豊一</v>
          </cell>
          <cell r="J2671" t="str">
            <v>本店</v>
          </cell>
          <cell r="K2671" t="str">
            <v>06-6494-1970</v>
          </cell>
          <cell r="L2671" t="str">
            <v>shimada@enesta.com</v>
          </cell>
          <cell r="M2671" t="str">
            <v>ｴﾈﾙｷﾞｰｽﾃｰｼｮﾝ</v>
          </cell>
          <cell r="N2671" t="str">
            <v>無</v>
          </cell>
          <cell r="O2671">
            <v>39</v>
          </cell>
          <cell r="P2671">
            <v>120</v>
          </cell>
          <cell r="Q2671">
            <v>6140001049546</v>
          </cell>
          <cell r="R2671">
            <v>70000</v>
          </cell>
          <cell r="S2671">
            <v>951301</v>
          </cell>
          <cell r="T2671">
            <v>6165018</v>
          </cell>
          <cell r="V2671" t="str">
            <v>bz818997</v>
          </cell>
          <cell r="W2671" t="str">
            <v>sd175698</v>
          </cell>
          <cell r="Y2671" t="str">
            <v>29，37，38，</v>
          </cell>
          <cell r="Z2671">
            <v>37</v>
          </cell>
          <cell r="AA2671">
            <v>29</v>
          </cell>
          <cell r="AB2671">
            <v>38</v>
          </cell>
          <cell r="AC2671" t="str">
            <v/>
          </cell>
          <cell r="AD2671" t="str">
            <v/>
          </cell>
          <cell r="AE2671" t="str">
            <v>１；大阪ガス（株）代、（株）ノーリツ、リンナイ（株）、パーパスマーケティングジャパン（株）２；大阪ガス（株）代、（株）ノーリツ、リンナイ（株）、パーパスマーケティングジャパン（株）３；大阪ガス（株）代４；</v>
          </cell>
          <cell r="AF2671" t="str">
            <v>大阪ガスの代理店としてガス機器・厨房用機器・システムキッチン・システムバス・冷暖房器具などの販売をしています。また販売のみだけでなく、リビング、ダイニング、キッチン、バスルームの設計・施工も手掛けております。</v>
          </cell>
        </row>
        <row r="2672">
          <cell r="B2672">
            <v>11212</v>
          </cell>
          <cell r="C2672" t="str">
            <v>三協エアテック(株)</v>
          </cell>
          <cell r="D2672" t="str">
            <v>06-6374-6140</v>
          </cell>
          <cell r="E2672" t="str">
            <v>530-0012</v>
          </cell>
          <cell r="F2672" t="str">
            <v>大阪府大阪市北区芝田2-5-6</v>
          </cell>
          <cell r="G2672" t="str">
            <v>大阪市</v>
          </cell>
          <cell r="H2672" t="str">
            <v/>
          </cell>
          <cell r="I2672" t="str">
            <v>代表取締役 加来　裕生</v>
          </cell>
          <cell r="J2672" t="str">
            <v>本店</v>
          </cell>
          <cell r="K2672" t="str">
            <v>06-6374-6150</v>
          </cell>
          <cell r="L2672" t="str">
            <v>keiri@sat.co.jp</v>
          </cell>
          <cell r="M2672" t="str">
            <v>ｻﾝｷｮｳｴｱﾃｯｸ</v>
          </cell>
          <cell r="N2672" t="str">
            <v>無</v>
          </cell>
          <cell r="O2672">
            <v>25</v>
          </cell>
          <cell r="P2672">
            <v>49</v>
          </cell>
          <cell r="Q2672">
            <v>3120001064541</v>
          </cell>
          <cell r="R2672">
            <v>69000</v>
          </cell>
          <cell r="S2672">
            <v>1265309</v>
          </cell>
          <cell r="T2672">
            <v>2028849</v>
          </cell>
          <cell r="V2672" t="str">
            <v>qa325789</v>
          </cell>
          <cell r="W2672" t="str">
            <v>ho177151</v>
          </cell>
          <cell r="Y2672" t="str">
            <v>44，48，</v>
          </cell>
          <cell r="Z2672">
            <v>80</v>
          </cell>
          <cell r="AA2672">
            <v>44</v>
          </cell>
          <cell r="AB2672">
            <v>48</v>
          </cell>
          <cell r="AC2672" t="str">
            <v/>
          </cell>
          <cell r="AD2672" t="str">
            <v/>
          </cell>
          <cell r="AE2672" t="str">
            <v>１；業務用空気清浄装置、脱臭・集塵・殺菌装置、オゾンガス・オゾン水製造装置、加湿装置、等２；加湿装置のレンタル３；取扱機器の保守、空調設備の保守４；</v>
          </cell>
          <cell r="AF2672" t="str">
            <v>脱臭・殺菌装置や空気清浄装置、業務用加湿装置をはじめとした環境関連機器の開発から、製造、販売、メンテナンスまでをトータルに行っております。顧客は医療・福祉施設、工場や食品関連施設、一般オフィス・集合住宅、アミューズメント施設など多岐の分野に渡っております。</v>
          </cell>
        </row>
        <row r="2673">
          <cell r="B2673">
            <v>11213</v>
          </cell>
          <cell r="C2673" t="str">
            <v>(株)イーライフ</v>
          </cell>
          <cell r="D2673" t="str">
            <v>072-943-6001</v>
          </cell>
          <cell r="E2673" t="str">
            <v>581-0885</v>
          </cell>
          <cell r="F2673" t="str">
            <v>大阪府八尾市神宮寺5-184</v>
          </cell>
          <cell r="G2673" t="str">
            <v>八尾市</v>
          </cell>
          <cell r="H2673" t="str">
            <v/>
          </cell>
          <cell r="I2673" t="str">
            <v>代表取締役 竹中　洋</v>
          </cell>
          <cell r="J2673" t="str">
            <v>本店</v>
          </cell>
          <cell r="K2673" t="str">
            <v>072-943-6009</v>
          </cell>
          <cell r="L2673" t="str">
            <v>fukui@elife-web.co.jp</v>
          </cell>
          <cell r="M2673" t="str">
            <v>ｲｰﾗｲﾌ</v>
          </cell>
          <cell r="N2673" t="str">
            <v>無</v>
          </cell>
          <cell r="O2673">
            <v>47</v>
          </cell>
          <cell r="P2673">
            <v>17</v>
          </cell>
          <cell r="Q2673">
            <v>6122001021412</v>
          </cell>
          <cell r="R2673">
            <v>10000</v>
          </cell>
          <cell r="S2673">
            <v>70200</v>
          </cell>
          <cell r="T2673">
            <v>803045</v>
          </cell>
          <cell r="V2673" t="str">
            <v>tq951326</v>
          </cell>
          <cell r="W2673" t="str">
            <v>mn195863</v>
          </cell>
          <cell r="Y2673" t="str">
            <v>05，05，9，10，22，</v>
          </cell>
          <cell r="Z2673">
            <v>10</v>
          </cell>
          <cell r="AA2673">
            <v>22</v>
          </cell>
          <cell r="AB2673">
            <v>9</v>
          </cell>
          <cell r="AC2673">
            <v>5</v>
          </cell>
          <cell r="AD2673" t="str">
            <v/>
          </cell>
          <cell r="AE2673" t="str">
            <v>１；医薬品販売業許可証（Ｂ１２８４２号）毒物劇物一般販売業登録票（Ｈ０９５５５号）代理店住化エンバイロメンタルサイエンス（株）、（株）アグリマート、無臭元工業（株）、アース製薬（株）２；農薬販売届（１０３－１５号）仕入れ先（日産化学、住友化学園芸など）３；医薬品販売業許可証　Ｂ１２８４２号４；</v>
          </cell>
          <cell r="AF2673" t="str">
            <v>弊社は業務用の消臭剤、殺虫剤、洗浄剤を取り扱っている総合商社です。</v>
          </cell>
        </row>
        <row r="2674">
          <cell r="B2674">
            <v>11214</v>
          </cell>
          <cell r="C2674" t="str">
            <v>日本ハイウエイ・サービス(株)</v>
          </cell>
          <cell r="D2674" t="str">
            <v>06-6766-5611</v>
          </cell>
          <cell r="E2674" t="str">
            <v>540-0005</v>
          </cell>
          <cell r="F2674" t="str">
            <v>大阪府大阪市中央区上町A-12</v>
          </cell>
          <cell r="G2674" t="str">
            <v>大阪市</v>
          </cell>
          <cell r="H2674" t="str">
            <v>大阪支店</v>
          </cell>
          <cell r="I2674" t="str">
            <v>執行役員支店長 南野　篤史</v>
          </cell>
          <cell r="J2674" t="str">
            <v>東京都</v>
          </cell>
          <cell r="K2674" t="str">
            <v>06-6766-5614</v>
          </cell>
          <cell r="L2674" t="str">
            <v>osaka@nhskk.co.jp</v>
          </cell>
          <cell r="M2674" t="str">
            <v>ﾆﾎﾝﾊｲｳｴｲ･ｻｰﾋﾞｽ</v>
          </cell>
          <cell r="N2674" t="str">
            <v>有</v>
          </cell>
          <cell r="O2674">
            <v>54</v>
          </cell>
          <cell r="P2674">
            <v>707</v>
          </cell>
          <cell r="Q2674">
            <v>3011101049682</v>
          </cell>
          <cell r="R2674">
            <v>50000</v>
          </cell>
          <cell r="S2674">
            <v>16569614</v>
          </cell>
          <cell r="T2674">
            <v>15599298</v>
          </cell>
          <cell r="V2674" t="str">
            <v>ks798586</v>
          </cell>
          <cell r="W2674" t="str">
            <v>he189339</v>
          </cell>
          <cell r="Y2674" t="str">
            <v>53，55，</v>
          </cell>
          <cell r="Z2674">
            <v>55</v>
          </cell>
          <cell r="AA2674">
            <v>80</v>
          </cell>
          <cell r="AB2674">
            <v>53</v>
          </cell>
          <cell r="AC2674" t="str">
            <v/>
          </cell>
          <cell r="AD2674" t="str">
            <v/>
          </cell>
          <cell r="AE2674" t="str">
            <v>１；２；歩道洗浄・清掃３；４；</v>
          </cell>
          <cell r="AF2674" t="str">
            <v>当社は道路の維持メンテナンスを中心に、路面・歩道等の清掃、集水枡・下水管渠・ガードレール・トンネルなどの道路付帯施設の清掃及び維持管理のほか、事故復旧などの緊急対応、融雪などの天候対応も行っております。また、１級土木、２級土木を中心に多数の技術者が在籍しております。</v>
          </cell>
        </row>
        <row r="2675">
          <cell r="B2675">
            <v>11216</v>
          </cell>
          <cell r="C2675" t="str">
            <v>ミディ総合管理(株)</v>
          </cell>
          <cell r="D2675" t="str">
            <v>06-6625-5566</v>
          </cell>
          <cell r="E2675" t="str">
            <v>545-8545</v>
          </cell>
          <cell r="F2675" t="str">
            <v>大阪市阿倍野区阿倍野筋1-1-43</v>
          </cell>
          <cell r="G2675" t="str">
            <v>大阪市</v>
          </cell>
          <cell r="H2675" t="str">
            <v/>
          </cell>
          <cell r="I2675" t="str">
            <v>代表取締役社長 則竹　博安</v>
          </cell>
          <cell r="J2675" t="str">
            <v>本店</v>
          </cell>
          <cell r="K2675" t="str">
            <v>06-6625-1707</v>
          </cell>
          <cell r="L2675" t="str">
            <v>eigyokaihatsu1@midi-kintetsu.com</v>
          </cell>
          <cell r="M2675" t="str">
            <v>ﾐﾃﾞｲｿｳｺﾞｳｶﾝﾘ</v>
          </cell>
          <cell r="N2675" t="str">
            <v>無</v>
          </cell>
          <cell r="O2675">
            <v>46</v>
          </cell>
          <cell r="P2675">
            <v>283</v>
          </cell>
          <cell r="Q2675">
            <v>3120000000000</v>
          </cell>
          <cell r="R2675">
            <v>90000</v>
          </cell>
          <cell r="S2675">
            <v>923150</v>
          </cell>
          <cell r="T2675">
            <v>8891705</v>
          </cell>
          <cell r="V2675" t="str">
            <v>zf146094</v>
          </cell>
          <cell r="W2675" t="str">
            <v>bn117339</v>
          </cell>
          <cell r="Y2675" t="str">
            <v>11.45.46.49.54.80</v>
          </cell>
          <cell r="Z2675">
            <v>11</v>
          </cell>
          <cell r="AA2675">
            <v>46</v>
          </cell>
          <cell r="AB2675">
            <v>80</v>
          </cell>
          <cell r="AC2675">
            <v>49</v>
          </cell>
          <cell r="AD2675" t="str">
            <v/>
          </cell>
          <cell r="AE2675" t="str">
            <v>１；２；ＪＸＴＧエネルギー（株）、出光興産（株）、コスモ石油（株）３；警備業認定、建築物環境衛生総合管理業４；駐車場・駐輪場管理</v>
          </cell>
          <cell r="AF2675" t="str">
            <v>当社は、百貨店等の商業施設の総合ビル管理業務を中心に、お客様のニーズに敏感に対応し、安全・安心・快適な環境をご提供すべく日々努めております。また、近畿圏各自治体より駐車場・駐輪場の管理運営業務を受託し、地域住民サービスの向上に貢献させていただいております。</v>
          </cell>
        </row>
        <row r="2676">
          <cell r="B2676">
            <v>11218</v>
          </cell>
          <cell r="C2676" t="str">
            <v>(株)深津工務店</v>
          </cell>
          <cell r="D2676" t="str">
            <v>072-741-6019</v>
          </cell>
          <cell r="E2676" t="str">
            <v>664-0028</v>
          </cell>
          <cell r="F2676" t="str">
            <v>兵庫県伊丹市池尻3-343</v>
          </cell>
          <cell r="G2676" t="str">
            <v>伊丹市</v>
          </cell>
          <cell r="H2676" t="str">
            <v/>
          </cell>
          <cell r="I2676" t="str">
            <v>代表取締役 深津　泰孝</v>
          </cell>
          <cell r="J2676" t="str">
            <v>本店</v>
          </cell>
          <cell r="K2676" t="str">
            <v>072-741-6019</v>
          </cell>
          <cell r="L2676" t="str">
            <v>hej31501@hcc5.bai.ne.jp</v>
          </cell>
          <cell r="M2676" t="str">
            <v>ﾌｶﾂｺｳﾑﾃﾝ</v>
          </cell>
          <cell r="N2676" t="str">
            <v>無</v>
          </cell>
          <cell r="O2676">
            <v>43</v>
          </cell>
          <cell r="P2676">
            <v>5</v>
          </cell>
          <cell r="Q2676">
            <v>2140001083169</v>
          </cell>
          <cell r="R2676">
            <v>10000</v>
          </cell>
          <cell r="S2676">
            <v>14268</v>
          </cell>
          <cell r="T2676">
            <v>57831</v>
          </cell>
          <cell r="V2676" t="str">
            <v>dn829843</v>
          </cell>
          <cell r="W2676" t="str">
            <v>oy186785</v>
          </cell>
          <cell r="Y2676" t="str">
            <v>05，12，14，20，27，28，29，31，32，33，34，35，37，38，39，40，51，52，53，55，66，68，80，</v>
          </cell>
          <cell r="Z2676">
            <v>20</v>
          </cell>
          <cell r="AA2676">
            <v>12</v>
          </cell>
          <cell r="AB2676">
            <v>28</v>
          </cell>
          <cell r="AC2676">
            <v>34</v>
          </cell>
          <cell r="AD2676" t="str">
            <v>ガラス、畳・鍵の交換、設備機器、害虫駆除、清掃、掲示板、水漏れ補修、椅子、机、棚、木製加工品、砂、採石、セメント、塗料、接着剤、照明、シャッター、建具、襖、その他</v>
          </cell>
          <cell r="AF2676" t="str">
            <v>公共建築物の改修、および修繕を中心に受注しています。民間工事では新築、リフォーム、外構工事と幅広く受注しています。</v>
          </cell>
        </row>
        <row r="2677">
          <cell r="B2677">
            <v>11219</v>
          </cell>
          <cell r="C2677" t="str">
            <v>備前グリーンエネルギー(株)</v>
          </cell>
          <cell r="D2677" t="str">
            <v>0869-63-3600</v>
          </cell>
          <cell r="E2677" t="str">
            <v>705-0022</v>
          </cell>
          <cell r="F2677" t="str">
            <v>岡山県備前市東片上39-6</v>
          </cell>
          <cell r="G2677" t="str">
            <v>備前市</v>
          </cell>
          <cell r="H2677" t="str">
            <v/>
          </cell>
          <cell r="I2677" t="str">
            <v>代表取締役 武本　洋一</v>
          </cell>
          <cell r="J2677" t="str">
            <v>本店</v>
          </cell>
          <cell r="K2677" t="str">
            <v>0869-63-6500</v>
          </cell>
          <cell r="L2677" t="str">
            <v>info01@bizen-greenenergy.co.jp</v>
          </cell>
          <cell r="M2677" t="str">
            <v>ﾋﾞｾﾞﾝｸﾞﾘｰﾝｴﾈﾙｷﾞｰ</v>
          </cell>
          <cell r="N2677" t="str">
            <v>無</v>
          </cell>
          <cell r="O2677">
            <v>13</v>
          </cell>
          <cell r="P2677">
            <v>10</v>
          </cell>
          <cell r="Q2677">
            <v>3260001021891</v>
          </cell>
          <cell r="R2677">
            <v>10000</v>
          </cell>
          <cell r="S2677">
            <v>61987</v>
          </cell>
          <cell r="T2677">
            <v>119604</v>
          </cell>
          <cell r="V2677" t="str">
            <v>ab154329</v>
          </cell>
          <cell r="W2677" t="str">
            <v>dk836396</v>
          </cell>
          <cell r="Y2677" t="str">
            <v>47，48，</v>
          </cell>
          <cell r="Z2677">
            <v>80</v>
          </cell>
          <cell r="AA2677">
            <v>48</v>
          </cell>
          <cell r="AB2677">
            <v>47</v>
          </cell>
          <cell r="AC2677" t="str">
            <v/>
          </cell>
          <cell r="AD2677" t="str">
            <v/>
          </cell>
          <cell r="AE2677" t="str">
            <v>１；環境・省エネルギー・新エネルギーに関する調査・研究・分析・計画策定、環境・エネルギーコンサルティング２；空調・給湯等の機械設備保守３；照明等の電気設備保守４；</v>
          </cell>
          <cell r="AF2677" t="str">
            <v>弊社は、環境・省エネルギー・新エネルギーに関する調査・研究・分析・計画策定、環境・エネルギーコンサルティングを主な事業としております。他にもＥＳＣＯ事業、補助支援事業、計測事業、学術研究事業、地域再生・活性化事業など多岐にわたる事業を全国規模で行っております。</v>
          </cell>
        </row>
        <row r="2678">
          <cell r="B2678">
            <v>11220</v>
          </cell>
          <cell r="C2678" t="str">
            <v>アルフレッサ(株)</v>
          </cell>
          <cell r="D2678" t="str">
            <v>072-783-5621</v>
          </cell>
          <cell r="E2678" t="str">
            <v>664-0875</v>
          </cell>
          <cell r="F2678" t="str">
            <v>兵庫県伊丹市野間北3-12-31</v>
          </cell>
          <cell r="G2678" t="str">
            <v>伊丹市</v>
          </cell>
          <cell r="H2678" t="str">
            <v>阪神第二支店</v>
          </cell>
          <cell r="I2678" t="str">
            <v>支店長 名古屋　昌之</v>
          </cell>
          <cell r="J2678" t="str">
            <v>東京都</v>
          </cell>
          <cell r="K2678" t="str">
            <v>072-781-7832</v>
          </cell>
          <cell r="L2678" t="str">
            <v>ka-okuda@alfresa.co.jp</v>
          </cell>
          <cell r="M2678" t="str">
            <v>ｱﾙﾌﾚｯｻ</v>
          </cell>
          <cell r="N2678" t="str">
            <v>有</v>
          </cell>
          <cell r="O2678">
            <v>80</v>
          </cell>
          <cell r="P2678">
            <v>6546</v>
          </cell>
          <cell r="Q2678">
            <v>3010001027880</v>
          </cell>
          <cell r="R2678">
            <v>4000000</v>
          </cell>
          <cell r="S2678">
            <v>192102817</v>
          </cell>
          <cell r="T2678">
            <v>2067550778</v>
          </cell>
          <cell r="V2678" t="str">
            <v>cz359216</v>
          </cell>
          <cell r="W2678" t="str">
            <v>sk197398</v>
          </cell>
          <cell r="Y2678" t="str">
            <v>9，39，</v>
          </cell>
          <cell r="Z2678">
            <v>9</v>
          </cell>
          <cell r="AA2678">
            <v>39</v>
          </cell>
          <cell r="AB2678" t="str">
            <v/>
          </cell>
          <cell r="AC2678" t="str">
            <v/>
          </cell>
          <cell r="AD2678" t="str">
            <v/>
          </cell>
          <cell r="AE2678" t="str">
            <v>１；第一三共、エーザイ、ＭＳＤ、アステラス、武田薬品、田辺製薬２；ユヤマ、タカゾノ、オリンパス、日本光電３；４；</v>
          </cell>
          <cell r="AF2678" t="str">
            <v>当社の営業エリアは東名阪、甲信越および九州に渡りカバーしておます。医薬品、検査試薬、医療機器などの国内外メーカーをほぼ総て取りそろう「フルラインの品揃え」と質の高い「情報機能」により、商品供給の面だけでなく情報提供の面からも、お得意様のニーズにお応え致します。</v>
          </cell>
        </row>
        <row r="2679">
          <cell r="B2679">
            <v>11223</v>
          </cell>
          <cell r="C2679" t="str">
            <v>(株)グリーンハウス</v>
          </cell>
          <cell r="D2679" t="str">
            <v>03-3379-1211</v>
          </cell>
          <cell r="E2679" t="str">
            <v>163-1477</v>
          </cell>
          <cell r="F2679" t="str">
            <v>東京都新宿区西新宿3-20-2</v>
          </cell>
          <cell r="G2679" t="str">
            <v>東京都</v>
          </cell>
          <cell r="H2679" t="str">
            <v/>
          </cell>
          <cell r="I2679" t="str">
            <v>代表取締役 善田　高志</v>
          </cell>
          <cell r="J2679" t="str">
            <v>本店</v>
          </cell>
          <cell r="K2679" t="str">
            <v>03-3370-9277</v>
          </cell>
          <cell r="L2679" t="str">
            <v>wghky2@greenhouse.co.jp</v>
          </cell>
          <cell r="M2679" t="str">
            <v>ｸﾞﾘｰﾝﾊｳｽ</v>
          </cell>
          <cell r="N2679" t="str">
            <v>無</v>
          </cell>
          <cell r="O2679">
            <v>71</v>
          </cell>
          <cell r="P2679">
            <v>5332</v>
          </cell>
          <cell r="Q2679">
            <v>8011101032089</v>
          </cell>
          <cell r="R2679">
            <v>2143036</v>
          </cell>
          <cell r="S2679">
            <v>14455215</v>
          </cell>
          <cell r="T2679">
            <v>91169268</v>
          </cell>
          <cell r="V2679" t="str">
            <v>jd884536</v>
          </cell>
          <cell r="W2679" t="str">
            <v>re131391</v>
          </cell>
          <cell r="Y2679" t="str">
            <v>02，</v>
          </cell>
          <cell r="Z2679" t="str">
            <v/>
          </cell>
          <cell r="AA2679" t="str">
            <v/>
          </cell>
          <cell r="AB2679" t="str">
            <v/>
          </cell>
          <cell r="AC2679" t="str">
            <v/>
          </cell>
          <cell r="AD2679" t="str">
            <v/>
          </cell>
          <cell r="AE2679" t="str">
            <v>１；給食調理業務２；３；４；</v>
          </cell>
          <cell r="AF2679" t="str">
            <v>学校給食調理業務及び施設食堂委託運営管理。指定管理案件の実績あり。</v>
          </cell>
        </row>
        <row r="2680">
          <cell r="B2680">
            <v>11225</v>
          </cell>
          <cell r="C2680" t="str">
            <v>(株)タイキ</v>
          </cell>
          <cell r="D2680" t="str">
            <v>06-6779-9001</v>
          </cell>
          <cell r="E2680" t="str">
            <v>543-0045</v>
          </cell>
          <cell r="F2680" t="str">
            <v>大阪府大阪市天王寺区寺田町1-1-2</v>
          </cell>
          <cell r="G2680" t="str">
            <v>大阪市</v>
          </cell>
          <cell r="H2680" t="str">
            <v/>
          </cell>
          <cell r="I2680" t="str">
            <v>代表取締役 矢野　幸吉</v>
          </cell>
          <cell r="J2680" t="str">
            <v>本店</v>
          </cell>
          <cell r="K2680" t="str">
            <v>06-6773-3893</v>
          </cell>
          <cell r="L2680" t="str">
            <v>eigyou-bu@osa-taiki.co.jp</v>
          </cell>
          <cell r="M2680" t="str">
            <v>ﾀｲｷ</v>
          </cell>
          <cell r="N2680" t="str">
            <v>無</v>
          </cell>
          <cell r="O2680">
            <v>53</v>
          </cell>
          <cell r="P2680">
            <v>30</v>
          </cell>
          <cell r="Q2680">
            <v>9120001024127</v>
          </cell>
          <cell r="R2680">
            <v>70000</v>
          </cell>
          <cell r="S2680">
            <v>884390</v>
          </cell>
          <cell r="T2680">
            <v>1736068</v>
          </cell>
          <cell r="V2680" t="str">
            <v>wd650081</v>
          </cell>
          <cell r="W2680" t="str">
            <v>si117619</v>
          </cell>
          <cell r="Y2680" t="str">
            <v>022，20，22，66，</v>
          </cell>
          <cell r="Z2680">
            <v>80</v>
          </cell>
          <cell r="AA2680">
            <v>20</v>
          </cell>
          <cell r="AB2680">
            <v>66</v>
          </cell>
          <cell r="AC2680">
            <v>22</v>
          </cell>
          <cell r="AD2680" t="str">
            <v/>
          </cell>
          <cell r="AE2680" t="str">
            <v>１；屋内・屋外遊具、学校関連遊具　（自社製品）２；運動器具、バスケットゴール、サッカーゴール　（自社製品）３；看板、掲示板、表示板　（自社製品）４；各種植木、プランター　（自社製品）</v>
          </cell>
          <cell r="AF2680" t="str">
            <v>当社は、大阪府太子町に遊具製造工場と植木農場を保有しておりますので、公園整備工事等の遊具から植栽まで総合的な造園工事に対応出来る施工体制にあります。又、国土交通省を始めとする官公庁の施工経験を持つ技術者を配置出来ます。</v>
          </cell>
        </row>
        <row r="2681">
          <cell r="B2681">
            <v>11227</v>
          </cell>
          <cell r="C2681" t="str">
            <v>アイテック阪急阪神(株)</v>
          </cell>
          <cell r="D2681" t="str">
            <v>06-6456-5200</v>
          </cell>
          <cell r="E2681" t="str">
            <v>553-0001</v>
          </cell>
          <cell r="F2681" t="str">
            <v>大阪府大阪市福島区海老江1-1-31</v>
          </cell>
          <cell r="G2681" t="str">
            <v>大阪市</v>
          </cell>
          <cell r="H2681" t="str">
            <v/>
          </cell>
          <cell r="I2681" t="str">
            <v>代表取締役 清水　正明</v>
          </cell>
          <cell r="J2681" t="str">
            <v>本店</v>
          </cell>
          <cell r="K2681" t="str">
            <v>06-6456-5250</v>
          </cell>
          <cell r="L2681" t="str">
            <v>syomu-info@itec.hankyu-hanshin.co.jp</v>
          </cell>
          <cell r="M2681" t="str">
            <v>ｱｲﾃｯｸﾊﾝｷｭｳﾊﾝｼﾝ</v>
          </cell>
          <cell r="N2681" t="str">
            <v>無</v>
          </cell>
          <cell r="O2681">
            <v>31</v>
          </cell>
          <cell r="P2681">
            <v>868</v>
          </cell>
          <cell r="Q2681">
            <v>8120001034119</v>
          </cell>
          <cell r="R2681">
            <v>200000</v>
          </cell>
          <cell r="S2681">
            <v>8313569</v>
          </cell>
          <cell r="T2681">
            <v>25994348</v>
          </cell>
          <cell r="V2681" t="str">
            <v>pe875844</v>
          </cell>
          <cell r="W2681" t="str">
            <v>ld138938</v>
          </cell>
          <cell r="Y2681" t="str">
            <v>36，38，57，58，</v>
          </cell>
          <cell r="Z2681">
            <v>58</v>
          </cell>
          <cell r="AA2681">
            <v>36</v>
          </cell>
          <cell r="AB2681" t="str">
            <v/>
          </cell>
          <cell r="AC2681" t="str">
            <v/>
          </cell>
          <cell r="AD2681" t="str">
            <v/>
          </cell>
          <cell r="AE2681" t="str">
            <v>１；システム及びソフトウェアの設計・開発、ネットワーク設計・構築、ホームページ作成２；パソコン・サーバ・ネットワーク機器・周辺機器の販売３；４；</v>
          </cell>
          <cell r="AF2681" t="str">
            <v>システム及びソフトウェアの設計・開発、パソコン・サーバ・ネットワーク機器・周辺機器の販売、ネットワーク設計・構築、ホームページ作成</v>
          </cell>
        </row>
        <row r="2682">
          <cell r="B2682">
            <v>11228</v>
          </cell>
          <cell r="C2682" t="str">
            <v>(株)城南工建</v>
          </cell>
          <cell r="D2682" t="str">
            <v>0774-53-3939</v>
          </cell>
          <cell r="E2682" t="str">
            <v>610-0113</v>
          </cell>
          <cell r="F2682" t="str">
            <v>京都府城陽市中芦原27-1</v>
          </cell>
          <cell r="G2682" t="str">
            <v>城陽市</v>
          </cell>
          <cell r="H2682" t="str">
            <v/>
          </cell>
          <cell r="I2682" t="str">
            <v>代表取締役 古瀬　善啓</v>
          </cell>
          <cell r="J2682" t="str">
            <v>本店</v>
          </cell>
          <cell r="K2682" t="str">
            <v>0774-55-1172</v>
          </cell>
          <cell r="L2682" t="str">
            <v>info@jyohnan.co.jp</v>
          </cell>
          <cell r="M2682" t="str">
            <v>ｼﾞｮｳﾅﾝｺｳｹﾝ</v>
          </cell>
          <cell r="N2682" t="str">
            <v>無</v>
          </cell>
          <cell r="O2682">
            <v>51</v>
          </cell>
          <cell r="P2682">
            <v>27</v>
          </cell>
          <cell r="Q2682">
            <v>7130001038433</v>
          </cell>
          <cell r="R2682">
            <v>22000</v>
          </cell>
          <cell r="S2682">
            <v>648409</v>
          </cell>
          <cell r="T2682">
            <v>1702489</v>
          </cell>
          <cell r="V2682" t="str">
            <v>by494388</v>
          </cell>
          <cell r="W2682" t="str">
            <v>in159583</v>
          </cell>
          <cell r="Y2682" t="str">
            <v>33，</v>
          </cell>
          <cell r="Z2682" t="str">
            <v/>
          </cell>
          <cell r="AA2682" t="str">
            <v/>
          </cell>
          <cell r="AB2682" t="str">
            <v/>
          </cell>
          <cell r="AC2682" t="str">
            <v/>
          </cell>
          <cell r="AD2682" t="str">
            <v/>
          </cell>
          <cell r="AE2682" t="str">
            <v>１；水道用ろ過砂・ろ過砂利の製造販売をおこなっております。２；３；４；</v>
          </cell>
          <cell r="AF2682" t="str">
            <v>ろ過砂・ろ過砂利の自社製造販売をしております。自社製品にて、ろ過池更生工事やろ過砂の入替・補砂工事等を行っております。</v>
          </cell>
        </row>
        <row r="2683">
          <cell r="B2683">
            <v>11229</v>
          </cell>
          <cell r="C2683" t="str">
            <v>日本リプロ(株)</v>
          </cell>
          <cell r="D2683" t="str">
            <v>0798-23-0561</v>
          </cell>
          <cell r="E2683" t="str">
            <v>662-0942</v>
          </cell>
          <cell r="F2683" t="str">
            <v>兵庫県西宮市浜町9-14</v>
          </cell>
          <cell r="G2683" t="str">
            <v>西宮市</v>
          </cell>
          <cell r="H2683" t="str">
            <v/>
          </cell>
          <cell r="I2683" t="str">
            <v>代表取締役 石崎　三十四</v>
          </cell>
          <cell r="J2683" t="str">
            <v>本店</v>
          </cell>
          <cell r="K2683" t="str">
            <v>0798-23-0568</v>
          </cell>
          <cell r="L2683" t="str">
            <v/>
          </cell>
          <cell r="M2683" t="str">
            <v>ﾆﾎﾝﾘﾌﾟﾛ</v>
          </cell>
          <cell r="N2683" t="str">
            <v>無</v>
          </cell>
          <cell r="O2683">
            <v>49</v>
          </cell>
          <cell r="P2683">
            <v>45</v>
          </cell>
          <cell r="Q2683">
            <v>9140001069830</v>
          </cell>
          <cell r="R2683">
            <v>1000</v>
          </cell>
          <cell r="S2683">
            <v>51321</v>
          </cell>
          <cell r="T2683">
            <v>470157</v>
          </cell>
          <cell r="V2683" t="str">
            <v>sr782975</v>
          </cell>
          <cell r="W2683" t="str">
            <v>jc130111</v>
          </cell>
          <cell r="Y2683" t="str">
            <v>062,3,</v>
          </cell>
          <cell r="Z2683" t="str">
            <v/>
          </cell>
          <cell r="AA2683" t="str">
            <v/>
          </cell>
          <cell r="AB2683" t="str">
            <v/>
          </cell>
          <cell r="AC2683" t="str">
            <v/>
          </cell>
          <cell r="AD2683" t="str">
            <v/>
          </cell>
          <cell r="AE2683">
            <v>0</v>
          </cell>
          <cell r="AF2683" t="str">
            <v/>
          </cell>
        </row>
        <row r="2684">
          <cell r="B2684">
            <v>11230</v>
          </cell>
          <cell r="C2684" t="str">
            <v>神医協興産(株)</v>
          </cell>
          <cell r="D2684" t="str">
            <v>078-411-0367</v>
          </cell>
          <cell r="E2684" t="str">
            <v>658-0023</v>
          </cell>
          <cell r="F2684" t="str">
            <v>兵庫県神戸市東灘区深江浜町106</v>
          </cell>
          <cell r="G2684" t="str">
            <v>神戸市</v>
          </cell>
          <cell r="H2684" t="str">
            <v/>
          </cell>
          <cell r="I2684" t="str">
            <v>代表取締役 橋本　創</v>
          </cell>
          <cell r="J2684" t="str">
            <v>本店</v>
          </cell>
          <cell r="K2684" t="str">
            <v>078-411-0368</v>
          </cell>
          <cell r="L2684" t="str">
            <v>tsuruta.hironori@shinikyo-kousan.co.jp</v>
          </cell>
          <cell r="M2684" t="str">
            <v>ｼﾝｲｷｮｳｺｳｻﾝ</v>
          </cell>
          <cell r="N2684" t="str">
            <v>無</v>
          </cell>
          <cell r="O2684">
            <v>37</v>
          </cell>
          <cell r="P2684">
            <v>32</v>
          </cell>
          <cell r="Q2684">
            <v>3140001001658</v>
          </cell>
          <cell r="R2684">
            <v>67400</v>
          </cell>
          <cell r="S2684">
            <v>270128</v>
          </cell>
          <cell r="T2684">
            <v>629366</v>
          </cell>
          <cell r="V2684" t="str">
            <v>pp541631</v>
          </cell>
          <cell r="W2684" t="str">
            <v>qx111365</v>
          </cell>
          <cell r="Y2684" t="str">
            <v>062，03，06，28，44，62，</v>
          </cell>
          <cell r="Z2684">
            <v>44</v>
          </cell>
          <cell r="AA2684">
            <v>3</v>
          </cell>
          <cell r="AB2684">
            <v>28</v>
          </cell>
          <cell r="AC2684">
            <v>62</v>
          </cell>
          <cell r="AD2684" t="str">
            <v/>
          </cell>
          <cell r="AE2684" t="str">
            <v>１；主に医療用・施設用寝具リ－ス・タオルリース・肌着リースを行っています。取得している許可・認可につきましては、クリ－ニング所検査確認証及び医療関連サービスマーク認定証書を有してます。２；看護服及び医療用白衣等を販売いたしております。主な取扱メーカーはナガイレーベン、カゼン等です。３；カーテン、ブラインドを販売しており、主な仕入れ先はスミノエ、川島織物セルコン、シンコール、サンゲツと直接取引をしています。４；白衣・診察衣及びカーテン等の洗濯。</v>
          </cell>
          <cell r="AF2684" t="str">
            <v>平成２５年１１月に現在の神戸市東灘区深江浜町に同区本庄町より移転。現在の業務内容は、兵庫県下の県立病院・兵庫県福祉事業団の各施設に医療用・施設用寝具リ－ス及び特殊リネン類・新生児衣料・白衣類洗濯業務を行っております。</v>
          </cell>
        </row>
        <row r="2685">
          <cell r="B2685">
            <v>11231</v>
          </cell>
          <cell r="C2685" t="str">
            <v>(株)アイネス</v>
          </cell>
          <cell r="D2685" t="str">
            <v>06-6563-7850</v>
          </cell>
          <cell r="E2685" t="str">
            <v>541-0053</v>
          </cell>
          <cell r="F2685" t="str">
            <v>大阪府大阪市中央区本町2-5-7</v>
          </cell>
          <cell r="G2685" t="str">
            <v>大阪市</v>
          </cell>
          <cell r="H2685" t="str">
            <v>関西支社</v>
          </cell>
          <cell r="I2685" t="str">
            <v>支社長 星川　博敬</v>
          </cell>
          <cell r="J2685" t="str">
            <v>神奈川県横浜市</v>
          </cell>
          <cell r="K2685" t="str">
            <v>06-6563-7840</v>
          </cell>
          <cell r="L2685" t="str">
            <v>oskeigyo@ines.co.jp</v>
          </cell>
          <cell r="M2685" t="str">
            <v>ｱｲﾈｽ</v>
          </cell>
          <cell r="N2685" t="str">
            <v>有</v>
          </cell>
          <cell r="O2685">
            <v>54</v>
          </cell>
          <cell r="P2685">
            <v>1415</v>
          </cell>
          <cell r="Q2685">
            <v>2020001030067</v>
          </cell>
          <cell r="R2685">
            <v>15000000</v>
          </cell>
          <cell r="S2685">
            <v>37591350</v>
          </cell>
          <cell r="T2685">
            <v>32422655</v>
          </cell>
          <cell r="V2685" t="str">
            <v>zd407560</v>
          </cell>
          <cell r="W2685" t="str">
            <v>gq168365</v>
          </cell>
          <cell r="Y2685" t="str">
            <v>36，57，58，</v>
          </cell>
          <cell r="Z2685">
            <v>58</v>
          </cell>
          <cell r="AA2685">
            <v>57</v>
          </cell>
          <cell r="AB2685">
            <v>36</v>
          </cell>
          <cell r="AC2685" t="str">
            <v/>
          </cell>
          <cell r="AD2685" t="str">
            <v/>
          </cell>
          <cell r="AE2685" t="str">
            <v>１；２；３；４；</v>
          </cell>
          <cell r="AF2685" t="str">
            <v>自治体向け自社製住民情報パッケージシステム「ＷｅｂＲｉｎｇｓ」の販売及び導入作業、各種システム開発、パッケージシステムの提供、運用支援及び運用管理までを一括してサポートしています。</v>
          </cell>
        </row>
        <row r="2686">
          <cell r="B2686">
            <v>11234</v>
          </cell>
          <cell r="C2686" t="str">
            <v>(株)クレイブ</v>
          </cell>
          <cell r="D2686" t="str">
            <v>078-335-7779</v>
          </cell>
          <cell r="E2686" t="str">
            <v>558-0004</v>
          </cell>
          <cell r="F2686" t="str">
            <v>兵庫県神戸市中央区下山手通5-7-7-311</v>
          </cell>
          <cell r="G2686" t="str">
            <v>大阪市</v>
          </cell>
          <cell r="H2686" t="str">
            <v>神戸営業所</v>
          </cell>
          <cell r="I2686" t="str">
            <v>所長 阿部　真実</v>
          </cell>
          <cell r="J2686" t="str">
            <v>本店</v>
          </cell>
          <cell r="K2686" t="str">
            <v>078-335-7779</v>
          </cell>
          <cell r="L2686" t="str">
            <v>info@crave.bz</v>
          </cell>
          <cell r="M2686" t="str">
            <v>ｸﾚｲﾌﾞ</v>
          </cell>
          <cell r="N2686" t="str">
            <v>無</v>
          </cell>
          <cell r="O2686">
            <v>8</v>
          </cell>
          <cell r="P2686">
            <v>145</v>
          </cell>
          <cell r="Q2686">
            <v>9120001145922</v>
          </cell>
          <cell r="R2686">
            <v>10000</v>
          </cell>
          <cell r="S2686">
            <v>30390</v>
          </cell>
          <cell r="T2686">
            <v>298893</v>
          </cell>
          <cell r="V2686" t="str">
            <v>mw626733</v>
          </cell>
          <cell r="W2686" t="str">
            <v>eo178973</v>
          </cell>
          <cell r="Y2686" t="str">
            <v>045，45，46，47，48，49，51，52，53，54，55，56，</v>
          </cell>
          <cell r="Z2686">
            <v>54</v>
          </cell>
          <cell r="AA2686">
            <v>47</v>
          </cell>
          <cell r="AB2686">
            <v>46</v>
          </cell>
          <cell r="AC2686">
            <v>45</v>
          </cell>
          <cell r="AD2686" t="str">
            <v>希望業種「８０その他」：電話交換、受付</v>
          </cell>
          <cell r="AE2686" t="str">
            <v>１；建築物環境衛生総合管理業（大阪府２５総第１ー１号）平成２５年１月１５日から平成３１年１月１４日まで２；３；４；大阪府公安委員会　第６２００２４９２号平成２８年１月２４日から平成３３年１月２３日まで</v>
          </cell>
          <cell r="AF2686" t="str">
            <v>平成２２年８月２０日に法人登記し、営業開始。社員は全員、ビル管理業務に関する経験が豊富で、現場管理監督、指導、作業について十分に対応できる強みがあります。既に官公庁との委託契約受注に成功しており、更なる営業範囲の拡大に力を入れています。</v>
          </cell>
        </row>
        <row r="2687">
          <cell r="B2687">
            <v>11235</v>
          </cell>
          <cell r="C2687" t="str">
            <v>大和リース(株)</v>
          </cell>
          <cell r="D2687" t="str">
            <v>078-291-0815</v>
          </cell>
          <cell r="E2687" t="str">
            <v>651-0086</v>
          </cell>
          <cell r="F2687" t="str">
            <v>兵庫県神戸市中央区磯上通4-1-6</v>
          </cell>
          <cell r="G2687" t="str">
            <v>神戸市</v>
          </cell>
          <cell r="H2687" t="str">
            <v>神戸支店</v>
          </cell>
          <cell r="I2687" t="str">
            <v>支店長 角一　吉昭</v>
          </cell>
          <cell r="J2687" t="str">
            <v>大阪府大阪市</v>
          </cell>
          <cell r="K2687" t="str">
            <v>078-291-0814</v>
          </cell>
          <cell r="L2687" t="str">
            <v>m-iida@daiwalease.jp</v>
          </cell>
          <cell r="M2687" t="str">
            <v>ﾀﾞｲﾜﾘｰｽ</v>
          </cell>
          <cell r="N2687" t="str">
            <v>有</v>
          </cell>
          <cell r="O2687">
            <v>59</v>
          </cell>
          <cell r="P2687">
            <v>2262</v>
          </cell>
          <cell r="Q2687">
            <v>4120001077476</v>
          </cell>
          <cell r="R2687">
            <v>21768383</v>
          </cell>
          <cell r="S2687">
            <v>146528607</v>
          </cell>
          <cell r="T2687">
            <v>207317326</v>
          </cell>
          <cell r="V2687" t="str">
            <v>sy387677</v>
          </cell>
          <cell r="W2687" t="str">
            <v>rq199697</v>
          </cell>
          <cell r="Y2687" t="str">
            <v>024，14，23，24，36，44，</v>
          </cell>
          <cell r="Z2687">
            <v>44</v>
          </cell>
          <cell r="AA2687">
            <v>80</v>
          </cell>
          <cell r="AB2687">
            <v>23</v>
          </cell>
          <cell r="AC2687">
            <v>24</v>
          </cell>
          <cell r="AD2687" t="str">
            <v/>
          </cell>
          <cell r="AE2687" t="str">
            <v>１；仮設校舎・応急仮設住宅仮設建築物賃貸借、庁舎等本建築物賃貸借、一般・特殊車両リース、ＬＥＤ街路灯リース、空調設備リース、ＡＥＤリース、介護用ロボットリース、蓄電池リースなど２；駐車場の運営、管理３；一般乗用車、バス、トラック４；消防車など</v>
          </cell>
          <cell r="AF2687" t="str">
            <v>弊社はプレハブ建築を最も得意としており、仮設校舎などの仮設建物から本建築まで幅広い実績があります。弊社の特色としては、請負工事のみならず、リース方式の建物のご提供も可能なところです。また、近年ではＰＦＩ事業、遊休土地活用や環境緑化事業などにも積極的に取り組んでおります。</v>
          </cell>
        </row>
        <row r="2688">
          <cell r="B2688">
            <v>11238</v>
          </cell>
          <cell r="C2688" t="str">
            <v>(株)大阪水道総合サービス</v>
          </cell>
          <cell r="D2688" t="str">
            <v>06-6633-1100</v>
          </cell>
          <cell r="E2688" t="str">
            <v>545-0051</v>
          </cell>
          <cell r="F2688" t="str">
            <v>大阪府大阪市阿倍野区旭町1-2-7</v>
          </cell>
          <cell r="G2688" t="str">
            <v>大阪市</v>
          </cell>
          <cell r="H2688" t="str">
            <v/>
          </cell>
          <cell r="I2688" t="str">
            <v>代表取締役 川内　武彦</v>
          </cell>
          <cell r="J2688" t="str">
            <v>本店</v>
          </cell>
          <cell r="K2688" t="str">
            <v>06-6633-1120</v>
          </cell>
          <cell r="L2688" t="str">
            <v>kikaku@owgs.co.jp</v>
          </cell>
          <cell r="M2688" t="str">
            <v>ｵｵｻｶｽｲﾄﾞｳｿｳｺﾞｳｻｰﾋﾞｽ</v>
          </cell>
          <cell r="N2688" t="str">
            <v>無</v>
          </cell>
          <cell r="O2688">
            <v>49</v>
          </cell>
          <cell r="P2688">
            <v>172</v>
          </cell>
          <cell r="Q2688">
            <v>9120001130775</v>
          </cell>
          <cell r="R2688">
            <v>85000</v>
          </cell>
          <cell r="S2688">
            <v>505009</v>
          </cell>
          <cell r="T2688">
            <v>1466527</v>
          </cell>
          <cell r="V2688" t="str">
            <v>fa669059</v>
          </cell>
          <cell r="W2688" t="str">
            <v>dj178766</v>
          </cell>
          <cell r="Y2688" t="str">
            <v>047，47，56，57，58，61，79，</v>
          </cell>
          <cell r="Z2688">
            <v>61</v>
          </cell>
          <cell r="AA2688">
            <v>58</v>
          </cell>
          <cell r="AB2688">
            <v>57</v>
          </cell>
          <cell r="AC2688">
            <v>47</v>
          </cell>
          <cell r="AD2688" t="str">
            <v>ＴＳリークチェッカーを用いた水道漏水調査、水道展示施設の見学案内・管理運営、水道事業の経理事務に関する実務支援</v>
          </cell>
          <cell r="AE2688" t="str">
            <v>１；水道メーター検針・開閉栓業務、水道料金等収納及び滞納整理業務、水道メーター取替業務２；水道オンライン図面閲覧システム、水道災害情報システム等のシステム開発、運用保守３；地理情報システム（ＧＩＳ）のデータ更新業務４；浄水場・取水場・配水場の運転管理、維持管理業務</v>
          </cell>
          <cell r="AF2688" t="str">
            <v>コンサル：水道工事等の施工監理　物品：検針・料金徴収業務、浄水場・配水場等の運転管理及び維持管理業務、地理情報システムのデータ更新、オンライン図面閲覧システム等の開発や運用保守、上水道の漏水調査、水道展示施設の見学案内や管理運営業務、水道事業の経理支援</v>
          </cell>
        </row>
        <row r="2689">
          <cell r="B2689">
            <v>11239</v>
          </cell>
          <cell r="C2689" t="str">
            <v>大日通信工業(株)</v>
          </cell>
          <cell r="D2689" t="str">
            <v>06-6489-2421</v>
          </cell>
          <cell r="E2689" t="str">
            <v>660-0806</v>
          </cell>
          <cell r="F2689" t="str">
            <v>兵庫県尼崎市金楽寺町1-2-65</v>
          </cell>
          <cell r="G2689" t="str">
            <v>尼崎市</v>
          </cell>
          <cell r="H2689" t="str">
            <v/>
          </cell>
          <cell r="I2689" t="str">
            <v>代表取締役 吉森　直紀</v>
          </cell>
          <cell r="J2689" t="str">
            <v>本店</v>
          </cell>
          <cell r="K2689" t="str">
            <v>06-6483-2420</v>
          </cell>
          <cell r="L2689" t="str">
            <v>dainichi-eigyou@posta.co.jp</v>
          </cell>
          <cell r="M2689" t="str">
            <v>ﾀﾞｲﾆﾁﾂｳｼﾝｺｳｷﾞｮｳ</v>
          </cell>
          <cell r="N2689" t="str">
            <v>無</v>
          </cell>
          <cell r="O2689">
            <v>44</v>
          </cell>
          <cell r="P2689">
            <v>119</v>
          </cell>
          <cell r="Q2689">
            <v>4140001049721</v>
          </cell>
          <cell r="R2689">
            <v>99000</v>
          </cell>
          <cell r="S2689">
            <v>726692</v>
          </cell>
          <cell r="T2689">
            <v>3436902</v>
          </cell>
          <cell r="V2689" t="str">
            <v>vk237108</v>
          </cell>
          <cell r="W2689" t="str">
            <v>uz196993</v>
          </cell>
          <cell r="Y2689" t="str">
            <v>35，36，50，</v>
          </cell>
          <cell r="Z2689">
            <v>36</v>
          </cell>
          <cell r="AA2689">
            <v>50</v>
          </cell>
          <cell r="AB2689">
            <v>35</v>
          </cell>
          <cell r="AC2689" t="str">
            <v/>
          </cell>
          <cell r="AD2689" t="str">
            <v/>
          </cell>
          <cell r="AE2689" t="str">
            <v>１；三菱電機（株）代理店　情報通信機器・システム全般、電話交換機、ネットワーク機器、セキュリティシステム、防犯カメラ、映像・音響機器、エネルギー管理システム２；電話交換設備、ネットワーク設備、無線設備、放送設備、映像・音響設備放送設備等の保守・点検・修繕業務３；施設用照明器具全般（屋内・屋外）、テレビモニター、空調機器等４；</v>
          </cell>
          <cell r="AF2689" t="str">
            <v>電気・通信設備の工事経験と実績を重ね　全国初となる地域ＷｉＭＡＸを用いた災害に強い情報システムを構築し　情報配信や防犯カメラ等で安全を見守るシステムを展開しています。また三菱電機（株）の代理店として営業活動　監視カメラ　入退室システム等の販売・設置工事をしています。</v>
          </cell>
        </row>
        <row r="2690">
          <cell r="B2690">
            <v>11241</v>
          </cell>
          <cell r="C2690" t="str">
            <v>(株)イトーヨーギョー</v>
          </cell>
          <cell r="D2690" t="str">
            <v>078-367-6713</v>
          </cell>
          <cell r="E2690" t="str">
            <v>650-0004</v>
          </cell>
          <cell r="F2690" t="str">
            <v>兵庫県神戸市中央区中山手通5-1-3</v>
          </cell>
          <cell r="G2690" t="str">
            <v>神戸市</v>
          </cell>
          <cell r="H2690" t="str">
            <v/>
          </cell>
          <cell r="I2690" t="str">
            <v>代表取締役 畑中　浩</v>
          </cell>
          <cell r="J2690" t="str">
            <v>本店</v>
          </cell>
          <cell r="K2690" t="str">
            <v>078-367-6717</v>
          </cell>
          <cell r="L2690" t="str">
            <v>nyusatsu@itoyogyo.co.jp</v>
          </cell>
          <cell r="M2690" t="str">
            <v>ｲﾄｰﾖｰｷﾞｮｰ</v>
          </cell>
          <cell r="N2690" t="str">
            <v>無</v>
          </cell>
          <cell r="O2690">
            <v>52</v>
          </cell>
          <cell r="P2690">
            <v>130</v>
          </cell>
          <cell r="Q2690">
            <v>3140001003027</v>
          </cell>
          <cell r="R2690">
            <v>500000</v>
          </cell>
          <cell r="S2690">
            <v>3148</v>
          </cell>
          <cell r="T2690">
            <v>2688</v>
          </cell>
          <cell r="V2690" t="str">
            <v>ae551913</v>
          </cell>
          <cell r="W2690" t="str">
            <v>bg199398</v>
          </cell>
          <cell r="Y2690" t="str">
            <v>31，35，48，</v>
          </cell>
          <cell r="Z2690">
            <v>48</v>
          </cell>
          <cell r="AA2690">
            <v>35</v>
          </cell>
          <cell r="AB2690">
            <v>31</v>
          </cell>
          <cell r="AC2690" t="str">
            <v/>
          </cell>
          <cell r="AD2690" t="str">
            <v/>
          </cell>
          <cell r="AE2690" t="str">
            <v>１；空調設備の修繕・保守２；冷暖房機、換気扇等空調設備機器３；コンクリート二次製品４；</v>
          </cell>
          <cell r="AF2690" t="str">
            <v>三菱重工の代理店、その他各メーカーの機器販売、施工工事、修理・メンテナンスを一体となって行っています。丁寧、迅速な対応を心掛けています。</v>
          </cell>
        </row>
        <row r="2691">
          <cell r="B2691">
            <v>11244</v>
          </cell>
          <cell r="C2691" t="str">
            <v>(株)ボーダーリンク</v>
          </cell>
          <cell r="D2691" t="str">
            <v>048-631-0230</v>
          </cell>
          <cell r="E2691" t="str">
            <v>330-0844</v>
          </cell>
          <cell r="F2691" t="str">
            <v>埼玉県さいたま市大宮区下町2‐16‐1</v>
          </cell>
          <cell r="G2691" t="str">
            <v>さいたま市</v>
          </cell>
          <cell r="H2691" t="str">
            <v/>
          </cell>
          <cell r="I2691" t="str">
            <v>代表取締役 安井　康真</v>
          </cell>
          <cell r="J2691" t="str">
            <v>本店</v>
          </cell>
          <cell r="K2691" t="str">
            <v>048-642-8620</v>
          </cell>
          <cell r="L2691" t="str">
            <v>nyusatsu@borderlink.co.jp</v>
          </cell>
          <cell r="M2691" t="str">
            <v>ﾎﾞｰﾀﾞｰﾘﾝｸ</v>
          </cell>
          <cell r="N2691" t="str">
            <v>有</v>
          </cell>
          <cell r="O2691">
            <v>18</v>
          </cell>
          <cell r="P2691">
            <v>53</v>
          </cell>
          <cell r="Q2691">
            <v>6030001012597</v>
          </cell>
          <cell r="R2691">
            <v>91000</v>
          </cell>
          <cell r="S2691">
            <v>165537</v>
          </cell>
          <cell r="T2691">
            <v>962991</v>
          </cell>
          <cell r="V2691" t="str">
            <v>zd917779</v>
          </cell>
          <cell r="W2691" t="str">
            <v>qr197933</v>
          </cell>
          <cell r="Y2691" t="str">
            <v>56，</v>
          </cell>
          <cell r="Z2691">
            <v>56</v>
          </cell>
          <cell r="AA2691">
            <v>80</v>
          </cell>
          <cell r="AB2691" t="str">
            <v/>
          </cell>
          <cell r="AC2691" t="str">
            <v/>
          </cell>
          <cell r="AD2691" t="str">
            <v/>
          </cell>
          <cell r="AE2691" t="str">
            <v>１；ＡＬＴ（外国語指導助手）２；翻訳・通訳３；４；</v>
          </cell>
          <cell r="AF2691" t="str">
            <v>ＡＬＴ（外国語指導講師）派遣・業務委託、翻訳、通訳</v>
          </cell>
        </row>
        <row r="2692">
          <cell r="B2692">
            <v>11246</v>
          </cell>
          <cell r="C2692" t="str">
            <v>(株)六甲サービスセンター</v>
          </cell>
          <cell r="D2692" t="str">
            <v>078-230-7811</v>
          </cell>
          <cell r="E2692" t="str">
            <v>651-0087</v>
          </cell>
          <cell r="F2692" t="str">
            <v>兵庫県神戸市中央区御幸通4-1-15</v>
          </cell>
          <cell r="G2692" t="str">
            <v>神戸市</v>
          </cell>
          <cell r="H2692" t="str">
            <v>神戸営業所</v>
          </cell>
          <cell r="I2692" t="str">
            <v>所長 西　元樹</v>
          </cell>
          <cell r="J2692" t="str">
            <v>兵庫県加古川市</v>
          </cell>
          <cell r="K2692" t="str">
            <v>078-230-7812</v>
          </cell>
          <cell r="L2692" t="str">
            <v>t-wada@rossa.co.jp</v>
          </cell>
          <cell r="M2692" t="str">
            <v>ﾛｯｺｳｻｰﾋﾞｽｾﾝﾀｰ</v>
          </cell>
          <cell r="N2692" t="str">
            <v>有</v>
          </cell>
          <cell r="O2692">
            <v>55</v>
          </cell>
          <cell r="P2692">
            <v>32</v>
          </cell>
          <cell r="Q2692">
            <v>7140001043738</v>
          </cell>
          <cell r="R2692">
            <v>10000</v>
          </cell>
          <cell r="S2692">
            <v>361342</v>
          </cell>
          <cell r="T2692">
            <v>440483</v>
          </cell>
          <cell r="V2692" t="str">
            <v>gb589476</v>
          </cell>
          <cell r="W2692" t="str">
            <v>dw199137</v>
          </cell>
          <cell r="Y2692" t="str">
            <v>048，35，36，44，48，</v>
          </cell>
          <cell r="Z2692">
            <v>36</v>
          </cell>
          <cell r="AA2692">
            <v>44</v>
          </cell>
          <cell r="AB2692">
            <v>35</v>
          </cell>
          <cell r="AC2692">
            <v>48</v>
          </cell>
          <cell r="AD2692" t="str">
            <v/>
          </cell>
          <cell r="AE2692" t="str">
            <v>１；エプソン、沖データ、京セラの製品は販売から設置、保守、修理、消耗品までワンストップで対応します。２；ＯＡ機器、空気清浄機、脱臭機等の保守付レンタルを提供します。３；各種ＬＥＤ照明の販売、空気清浄機、加湿器の販売、保守。４；空調機の分解洗浄、オーバーホール作業、空調用フィルターの販売、設置、リサイクル。</v>
          </cell>
          <cell r="AF2692" t="str">
            <v>ＯＡ機器（ＰＣ、プリンター、プロジェクタ）等の販売、修理、保守及びそれらの消耗品の販売。空調機（エアコン等）、業務用空気清浄機、加湿器、分煙機の販売、保守、修理、オーバーホール、フィルター等の消耗品の販売。これらを１社完結で素早く対応します。</v>
          </cell>
        </row>
        <row r="2693">
          <cell r="B2693">
            <v>11247</v>
          </cell>
          <cell r="C2693" t="str">
            <v>ニッセイ情報テクノロジー(株)</v>
          </cell>
          <cell r="D2693" t="str">
            <v>06-6350-3124</v>
          </cell>
          <cell r="E2693" t="str">
            <v>144-0052</v>
          </cell>
          <cell r="F2693" t="str">
            <v>東京都大田区蒲田5-37-1</v>
          </cell>
          <cell r="G2693" t="str">
            <v>東京都</v>
          </cell>
          <cell r="H2693" t="str">
            <v/>
          </cell>
          <cell r="I2693" t="str">
            <v>代表取締役社長 矢部　剛</v>
          </cell>
          <cell r="J2693" t="str">
            <v>本店</v>
          </cell>
          <cell r="K2693" t="str">
            <v>06-4807-0222</v>
          </cell>
          <cell r="L2693" t="str">
            <v>atsushi_yamasaki@nissay-it.co.jp</v>
          </cell>
          <cell r="M2693" t="str">
            <v>ﾆﾂｾｲｼﾞﾖｳﾎｳﾃｸﾉﾛｼﾞ-</v>
          </cell>
          <cell r="N2693" t="str">
            <v>無</v>
          </cell>
          <cell r="O2693">
            <v>19</v>
          </cell>
          <cell r="P2693">
            <v>2284</v>
          </cell>
          <cell r="Q2693">
            <v>2010800000000</v>
          </cell>
          <cell r="R2693">
            <v>4000000</v>
          </cell>
          <cell r="S2693">
            <v>26054131</v>
          </cell>
          <cell r="T2693">
            <v>75362301</v>
          </cell>
          <cell r="V2693" t="str">
            <v>gj525290</v>
          </cell>
          <cell r="W2693" t="str">
            <v>vd193731</v>
          </cell>
          <cell r="Y2693">
            <v>36.58</v>
          </cell>
          <cell r="Z2693" t="str">
            <v/>
          </cell>
          <cell r="AA2693" t="str">
            <v/>
          </cell>
          <cell r="AB2693" t="str">
            <v/>
          </cell>
          <cell r="AC2693" t="str">
            <v/>
          </cell>
          <cell r="AD2693" t="str">
            <v/>
          </cell>
          <cell r="AE2693" t="str">
            <v>１；２；３；４；</v>
          </cell>
          <cell r="AF2693" t="str">
            <v>生命保険会社をシステムサポートする中で得た、販売管理、契約管理、資産運用、会計領域の総合的な業務知識とシステム構築経験を活かし、コンサルティングからシステム開発／運用、ＢＰＯに至るシステム構築及びクオリティの高いサービスの提供</v>
          </cell>
        </row>
        <row r="2694">
          <cell r="B2694">
            <v>11248</v>
          </cell>
          <cell r="C2694" t="str">
            <v>(株)映像機器システム社</v>
          </cell>
          <cell r="D2694" t="str">
            <v>06-6771-8685</v>
          </cell>
          <cell r="E2694" t="str">
            <v>543-0002</v>
          </cell>
          <cell r="F2694" t="str">
            <v>大阪府大阪市天王寺区上汐4-5-20</v>
          </cell>
          <cell r="G2694" t="str">
            <v>大阪市</v>
          </cell>
          <cell r="H2694" t="str">
            <v/>
          </cell>
          <cell r="I2694" t="str">
            <v>代表取締役 武仲　清一</v>
          </cell>
          <cell r="J2694" t="str">
            <v>本店</v>
          </cell>
          <cell r="K2694" t="str">
            <v>06-6771-2285</v>
          </cell>
          <cell r="L2694" t="str">
            <v>sales@eizou.tv</v>
          </cell>
          <cell r="M2694" t="str">
            <v>ｴｲｿﾞｳｷｷｼｽﾃﾑｼｬ</v>
          </cell>
          <cell r="N2694" t="str">
            <v>無</v>
          </cell>
          <cell r="O2694">
            <v>30</v>
          </cell>
          <cell r="P2694">
            <v>21</v>
          </cell>
          <cell r="Q2694">
            <v>3120001102490</v>
          </cell>
          <cell r="R2694">
            <v>10000</v>
          </cell>
          <cell r="S2694">
            <v>128924</v>
          </cell>
          <cell r="T2694">
            <v>626505</v>
          </cell>
          <cell r="V2694" t="str">
            <v>cf161360</v>
          </cell>
          <cell r="W2694" t="str">
            <v>kd997179</v>
          </cell>
          <cell r="Y2694" t="str">
            <v>050，44，50，63，</v>
          </cell>
          <cell r="Z2694">
            <v>80</v>
          </cell>
          <cell r="AA2694">
            <v>63</v>
          </cell>
          <cell r="AB2694">
            <v>44</v>
          </cell>
          <cell r="AC2694">
            <v>50</v>
          </cell>
          <cell r="AD2694" t="str">
            <v/>
          </cell>
          <cell r="AE2694" t="str">
            <v>１；映像機器（プロジェクター、スクリーン、監視カメラ等）、音響機器（スピーカー、マイク、ミキサー等）２；会場設営、運営（映像・音響）、企画３；映像機器・音響機器４；放送設備、視聴覚設備保守点検</v>
          </cell>
          <cell r="AF2694" t="str">
            <v>映像機器（プロジェクター、スクリーン、監視カメラ等）、音響機器（高性能スピーカー、マイク等）の販売、レンタル、保守点検、イベントを行っています。</v>
          </cell>
        </row>
        <row r="2695">
          <cell r="B2695">
            <v>11249</v>
          </cell>
          <cell r="C2695" t="str">
            <v>伊藤喜ベストメイツ(株)</v>
          </cell>
          <cell r="D2695" t="str">
            <v>06-6203-5735</v>
          </cell>
          <cell r="E2695" t="str">
            <v>541-0046</v>
          </cell>
          <cell r="F2695" t="str">
            <v>大阪府大阪市中央区平野町2‐4‐12</v>
          </cell>
          <cell r="G2695" t="str">
            <v>大阪市</v>
          </cell>
          <cell r="H2695" t="str">
            <v/>
          </cell>
          <cell r="I2695" t="str">
            <v>代表取締役 櫛部　隆行</v>
          </cell>
          <cell r="J2695" t="str">
            <v>本店</v>
          </cell>
          <cell r="K2695" t="str">
            <v>06-6203-0877</v>
          </cell>
          <cell r="L2695" t="str">
            <v>info@itokibm.co.jp</v>
          </cell>
          <cell r="M2695" t="str">
            <v>ｲﾄｳｷﾍﾞｽﾄﾒｲﾂ</v>
          </cell>
          <cell r="N2695" t="str">
            <v>無</v>
          </cell>
          <cell r="O2695">
            <v>58</v>
          </cell>
          <cell r="P2695">
            <v>118</v>
          </cell>
          <cell r="Q2695">
            <v>5120001074621</v>
          </cell>
          <cell r="R2695">
            <v>50000</v>
          </cell>
          <cell r="S2695">
            <v>110319</v>
          </cell>
          <cell r="T2695">
            <v>1082717</v>
          </cell>
          <cell r="V2695" t="str">
            <v>vm830100</v>
          </cell>
          <cell r="W2695" t="str">
            <v>gd395837</v>
          </cell>
          <cell r="Y2695" t="str">
            <v>080，36，38，56，57，59，</v>
          </cell>
          <cell r="Z2695">
            <v>57</v>
          </cell>
          <cell r="AA2695">
            <v>56</v>
          </cell>
          <cell r="AB2695">
            <v>38</v>
          </cell>
          <cell r="AC2695">
            <v>80</v>
          </cell>
          <cell r="AD2695" t="str">
            <v/>
          </cell>
          <cell r="AE2695" t="str">
            <v>１；各省庁のデータ入力や文書振分業務、旅券発給業務などの業務委託２；公立病院の総合案内業務や各検査の受付窓口業務。各省庁の封入封緘業務やデータ入力業務３；防犯カメラの一式の販売、設置設営、修理保守など４；管理栄養士による特定保健指導</v>
          </cell>
          <cell r="AF2695" t="str">
            <v>私どもは、官公庁の業務請負、人材派遣、ヘルスケア事業、防犯設備販売事業を展開しております。</v>
          </cell>
        </row>
        <row r="2696">
          <cell r="B2696">
            <v>11250</v>
          </cell>
          <cell r="C2696" t="str">
            <v>コスモ電子通信(株)</v>
          </cell>
          <cell r="D2696" t="str">
            <v>072-335-2230</v>
          </cell>
          <cell r="E2696" t="str">
            <v>580-0034</v>
          </cell>
          <cell r="F2696" t="str">
            <v>大阪府松原市天美西4-175-4</v>
          </cell>
          <cell r="G2696" t="str">
            <v>松原市</v>
          </cell>
          <cell r="H2696" t="str">
            <v/>
          </cell>
          <cell r="I2696" t="str">
            <v>代表取締役　 土橋　和美</v>
          </cell>
          <cell r="J2696" t="str">
            <v>本店</v>
          </cell>
          <cell r="K2696" t="str">
            <v>072-336-9988</v>
          </cell>
          <cell r="L2696" t="str">
            <v>cosmo.21@nifty.com</v>
          </cell>
          <cell r="M2696" t="str">
            <v>ｺｽﾓﾃﾞﾝｼﾂｳｼﾝ</v>
          </cell>
          <cell r="N2696" t="str">
            <v>無</v>
          </cell>
          <cell r="O2696">
            <v>34</v>
          </cell>
          <cell r="P2696">
            <v>5</v>
          </cell>
          <cell r="Q2696">
            <v>8120101030059</v>
          </cell>
          <cell r="R2696">
            <v>10000</v>
          </cell>
          <cell r="S2696">
            <v>66503</v>
          </cell>
          <cell r="T2696">
            <v>63301</v>
          </cell>
          <cell r="V2696" t="str">
            <v>fd323437</v>
          </cell>
          <cell r="W2696" t="str">
            <v>th189579</v>
          </cell>
          <cell r="Y2696" t="str">
            <v>026，26，36，50，</v>
          </cell>
          <cell r="Z2696">
            <v>36</v>
          </cell>
          <cell r="AA2696">
            <v>50</v>
          </cell>
          <cell r="AB2696">
            <v>80</v>
          </cell>
          <cell r="AC2696">
            <v>26</v>
          </cell>
          <cell r="AD2696" t="str">
            <v/>
          </cell>
          <cell r="AE2696" t="str">
            <v>１；無線機・・（株）富士通ゼネラル［特］、アイコム（株）［代］、アルインコ（株）、西菱電機（株）、モバイルクリエイト（株）２；登録検査事業者登録「近二第００６４号」３；無線機移設業務、無線局免許申請業務４；ドライブレコーダー・・（株）デンソーテン販売［特］</v>
          </cell>
          <cell r="AF2696" t="str">
            <v>無線機器、ドライブレコーダーの販売、無線設備保守点検業務、無線局法定検査（登録点検）業務、無線機移設業務、無線局免許申請業務</v>
          </cell>
        </row>
        <row r="2697">
          <cell r="B2697">
            <v>11251</v>
          </cell>
          <cell r="C2697" t="str">
            <v>新井建設(株)</v>
          </cell>
          <cell r="D2697" t="str">
            <v>078-753-5700</v>
          </cell>
          <cell r="E2697" t="str">
            <v>655-0891</v>
          </cell>
          <cell r="F2697" t="str">
            <v>兵庫県神戸市垂水区山手4-4-31</v>
          </cell>
          <cell r="G2697" t="str">
            <v>神戸市</v>
          </cell>
          <cell r="H2697" t="str">
            <v>神戸支店</v>
          </cell>
          <cell r="I2697" t="str">
            <v>神戸支店長 新井　浅子</v>
          </cell>
          <cell r="J2697" t="str">
            <v>大阪府大阪市</v>
          </cell>
          <cell r="K2697" t="str">
            <v>078-753-5701</v>
          </cell>
          <cell r="L2697" t="str">
            <v>araikensetu.co@earth.ocn.ne.jp</v>
          </cell>
          <cell r="M2697" t="str">
            <v>ｱﾗｲｹﾝｾﾂ</v>
          </cell>
          <cell r="N2697" t="str">
            <v>有</v>
          </cell>
          <cell r="O2697">
            <v>57</v>
          </cell>
          <cell r="P2697">
            <v>19</v>
          </cell>
          <cell r="Q2697">
            <v>3120001049138</v>
          </cell>
          <cell r="R2697">
            <v>20000</v>
          </cell>
          <cell r="S2697">
            <v>74135</v>
          </cell>
          <cell r="T2697">
            <v>221812</v>
          </cell>
          <cell r="V2697" t="str">
            <v>ng100579</v>
          </cell>
          <cell r="W2697" t="str">
            <v>wx199996</v>
          </cell>
          <cell r="Y2697" t="str">
            <v>55，68，79，</v>
          </cell>
          <cell r="Z2697">
            <v>79</v>
          </cell>
          <cell r="AA2697">
            <v>55</v>
          </cell>
          <cell r="AB2697">
            <v>68</v>
          </cell>
          <cell r="AC2697" t="str">
            <v/>
          </cell>
          <cell r="AD2697" t="str">
            <v/>
          </cell>
          <cell r="AE2697" t="str">
            <v>１；昭和４４年以降、大阪府、大阪市、神戸市等、他近畿一円の都市におきまして、下水管渠清掃・調査及び下水道維持管理業務に多数の施工実績と豊富な経験がございます。２；水路清掃清掃を特に希望します。貴市におきましては、本業種で過去に「水路浚渫単価契約工事」を受注し完工致しました。３；産業廃棄物収集運搬業許可（大阪府、兵庫県）取得しております。４；</v>
          </cell>
          <cell r="AF2697" t="str">
            <v>長年の施工実績と経験から、下水道施設全般の維持管理業務、主として下水道管渠及び伏越管渠の清掃・調査業務、また管渠更生工事等を得意とし希望します。Ｈ２８年度及びＨ３０年度に貴市及び貴市上下水道局より業務委託の受注実績がございます。</v>
          </cell>
        </row>
        <row r="2698">
          <cell r="B2698">
            <v>11252</v>
          </cell>
          <cell r="C2698" t="str">
            <v>日征通信(株)</v>
          </cell>
          <cell r="D2698" t="str">
            <v>06-6424-6699</v>
          </cell>
          <cell r="E2698" t="str">
            <v>661-0025</v>
          </cell>
          <cell r="F2698" t="str">
            <v>兵庫県尼崎市立花町3-14-11</v>
          </cell>
          <cell r="G2698" t="str">
            <v>尼崎市</v>
          </cell>
          <cell r="H2698" t="str">
            <v>営業本部</v>
          </cell>
          <cell r="I2698" t="str">
            <v>営業本部長 江田　正人</v>
          </cell>
          <cell r="J2698" t="str">
            <v>兵庫県姫路市</v>
          </cell>
          <cell r="K2698" t="str">
            <v>06-6424-6667</v>
          </cell>
          <cell r="L2698" t="str">
            <v>info@nissay.fm</v>
          </cell>
          <cell r="M2698" t="str">
            <v>ﾆｯｾｲﾂｳｼﾝ</v>
          </cell>
          <cell r="N2698" t="str">
            <v>有</v>
          </cell>
          <cell r="O2698">
            <v>36</v>
          </cell>
          <cell r="P2698">
            <v>23</v>
          </cell>
          <cell r="Q2698">
            <v>7140001060519</v>
          </cell>
          <cell r="R2698">
            <v>40000</v>
          </cell>
          <cell r="S2698">
            <v>704453</v>
          </cell>
          <cell r="T2698">
            <v>680660</v>
          </cell>
          <cell r="V2698" t="str">
            <v>sh889117</v>
          </cell>
          <cell r="W2698" t="str">
            <v>na113666</v>
          </cell>
          <cell r="Y2698" t="str">
            <v>36，50，</v>
          </cell>
          <cell r="Z2698">
            <v>36</v>
          </cell>
          <cell r="AA2698">
            <v>50</v>
          </cell>
          <cell r="AB2698" t="str">
            <v/>
          </cell>
          <cell r="AC2698" t="str">
            <v/>
          </cell>
          <cell r="AD2698" t="str">
            <v/>
          </cell>
          <cell r="AE2698" t="str">
            <v>１；業務用無線機、消防・防災行政無線、ＭＣＡ無線、ＩＰ無線　特約店（株）日立国際電気（株）アイコム、八重洲無線（株）（株）ＪＶＣケンウッド、パナソニック（株）、三菱電機（株）、ソフトバンク（株）２；上記製品の保守・メンテナンス業務３；４；</v>
          </cell>
          <cell r="AF2698" t="str">
            <v>業務用無線通信機器の販売保守メンテナンスを行っております。販売品種は各種業務用無線、消防・防災行政無線、ＭＣＡ無線、ＩＰ無線、遠隔監視カメラシステム、ＧＰＳ動態管理システム、各種ＰＣネットワーク、防犯システム等で、近年はＥＣＯドライブ・車輌情報管理機器も力を注いでます。</v>
          </cell>
        </row>
        <row r="2699">
          <cell r="B2699">
            <v>11253</v>
          </cell>
          <cell r="C2699" t="str">
            <v>(株)ケーエム工業</v>
          </cell>
          <cell r="D2699" t="str">
            <v>075-573-1906</v>
          </cell>
          <cell r="E2699" t="str">
            <v>601-1352</v>
          </cell>
          <cell r="F2699" t="str">
            <v>京都府京都市伏見区醍醐南里町52-74</v>
          </cell>
          <cell r="G2699" t="str">
            <v>京都市</v>
          </cell>
          <cell r="H2699" t="str">
            <v>京都事務所</v>
          </cell>
          <cell r="I2699" t="str">
            <v>総務部部長 須藤　満恵</v>
          </cell>
          <cell r="J2699" t="str">
            <v>京都府京都市</v>
          </cell>
          <cell r="K2699" t="str">
            <v>075-572-1660</v>
          </cell>
          <cell r="L2699" t="str">
            <v>master@km-industry.co.jp</v>
          </cell>
          <cell r="M2699" t="str">
            <v>ｹｰｴﾑｺｳｷﾞｮｳ</v>
          </cell>
          <cell r="N2699" t="str">
            <v>有</v>
          </cell>
          <cell r="O2699">
            <v>29</v>
          </cell>
          <cell r="P2699">
            <v>16</v>
          </cell>
          <cell r="Q2699">
            <v>4130001014379</v>
          </cell>
          <cell r="R2699">
            <v>20000</v>
          </cell>
          <cell r="S2699">
            <v>152658</v>
          </cell>
          <cell r="T2699">
            <v>405130</v>
          </cell>
          <cell r="V2699" t="str">
            <v>hd470002</v>
          </cell>
          <cell r="W2699" t="str">
            <v>ml153361</v>
          </cell>
          <cell r="Y2699" t="str">
            <v>33，</v>
          </cell>
          <cell r="Z2699">
            <v>33</v>
          </cell>
          <cell r="AA2699">
            <v>80</v>
          </cell>
          <cell r="AB2699" t="str">
            <v/>
          </cell>
          <cell r="AC2699" t="str">
            <v/>
          </cell>
          <cell r="AD2699" t="str">
            <v/>
          </cell>
          <cell r="AE2699" t="str">
            <v>１；埋設管標示ピン（ステンアイ・ステンミニ）　製造・販売２；境界用標示ピン　製造・販売３；４；</v>
          </cell>
          <cell r="AF2699" t="str">
            <v>埋設管標示ピン（ステンアイ・ステンミニ）は水道、ガス等の地下の埋設管の状態が一目でわかる目印として使用していただけます。境界用標示ピンは、土地の境界等の目印として使用いただけます。どちらもステンレス製となっており、耐久性に優れた商品となっております。</v>
          </cell>
        </row>
        <row r="2700">
          <cell r="B2700">
            <v>11254</v>
          </cell>
          <cell r="C2700" t="str">
            <v>キャリアリンク(株)</v>
          </cell>
          <cell r="D2700" t="str">
            <v>03-3340-5077</v>
          </cell>
          <cell r="E2700" t="str">
            <v>163-0433</v>
          </cell>
          <cell r="F2700" t="str">
            <v>東京都新宿区西新宿2-1-1</v>
          </cell>
          <cell r="G2700" t="str">
            <v>東京都</v>
          </cell>
          <cell r="H2700" t="str">
            <v/>
          </cell>
          <cell r="I2700" t="str">
            <v>代表取締役 成澤　素明</v>
          </cell>
          <cell r="J2700" t="str">
            <v>本店</v>
          </cell>
          <cell r="K2700" t="str">
            <v>03-3340-5190</v>
          </cell>
          <cell r="L2700" t="str">
            <v>nyusatsu@careerlink.co.jp</v>
          </cell>
          <cell r="M2700" t="str">
            <v>ｷｬﾘｱﾘﾝｸ</v>
          </cell>
          <cell r="N2700" t="str">
            <v>無</v>
          </cell>
          <cell r="O2700">
            <v>22</v>
          </cell>
          <cell r="P2700">
            <v>316</v>
          </cell>
          <cell r="Q2700">
            <v>2011101023151</v>
          </cell>
          <cell r="R2700">
            <v>388005</v>
          </cell>
          <cell r="S2700">
            <v>3229491</v>
          </cell>
          <cell r="T2700">
            <v>14759576</v>
          </cell>
          <cell r="V2700" t="str">
            <v>qt128757</v>
          </cell>
          <cell r="W2700" t="str">
            <v>dt189996</v>
          </cell>
          <cell r="Y2700" t="str">
            <v>063，56，57，58，59，63，77，</v>
          </cell>
          <cell r="Z2700">
            <v>56</v>
          </cell>
          <cell r="AA2700">
            <v>57</v>
          </cell>
          <cell r="AB2700">
            <v>77</v>
          </cell>
          <cell r="AC2700">
            <v>63</v>
          </cell>
          <cell r="AD2700" t="str">
            <v>コールセンター運営、事務センター運営</v>
          </cell>
          <cell r="AE2700" t="str">
            <v>１；労働者派遣事業許可証。一般事務、受付・案内業務、電話オペレーター２；コンピューター関連（データ入力）３；調査・測定・検査（世論調査等）４；イベント運営補佐、設営アシスタント</v>
          </cell>
          <cell r="AF2700" t="str">
            <v>一般労働者派遣事業、有料職業紹介事業、ＢＰＯ関連事業、ＣＲＭ関連事業、一般事務事業、コールセンター・事務センター運営、調査・測定・検査（世論調査等）、コンピューター関連（データ入力）、受付・案内業務</v>
          </cell>
        </row>
        <row r="2701">
          <cell r="B2701">
            <v>11255</v>
          </cell>
          <cell r="C2701" t="str">
            <v>テルウェル西日本(株)</v>
          </cell>
          <cell r="D2701" t="str">
            <v>06-4307-5101</v>
          </cell>
          <cell r="E2701" t="str">
            <v>537-0025</v>
          </cell>
          <cell r="F2701" t="str">
            <v>大阪府大阪市東成区中道1-10-26</v>
          </cell>
          <cell r="G2701" t="str">
            <v>大阪市</v>
          </cell>
          <cell r="H2701" t="str">
            <v>テルウェル西日本株式会社　関西支店</v>
          </cell>
          <cell r="I2701" t="str">
            <v>取締役　支店長 吉岡　広志</v>
          </cell>
          <cell r="J2701" t="str">
            <v>大阪府大阪市</v>
          </cell>
          <cell r="K2701" t="str">
            <v>06-4307-5039</v>
          </cell>
          <cell r="L2701" t="str">
            <v>kana-morimoto@telwel-west.co.jp</v>
          </cell>
          <cell r="M2701" t="str">
            <v>ﾃﾙｳｪﾙﾆｼﾆｯﾎﾟﾝ</v>
          </cell>
          <cell r="N2701" t="str">
            <v>有</v>
          </cell>
          <cell r="O2701">
            <v>15</v>
          </cell>
          <cell r="P2701">
            <v>5202</v>
          </cell>
          <cell r="Q2701">
            <v>9120001098385</v>
          </cell>
          <cell r="R2701">
            <v>100000</v>
          </cell>
          <cell r="S2701">
            <v>9997446</v>
          </cell>
          <cell r="T2701">
            <v>43408101</v>
          </cell>
          <cell r="V2701" t="str">
            <v>yh781140</v>
          </cell>
          <cell r="W2701" t="str">
            <v>zx139319</v>
          </cell>
          <cell r="Y2701" t="str">
            <v>054，14，50，54，56，</v>
          </cell>
          <cell r="Z2701">
            <v>56</v>
          </cell>
          <cell r="AA2701">
            <v>50</v>
          </cell>
          <cell r="AB2701">
            <v>14</v>
          </cell>
          <cell r="AC2701">
            <v>54</v>
          </cell>
          <cell r="AD2701" t="str">
            <v/>
          </cell>
          <cell r="AE2701" t="str">
            <v>１；一般労働者派遣事業・有料職業紹介事業２；非常通報装置（自社製品）の設置・保守３；コクヨ株式会社、株式会社岡村製作所他４；建築物環境衛生総合管理業</v>
          </cell>
          <cell r="AF2701" t="str">
            <v>ＮＴＴ西日本グループである当社は、人材派遣・各種業務請負（スタッフ・モア）や文具・事務機器のオフィス用品販売また、学校向けの非常通報装置の設置等を通じてお客様のあらゆる事業活動と日々の暮らしを幅広く支援していきたいと考えております。</v>
          </cell>
        </row>
        <row r="2702">
          <cell r="B2702">
            <v>11256</v>
          </cell>
          <cell r="C2702" t="str">
            <v>(株)ＳＩＣ</v>
          </cell>
          <cell r="D2702" t="str">
            <v>079-423-0358</v>
          </cell>
          <cell r="E2702" t="str">
            <v>675-0032</v>
          </cell>
          <cell r="F2702" t="str">
            <v>兵庫県加古川市加古川町備後335番地</v>
          </cell>
          <cell r="G2702" t="str">
            <v>加古川市</v>
          </cell>
          <cell r="H2702" t="str">
            <v/>
          </cell>
          <cell r="I2702" t="str">
            <v>代表取締役 芝本　忠雄</v>
          </cell>
          <cell r="J2702" t="str">
            <v>本店</v>
          </cell>
          <cell r="K2702" t="str">
            <v>079-423-0378</v>
          </cell>
          <cell r="L2702" t="str">
            <v>info@shibasan.co.jp</v>
          </cell>
          <cell r="M2702" t="str">
            <v>ｴｽｱｲｼｰ</v>
          </cell>
          <cell r="N2702" t="str">
            <v>無</v>
          </cell>
          <cell r="O2702">
            <v>53</v>
          </cell>
          <cell r="P2702">
            <v>68</v>
          </cell>
          <cell r="Q2702">
            <v>8140001042945</v>
          </cell>
          <cell r="R2702">
            <v>50000</v>
          </cell>
          <cell r="S2702">
            <v>100076</v>
          </cell>
          <cell r="T2702">
            <v>1105023</v>
          </cell>
          <cell r="V2702" t="str">
            <v>tq652522</v>
          </cell>
          <cell r="W2702" t="str">
            <v>qz175939</v>
          </cell>
          <cell r="Y2702" t="str">
            <v>051，22，31，33，38，44，46，48，49，51，53，54，55，61，68，79，</v>
          </cell>
          <cell r="Z2702">
            <v>79</v>
          </cell>
          <cell r="AA2702">
            <v>54</v>
          </cell>
          <cell r="AB2702">
            <v>68</v>
          </cell>
          <cell r="AC2702">
            <v>51</v>
          </cell>
          <cell r="AD2702" t="str">
            <v>災害時救急救命トリアージ用品（自社製造販売）：タッグ、シート、テント、在宅確認表示ステッカー、災害時対応型浄水装置（ＴＯＰレスキューＲＯ2）</v>
          </cell>
          <cell r="AE2702" t="str">
            <v>１；２；３；４；</v>
          </cell>
          <cell r="AF2702" t="str">
            <v>建設卸業として創業し、住宅機器の販売施工及び給排水設備の維持管理業務を展開し、現在では住環境サービス業をメインに環境関連事業に力を傾注しています。技術の習得に努力し管内調査カメラ等設備も万全を期しております。</v>
          </cell>
        </row>
        <row r="2703">
          <cell r="B2703">
            <v>11257</v>
          </cell>
          <cell r="C2703" t="str">
            <v>(株)ウォーターテック</v>
          </cell>
          <cell r="D2703" t="str">
            <v>06-7653-8941</v>
          </cell>
          <cell r="E2703" t="str">
            <v>550-013</v>
          </cell>
          <cell r="F2703" t="str">
            <v>大阪府大阪市西区新町2-20-6</v>
          </cell>
          <cell r="G2703" t="str">
            <v>大阪市</v>
          </cell>
          <cell r="H2703" t="str">
            <v>関西支店</v>
          </cell>
          <cell r="I2703" t="str">
            <v>支店長 比江嶋　祐一</v>
          </cell>
          <cell r="J2703" t="str">
            <v>東京都</v>
          </cell>
          <cell r="K2703" t="str">
            <v>06-7653-7354</v>
          </cell>
          <cell r="L2703" t="str">
            <v>iwakuni@nwatertec.co.jp</v>
          </cell>
          <cell r="M2703" t="str">
            <v>ｳｫｰﾀｰﾃｯｸ</v>
          </cell>
          <cell r="N2703" t="str">
            <v>有</v>
          </cell>
          <cell r="O2703" t="str">
            <v>43(55)</v>
          </cell>
          <cell r="P2703">
            <v>89</v>
          </cell>
          <cell r="Q2703">
            <v>6010401021472</v>
          </cell>
          <cell r="R2703">
            <v>85000</v>
          </cell>
          <cell r="S2703">
            <v>845811</v>
          </cell>
          <cell r="T2703">
            <v>3653407</v>
          </cell>
          <cell r="V2703" t="str">
            <v>pc441758</v>
          </cell>
          <cell r="W2703" t="str">
            <v>gs199719</v>
          </cell>
          <cell r="Y2703" t="str">
            <v>10，46，</v>
          </cell>
          <cell r="Z2703">
            <v>46</v>
          </cell>
          <cell r="AA2703">
            <v>80</v>
          </cell>
          <cell r="AB2703">
            <v>10</v>
          </cell>
          <cell r="AC2703" t="str">
            <v/>
          </cell>
          <cell r="AD2703" t="str">
            <v/>
          </cell>
          <cell r="AE2703" t="str">
            <v>１；浄水設備保守点検２；水処理機器（薬品注入ポンプ等）３；水処理薬品（次亜・ＰＡＣ・苛性ソーダ・クロレス・ジアレス)クロレス・ジアレス＝モリタ宮田工業（代理店）４；</v>
          </cell>
          <cell r="AF2703" t="str">
            <v>上水道事業に於ける　1.水道施設工事（紫外線処理装置・膜処理、急速ろ過・高度処理施設等）　2.機械器具設置工事（薬品注入設備等）</v>
          </cell>
        </row>
        <row r="2704">
          <cell r="B2704">
            <v>11258</v>
          </cell>
          <cell r="C2704" t="str">
            <v>(株)名豊</v>
          </cell>
          <cell r="D2704" t="str">
            <v>052-322-0071</v>
          </cell>
          <cell r="E2704" t="str">
            <v>460-0017</v>
          </cell>
          <cell r="F2704" t="str">
            <v>愛知県名古屋市中区松原2-2-33</v>
          </cell>
          <cell r="G2704" t="str">
            <v>名古屋市</v>
          </cell>
          <cell r="H2704" t="str">
            <v/>
          </cell>
          <cell r="I2704" t="str">
            <v>代表取締役 小池　武史</v>
          </cell>
          <cell r="J2704" t="str">
            <v>本店</v>
          </cell>
          <cell r="K2704" t="str">
            <v>052-322-0130</v>
          </cell>
          <cell r="L2704" t="str">
            <v>meiho@meihou-c.co.jp</v>
          </cell>
          <cell r="M2704" t="str">
            <v>ﾒｲﾎｳ</v>
          </cell>
          <cell r="N2704" t="str">
            <v>無</v>
          </cell>
          <cell r="O2704">
            <v>37</v>
          </cell>
          <cell r="P2704">
            <v>30</v>
          </cell>
          <cell r="Q2704">
            <v>6180001041350</v>
          </cell>
          <cell r="R2704">
            <v>20000</v>
          </cell>
          <cell r="S2704">
            <v>88277</v>
          </cell>
          <cell r="T2704">
            <v>433141</v>
          </cell>
          <cell r="V2704" t="str">
            <v>gn859471</v>
          </cell>
          <cell r="W2704" t="str">
            <v>hx196789</v>
          </cell>
          <cell r="Y2704" t="str">
            <v>073，57，58，63，73，77，</v>
          </cell>
          <cell r="Z2704">
            <v>80</v>
          </cell>
          <cell r="AA2704">
            <v>77</v>
          </cell>
          <cell r="AB2704">
            <v>58</v>
          </cell>
          <cell r="AC2704">
            <v>73</v>
          </cell>
          <cell r="AD2704" t="str">
            <v>各種イベント企画・運営、データ入力、電算処理など</v>
          </cell>
          <cell r="AE2704" t="str">
            <v>１；各種行政計画策定、特定保健指導、二次予防事業、未受診者対策事業２；住民意識調査、各種市場調査、世論調査、社会調査、統計調査など３；各種台帳管理システム開発・保守、ホームページ作成など４；各種計画書・報告書、概要版、パンフレット、リーフレット、ポスターなど</v>
          </cell>
          <cell r="AF2704" t="str">
            <v>住民意識調査、各種行政計画策定（総合計画、地域福祉計画、介護保険計画、子ども・子育て支援計画、障害者計画、健康日本２１計画、食育計画、データヘルス計画、男女共同参画計画、生涯学習計画、教育計画など）や特定保健指導、二次予防事業、未受診者対策事業なども実施。</v>
          </cell>
        </row>
        <row r="2705">
          <cell r="B2705">
            <v>11259</v>
          </cell>
          <cell r="C2705" t="str">
            <v>(株)トランスワード</v>
          </cell>
          <cell r="D2705" t="str">
            <v>078-858-6037</v>
          </cell>
          <cell r="E2705" t="str">
            <v>658-0032</v>
          </cell>
          <cell r="F2705" t="str">
            <v>兵庫県神戸市東灘区向洋町中6-9</v>
          </cell>
          <cell r="G2705" t="str">
            <v>神戸市</v>
          </cell>
          <cell r="H2705" t="str">
            <v/>
          </cell>
          <cell r="I2705" t="str">
            <v>代表取締役 寺田　正人</v>
          </cell>
          <cell r="J2705" t="str">
            <v>本店</v>
          </cell>
          <cell r="K2705" t="str">
            <v>078-858-6038</v>
          </cell>
          <cell r="L2705" t="str">
            <v>keiri@trw.co.jp</v>
          </cell>
          <cell r="M2705" t="str">
            <v>ﾄﾗﾝｽﾜｰﾄﾞ</v>
          </cell>
          <cell r="N2705" t="str">
            <v>無</v>
          </cell>
          <cell r="O2705">
            <v>36</v>
          </cell>
          <cell r="P2705">
            <v>140</v>
          </cell>
          <cell r="Q2705">
            <v>3140001009734</v>
          </cell>
          <cell r="R2705">
            <v>20000</v>
          </cell>
          <cell r="S2705">
            <v>73285</v>
          </cell>
          <cell r="T2705">
            <v>1488457</v>
          </cell>
          <cell r="V2705" t="str">
            <v>cm622335</v>
          </cell>
          <cell r="W2705" t="str">
            <v>sq151196</v>
          </cell>
          <cell r="Y2705" t="str">
            <v>073，45，57，58，63，65，73，</v>
          </cell>
          <cell r="Z2705">
            <v>58</v>
          </cell>
          <cell r="AA2705">
            <v>65</v>
          </cell>
          <cell r="AB2705">
            <v>57</v>
          </cell>
          <cell r="AC2705">
            <v>73</v>
          </cell>
          <cell r="AD2705" t="str">
            <v/>
          </cell>
          <cell r="AE2705" t="str">
            <v>１；２；３；４；</v>
          </cell>
          <cell r="AF2705" t="str">
            <v>インターネット・モバイル等情報通信サービス、ホームページ制作、デザイン・プロモーション・イベント企画制作、商品開発コンサルティング、顧客管理データベースサービス　他</v>
          </cell>
        </row>
        <row r="2706">
          <cell r="B2706">
            <v>11261</v>
          </cell>
          <cell r="C2706" t="str">
            <v>金陵電機(株)</v>
          </cell>
          <cell r="D2706" t="str">
            <v>06-6394-1161</v>
          </cell>
          <cell r="E2706" t="str">
            <v>532-0033</v>
          </cell>
          <cell r="F2706" t="str">
            <v>大阪府大阪市淀川区新高3-3-11</v>
          </cell>
          <cell r="G2706" t="str">
            <v>大阪市</v>
          </cell>
          <cell r="H2706" t="str">
            <v/>
          </cell>
          <cell r="I2706" t="str">
            <v>代表取締役 澤田　力哉</v>
          </cell>
          <cell r="J2706" t="str">
            <v>本店</v>
          </cell>
          <cell r="K2706" t="str">
            <v>06-6395-3185</v>
          </cell>
          <cell r="L2706" t="str">
            <v>parts-order@kinryo-electric.co.jp</v>
          </cell>
          <cell r="M2706" t="str">
            <v>ｷﾝﾘｮｳﾃﾞﾝｷ</v>
          </cell>
          <cell r="N2706" t="str">
            <v>無</v>
          </cell>
          <cell r="O2706">
            <v>72</v>
          </cell>
          <cell r="P2706">
            <v>153</v>
          </cell>
          <cell r="Q2706">
            <v>7120001054885</v>
          </cell>
          <cell r="R2706">
            <v>60000</v>
          </cell>
          <cell r="S2706">
            <v>6064556</v>
          </cell>
          <cell r="T2706">
            <v>9576310</v>
          </cell>
          <cell r="V2706" t="str">
            <v>mu471621</v>
          </cell>
          <cell r="W2706" t="str">
            <v>lb158915</v>
          </cell>
          <cell r="Y2706" t="str">
            <v>41，42，</v>
          </cell>
          <cell r="Z2706">
            <v>41</v>
          </cell>
          <cell r="AA2706">
            <v>42</v>
          </cell>
          <cell r="AB2706" t="str">
            <v/>
          </cell>
          <cell r="AC2706" t="str">
            <v/>
          </cell>
          <cell r="AD2706" t="str">
            <v/>
          </cell>
          <cell r="AE2706" t="str">
            <v>１；２；３；４；</v>
          </cell>
          <cell r="AF2706" t="str">
            <v>当社は分析機器、ＦＡ機器、産業用無線システムを中核とした技術商社・メーカーとして事業を展開しております。特に分析機器分野では、アジレント・テクノロジー（株）の関西エリア代理店として地方自治体、公共団体及び民間企業より多数の注文をいただき、販売実績を伸ばしております。</v>
          </cell>
        </row>
        <row r="2707">
          <cell r="B2707">
            <v>11263</v>
          </cell>
          <cell r="C2707" t="str">
            <v>ＤＩＮＳ関西(株)</v>
          </cell>
          <cell r="D2707" t="str">
            <v>072-243-6335</v>
          </cell>
          <cell r="E2707" t="str">
            <v>592-8331</v>
          </cell>
          <cell r="F2707" t="str">
            <v>大阪府堺市西区築港新町1-5-38</v>
          </cell>
          <cell r="G2707" t="str">
            <v>堺市</v>
          </cell>
          <cell r="H2707" t="str">
            <v/>
          </cell>
          <cell r="I2707" t="str">
            <v>代表取締役 大田　成幸</v>
          </cell>
          <cell r="J2707" t="str">
            <v>本店</v>
          </cell>
          <cell r="K2707" t="str">
            <v>072-243-6336</v>
          </cell>
          <cell r="L2707" t="str">
            <v>yoshida1046@dinsgr.co.jp</v>
          </cell>
          <cell r="M2707" t="str">
            <v>ﾃﾞｨﾝｽﾞｻｶｲ</v>
          </cell>
          <cell r="N2707" t="str">
            <v>無</v>
          </cell>
          <cell r="O2707">
            <v>11</v>
          </cell>
          <cell r="P2707">
            <v>59</v>
          </cell>
          <cell r="Q2707">
            <v>3120101030121</v>
          </cell>
          <cell r="R2707">
            <v>96000</v>
          </cell>
          <cell r="S2707">
            <v>1628449</v>
          </cell>
          <cell r="T2707">
            <v>2937463</v>
          </cell>
          <cell r="V2707" t="str">
            <v>xe331997</v>
          </cell>
          <cell r="W2707" t="str">
            <v>ln157393</v>
          </cell>
          <cell r="Y2707" t="str">
            <v>68，</v>
          </cell>
          <cell r="Z2707" t="str">
            <v/>
          </cell>
          <cell r="AA2707" t="str">
            <v/>
          </cell>
          <cell r="AB2707" t="str">
            <v/>
          </cell>
          <cell r="AC2707" t="str">
            <v/>
          </cell>
          <cell r="AD2707" t="str">
            <v/>
          </cell>
          <cell r="AE2707" t="str">
            <v>１；産業廃棄物処分　許可番号：堺市第０６７２０１３３０２７号２；一般廃棄物処分　許可番号：堺市第Ａ－２号３；産業廃棄物収集運搬　許可番号：堺市第０６７１０１３３０２７号、大阪府第０２７００１３３０２７号、兵庫県第０２８０５１３３０２７号、三重県第０２４００１３３０２７号４；産業廃棄物収集運搬　許可番号：和歌山県第０３０００１３３０２７号、京都府第０２６００１３３０２７号</v>
          </cell>
          <cell r="AF2707" t="str">
            <v>混合廃棄物の高度選別を実現したＲＡＣ事業所と廃木材から燃料用バイオエタノールを製造するバイオエタノール事業所から成り、関西一円で稼動するグループ会社の施設を活用したリサイクルネットワークを構築し、お客様の廃棄物に関するさまざまなニーズに応える体制を整えています。</v>
          </cell>
        </row>
        <row r="2708">
          <cell r="B2708">
            <v>11264</v>
          </cell>
          <cell r="C2708" t="str">
            <v>(株)エコシティサービス</v>
          </cell>
          <cell r="D2708" t="str">
            <v>045-941-5725</v>
          </cell>
          <cell r="E2708" t="str">
            <v>224-0032</v>
          </cell>
          <cell r="F2708" t="str">
            <v>神奈川県横浜市都筑区茅ｹ崎中央8-33</v>
          </cell>
          <cell r="G2708" t="str">
            <v>横浜市</v>
          </cell>
          <cell r="H2708" t="str">
            <v/>
          </cell>
          <cell r="I2708" t="str">
            <v>代表取締役 杉本　憲二</v>
          </cell>
          <cell r="J2708" t="str">
            <v>本店</v>
          </cell>
          <cell r="K2708" t="str">
            <v>045-941-5726</v>
          </cell>
          <cell r="L2708" t="str">
            <v>ecocityservice@r4.dion.ne.jp</v>
          </cell>
          <cell r="M2708" t="str">
            <v>ｴｺｼﾃｨｻｰﾋﾞｽ</v>
          </cell>
          <cell r="N2708" t="str">
            <v>無</v>
          </cell>
          <cell r="O2708">
            <v>15</v>
          </cell>
          <cell r="P2708">
            <v>692</v>
          </cell>
          <cell r="Q2708">
            <v>9020001057426</v>
          </cell>
          <cell r="R2708">
            <v>20000</v>
          </cell>
          <cell r="S2708">
            <v>218090</v>
          </cell>
          <cell r="T2708">
            <v>1288897</v>
          </cell>
          <cell r="V2708" t="str">
            <v>gz454616</v>
          </cell>
          <cell r="W2708" t="str">
            <v>nf199593</v>
          </cell>
          <cell r="Y2708" t="str">
            <v>61，</v>
          </cell>
          <cell r="Z2708">
            <v>61</v>
          </cell>
          <cell r="AA2708">
            <v>80</v>
          </cell>
          <cell r="AB2708" t="str">
            <v/>
          </cell>
          <cell r="AC2708" t="str">
            <v/>
          </cell>
          <cell r="AD2708" t="str">
            <v/>
          </cell>
          <cell r="AE2708" t="str">
            <v>１；水道メーター検針業務、開閉栓業務、窓口受付含む水道料金等徴収業務２；地方公共団体の委託による市税等納税コールセンター運営業務、窓口業務３；４；</v>
          </cell>
          <cell r="AF2708" t="str">
            <v>地方公営企業の委託による上下水道料金及びガス料金等の料金徴収業務、転居時の開閉栓・料金清算業務、滞納整理・停水業務、受付業務及び計算処理業務。上下水道、ガスメータ等の検針業務。国または地方公共団体から委託を受けた納税コールセンター業務、窓口業務。</v>
          </cell>
        </row>
        <row r="2709">
          <cell r="B2709">
            <v>11266</v>
          </cell>
          <cell r="C2709" t="str">
            <v>阪神器化学(株)</v>
          </cell>
          <cell r="D2709" t="str">
            <v>0798-26-3374</v>
          </cell>
          <cell r="E2709" t="str">
            <v>663-8215</v>
          </cell>
          <cell r="F2709" t="str">
            <v>兵庫県西宮市今津水波町10-18</v>
          </cell>
          <cell r="G2709" t="str">
            <v>西宮市</v>
          </cell>
          <cell r="H2709" t="str">
            <v/>
          </cell>
          <cell r="I2709" t="str">
            <v>代表取締役 田村　英夫</v>
          </cell>
          <cell r="J2709" t="str">
            <v>本店</v>
          </cell>
          <cell r="K2709" t="str">
            <v>0798-26-7243</v>
          </cell>
          <cell r="L2709" t="str">
            <v>h.kikagaku@ia5.itkeeper.ne.jp</v>
          </cell>
          <cell r="M2709" t="str">
            <v>ﾊﾝｼﾝｷｶｶﾞｸ</v>
          </cell>
          <cell r="N2709" t="str">
            <v>無</v>
          </cell>
          <cell r="O2709">
            <v>35</v>
          </cell>
          <cell r="P2709">
            <v>9</v>
          </cell>
          <cell r="Q2709">
            <v>4140001070017</v>
          </cell>
          <cell r="R2709">
            <v>10000</v>
          </cell>
          <cell r="S2709">
            <v>-145603</v>
          </cell>
          <cell r="T2709">
            <v>137821</v>
          </cell>
          <cell r="V2709" t="str">
            <v>bz387809</v>
          </cell>
          <cell r="W2709" t="str">
            <v>rs159995</v>
          </cell>
          <cell r="Y2709" t="str">
            <v>068，46，51，52，68，</v>
          </cell>
          <cell r="Z2709">
            <v>46</v>
          </cell>
          <cell r="AA2709">
            <v>51</v>
          </cell>
          <cell r="AB2709">
            <v>52</v>
          </cell>
          <cell r="AC2709">
            <v>68</v>
          </cell>
          <cell r="AD2709" t="str">
            <v/>
          </cell>
          <cell r="AE2709" t="str">
            <v>１；排水管洗浄清掃等２；浄化槽保守点検、下水処理施設、給排水設備・空調設備の保守点検３；屋内及び屋外施設並びに街路樹の害虫防除４；産業廃棄物（汚泥・廃油）、一般廃棄物の収集運搬</v>
          </cell>
          <cell r="AF2709" t="str">
            <v>当社は創業以来一貫して環境衛生業を営み生活環境確保に努め今日に至り、最近は三次処理・高度処理設備(光酸化処理：紫外線・オゾン酸化剤を組み合わせた酸化処理技術)にも力を入れております。また建築物排水管清掃業等を取得しており、浄化槽・給排水設備関係の作業も得意としております。</v>
          </cell>
        </row>
        <row r="2710">
          <cell r="B2710">
            <v>11267</v>
          </cell>
          <cell r="C2710" t="str">
            <v>サニーディッシュ(株)</v>
          </cell>
          <cell r="D2710" t="str">
            <v>072-873-4401</v>
          </cell>
          <cell r="E2710" t="str">
            <v>574-0064</v>
          </cell>
          <cell r="F2710" t="str">
            <v>大阪府大東市御領3-9-21</v>
          </cell>
          <cell r="G2710" t="str">
            <v>大東市</v>
          </cell>
          <cell r="H2710" t="str">
            <v/>
          </cell>
          <cell r="I2710" t="str">
            <v>代表取締役 田中　信輝</v>
          </cell>
          <cell r="J2710" t="str">
            <v>本店</v>
          </cell>
          <cell r="K2710" t="str">
            <v>072-873-4401</v>
          </cell>
          <cell r="L2710" t="str">
            <v>info@sunnydish.com</v>
          </cell>
          <cell r="M2710" t="str">
            <v>ｻﾆｰﾃﾞｨｯｼｭ</v>
          </cell>
          <cell r="N2710" t="str">
            <v>無</v>
          </cell>
          <cell r="O2710">
            <v>13</v>
          </cell>
          <cell r="P2710">
            <v>251</v>
          </cell>
          <cell r="Q2710">
            <v>2122001017364</v>
          </cell>
          <cell r="R2710">
            <v>10000</v>
          </cell>
          <cell r="S2710">
            <v>67034</v>
          </cell>
          <cell r="T2710">
            <v>570075</v>
          </cell>
          <cell r="V2710" t="str">
            <v>bx925142</v>
          </cell>
          <cell r="W2710" t="str">
            <v>ew196399</v>
          </cell>
          <cell r="Y2710" t="str">
            <v/>
          </cell>
          <cell r="Z2710" t="str">
            <v/>
          </cell>
          <cell r="AA2710" t="str">
            <v/>
          </cell>
          <cell r="AB2710" t="str">
            <v/>
          </cell>
          <cell r="AC2710" t="str">
            <v/>
          </cell>
          <cell r="AD2710" t="str">
            <v/>
          </cell>
          <cell r="AE2710" t="str">
            <v>１；給食調理業務２；３；４；</v>
          </cell>
          <cell r="AF2710" t="str">
            <v>学校給食、各種施設給食など給食全般</v>
          </cell>
        </row>
        <row r="2711">
          <cell r="B2711">
            <v>11269</v>
          </cell>
          <cell r="C2711" t="str">
            <v>三和厨房(株)</v>
          </cell>
          <cell r="D2711" t="str">
            <v>078-706-7771</v>
          </cell>
          <cell r="E2711" t="str">
            <v>655-0011</v>
          </cell>
          <cell r="F2711" t="str">
            <v>兵庫県神戸市垂水区千鳥が丘1-3-21</v>
          </cell>
          <cell r="G2711" t="str">
            <v>神戸市</v>
          </cell>
          <cell r="H2711" t="str">
            <v>神戸営業所</v>
          </cell>
          <cell r="I2711" t="str">
            <v>所長　 中野　利一</v>
          </cell>
          <cell r="J2711" t="str">
            <v>大阪府八尾市</v>
          </cell>
          <cell r="K2711" t="str">
            <v>078-706-7773</v>
          </cell>
          <cell r="L2711" t="str">
            <v>t-kudou@sanwa-chubo.com</v>
          </cell>
          <cell r="M2711" t="str">
            <v>ｻﾝﾜﾁﾕｳﾎﾞｳ</v>
          </cell>
          <cell r="N2711" t="str">
            <v>有</v>
          </cell>
          <cell r="O2711">
            <v>49</v>
          </cell>
          <cell r="P2711">
            <v>19</v>
          </cell>
          <cell r="Q2711">
            <v>4122000000000</v>
          </cell>
          <cell r="R2711">
            <v>10000</v>
          </cell>
          <cell r="S2711">
            <v>48464</v>
          </cell>
          <cell r="T2711">
            <v>918084</v>
          </cell>
          <cell r="V2711" t="str">
            <v>tr190036</v>
          </cell>
          <cell r="W2711" t="str">
            <v>sz191151</v>
          </cell>
          <cell r="Y2711">
            <v>5.37</v>
          </cell>
          <cell r="Z2711">
            <v>37</v>
          </cell>
          <cell r="AA2711">
            <v>5</v>
          </cell>
          <cell r="AB2711" t="str">
            <v/>
          </cell>
          <cell r="AC2711" t="str">
            <v/>
          </cell>
          <cell r="AD2711" t="str">
            <v/>
          </cell>
          <cell r="AE2711" t="str">
            <v>１；２；服部工業、桐山工業、コメットカトウ、ラショナルジャパン、ニチワ電機、福島工業、日本洗浄機、明城製作所、エムラ販売、三浦工業、リンナイ、イシダ厨機、サラヤ３；三信化工、国際化工、スリーライン、オオイ金属、遠藤商事４；</v>
          </cell>
          <cell r="AF2711" t="str">
            <v>業務用厨房機器の設計、製作、施工、販売、メンテナンス</v>
          </cell>
        </row>
        <row r="2712">
          <cell r="B2712">
            <v>11270</v>
          </cell>
          <cell r="C2712" t="str">
            <v>(株)ソクチ</v>
          </cell>
          <cell r="D2712" t="str">
            <v>0796-36-3688</v>
          </cell>
          <cell r="E2712" t="str">
            <v>669-6544</v>
          </cell>
          <cell r="F2712" t="str">
            <v>兵庫県美方郡香美町香住区香住1418-1</v>
          </cell>
          <cell r="G2712" t="str">
            <v>美方郡香美町</v>
          </cell>
          <cell r="H2712" t="str">
            <v/>
          </cell>
          <cell r="I2712" t="str">
            <v>代表取締役 井上　廣美</v>
          </cell>
          <cell r="J2712" t="str">
            <v>本店</v>
          </cell>
          <cell r="K2712" t="str">
            <v>0796-36-3171</v>
          </cell>
          <cell r="L2712" t="str">
            <v>raccoon-dog@sokuchi.jp</v>
          </cell>
          <cell r="M2712" t="str">
            <v>ｿｸﾁ</v>
          </cell>
          <cell r="N2712" t="str">
            <v>無</v>
          </cell>
          <cell r="O2712">
            <v>33</v>
          </cell>
          <cell r="P2712">
            <v>11</v>
          </cell>
          <cell r="Q2712">
            <v>8140001056350</v>
          </cell>
          <cell r="R2712">
            <v>10000</v>
          </cell>
          <cell r="S2712">
            <v>29175</v>
          </cell>
          <cell r="T2712">
            <v>100624</v>
          </cell>
          <cell r="V2712" t="str">
            <v>yt175441</v>
          </cell>
          <cell r="W2712" t="str">
            <v>ns179699</v>
          </cell>
          <cell r="Y2712" t="str">
            <v/>
          </cell>
          <cell r="Z2712">
            <v>80</v>
          </cell>
          <cell r="AA2712" t="str">
            <v/>
          </cell>
          <cell r="AB2712" t="str">
            <v/>
          </cell>
          <cell r="AC2712" t="str">
            <v/>
          </cell>
          <cell r="AD2712" t="str">
            <v/>
          </cell>
          <cell r="AE2712" t="str">
            <v>１；ため池等の水質浄化、土壌改良を目的とした環境浄化剤・土壌改良剤等の販売及び環境改善事業を強く希望します２；３；４；</v>
          </cell>
          <cell r="AF2712" t="str">
            <v>測量設計を中心に営んできましたが、環境重視のため池等の水質浄化土壌改良を目的とした環境浄化剤土壌改良剤等の販売及び環境改善事業を強く希望します。またその他公共事業の測量設計は３３年の実績があり熟知した技術者を確保しています。</v>
          </cell>
        </row>
        <row r="2713">
          <cell r="B2713">
            <v>11271</v>
          </cell>
          <cell r="C2713" t="str">
            <v>(株)浄美社</v>
          </cell>
          <cell r="D2713" t="str">
            <v>0796-24-5535</v>
          </cell>
          <cell r="E2713" t="str">
            <v>668-0013</v>
          </cell>
          <cell r="F2713" t="str">
            <v>兵庫県豊岡市中陰560-3</v>
          </cell>
          <cell r="G2713" t="str">
            <v>豊岡市</v>
          </cell>
          <cell r="H2713" t="str">
            <v>豊岡支店</v>
          </cell>
          <cell r="I2713" t="str">
            <v>支店長　 滋野　裕之</v>
          </cell>
          <cell r="J2713" t="str">
            <v>京都府京都市</v>
          </cell>
          <cell r="K2713" t="str">
            <v>0796-24-5568</v>
          </cell>
          <cell r="L2713" t="str">
            <v>kanri-g@jobisha.co.jp</v>
          </cell>
          <cell r="M2713" t="str">
            <v>ｼﾞﾖｳﾋﾞｼﾔ</v>
          </cell>
          <cell r="N2713" t="str">
            <v>有</v>
          </cell>
          <cell r="O2713">
            <v>52</v>
          </cell>
          <cell r="P2713">
            <v>1000</v>
          </cell>
          <cell r="Q2713">
            <v>3130000000000</v>
          </cell>
          <cell r="R2713">
            <v>90000</v>
          </cell>
          <cell r="S2713">
            <v>2442880</v>
          </cell>
          <cell r="T2713">
            <v>2152303</v>
          </cell>
          <cell r="V2713" t="str">
            <v>rp640191</v>
          </cell>
          <cell r="W2713" t="str">
            <v>zh118339</v>
          </cell>
          <cell r="Y2713" t="str">
            <v>5.38.45.46.47.48.49.50.52.54.56</v>
          </cell>
          <cell r="Z2713">
            <v>54</v>
          </cell>
          <cell r="AA2713">
            <v>46</v>
          </cell>
          <cell r="AB2713">
            <v>45</v>
          </cell>
          <cell r="AC2713">
            <v>47</v>
          </cell>
          <cell r="AD2713" t="str">
            <v/>
          </cell>
          <cell r="AE2713" t="str">
            <v>１；２；病院内清掃・手術室消毒・日常清掃・定期清掃３；電気設備保守・機械設備保守・通信設備保守・消防設備保守４；施設警備・駐車場警備・交通誘導</v>
          </cell>
          <cell r="AF2713" t="str">
            <v>清掃・警備・保守管理・害虫駆除その他ビル管理の各業務を柱とする総合管理業務が主業であり、その他殺菌消毒・水質検査・空気環境測定・植栽管理等の業務も行っております。荒物・雑貨等につきましては、ビル管理業務に関連した清掃用品等の販売（小売）を含んでおります。</v>
          </cell>
        </row>
        <row r="2714">
          <cell r="B2714">
            <v>11272</v>
          </cell>
          <cell r="C2714" t="str">
            <v>ミザック(株)</v>
          </cell>
          <cell r="D2714" t="str">
            <v>078-599-5555</v>
          </cell>
          <cell r="E2714" t="str">
            <v>652-0812</v>
          </cell>
          <cell r="F2714" t="str">
            <v>兵庫県神戸市兵庫区湊町4-2-12</v>
          </cell>
          <cell r="G2714" t="str">
            <v>神戸市</v>
          </cell>
          <cell r="H2714" t="str">
            <v>神戸支店</v>
          </cell>
          <cell r="I2714" t="str">
            <v>支店長 山脇　智</v>
          </cell>
          <cell r="J2714" t="str">
            <v>大阪府大阪市</v>
          </cell>
          <cell r="K2714" t="str">
            <v>078-599-5562</v>
          </cell>
          <cell r="L2714" t="str">
            <v>info@mizac.co.jp</v>
          </cell>
          <cell r="M2714" t="str">
            <v>ﾏｻｷｺｳｷﾞｮｳ</v>
          </cell>
          <cell r="N2714" t="str">
            <v>有</v>
          </cell>
          <cell r="O2714">
            <v>51</v>
          </cell>
          <cell r="P2714">
            <v>117</v>
          </cell>
          <cell r="Q2714">
            <v>1120001016214</v>
          </cell>
          <cell r="R2714">
            <v>70000</v>
          </cell>
          <cell r="S2714">
            <v>318445</v>
          </cell>
          <cell r="T2714">
            <v>1607524</v>
          </cell>
          <cell r="V2714" t="str">
            <v>rb202628</v>
          </cell>
          <cell r="W2714" t="str">
            <v>bz173995</v>
          </cell>
          <cell r="Y2714" t="str">
            <v>068，48，55，68，79，</v>
          </cell>
          <cell r="Z2714">
            <v>48</v>
          </cell>
          <cell r="AA2714">
            <v>79</v>
          </cell>
          <cell r="AB2714">
            <v>55</v>
          </cell>
          <cell r="AC2714">
            <v>68</v>
          </cell>
          <cell r="AD2714" t="str">
            <v/>
          </cell>
          <cell r="AE2714" t="str">
            <v>１；下水道処理施設・ポンプ場・ゴミ処理施設・リサイクルセンター・し尿処理施設・浄水場施設・その他水処理施設の運転維持管理（下水処理施設維持管理業）２；下水道管渠内ＴＶカメラ調査、マンホール調査、下水管渠清掃、漏水調査３；道路清掃・しゅんせつ・除草４；産業廃棄物収集運搬（産業廃棄物収集運搬業）</v>
          </cell>
          <cell r="AF2714" t="str">
            <v>下水道維持管理業および給排水総合メンテナンスを中心に、施設及び機器の保全業務を行っており、管渠更生工事や下水道管内のＴＶカメラを得意としております。近年は下水処理場やポンプ場・マンホールポンプ場の維持管理等にも力を入れております。</v>
          </cell>
        </row>
        <row r="2715">
          <cell r="B2715">
            <v>11273</v>
          </cell>
          <cell r="C2715" t="str">
            <v>(株)エムライン</v>
          </cell>
          <cell r="D2715" t="str">
            <v>06-6468-7505</v>
          </cell>
          <cell r="E2715" t="str">
            <v>554-0032</v>
          </cell>
          <cell r="F2715" t="str">
            <v>大阪府大阪市此花区梅町2-2-25</v>
          </cell>
          <cell r="G2715" t="str">
            <v>大阪市</v>
          </cell>
          <cell r="H2715" t="str">
            <v/>
          </cell>
          <cell r="I2715" t="str">
            <v>代表取締役 中　篤司</v>
          </cell>
          <cell r="J2715" t="str">
            <v>本店</v>
          </cell>
          <cell r="K2715" t="str">
            <v>06-6468-7510</v>
          </cell>
          <cell r="L2715" t="str">
            <v>info@m-line-m.jp</v>
          </cell>
          <cell r="M2715" t="str">
            <v>ｴﾑﾗｲﾝ</v>
          </cell>
          <cell r="N2715" t="str">
            <v>無</v>
          </cell>
          <cell r="O2715">
            <v>14</v>
          </cell>
          <cell r="P2715">
            <v>13</v>
          </cell>
          <cell r="Q2715">
            <v>8120001016224</v>
          </cell>
          <cell r="R2715">
            <v>28000</v>
          </cell>
          <cell r="S2715">
            <v>61430</v>
          </cell>
          <cell r="T2715">
            <v>188864</v>
          </cell>
          <cell r="V2715" t="str">
            <v>bf302115</v>
          </cell>
          <cell r="W2715" t="str">
            <v>vh196939</v>
          </cell>
          <cell r="Y2715" t="str">
            <v>48，55，79，</v>
          </cell>
          <cell r="Z2715">
            <v>48</v>
          </cell>
          <cell r="AA2715">
            <v>79</v>
          </cell>
          <cell r="AB2715">
            <v>55</v>
          </cell>
          <cell r="AC2715" t="str">
            <v/>
          </cell>
          <cell r="AD2715" t="str">
            <v/>
          </cell>
          <cell r="AE2715" t="str">
            <v>１；下水道処理施設維持管理（下水処理施設維持管理業）２；下水道管渠内ＴＶカメラ調査、マンホール調査、下水管渠清掃、漏水調査３；路面清掃４；</v>
          </cell>
          <cell r="AF2715" t="str">
            <v>管更生工事を得意としており、地下埋設されている老朽化した下水管をＴＶカメラ調査し、浸入水や漏水の発生を発見し、スルーリング工法・３ＳＩＣＰ工法で更生します。その他、雨水ポンプ場、汚水ポンプ場の運転管理をはじめとし、水処理施設の運転管理に取り組んでおります。</v>
          </cell>
        </row>
        <row r="2716">
          <cell r="B2716">
            <v>11275</v>
          </cell>
          <cell r="C2716" t="str">
            <v>三菱電機システムサービス(株)</v>
          </cell>
          <cell r="D2716" t="str">
            <v>06-6454-3911</v>
          </cell>
          <cell r="E2716" t="str">
            <v>531-0076</v>
          </cell>
          <cell r="F2716" t="str">
            <v>大阪府大阪市北区大淀中1-4-13</v>
          </cell>
          <cell r="G2716" t="str">
            <v>大阪市</v>
          </cell>
          <cell r="H2716" t="str">
            <v>関西支社</v>
          </cell>
          <cell r="I2716" t="str">
            <v>取締役支社長 岡田　英治</v>
          </cell>
          <cell r="J2716" t="str">
            <v>東京都</v>
          </cell>
          <cell r="K2716" t="str">
            <v>06-6454-3926</v>
          </cell>
          <cell r="L2716" t="str">
            <v>nyusatu-kansai@melsc.jp</v>
          </cell>
          <cell r="M2716" t="str">
            <v>ﾐﾂﾋﾞｼﾃﾞﾝｷｼｽﾃﾑｻｰﾋﾞｽ</v>
          </cell>
          <cell r="N2716" t="str">
            <v>有</v>
          </cell>
          <cell r="O2716">
            <v>44</v>
          </cell>
          <cell r="P2716">
            <v>2012</v>
          </cell>
          <cell r="Q2716">
            <v>1010901011705</v>
          </cell>
          <cell r="R2716">
            <v>600000</v>
          </cell>
          <cell r="S2716">
            <v>16871459</v>
          </cell>
          <cell r="T2716">
            <v>78535693</v>
          </cell>
          <cell r="V2716" t="str">
            <v>ej564760</v>
          </cell>
          <cell r="W2716" t="str">
            <v>ft166956</v>
          </cell>
          <cell r="Y2716" t="str">
            <v>080，47，48，58，</v>
          </cell>
          <cell r="Z2716">
            <v>47</v>
          </cell>
          <cell r="AA2716">
            <v>48</v>
          </cell>
          <cell r="AB2716">
            <v>58</v>
          </cell>
          <cell r="AC2716">
            <v>80</v>
          </cell>
          <cell r="AD2716" t="str">
            <v/>
          </cell>
          <cell r="AE2716" t="str">
            <v>１；２；３；４；</v>
          </cell>
          <cell r="AF2716" t="str">
            <v>当社の事業部門は、「家庭用電化製品・住宅用設備機器関連事業」「産業用電機品関連事業」「映像・情報通信関連事業」の3つの部門から成り立っています。さらに、お客様のニーズにお応えして3つの事業部門を横断した「トータル・システム」の開発提案を積極的に推進しています。</v>
          </cell>
        </row>
        <row r="2717">
          <cell r="B2717">
            <v>11276</v>
          </cell>
          <cell r="C2717" t="str">
            <v>(株)島田組</v>
          </cell>
          <cell r="D2717" t="str">
            <v>078-855-5447</v>
          </cell>
          <cell r="E2717" t="str">
            <v>658-0026</v>
          </cell>
          <cell r="F2717" t="str">
            <v>兵庫県神戸市東灘区魚崎西町3-4-3</v>
          </cell>
          <cell r="G2717" t="str">
            <v>神戸市</v>
          </cell>
          <cell r="H2717" t="str">
            <v>神戸営業所</v>
          </cell>
          <cell r="I2717" t="str">
            <v>所長 山野　恭輔</v>
          </cell>
          <cell r="J2717" t="str">
            <v>大阪府八尾市</v>
          </cell>
          <cell r="K2717" t="str">
            <v>078-855-5448</v>
          </cell>
          <cell r="L2717" t="str">
            <v>shimadagumi-eigyou@nifty.com</v>
          </cell>
          <cell r="M2717" t="str">
            <v>ｼﾏﾀﾞｸﾞﾐ</v>
          </cell>
          <cell r="N2717" t="str">
            <v>有</v>
          </cell>
          <cell r="O2717">
            <v>40</v>
          </cell>
          <cell r="P2717">
            <v>94</v>
          </cell>
          <cell r="Q2717">
            <v>9122001018711</v>
          </cell>
          <cell r="R2717">
            <v>85000</v>
          </cell>
          <cell r="S2717">
            <v>1257721</v>
          </cell>
          <cell r="T2717">
            <v>3420403</v>
          </cell>
          <cell r="V2717" t="str">
            <v>qh421023</v>
          </cell>
          <cell r="W2717" t="str">
            <v>bq191955</v>
          </cell>
          <cell r="Y2717" t="str">
            <v/>
          </cell>
          <cell r="Z2717">
            <v>80</v>
          </cell>
          <cell r="AA2717" t="str">
            <v/>
          </cell>
          <cell r="AB2717" t="str">
            <v/>
          </cell>
          <cell r="AC2717" t="str">
            <v/>
          </cell>
          <cell r="AD2717" t="str">
            <v/>
          </cell>
          <cell r="AE2717" t="str">
            <v>１；１、埋蔵文化財発掘調査（分布・試掘・本発掘）２、遺物整理・報告書作成３、遺跡関連測量一般４、土器復元・修復・デジタルトレース５、史跡整備設計６、石垣および石室修復・文化財保存移築２；３；４；</v>
          </cell>
          <cell r="AF2717" t="str">
            <v>埋蔵文化財発掘調査専門業者として、今年で４０年になります。発掘調査、現場管理だけでなく、調査面においても、現地調査・遺物整理（１次整理・２次整理）・報告書作成まで、文化財調査に関わるすべての業務に対応できるように技術者・専門作業員の体制を整えております。</v>
          </cell>
        </row>
        <row r="2718">
          <cell r="B2718">
            <v>11277</v>
          </cell>
          <cell r="C2718" t="str">
            <v>コック食品(株)</v>
          </cell>
          <cell r="D2718" t="str">
            <v>072-873-4344</v>
          </cell>
          <cell r="E2718" t="str">
            <v>574-0064</v>
          </cell>
          <cell r="F2718" t="str">
            <v>大阪府大東市御領3-10-1</v>
          </cell>
          <cell r="G2718" t="str">
            <v>大東市</v>
          </cell>
          <cell r="H2718" t="str">
            <v/>
          </cell>
          <cell r="I2718" t="str">
            <v>代表取締役 田中　稔</v>
          </cell>
          <cell r="J2718" t="str">
            <v>本店</v>
          </cell>
          <cell r="K2718" t="str">
            <v>072-873-5198</v>
          </cell>
          <cell r="L2718" t="str">
            <v>info@cook-foods.jp</v>
          </cell>
          <cell r="M2718" t="str">
            <v>ｺｯｸｼｮｸﾋﾝ</v>
          </cell>
          <cell r="N2718" t="str">
            <v>無</v>
          </cell>
          <cell r="O2718">
            <v>51</v>
          </cell>
          <cell r="P2718">
            <v>702</v>
          </cell>
          <cell r="Q2718">
            <v>7122001015314</v>
          </cell>
          <cell r="R2718">
            <v>30000</v>
          </cell>
          <cell r="S2718">
            <v>248946</v>
          </cell>
          <cell r="T2718">
            <v>2330637</v>
          </cell>
          <cell r="V2718" t="str">
            <v>jj836619</v>
          </cell>
          <cell r="W2718" t="str">
            <v>gs133993</v>
          </cell>
          <cell r="Y2718" t="str">
            <v/>
          </cell>
          <cell r="Z2718" t="str">
            <v/>
          </cell>
          <cell r="AA2718" t="str">
            <v/>
          </cell>
          <cell r="AB2718" t="str">
            <v/>
          </cell>
          <cell r="AC2718" t="str">
            <v/>
          </cell>
          <cell r="AD2718" t="str">
            <v/>
          </cell>
          <cell r="AE2718" t="str">
            <v>１；給食調理業務２；３；４；</v>
          </cell>
          <cell r="AF2718" t="str">
            <v>学校給食、病院給食、各種施設給食など給食全般に取り扱っております。</v>
          </cell>
        </row>
        <row r="2719">
          <cell r="B2719">
            <v>11281</v>
          </cell>
          <cell r="C2719" t="str">
            <v>(一財)日本環境衛生センター</v>
          </cell>
          <cell r="D2719" t="str">
            <v>044-288-4896</v>
          </cell>
          <cell r="E2719" t="str">
            <v>210-0828</v>
          </cell>
          <cell r="F2719" t="str">
            <v>神奈川県川崎市川崎区四谷上町10‐6</v>
          </cell>
          <cell r="G2719" t="str">
            <v>川崎市</v>
          </cell>
          <cell r="H2719" t="str">
            <v/>
          </cell>
          <cell r="I2719" t="str">
            <v>理事長 南川　秀樹</v>
          </cell>
          <cell r="J2719" t="str">
            <v>本店</v>
          </cell>
          <cell r="K2719" t="str">
            <v>044-299-2294</v>
          </cell>
          <cell r="L2719" t="str">
            <v>somu2@jesc.or.jp</v>
          </cell>
          <cell r="M2719" t="str">
            <v>ﾆﾎﾝｶﾝｷｮｳｴｲｾｲｾﾝﾀｰ</v>
          </cell>
          <cell r="N2719" t="str">
            <v>無</v>
          </cell>
          <cell r="O2719">
            <v>64</v>
          </cell>
          <cell r="P2719">
            <v>198</v>
          </cell>
          <cell r="Q2719">
            <v>2020005010230</v>
          </cell>
          <cell r="R2719">
            <v>300000</v>
          </cell>
          <cell r="S2719">
            <v>3949876</v>
          </cell>
          <cell r="T2719">
            <v>3485598</v>
          </cell>
          <cell r="V2719" t="str">
            <v>fa191966</v>
          </cell>
          <cell r="W2719" t="str">
            <v>qf139317</v>
          </cell>
          <cell r="Y2719" t="str">
            <v>77，</v>
          </cell>
          <cell r="Z2719" t="str">
            <v/>
          </cell>
          <cell r="AA2719" t="str">
            <v/>
          </cell>
          <cell r="AB2719" t="str">
            <v/>
          </cell>
          <cell r="AC2719" t="str">
            <v/>
          </cell>
          <cell r="AD2719" t="str">
            <v/>
          </cell>
          <cell r="AE2719" t="str">
            <v>１；廃棄物処理施設精密機能検査２；計画策定（廃棄物処理基本計画等）３；環境アセスメント４；産業廃棄物実態調査</v>
          </cell>
          <cell r="AF2719" t="str">
            <v>建設コンサルタント（廃棄物部門）（地質部門）（環境調査）廃棄物処理施設精密機能検査、廃棄物処理基本計画策定、環境アセスメント、産業廃棄物実態調査</v>
          </cell>
        </row>
        <row r="2720">
          <cell r="B2720">
            <v>11283</v>
          </cell>
          <cell r="C2720" t="str">
            <v>大栄環境(株)</v>
          </cell>
          <cell r="D2720" t="str">
            <v>0725-54-3061</v>
          </cell>
          <cell r="E2720" t="str">
            <v>661-0012</v>
          </cell>
          <cell r="F2720" t="str">
            <v>大阪府和泉市ﾃｸﾉｽﾃｰｼﾞ2-3-28</v>
          </cell>
          <cell r="G2720" t="str">
            <v>和泉市</v>
          </cell>
          <cell r="H2720" t="str">
            <v/>
          </cell>
          <cell r="I2720" t="str">
            <v>代表取締役　 金子　文雄</v>
          </cell>
          <cell r="J2720" t="str">
            <v>本店</v>
          </cell>
          <cell r="K2720" t="str">
            <v>0725-51-3133</v>
          </cell>
          <cell r="L2720" t="str">
            <v>inoue8571@dinsgr.co.jp</v>
          </cell>
          <cell r="M2720" t="str">
            <v>ﾀﾞｲｴｲｶﾝｷﾖｳ</v>
          </cell>
          <cell r="N2720" t="str">
            <v>無</v>
          </cell>
          <cell r="O2720">
            <v>27</v>
          </cell>
          <cell r="P2720">
            <v>883</v>
          </cell>
          <cell r="Q2720">
            <v>6120100000000</v>
          </cell>
          <cell r="R2720">
            <v>90000</v>
          </cell>
          <cell r="S2720">
            <v>20023350</v>
          </cell>
          <cell r="T2720">
            <v>32895082</v>
          </cell>
          <cell r="V2720" t="str">
            <v>bb538419</v>
          </cell>
          <cell r="W2720" t="str">
            <v>hb165619</v>
          </cell>
          <cell r="Y2720" t="str">
            <v>48.68.69</v>
          </cell>
          <cell r="Z2720">
            <v>68</v>
          </cell>
          <cell r="AA2720">
            <v>48</v>
          </cell>
          <cell r="AB2720">
            <v>69</v>
          </cell>
          <cell r="AC2720" t="str">
            <v/>
          </cell>
          <cell r="AD2720" t="str">
            <v/>
          </cell>
          <cell r="AE2720" t="str">
            <v>１；２；一般廃棄物処理、産業廃棄物収集運搬・処理、特別管理産業廃棄物収集運搬・処理３；焼却施設運転管理業務　焼却炉保守点検　廃棄物処理施設管理４；アルミ缶・スチール缶・鉄・非鉄・ペットボトル</v>
          </cell>
          <cell r="AF2720" t="str">
            <v>昭和５４年１０月に法人設立。一般廃棄物及び産業廃棄物の収集運搬、中間処理、最終処分、再資源化を行う総合廃棄物処理会社です。一般廃棄物及び産業廃棄物の適正処理は勿論、小型家電リサイクル法等各種リサイクル法に対応した事業を展開しており、資源循環に貢献しています。</v>
          </cell>
        </row>
        <row r="2721">
          <cell r="B2721">
            <v>11284</v>
          </cell>
          <cell r="C2721" t="str">
            <v>(株)ゼンリン</v>
          </cell>
          <cell r="D2721" t="str">
            <v>078-252-3223</v>
          </cell>
          <cell r="E2721" t="str">
            <v>651-0087</v>
          </cell>
          <cell r="F2721" t="str">
            <v>兵庫県神戸市中央区御幸通4-2-20</v>
          </cell>
          <cell r="G2721" t="str">
            <v>神戸市</v>
          </cell>
          <cell r="H2721" t="str">
            <v>神戸営業所</v>
          </cell>
          <cell r="I2721" t="str">
            <v>所長 三好　信治</v>
          </cell>
          <cell r="J2721" t="str">
            <v>福岡県北九州市</v>
          </cell>
          <cell r="K2721" t="str">
            <v>078-252-1633</v>
          </cell>
          <cell r="L2721" t="str">
            <v>kobeof@zenrin.co.jp</v>
          </cell>
          <cell r="M2721" t="str">
            <v>ｾﾞﾝﾘﾝ</v>
          </cell>
          <cell r="N2721" t="str">
            <v>有</v>
          </cell>
          <cell r="O2721">
            <v>70</v>
          </cell>
          <cell r="P2721">
            <v>1938</v>
          </cell>
          <cell r="Q2721">
            <v>5290801002046</v>
          </cell>
          <cell r="R2721">
            <v>6557000</v>
          </cell>
          <cell r="S2721">
            <v>32666000</v>
          </cell>
          <cell r="T2721">
            <v>41235000</v>
          </cell>
          <cell r="V2721" t="str">
            <v>cm149367</v>
          </cell>
          <cell r="W2721" t="str">
            <v>ｒn188959</v>
          </cell>
          <cell r="Y2721" t="str">
            <v>057，13，14，16，36，44，57，58，66，72，73，77，</v>
          </cell>
          <cell r="Z2721">
            <v>13</v>
          </cell>
          <cell r="AA2721">
            <v>73</v>
          </cell>
          <cell r="AB2721">
            <v>77</v>
          </cell>
          <cell r="AC2721">
            <v>57</v>
          </cell>
          <cell r="AD2721" t="str">
            <v/>
          </cell>
          <cell r="AE2721" t="str">
            <v>１；２；３；４；</v>
          </cell>
          <cell r="AF2721" t="str">
            <v>住宅地図などの各種地図、地図データベース、コンテンツの提供。地図関連ソフトウェアの提供</v>
          </cell>
        </row>
        <row r="2722">
          <cell r="B2722">
            <v>11287</v>
          </cell>
          <cell r="C2722" t="str">
            <v>西部電機(株)</v>
          </cell>
          <cell r="D2722" t="str">
            <v>06-4796-6711</v>
          </cell>
          <cell r="E2722" t="str">
            <v>530-0001</v>
          </cell>
          <cell r="F2722" t="str">
            <v>大阪府大阪市大阪市北区梅田3-4-5</v>
          </cell>
          <cell r="G2722" t="str">
            <v>大阪市</v>
          </cell>
          <cell r="H2722" t="str">
            <v>大阪支店</v>
          </cell>
          <cell r="I2722" t="str">
            <v>取締役支店長 佐藤　徳生</v>
          </cell>
          <cell r="J2722" t="str">
            <v>福岡県古賀市</v>
          </cell>
          <cell r="K2722" t="str">
            <v>06-4796-6707</v>
          </cell>
          <cell r="L2722" t="str">
            <v>a-osakas@seibudenki.co.jp</v>
          </cell>
          <cell r="M2722" t="str">
            <v>ｾｲﾌﾞﾃﾞﾝｷ</v>
          </cell>
          <cell r="N2722" t="str">
            <v>有</v>
          </cell>
          <cell r="O2722">
            <v>48</v>
          </cell>
          <cell r="P2722">
            <v>484</v>
          </cell>
          <cell r="Q2722">
            <v>2290001036343</v>
          </cell>
          <cell r="R2722">
            <v>2658400</v>
          </cell>
          <cell r="S2722">
            <v>20678018</v>
          </cell>
          <cell r="T2722">
            <v>22914702</v>
          </cell>
          <cell r="V2722" t="str">
            <v>ba714411</v>
          </cell>
          <cell r="W2722" t="str">
            <v>rm131999</v>
          </cell>
          <cell r="Y2722" t="str">
            <v>33，48，</v>
          </cell>
          <cell r="Z2722">
            <v>48</v>
          </cell>
          <cell r="AA2722">
            <v>33</v>
          </cell>
          <cell r="AB2722">
            <v>80</v>
          </cell>
          <cell r="AC2722" t="str">
            <v/>
          </cell>
          <cell r="AD2722" t="str">
            <v/>
          </cell>
          <cell r="AE2722" t="str">
            <v>１；浄水場、下水処理場等に据え付けられているバルブコントロールの保守点検業務２；浄水場、下水処理場等に据え付けられているバルブコントロール本体３；浄水場、下水処理場等に据え付けられているバルブコントロール部品（モータ、リミットスイッチ、発信機類、その他部品）４；</v>
          </cell>
          <cell r="AF2722" t="str">
            <v>ダムや水門等に備え付けられているバルブに据え付けて流量等を調節したり、遠隔操作での開閉が可能にするバルブコントロールの製造及び改造、メンテナンス、本体・部品の販売等を行っております。</v>
          </cell>
        </row>
        <row r="2723">
          <cell r="B2723">
            <v>11288</v>
          </cell>
          <cell r="C2723" t="str">
            <v>(株)ピーシー販売</v>
          </cell>
          <cell r="D2723" t="str">
            <v>072-653-3201</v>
          </cell>
          <cell r="E2723" t="str">
            <v>566-0063</v>
          </cell>
          <cell r="F2723" t="str">
            <v>大阪府摂津市鳥飼銘木町15-21</v>
          </cell>
          <cell r="G2723" t="str">
            <v>摂津市</v>
          </cell>
          <cell r="H2723" t="str">
            <v/>
          </cell>
          <cell r="I2723" t="str">
            <v>代表取締役 堀本　和幸</v>
          </cell>
          <cell r="J2723" t="str">
            <v>本店</v>
          </cell>
          <cell r="K2723" t="str">
            <v>072-653-2019</v>
          </cell>
          <cell r="L2723" t="str">
            <v>powercuttersales@osaka.zaq.jp</v>
          </cell>
          <cell r="M2723" t="str">
            <v>ﾋﾟｰｼｰﾊﾝﾊﾞｲ</v>
          </cell>
          <cell r="N2723" t="str">
            <v>無</v>
          </cell>
          <cell r="O2723">
            <v>19</v>
          </cell>
          <cell r="P2723">
            <v>6</v>
          </cell>
          <cell r="Q2723">
            <v>1120901008079</v>
          </cell>
          <cell r="R2723">
            <v>10000</v>
          </cell>
          <cell r="S2723">
            <v>88789</v>
          </cell>
          <cell r="T2723">
            <v>410286</v>
          </cell>
          <cell r="V2723" t="str">
            <v>vs404830</v>
          </cell>
          <cell r="W2723" t="str">
            <v>ez153199</v>
          </cell>
          <cell r="Y2723" t="str">
            <v>039，02，03，04，22，38，39，40，</v>
          </cell>
          <cell r="Z2723">
            <v>38</v>
          </cell>
          <cell r="AA2723">
            <v>2</v>
          </cell>
          <cell r="AB2723">
            <v>3</v>
          </cell>
          <cell r="AC2723">
            <v>39</v>
          </cell>
          <cell r="AD2723" t="str">
            <v/>
          </cell>
          <cell r="AE2723" t="str">
            <v>１；防火帽、防火衣、防火長靴、ウェーバー油圧救助器具、エアーテント、バルーン投光機、災害用マンホールトイレ、避難所用間仕切り、組立式給水タンク　仕入先：船山・代、太陽工業、川崎機工２；アルファ米、イシイの非常食リゾット、災害救助用クラッカー・ハーベスト、美味しい防災食、災害備蓄用パン、カンパン、ビスコ、保存水　仕入先：船山・代３；防火衣、活動服、識別ベスト、防災服　仕入先：船山・代４；ＡＥＤ　仕入先：オムロン、船山・代</v>
          </cell>
          <cell r="AF2723" t="str">
            <v>防火帽・防火衣・防火長靴・ウェーバー油圧救助器具・エアーテント・バルーン投光機等の消防用品や非常食：アルファ米・リゾット・災害救助用クラッカー等・災害用マンホールトイレ・スケットイレ・避難所用間仕切り・組立式給水タンク等の防災用品を中心に取り扱っております。</v>
          </cell>
        </row>
        <row r="2724">
          <cell r="B2724">
            <v>11290</v>
          </cell>
          <cell r="C2724" t="str">
            <v>(株)フィリップス・ジャパン</v>
          </cell>
          <cell r="D2724" t="str">
            <v>0120-556-494</v>
          </cell>
          <cell r="E2724" t="str">
            <v>108-8507</v>
          </cell>
          <cell r="F2724" t="str">
            <v>東京都港区港南2-13-37</v>
          </cell>
          <cell r="G2724" t="str">
            <v>東京都</v>
          </cell>
          <cell r="H2724" t="str">
            <v>ヘルスシステムズ事業部</v>
          </cell>
          <cell r="I2724" t="str">
            <v>事業部長 大石　恭裕</v>
          </cell>
          <cell r="J2724" t="str">
            <v>東京都</v>
          </cell>
          <cell r="K2724" t="str">
            <v>03-3740-3216</v>
          </cell>
          <cell r="L2724" t="str">
            <v>adm.pms.japan@philips.com</v>
          </cell>
          <cell r="M2724" t="str">
            <v>ﾌｨﾘｯﾌﾟｽ･ｼﾞｬﾊﾟﾝ</v>
          </cell>
          <cell r="N2724" t="str">
            <v>有</v>
          </cell>
          <cell r="O2724">
            <v>31</v>
          </cell>
          <cell r="P2724">
            <v>1165</v>
          </cell>
          <cell r="Q2724">
            <v>1010401025874</v>
          </cell>
          <cell r="R2724">
            <v>3000000</v>
          </cell>
          <cell r="S2724">
            <v>8335000</v>
          </cell>
          <cell r="T2724">
            <v>87901000</v>
          </cell>
          <cell r="V2724" t="str">
            <v>vw816130</v>
          </cell>
          <cell r="W2724" t="str">
            <v>rm193366</v>
          </cell>
          <cell r="Y2724" t="str">
            <v>39，</v>
          </cell>
          <cell r="Z2724">
            <v>39</v>
          </cell>
          <cell r="AA2724">
            <v>80</v>
          </cell>
          <cell r="AB2724" t="str">
            <v/>
          </cell>
          <cell r="AC2724" t="str">
            <v/>
          </cell>
          <cell r="AD2724" t="str">
            <v/>
          </cell>
          <cell r="AE2724" t="str">
            <v>１；Ｘ線撮影診断システム、全身用Ｘ線ＣＴ装置、超電導磁気共鳴診断装置、循環器系Ｘ線診断装置、核医学検査装置、超音波診断装置、患者情報システム、除細動装置、その他２；上記医療機器の据付・修理・保守・その他の技術サービス３；４；</v>
          </cell>
          <cell r="AF2724" t="str">
            <v>Ｘ線撮影診断システム、全身用Ｘ線ＣＴ装置、超電導磁気共鳴診断装置、循環器系Ｘ線診断装置、核医学検査装置、超音波診断装置、患者情報システム、除細動装置、その他　上記医療機器の据付・修理・保守・その他の技術サービス</v>
          </cell>
        </row>
        <row r="2725">
          <cell r="B2725">
            <v>11291</v>
          </cell>
          <cell r="C2725" t="str">
            <v>キングラン関西(株)</v>
          </cell>
          <cell r="D2725" t="str">
            <v>06-6388-1481</v>
          </cell>
          <cell r="E2725" t="str">
            <v>564-0043</v>
          </cell>
          <cell r="F2725" t="str">
            <v>大阪府吹田市南吹田5-1-12</v>
          </cell>
          <cell r="G2725" t="str">
            <v>吹田市</v>
          </cell>
          <cell r="H2725" t="str">
            <v/>
          </cell>
          <cell r="I2725" t="str">
            <v>代表取締役 松原　達也</v>
          </cell>
          <cell r="J2725" t="str">
            <v>本店</v>
          </cell>
          <cell r="K2725" t="str">
            <v>06-6388-1480</v>
          </cell>
          <cell r="L2725" t="str">
            <v>office@kingrun-kansai.co.jp</v>
          </cell>
          <cell r="M2725" t="str">
            <v>ｷﾝｸﾞﾗﾝｶﾝｻｲ</v>
          </cell>
          <cell r="N2725" t="str">
            <v>無</v>
          </cell>
          <cell r="O2725">
            <v>34</v>
          </cell>
          <cell r="P2725">
            <v>49</v>
          </cell>
          <cell r="Q2725">
            <v>6120901005848</v>
          </cell>
          <cell r="R2725">
            <v>40000</v>
          </cell>
          <cell r="S2725">
            <v>283669</v>
          </cell>
          <cell r="T2725">
            <v>2066937</v>
          </cell>
          <cell r="V2725" t="str">
            <v>tc790201</v>
          </cell>
          <cell r="W2725" t="str">
            <v>eｒ173816</v>
          </cell>
          <cell r="Y2725" t="str">
            <v>039，14，27，28，35，39，44，62，</v>
          </cell>
          <cell r="Z2725">
            <v>28</v>
          </cell>
          <cell r="AA2725">
            <v>44</v>
          </cell>
          <cell r="AB2725">
            <v>62</v>
          </cell>
          <cell r="AC2725">
            <v>39</v>
          </cell>
          <cell r="AD2725" t="str">
            <v/>
          </cell>
          <cell r="AE2725" t="str">
            <v>１；カーテン・ブラインド他室内装飾品　東リ・特サンゲツ・特リリカラ・川島織物セルコン・特トーソー・特立川ブラインド工業・特ニチベイ　他２；上記カーテン等室内装飾品の保守付リース３；カーテン・ロールスクリーンのクリーニング　確認済みの証（クリーニング）４；施設用家具家電・車椅子・介護用ベッド　管理医療機器販売業・賃貸業届書</v>
          </cell>
          <cell r="AF2725" t="str">
            <v>キングラン関西は、キングラングループの近畿圏の総代理店として、一貫して地域の医療・福祉関係を中心とした、カーテンなどの室内装飾品の販売・リース・メンテナンスおよび設備・備品のご提案を中心とした総合管理まで幅広く展開しております。</v>
          </cell>
        </row>
        <row r="2726">
          <cell r="B2726">
            <v>11294</v>
          </cell>
          <cell r="C2726" t="str">
            <v>(株)コダマ楽器</v>
          </cell>
          <cell r="D2726" t="str">
            <v>06-6967-5511</v>
          </cell>
          <cell r="E2726" t="str">
            <v>536-0014</v>
          </cell>
          <cell r="F2726" t="str">
            <v>大阪府大阪市城東区鴫野西2-16-8</v>
          </cell>
          <cell r="G2726" t="str">
            <v>大阪市</v>
          </cell>
          <cell r="H2726" t="str">
            <v/>
          </cell>
          <cell r="I2726" t="str">
            <v>代表取締役 阿山　幸一</v>
          </cell>
          <cell r="J2726" t="str">
            <v>本店</v>
          </cell>
          <cell r="K2726" t="str">
            <v>06-6967-5574</v>
          </cell>
          <cell r="L2726" t="str">
            <v>kodamagakki@smile.ocn.ne.jp</v>
          </cell>
          <cell r="M2726" t="str">
            <v>ｺﾀﾞﾏｶﾞｯｷ</v>
          </cell>
          <cell r="N2726" t="str">
            <v>無</v>
          </cell>
          <cell r="O2726">
            <v>57</v>
          </cell>
          <cell r="P2726">
            <v>12</v>
          </cell>
          <cell r="Q2726">
            <v>8120001014830</v>
          </cell>
          <cell r="R2726">
            <v>10000</v>
          </cell>
          <cell r="S2726">
            <v>-63</v>
          </cell>
          <cell r="T2726">
            <v>192175</v>
          </cell>
          <cell r="V2726" t="str">
            <v>nu467945</v>
          </cell>
          <cell r="W2726" t="str">
            <v>td151679</v>
          </cell>
          <cell r="Y2726" t="str">
            <v>18，</v>
          </cell>
          <cell r="Z2726">
            <v>18</v>
          </cell>
          <cell r="AA2726" t="str">
            <v/>
          </cell>
          <cell r="AB2726" t="str">
            <v/>
          </cell>
          <cell r="AC2726" t="str">
            <v/>
          </cell>
          <cell r="AD2726" t="str">
            <v/>
          </cell>
          <cell r="AE2726" t="str">
            <v>１；２；３；４；</v>
          </cell>
          <cell r="AF2726" t="str">
            <v/>
          </cell>
        </row>
        <row r="2727">
          <cell r="B2727">
            <v>11295</v>
          </cell>
          <cell r="C2727" t="str">
            <v>(株)ワタナベ楽器店</v>
          </cell>
          <cell r="D2727" t="str">
            <v>06-6374-0931</v>
          </cell>
          <cell r="E2727" t="str">
            <v>530-0012</v>
          </cell>
          <cell r="F2727" t="str">
            <v>大阪府大阪市北区芝田1-12-7</v>
          </cell>
          <cell r="G2727" t="str">
            <v>大阪市</v>
          </cell>
          <cell r="H2727" t="str">
            <v>大阪支店</v>
          </cell>
          <cell r="I2727" t="str">
            <v>支店長 渡邊　幹太</v>
          </cell>
          <cell r="J2727" t="str">
            <v>京都府京都市</v>
          </cell>
          <cell r="K2727" t="str">
            <v>06-6359-1952</v>
          </cell>
          <cell r="L2727" t="str">
            <v>honjo@watanabe-mi.com</v>
          </cell>
          <cell r="M2727" t="str">
            <v>ﾜﾀﾅﾍﾞｶﾞｯｷﾃﾝ</v>
          </cell>
          <cell r="N2727" t="str">
            <v>有</v>
          </cell>
          <cell r="O2727">
            <v>45</v>
          </cell>
          <cell r="P2727">
            <v>47</v>
          </cell>
          <cell r="Q2727">
            <v>4130001023231</v>
          </cell>
          <cell r="R2727">
            <v>12000</v>
          </cell>
          <cell r="S2727">
            <v>539633</v>
          </cell>
          <cell r="T2727">
            <v>2350466</v>
          </cell>
          <cell r="V2727" t="str">
            <v>rn299988</v>
          </cell>
          <cell r="W2727" t="str">
            <v>am178199</v>
          </cell>
          <cell r="Y2727" t="str">
            <v>18，36，50，</v>
          </cell>
          <cell r="Z2727">
            <v>36</v>
          </cell>
          <cell r="AA2727">
            <v>50</v>
          </cell>
          <cell r="AB2727">
            <v>18</v>
          </cell>
          <cell r="AC2727" t="str">
            <v/>
          </cell>
          <cell r="AD2727" t="str">
            <v/>
          </cell>
          <cell r="AE2727" t="str">
            <v>１；放送機器、視聴覚機器、音響・映像機器（ホール、会館、会議室、視聴覚室等）：ミキサー、アンプ、スピーカー、ワイヤレスシステム、マイクロフォン等　仕入先：（株）ヤマハミュージックジャパン２；ホール、会館、会議室、視聴覚室等の音響・映像機器の保守点検３；楽器全般：管楽器、和楽器、ギター、ベース、ウクレレ、ドラム、キーボード、コンピューターミュージック関連等　仕入先：（株）ヤマハミュージックジャパン、ローランド（株）、コルグ（株）４；</v>
          </cell>
          <cell r="AF2727" t="str">
            <v>弊社はその事業活動が、視聴覚（＝Ａｕｄｉｏ＆Ｖｉｓｕａｌ）を主軸として展開される文化へのいささかの貢献となることを願い、より高品位な音響・映像空間の創出と提供、及び音響・映像機器、楽器の提供を主として事業を展開しております。</v>
          </cell>
        </row>
        <row r="2728">
          <cell r="B2728">
            <v>11297</v>
          </cell>
          <cell r="C2728" t="str">
            <v>(株)ケイディーエス</v>
          </cell>
          <cell r="D2728" t="str">
            <v>06-6316-5151</v>
          </cell>
          <cell r="E2728" t="str">
            <v>530-0054</v>
          </cell>
          <cell r="F2728" t="str">
            <v>大阪府大阪市北区南森町2-4-1</v>
          </cell>
          <cell r="G2728" t="str">
            <v>大阪市</v>
          </cell>
          <cell r="H2728" t="str">
            <v/>
          </cell>
          <cell r="I2728" t="str">
            <v>代表取締役 勝山　雅裕</v>
          </cell>
          <cell r="J2728" t="str">
            <v>本店</v>
          </cell>
          <cell r="K2728" t="str">
            <v>06-6316-5511</v>
          </cell>
          <cell r="L2728" t="str">
            <v>m-konishi@kds-c.co.jp</v>
          </cell>
          <cell r="M2728" t="str">
            <v>ｹｲﾃﾞｨｰｴｽ</v>
          </cell>
          <cell r="N2728" t="str">
            <v>無</v>
          </cell>
          <cell r="O2728">
            <v>43</v>
          </cell>
          <cell r="P2728">
            <v>35</v>
          </cell>
          <cell r="Q2728">
            <v>1120001016346</v>
          </cell>
          <cell r="R2728">
            <v>30000</v>
          </cell>
          <cell r="S2728">
            <v>749391</v>
          </cell>
          <cell r="T2728">
            <v>3794979</v>
          </cell>
          <cell r="V2728" t="str">
            <v>pt164839</v>
          </cell>
          <cell r="W2728" t="str">
            <v>ｒb151699</v>
          </cell>
          <cell r="Y2728" t="str">
            <v>10，41，42，</v>
          </cell>
          <cell r="Z2728">
            <v>41</v>
          </cell>
          <cell r="AA2728">
            <v>42</v>
          </cell>
          <cell r="AB2728">
            <v>10</v>
          </cell>
          <cell r="AC2728" t="str">
            <v/>
          </cell>
          <cell r="AD2728" t="str">
            <v/>
          </cell>
          <cell r="AE2728" t="str">
            <v>１；東亜ディーケーケー（株）の代理店　ＨＡＣＨ社の製品を取扱いしております。２；富士電機（株）の特約店　同社をはじめとしてフィールド分析計器を販売しております。３；水質分析機器の販売に付随して、試薬の販売を行っております。４；</v>
          </cell>
          <cell r="AF2728" t="str">
            <v>弊社は、富士電機（株）他４社の特約店及び代理店として大気、水質管理、上下水道、ゴミ焼却場や省エネルギーに不可欠な機器をハード、ソフト両面で提供しております。</v>
          </cell>
        </row>
        <row r="2729">
          <cell r="B2729">
            <v>11298</v>
          </cell>
          <cell r="C2729" t="str">
            <v>川村義肢(株)</v>
          </cell>
          <cell r="D2729" t="str">
            <v>06-6352-1012</v>
          </cell>
          <cell r="E2729" t="str">
            <v>530-0041</v>
          </cell>
          <cell r="F2729" t="str">
            <v>大阪府大阪市北区天神橋1-18-18</v>
          </cell>
          <cell r="G2729" t="str">
            <v>大阪市</v>
          </cell>
          <cell r="H2729" t="str">
            <v/>
          </cell>
          <cell r="I2729" t="str">
            <v>代表取締役 川村　慶</v>
          </cell>
          <cell r="J2729" t="str">
            <v>本店</v>
          </cell>
          <cell r="K2729" t="str">
            <v>06-6352-1018</v>
          </cell>
          <cell r="L2729" t="str">
            <v>keiyaku@kawamura-gishi.co.jp</v>
          </cell>
          <cell r="M2729" t="str">
            <v>ｶﾜﾑﾗｷﾞｼ</v>
          </cell>
          <cell r="N2729" t="str">
            <v>無</v>
          </cell>
          <cell r="O2729">
            <v>72</v>
          </cell>
          <cell r="P2729">
            <v>596</v>
          </cell>
          <cell r="Q2729">
            <v>8120001062400</v>
          </cell>
          <cell r="R2729">
            <v>83500</v>
          </cell>
          <cell r="S2729">
            <v>1140682</v>
          </cell>
          <cell r="T2729">
            <v>7195731</v>
          </cell>
          <cell r="V2729" t="str">
            <v>qm437118</v>
          </cell>
          <cell r="W2729" t="str">
            <v>zf193966</v>
          </cell>
          <cell r="Y2729" t="str">
            <v>39，</v>
          </cell>
          <cell r="Z2729">
            <v>39</v>
          </cell>
          <cell r="AA2729" t="str">
            <v/>
          </cell>
          <cell r="AB2729" t="str">
            <v/>
          </cell>
          <cell r="AC2729" t="str">
            <v/>
          </cell>
          <cell r="AD2729" t="str">
            <v/>
          </cell>
          <cell r="AE2729" t="str">
            <v>１；義肢装具製造・販売　高度管理医療機器販売業賃貸業許可２；３；４；</v>
          </cell>
          <cell r="AF2729" t="str">
            <v>義肢・装具を中心としたリハビリ機器メーカーです</v>
          </cell>
        </row>
        <row r="2730">
          <cell r="B2730">
            <v>11299</v>
          </cell>
          <cell r="C2730" t="str">
            <v>フクダライフテック兵庫(株)</v>
          </cell>
          <cell r="D2730" t="str">
            <v>06-4950-0081</v>
          </cell>
          <cell r="E2730" t="str">
            <v>661-0032</v>
          </cell>
          <cell r="F2730" t="str">
            <v>兵庫県尼崎市武庫之荘東1‐26‐11</v>
          </cell>
          <cell r="G2730" t="str">
            <v>尼崎市</v>
          </cell>
          <cell r="H2730" t="str">
            <v>尼崎営業所</v>
          </cell>
          <cell r="I2730" t="str">
            <v>営業所長 山本　聡</v>
          </cell>
          <cell r="J2730" t="str">
            <v>兵庫県神戸市</v>
          </cell>
          <cell r="K2730" t="str">
            <v>06-4950-0082</v>
          </cell>
          <cell r="L2730" t="str">
            <v>keiko.sugiyama@fukuda.co.jp</v>
          </cell>
          <cell r="M2730" t="str">
            <v>ﾌｸﾀﾞﾗｲﾌﾃｯｸﾋｮｳｺﾞ</v>
          </cell>
          <cell r="N2730" t="str">
            <v>有</v>
          </cell>
          <cell r="O2730">
            <v>22</v>
          </cell>
          <cell r="P2730">
            <v>39</v>
          </cell>
          <cell r="Q2730">
            <v>9140001014035</v>
          </cell>
          <cell r="R2730">
            <v>20000</v>
          </cell>
          <cell r="S2730">
            <v>490388</v>
          </cell>
          <cell r="T2730">
            <v>1131822</v>
          </cell>
          <cell r="V2730" t="str">
            <v>nj450676</v>
          </cell>
          <cell r="W2730" t="str">
            <v>uｒ198519</v>
          </cell>
          <cell r="Y2730" t="str">
            <v>9，39，44，</v>
          </cell>
          <cell r="Z2730">
            <v>44</v>
          </cell>
          <cell r="AA2730">
            <v>39</v>
          </cell>
          <cell r="AB2730" t="str">
            <v/>
          </cell>
          <cell r="AC2730" t="str">
            <v/>
          </cell>
          <cell r="AD2730" t="str">
            <v>酸素濃縮装置：１８００台、持続陽圧呼吸療法装置：５２００台、人工呼吸器：１８０台、二相式気道陽圧ユニット：１００台</v>
          </cell>
          <cell r="AE2730" t="str">
            <v>１；在宅医療機器（酸素濃縮装置、持続陽圧呼吸療法装置、人工呼吸器、二相式気道陽圧ユニット）等の賃貸業【高度管理医療機器等販売業貸与業、医薬品販売業、高圧ガス販売事業届、医療機器修理業】２；生体検査装置（睡眠評価装置、呼吸機能検査装置）ならびに医療消耗品の販売業【代：フクダ電子株式会社、株式会社フクダ産業】３；４；</v>
          </cell>
          <cell r="AF2730" t="str">
            <v>弊社は総合医療機器メーカーであるフクダ電子株式会社１００％出資の子会社であり、医療機関における在宅酸素療法で使用する酸素濃縮装置や睡眠時無呼吸症候群の治療器、持続陽圧呼吸療法装置、人工呼吸器等の賃貸業と睡眠評価装置などの生体検査装置の販売業を営んでいます。</v>
          </cell>
        </row>
        <row r="2731">
          <cell r="B2731">
            <v>11301</v>
          </cell>
          <cell r="C2731" t="str">
            <v>(株)シティコード研究所</v>
          </cell>
          <cell r="D2731" t="str">
            <v>06-6231-0188</v>
          </cell>
          <cell r="E2731" t="str">
            <v>541-0045</v>
          </cell>
          <cell r="F2731" t="str">
            <v>大阪府大阪市中央区道修町2-2-5</v>
          </cell>
          <cell r="G2731" t="str">
            <v>大阪市</v>
          </cell>
          <cell r="H2731" t="str">
            <v/>
          </cell>
          <cell r="I2731" t="str">
            <v>代表取締役 松野　東平</v>
          </cell>
          <cell r="J2731" t="str">
            <v>本店</v>
          </cell>
          <cell r="K2731" t="str">
            <v>06-6231-3788</v>
          </cell>
          <cell r="L2731" t="str">
            <v>info@citycode.info</v>
          </cell>
          <cell r="M2731" t="str">
            <v>ｼﾃｨｺｰﾄﾞｹﾝｷｭｳｼｮ</v>
          </cell>
          <cell r="N2731" t="str">
            <v>無</v>
          </cell>
          <cell r="O2731">
            <v>31</v>
          </cell>
          <cell r="P2731">
            <v>3</v>
          </cell>
          <cell r="Q2731">
            <v>2120001081109</v>
          </cell>
          <cell r="R2731">
            <v>10000</v>
          </cell>
          <cell r="S2731">
            <v>-11209</v>
          </cell>
          <cell r="T2731">
            <v>25890</v>
          </cell>
          <cell r="V2731" t="str">
            <v>mt245790</v>
          </cell>
          <cell r="W2731" t="str">
            <v>ik159987</v>
          </cell>
          <cell r="Y2731" t="str">
            <v>77，</v>
          </cell>
          <cell r="Z2731">
            <v>80</v>
          </cell>
          <cell r="AA2731">
            <v>77</v>
          </cell>
          <cell r="AB2731" t="str">
            <v/>
          </cell>
          <cell r="AC2731" t="str">
            <v/>
          </cell>
          <cell r="AD2731" t="str">
            <v/>
          </cell>
          <cell r="AE2731" t="str">
            <v>１；行政の各種計画立案のコンサルティング業務を得意としています。２；市民意識調査など各種調査の集計・分析を得意としています。３；４；</v>
          </cell>
          <cell r="AF2731" t="str">
            <v>総合計画から福祉・健康、教育・文化、人権、子育て・青少年育成、産業振興、防災にいたるまで、調査・研究、計画立案などを得意としています。また、市民意識調査等の調査・分析も多数実績があります。</v>
          </cell>
        </row>
        <row r="2732">
          <cell r="B2732">
            <v>11302</v>
          </cell>
          <cell r="C2732" t="str">
            <v>(株)コアズ</v>
          </cell>
          <cell r="D2732" t="str">
            <v>06-6105-1125</v>
          </cell>
          <cell r="E2732" t="str">
            <v>530-0005</v>
          </cell>
          <cell r="F2732" t="str">
            <v>大阪府大阪市北区中之島3丁目2番18号</v>
          </cell>
          <cell r="G2732" t="str">
            <v>大阪市</v>
          </cell>
          <cell r="H2732" t="str">
            <v>大阪事業本部</v>
          </cell>
          <cell r="I2732" t="str">
            <v>取締役大阪事業本部長 山本　好身</v>
          </cell>
          <cell r="J2732" t="str">
            <v>愛知県名古屋市</v>
          </cell>
          <cell r="K2732" t="str">
            <v>06-105-1126</v>
          </cell>
          <cell r="L2732" t="str">
            <v>eigyo_os@corps.co.jp</v>
          </cell>
          <cell r="M2732" t="str">
            <v>ｺｱｽﾞ</v>
          </cell>
          <cell r="N2732" t="str">
            <v>有</v>
          </cell>
          <cell r="O2732">
            <v>44</v>
          </cell>
          <cell r="P2732">
            <v>4451</v>
          </cell>
          <cell r="Q2732">
            <v>1180001035761</v>
          </cell>
          <cell r="R2732">
            <v>5000</v>
          </cell>
          <cell r="S2732">
            <v>5000</v>
          </cell>
          <cell r="T2732">
            <v>16581336</v>
          </cell>
          <cell r="V2732" t="str">
            <v>gf836107</v>
          </cell>
          <cell r="W2732" t="str">
            <v>ui113659</v>
          </cell>
          <cell r="Y2732" t="str">
            <v>45，54，</v>
          </cell>
          <cell r="Z2732">
            <v>45</v>
          </cell>
          <cell r="AA2732">
            <v>54</v>
          </cell>
          <cell r="AB2732" t="str">
            <v/>
          </cell>
          <cell r="AC2732" t="str">
            <v/>
          </cell>
          <cell r="AD2732" t="str">
            <v/>
          </cell>
          <cell r="AE2732" t="str">
            <v>１；２；３；４；</v>
          </cell>
          <cell r="AF2732" t="str">
            <v/>
          </cell>
        </row>
        <row r="2733">
          <cell r="B2733">
            <v>11303</v>
          </cell>
          <cell r="C2733" t="str">
            <v>信号器材(株)</v>
          </cell>
          <cell r="D2733" t="str">
            <v>06-4802-2300</v>
          </cell>
          <cell r="E2733" t="str">
            <v>541-0057</v>
          </cell>
          <cell r="F2733" t="str">
            <v>大阪府大阪市北区本庄西3-1-2</v>
          </cell>
          <cell r="G2733" t="str">
            <v>大阪市</v>
          </cell>
          <cell r="H2733" t="str">
            <v>大阪営業所</v>
          </cell>
          <cell r="I2733" t="str">
            <v>所長　 臼井　和美</v>
          </cell>
          <cell r="J2733" t="str">
            <v>神奈川県川崎市</v>
          </cell>
          <cell r="K2733" t="str">
            <v>06-4802-2301</v>
          </cell>
          <cell r="L2733" t="str">
            <v>osaka@shingokizai.co.jp</v>
          </cell>
          <cell r="M2733" t="str">
            <v>ｼﾝｺﾞｳｷｻﾞｲ</v>
          </cell>
          <cell r="N2733" t="str">
            <v>有</v>
          </cell>
          <cell r="O2733">
            <v>71</v>
          </cell>
          <cell r="P2733">
            <v>290</v>
          </cell>
          <cell r="Q2733">
            <v>2020000000000</v>
          </cell>
          <cell r="R2733">
            <v>100000</v>
          </cell>
          <cell r="S2733">
            <v>4194301</v>
          </cell>
          <cell r="T2733">
            <v>13616023</v>
          </cell>
          <cell r="V2733" t="str">
            <v>xw212993</v>
          </cell>
          <cell r="W2733" t="str">
            <v>vq119179</v>
          </cell>
          <cell r="Y2733" t="str">
            <v>30.31.33.66</v>
          </cell>
          <cell r="Z2733">
            <v>66</v>
          </cell>
          <cell r="AA2733">
            <v>33</v>
          </cell>
          <cell r="AB2733">
            <v>30</v>
          </cell>
          <cell r="AC2733">
            <v>31</v>
          </cell>
          <cell r="AD2733" t="str">
            <v/>
          </cell>
          <cell r="AE2733" t="str">
            <v>１；２；道路標識、看板、交通安全施設用品３；アスファルト合材、常温合材、土木建設資材ほか４；鋼材、フェンス、ガードレール、防護柵ほか</v>
          </cell>
          <cell r="AF2733" t="str">
            <v>標識標示等交通安全施設の製造施工に従事しております。交通事故対策等ご用命お願いします。</v>
          </cell>
        </row>
        <row r="2734">
          <cell r="B2734">
            <v>11304</v>
          </cell>
          <cell r="C2734" t="str">
            <v>(株)井上商会</v>
          </cell>
          <cell r="D2734" t="str">
            <v>06-6413-8311</v>
          </cell>
          <cell r="E2734" t="str">
            <v>660-0054</v>
          </cell>
          <cell r="F2734" t="str">
            <v>兵庫県尼崎市西立花町4丁目10-20</v>
          </cell>
          <cell r="G2734" t="str">
            <v>尼崎市</v>
          </cell>
          <cell r="H2734" t="str">
            <v/>
          </cell>
          <cell r="I2734" t="str">
            <v>代表取締役 井上栄二</v>
          </cell>
          <cell r="J2734" t="str">
            <v>本店</v>
          </cell>
          <cell r="K2734" t="str">
            <v>06-6412-2272</v>
          </cell>
          <cell r="L2734" t="str">
            <v>inoue@aoz.jp</v>
          </cell>
          <cell r="M2734" t="str">
            <v>ｲﾉｳｴｼｮｳｶｲ</v>
          </cell>
          <cell r="N2734" t="str">
            <v>無</v>
          </cell>
          <cell r="O2734">
            <v>14</v>
          </cell>
          <cell r="P2734">
            <v>2</v>
          </cell>
          <cell r="Q2734">
            <v>3140001053179</v>
          </cell>
          <cell r="R2734">
            <v>100</v>
          </cell>
          <cell r="S2734">
            <v>3773</v>
          </cell>
          <cell r="T2734">
            <v>11000</v>
          </cell>
          <cell r="V2734" t="str">
            <v>es528314</v>
          </cell>
          <cell r="W2734" t="str">
            <v>dm183956</v>
          </cell>
          <cell r="Y2734" t="str">
            <v>03，01，03，07，08，</v>
          </cell>
          <cell r="Z2734">
            <v>7</v>
          </cell>
          <cell r="AA2734">
            <v>8</v>
          </cell>
          <cell r="AB2734">
            <v>1</v>
          </cell>
          <cell r="AC2734">
            <v>3</v>
          </cell>
          <cell r="AD2734" t="str">
            <v/>
          </cell>
          <cell r="AE2734" t="str">
            <v>１；２；３；４；</v>
          </cell>
          <cell r="AF2734" t="str">
            <v>表彰盾、カップ、メダル、トロフィー類。旗、のぼりなど。記念品、贈答品に実績あり。</v>
          </cell>
        </row>
        <row r="2735">
          <cell r="B2735">
            <v>11307</v>
          </cell>
          <cell r="C2735" t="str">
            <v>(株)キクテック</v>
          </cell>
          <cell r="D2735" t="str">
            <v>078-882-9708</v>
          </cell>
          <cell r="E2735" t="str">
            <v>657-0812</v>
          </cell>
          <cell r="F2735" t="str">
            <v>兵庫県神戸市灘区箕岡通1-2-9</v>
          </cell>
          <cell r="G2735" t="str">
            <v>神戸市</v>
          </cell>
          <cell r="H2735" t="str">
            <v>兵庫営業所</v>
          </cell>
          <cell r="I2735" t="str">
            <v>所長 長友　則夫</v>
          </cell>
          <cell r="J2735" t="str">
            <v>愛知県名古屋市</v>
          </cell>
          <cell r="K2735" t="str">
            <v>078-882-9706</v>
          </cell>
          <cell r="L2735" t="str">
            <v>hyogo@kictec.co.jp</v>
          </cell>
          <cell r="M2735" t="str">
            <v>ｷｸﾃｯｸ</v>
          </cell>
          <cell r="N2735" t="str">
            <v>有</v>
          </cell>
          <cell r="O2735">
            <v>54</v>
          </cell>
          <cell r="P2735">
            <v>314</v>
          </cell>
          <cell r="Q2735">
            <v>1180001014311</v>
          </cell>
          <cell r="R2735">
            <v>80000</v>
          </cell>
          <cell r="S2735">
            <v>6501966</v>
          </cell>
          <cell r="T2735">
            <v>13129563</v>
          </cell>
          <cell r="V2735" t="str">
            <v>aa201128</v>
          </cell>
          <cell r="W2735" t="str">
            <v>lx188995</v>
          </cell>
          <cell r="Y2735" t="str">
            <v>30，31，32，66，76，</v>
          </cell>
          <cell r="Z2735" t="str">
            <v/>
          </cell>
          <cell r="AA2735" t="str">
            <v/>
          </cell>
          <cell r="AB2735" t="str">
            <v/>
          </cell>
          <cell r="AC2735" t="str">
            <v/>
          </cell>
          <cell r="AD2735" t="str">
            <v/>
          </cell>
          <cell r="AE2735" t="str">
            <v>１；交通安全施設製品（道路標識、カーブミラー、ガードレール、防護柵、道路鋲、視線誘導等）２；各種デザイン看板、歩行者系サイン等、屋外広告物許可３；道路標識柱、共架金具類４；シール、ラベル、車両用ステッカー、インクジェットシート</v>
          </cell>
          <cell r="AF2735" t="str">
            <v>道路標識・路面標示等交通安全施設品全般のメーカーであり工事の実績も有ります。自発光式道路鋲も制作しています。又区画線消去はウォータージェット式の抹消を自社施工機で行います。</v>
          </cell>
        </row>
        <row r="2736">
          <cell r="B2736">
            <v>11308</v>
          </cell>
          <cell r="C2736" t="str">
            <v>安井工業写真株式会社</v>
          </cell>
          <cell r="D2736" t="str">
            <v>06-6245-5688</v>
          </cell>
          <cell r="E2736" t="str">
            <v>541-0053</v>
          </cell>
          <cell r="F2736" t="str">
            <v>大阪府大阪市中央区本町4-4-13</v>
          </cell>
          <cell r="G2736" t="str">
            <v>大阪市</v>
          </cell>
          <cell r="H2736" t="str">
            <v/>
          </cell>
          <cell r="I2736" t="str">
            <v>代表取締役 安井　大介</v>
          </cell>
          <cell r="J2736" t="str">
            <v>本店</v>
          </cell>
          <cell r="K2736" t="str">
            <v>06-6245-5689</v>
          </cell>
          <cell r="L2736" t="str">
            <v>d-yasui@yasui-kougyou.jp</v>
          </cell>
          <cell r="M2736" t="str">
            <v>ﾔｽｲｺｳｷﾞｮｳｼｬｼﾝ</v>
          </cell>
          <cell r="N2736" t="str">
            <v>無</v>
          </cell>
          <cell r="O2736">
            <v>47</v>
          </cell>
          <cell r="P2736">
            <v>27</v>
          </cell>
          <cell r="Q2736">
            <v>5120001091162</v>
          </cell>
          <cell r="R2736">
            <v>10000</v>
          </cell>
          <cell r="S2736">
            <v>59985</v>
          </cell>
          <cell r="T2736">
            <v>307577</v>
          </cell>
          <cell r="V2736" t="str">
            <v>ve753553</v>
          </cell>
          <cell r="W2736" t="str">
            <v>nf193353</v>
          </cell>
          <cell r="Y2736" t="str">
            <v>075，57，70，71，75，</v>
          </cell>
          <cell r="Z2736">
            <v>71</v>
          </cell>
          <cell r="AA2736">
            <v>57</v>
          </cell>
          <cell r="AB2736">
            <v>70</v>
          </cell>
          <cell r="AC2736">
            <v>75</v>
          </cell>
          <cell r="AD2736" t="str">
            <v>プライバシーマークの許諾証第20000411(07)号</v>
          </cell>
          <cell r="AE2736" t="str">
            <v>１；マイクロ写真撮影全般、既存マイクロフィルムのデジタル変換、イメージデータから直接マイクロフィルム作成等２；図面、図書、古文書等のスキャニング処理による電子化、電子納品作成３；写真フィルムのデジタルアーカイブ作成、デジタルカメラ撮影による電子化４；電子複写全般、カラーコピー、ＣＤＡデータ等の出力</v>
          </cell>
          <cell r="AF2736" t="str">
            <v>１、各官公庁の仕様に基づく電子納品、完成図書の作成は得意とします。２、マイクロフィルムの撮影及びマイクロフィルムのデジタル化サービス。３、各種データの入力及び加工、データ変換等の情報処理サービス</v>
          </cell>
        </row>
        <row r="2737">
          <cell r="B2737">
            <v>11311</v>
          </cell>
          <cell r="C2737" t="str">
            <v>浪田石油(株)</v>
          </cell>
          <cell r="D2737" t="str">
            <v>06-6761-0131</v>
          </cell>
          <cell r="E2737" t="str">
            <v>542-0072</v>
          </cell>
          <cell r="F2737" t="str">
            <v>大阪府大阪市中央区高津1-4-10</v>
          </cell>
          <cell r="G2737" t="str">
            <v>大阪市</v>
          </cell>
          <cell r="H2737" t="str">
            <v/>
          </cell>
          <cell r="I2737" t="str">
            <v>取締役社長　 浪田　昌治</v>
          </cell>
          <cell r="J2737" t="str">
            <v>本店</v>
          </cell>
          <cell r="K2737" t="str">
            <v>06-6761-0139</v>
          </cell>
          <cell r="L2737" t="str">
            <v>nnobutaka.kadono@namita.co.jp</v>
          </cell>
          <cell r="M2737" t="str">
            <v>ﾅﾐﾀｾｷﾕ</v>
          </cell>
          <cell r="N2737" t="str">
            <v>無</v>
          </cell>
          <cell r="O2737">
            <v>131</v>
          </cell>
          <cell r="P2737">
            <v>100</v>
          </cell>
          <cell r="Q2737">
            <v>6120000000000</v>
          </cell>
          <cell r="R2737">
            <v>50000</v>
          </cell>
          <cell r="S2737">
            <v>3973105</v>
          </cell>
          <cell r="T2737">
            <v>7491197</v>
          </cell>
          <cell r="V2737" t="str">
            <v>cr506584</v>
          </cell>
          <cell r="W2737" t="str">
            <v>og196635</v>
          </cell>
          <cell r="Y2737" t="str">
            <v>11.26.80</v>
          </cell>
          <cell r="Z2737">
            <v>11</v>
          </cell>
          <cell r="AA2737">
            <v>26</v>
          </cell>
          <cell r="AB2737">
            <v>80</v>
          </cell>
          <cell r="AC2737" t="str">
            <v/>
          </cell>
          <cell r="AD2737" t="str">
            <v/>
          </cell>
          <cell r="AE2737" t="str">
            <v>１；２；燃料油・液化ガス・潤滑油・グリース・溶剤３；車検・自動車修理・リース・中古車販売・損保・生保４；環境関連設備機器販売・地下タンク検査・油処理消耗品等</v>
          </cell>
          <cell r="AF2737" t="str">
            <v>①石油製品販売事業（燃料及び潤滑油・グリース販売事業）②サービスステーション事業（ガソリン・軽油・カー用品・洗車）③環境関連商品販売・保守事業（設備機器・油処理消耗品・地下タンク検査等）</v>
          </cell>
        </row>
        <row r="2738">
          <cell r="B2738">
            <v>11312</v>
          </cell>
          <cell r="C2738" t="str">
            <v>(株)選挙設備関西</v>
          </cell>
          <cell r="D2738" t="str">
            <v>072-624-5091</v>
          </cell>
          <cell r="E2738" t="str">
            <v>567-0046</v>
          </cell>
          <cell r="F2738" t="str">
            <v>大阪府茨木市南春日丘7-2-9</v>
          </cell>
          <cell r="G2738" t="str">
            <v>茨木市</v>
          </cell>
          <cell r="H2738" t="str">
            <v/>
          </cell>
          <cell r="I2738" t="str">
            <v>代表取締役 埴田　美佐子</v>
          </cell>
          <cell r="J2738" t="str">
            <v>本店</v>
          </cell>
          <cell r="K2738" t="str">
            <v>072-624-5093</v>
          </cell>
          <cell r="L2738" t="str">
            <v>ssk1989@zeus.eonet.ne.jp</v>
          </cell>
          <cell r="M2738" t="str">
            <v>ｾﾝｷｮｾﾂﾋﾞｶﾝｻｲ</v>
          </cell>
          <cell r="N2738" t="str">
            <v>無</v>
          </cell>
          <cell r="O2738">
            <v>36</v>
          </cell>
          <cell r="P2738">
            <v>5</v>
          </cell>
          <cell r="Q2738">
            <v>4120901001171</v>
          </cell>
          <cell r="R2738">
            <v>10000</v>
          </cell>
          <cell r="S2738">
            <v>139862</v>
          </cell>
          <cell r="T2738">
            <v>151134</v>
          </cell>
          <cell r="V2738" t="str">
            <v>yv510610</v>
          </cell>
          <cell r="W2738" t="str">
            <v>ds195659</v>
          </cell>
          <cell r="Y2738" t="str">
            <v>07，16，</v>
          </cell>
          <cell r="Z2738">
            <v>16</v>
          </cell>
          <cell r="AA2738">
            <v>80</v>
          </cell>
          <cell r="AB2738">
            <v>7</v>
          </cell>
          <cell r="AC2738" t="str">
            <v/>
          </cell>
          <cell r="AD2738" t="str">
            <v/>
          </cell>
          <cell r="AE2738" t="str">
            <v>１；ビルコン株式会社、株式会社鈴吉製作所２；株式会社ウチダ、株式会社ニーズ３；株式会社紺善４；</v>
          </cell>
          <cell r="AF2738" t="str">
            <v>選挙用品全般、広報用品全般、配布用啓発用品全般を近畿圏内の多くの官公庁に納入しています。</v>
          </cell>
        </row>
        <row r="2739">
          <cell r="B2739">
            <v>11316</v>
          </cell>
          <cell r="C2739" t="str">
            <v>(株)大阪ダイケンビルサービス</v>
          </cell>
          <cell r="D2739" t="str">
            <v>06-6344-6040</v>
          </cell>
          <cell r="E2739" t="str">
            <v>530-0003</v>
          </cell>
          <cell r="F2739" t="str">
            <v>大阪府大阪市北区堂島1-5-17</v>
          </cell>
          <cell r="G2739" t="str">
            <v>大阪市</v>
          </cell>
          <cell r="I2739" t="str">
            <v>代表取締役 出本　裕治</v>
          </cell>
          <cell r="J2739" t="str">
            <v>東京都</v>
          </cell>
          <cell r="K2739" t="str">
            <v>06-6344-7501</v>
          </cell>
          <cell r="L2739" t="str">
            <v>eigyo-dko@osaka-daikennbs.co.jp</v>
          </cell>
          <cell r="M2739" t="str">
            <v>ﾀﾞｲｹﾝﾋﾞﾙｻｰﾋﾞｽ</v>
          </cell>
          <cell r="N2739" t="str">
            <v>有</v>
          </cell>
          <cell r="O2739">
            <v>60</v>
          </cell>
          <cell r="P2739">
            <v>3550</v>
          </cell>
          <cell r="Q2739">
            <v>9010001122288</v>
          </cell>
          <cell r="R2739">
            <v>950000</v>
          </cell>
          <cell r="S2739">
            <v>9927918</v>
          </cell>
          <cell r="T2739">
            <v>14701021</v>
          </cell>
          <cell r="V2739" t="str">
            <v>wa254403</v>
          </cell>
          <cell r="W2739" t="str">
            <v>bd159551</v>
          </cell>
          <cell r="Y2739" t="str">
            <v>048，45，46，47，48，49，52，54，</v>
          </cell>
          <cell r="Z2739">
            <v>54</v>
          </cell>
          <cell r="AA2739">
            <v>45</v>
          </cell>
          <cell r="AB2739">
            <v>47</v>
          </cell>
          <cell r="AC2739">
            <v>48</v>
          </cell>
          <cell r="AD2739" t="str">
            <v>建築物飲料水貯水槽清掃業登録、建築物ねずみ昆虫等防除登録、消防設備業・消防設備点検業届出</v>
          </cell>
          <cell r="AE2739" t="str">
            <v>１；建築物環境衛生総合管理業登録、医療関連サービスマーク認定２；警備業認定３；４；</v>
          </cell>
          <cell r="AF2739" t="str">
            <v>当社は、昭和３３年創業以来一貫してオフィスビルや商業施設など各種建築物の清掃管理業務や設備保守管理業務、警備保安業務等各種サービス業務を主体としたビルメンテナンス業務を行っております。</v>
          </cell>
        </row>
        <row r="2740">
          <cell r="B2740">
            <v>11318</v>
          </cell>
          <cell r="C2740" t="str">
            <v>(株)コスモインターナショナル</v>
          </cell>
          <cell r="D2740" t="str">
            <v>072-793-1013</v>
          </cell>
          <cell r="E2740" t="str">
            <v>666-0123</v>
          </cell>
          <cell r="F2740" t="str">
            <v>兵庫県川西市鼓が滝1-4-13</v>
          </cell>
          <cell r="G2740" t="str">
            <v>川西市</v>
          </cell>
          <cell r="H2740" t="str">
            <v/>
          </cell>
          <cell r="I2740" t="str">
            <v>代表取締役 小椋　賢輔</v>
          </cell>
          <cell r="J2740" t="str">
            <v>本店</v>
          </cell>
          <cell r="K2740" t="str">
            <v>072-792-5867</v>
          </cell>
          <cell r="L2740" t="str">
            <v>t-takemura@cosmogroup.jp</v>
          </cell>
          <cell r="M2740" t="str">
            <v>ｺｽﾓｲﾝﾀｰﾅｼｮﾅﾙ</v>
          </cell>
          <cell r="N2740" t="str">
            <v>無</v>
          </cell>
          <cell r="O2740">
            <v>52</v>
          </cell>
          <cell r="P2740">
            <v>41</v>
          </cell>
          <cell r="Q2740">
            <v>9140001083443</v>
          </cell>
          <cell r="R2740">
            <v>10000</v>
          </cell>
          <cell r="S2740">
            <v>31904</v>
          </cell>
          <cell r="T2740">
            <v>551303</v>
          </cell>
          <cell r="V2740" t="str">
            <v>vm407160</v>
          </cell>
          <cell r="W2740" t="str">
            <v>lk199186</v>
          </cell>
          <cell r="Y2740" t="str">
            <v>054，45，46，47，49，54，</v>
          </cell>
          <cell r="Z2740">
            <v>45</v>
          </cell>
          <cell r="AA2740">
            <v>46</v>
          </cell>
          <cell r="AB2740">
            <v>47</v>
          </cell>
          <cell r="AC2740">
            <v>54</v>
          </cell>
          <cell r="AD2740" t="str">
            <v/>
          </cell>
          <cell r="AE2740" t="str">
            <v>１；警備業認定　兵庫県公安委員会第６３０００４３２号　施設警備・交通誘導警備・雑踏警備の有資格者を雇用しております。２；消防設備士・ボイラー技士・防火管理者等の資格を有する者を雇用しております。３；４；貯水槽清掃技術者等の資格を有する者を雇用しております。</v>
          </cell>
          <cell r="AF2740" t="str">
            <v>施設の利用者が安心して快適にいられるよう、人的サービスを主体とした各種警備サービス、各種設備の保守管理を提供しています。</v>
          </cell>
        </row>
        <row r="2741">
          <cell r="B2741">
            <v>11319</v>
          </cell>
          <cell r="C2741" t="str">
            <v>日本空調サービス(株)</v>
          </cell>
          <cell r="D2741" t="str">
            <v>072-726-1400</v>
          </cell>
          <cell r="E2741" t="str">
            <v>562-0035</v>
          </cell>
          <cell r="F2741" t="str">
            <v>大阪府箕面市船場東2-4-56</v>
          </cell>
          <cell r="G2741" t="str">
            <v>箕面市</v>
          </cell>
          <cell r="H2741" t="str">
            <v>大阪支店</v>
          </cell>
          <cell r="I2741" t="str">
            <v>執行役員支店長 松井　正</v>
          </cell>
          <cell r="J2741" t="str">
            <v>愛知県名古屋市</v>
          </cell>
          <cell r="K2741" t="str">
            <v>072-726-6626</v>
          </cell>
          <cell r="L2741" t="str">
            <v>t70101@nikku.co.jp</v>
          </cell>
          <cell r="M2741" t="str">
            <v>ﾆﾎﾝｸｳﾁｮｳｻｰﾋﾞｽ</v>
          </cell>
          <cell r="N2741" t="str">
            <v>有</v>
          </cell>
          <cell r="O2741">
            <v>53</v>
          </cell>
          <cell r="P2741">
            <v>1758</v>
          </cell>
          <cell r="Q2741">
            <v>6180001002699</v>
          </cell>
          <cell r="R2741">
            <v>1139575</v>
          </cell>
          <cell r="S2741">
            <v>13340000</v>
          </cell>
          <cell r="T2741">
            <v>45467000</v>
          </cell>
          <cell r="V2741" t="str">
            <v>uc288844</v>
          </cell>
          <cell r="W2741" t="str">
            <v>jg195678</v>
          </cell>
          <cell r="Y2741" t="str">
            <v>10，45，46，48，51，</v>
          </cell>
          <cell r="Z2741">
            <v>48</v>
          </cell>
          <cell r="AA2741">
            <v>46</v>
          </cell>
          <cell r="AB2741">
            <v>45</v>
          </cell>
          <cell r="AC2741" t="str">
            <v/>
          </cell>
          <cell r="AD2741" t="str">
            <v/>
          </cell>
          <cell r="AE2741" t="str">
            <v>１；空調設備を中心とした機械設備の法定・保守点検業務２；機械・電気設備の常駐維持管理業務３；４；</v>
          </cell>
          <cell r="AF2741" t="str">
            <v>施設維持管理業務及び空調設備他保守点検業務。空調設備の新設・増設・更新・改修工事。</v>
          </cell>
        </row>
        <row r="2742">
          <cell r="B2742">
            <v>11320</v>
          </cell>
          <cell r="C2742" t="str">
            <v>(株)横井製作所</v>
          </cell>
          <cell r="D2742" t="str">
            <v>06-6942-4501</v>
          </cell>
          <cell r="E2742" t="str">
            <v>540-0011</v>
          </cell>
          <cell r="F2742" t="str">
            <v>大阪府大阪市中央区農人橋1-1-22</v>
          </cell>
          <cell r="G2742" t="str">
            <v>大阪市</v>
          </cell>
          <cell r="H2742" t="str">
            <v>ホース事業部　営業部大阪</v>
          </cell>
          <cell r="I2742" t="str">
            <v>所長 中埜　正和</v>
          </cell>
          <cell r="J2742" t="str">
            <v>東京都</v>
          </cell>
          <cell r="K2742" t="str">
            <v>06-6942-4505</v>
          </cell>
          <cell r="L2742" t="str">
            <v>tokyo-pro@yokoi.co.jp</v>
          </cell>
          <cell r="M2742" t="str">
            <v>ﾖｺｲｾｲｻｸｼｮ</v>
          </cell>
          <cell r="N2742" t="str">
            <v>有</v>
          </cell>
          <cell r="O2742">
            <v>60</v>
          </cell>
          <cell r="P2742">
            <v>156</v>
          </cell>
          <cell r="Q2742">
            <v>1120001148833</v>
          </cell>
          <cell r="R2742">
            <v>50000</v>
          </cell>
          <cell r="S2742">
            <v>1085156</v>
          </cell>
          <cell r="T2742">
            <v>5191056</v>
          </cell>
          <cell r="V2742" t="str">
            <v>rn613684</v>
          </cell>
          <cell r="W2742" t="str">
            <v>oq196933</v>
          </cell>
          <cell r="Y2742" t="str">
            <v>38，</v>
          </cell>
          <cell r="Z2742" t="str">
            <v/>
          </cell>
          <cell r="AA2742" t="str">
            <v/>
          </cell>
          <cell r="AB2742" t="str">
            <v/>
          </cell>
          <cell r="AC2742" t="str">
            <v/>
          </cell>
          <cell r="AD2742" t="str">
            <v/>
          </cell>
          <cell r="AE2742" t="str">
            <v>１；消防用ホース、消火用ノズル、救助用エアージャッキ、飲料水送水用ホース、応急給水機材、グローブシャンプー、ロープガード２；３；４；</v>
          </cell>
          <cell r="AF2742" t="str">
            <v>消防設備機器及び棒愛用品の製造・販売</v>
          </cell>
        </row>
        <row r="2743">
          <cell r="B2743">
            <v>11322</v>
          </cell>
          <cell r="C2743" t="str">
            <v>第一法規(株)</v>
          </cell>
          <cell r="D2743" t="str">
            <v>03-3404-2251</v>
          </cell>
          <cell r="E2743" t="str">
            <v>107-8560</v>
          </cell>
          <cell r="F2743" t="str">
            <v>東京都港区南青山2-11-17</v>
          </cell>
          <cell r="G2743" t="str">
            <v>東京都</v>
          </cell>
          <cell r="H2743" t="str">
            <v/>
          </cell>
          <cell r="I2743" t="str">
            <v>代表取締役社長　 田中　英弥</v>
          </cell>
          <cell r="J2743" t="str">
            <v>本店</v>
          </cell>
          <cell r="K2743" t="str">
            <v>03-3404-2269</v>
          </cell>
          <cell r="L2743" t="str">
            <v>kansai@daiichihoki.co.jp</v>
          </cell>
          <cell r="M2743" t="str">
            <v>ﾀﾞｲｲﾁﾎｳｷ</v>
          </cell>
          <cell r="N2743" t="str">
            <v>無</v>
          </cell>
          <cell r="O2743">
            <v>75</v>
          </cell>
          <cell r="P2743">
            <v>517</v>
          </cell>
          <cell r="Q2743">
            <v>7010400000000</v>
          </cell>
          <cell r="R2743">
            <v>480000</v>
          </cell>
          <cell r="S2743">
            <v>49697108</v>
          </cell>
          <cell r="T2743">
            <v>11931045</v>
          </cell>
          <cell r="V2743" t="str">
            <v>ej956455</v>
          </cell>
          <cell r="W2743" t="str">
            <v>ag139595</v>
          </cell>
          <cell r="Y2743" t="str">
            <v>13.58.73.80</v>
          </cell>
          <cell r="Z2743">
            <v>58</v>
          </cell>
          <cell r="AA2743">
            <v>13</v>
          </cell>
          <cell r="AB2743">
            <v>73</v>
          </cell>
          <cell r="AC2743">
            <v>80</v>
          </cell>
          <cell r="AD2743" t="str">
            <v/>
          </cell>
          <cell r="AE2743" t="str">
            <v>１；２；例規集システムの作成・運用・管理３；加除式を含む書籍・単行本・雑誌・電子出版物４；出版物の編集・印刷・製本</v>
          </cell>
          <cell r="AF2743" t="str">
            <v>加除式を含む書籍・単行本・雑誌・電子出版物、出版物の編集・印刷・製本、例規集システムの作成・運用・管理、地方公共団体の地域政策に関する業務の分野で、皆様の業務をサポートしております。</v>
          </cell>
        </row>
        <row r="2744">
          <cell r="B2744">
            <v>11323</v>
          </cell>
          <cell r="C2744" t="str">
            <v>(株)第一テクノ</v>
          </cell>
          <cell r="D2744" t="str">
            <v>079-225-5585</v>
          </cell>
          <cell r="E2744" t="str">
            <v>670-0944</v>
          </cell>
          <cell r="F2744" t="str">
            <v>兵庫県姫路市阿保甲843</v>
          </cell>
          <cell r="G2744" t="str">
            <v>姫路市</v>
          </cell>
          <cell r="H2744" t="str">
            <v>兵庫営業所</v>
          </cell>
          <cell r="I2744" t="str">
            <v>所長 恩藤　優</v>
          </cell>
          <cell r="J2744" t="str">
            <v>東京都</v>
          </cell>
          <cell r="K2744" t="str">
            <v>079-225-5586</v>
          </cell>
          <cell r="L2744" t="str">
            <v>hyougo@daii.co.jp</v>
          </cell>
          <cell r="M2744" t="str">
            <v>ﾀﾞｲｲﾁﾃｸﾉ</v>
          </cell>
          <cell r="N2744" t="str">
            <v>有</v>
          </cell>
          <cell r="O2744">
            <v>58</v>
          </cell>
          <cell r="P2744">
            <v>286</v>
          </cell>
          <cell r="Q2744">
            <v>8010701005413</v>
          </cell>
          <cell r="R2744">
            <v>99000</v>
          </cell>
          <cell r="S2744">
            <v>12547616</v>
          </cell>
          <cell r="T2744">
            <v>20430463</v>
          </cell>
          <cell r="V2744" t="str">
            <v>fe103168</v>
          </cell>
          <cell r="W2744" t="str">
            <v>nu165873</v>
          </cell>
          <cell r="Y2744" t="str">
            <v>33，47，48，</v>
          </cell>
          <cell r="Z2744">
            <v>48</v>
          </cell>
          <cell r="AA2744">
            <v>47</v>
          </cell>
          <cell r="AB2744">
            <v>33</v>
          </cell>
          <cell r="AC2744" t="str">
            <v/>
          </cell>
          <cell r="AD2744" t="str">
            <v/>
          </cell>
          <cell r="AE2744" t="str">
            <v>１；上下水処理施設（ポンプ類　管　弁類　かき寄せ機　除塵機）２；屋内電気　屋外電気　電気設備保守３；上下水用関連材料等４；</v>
          </cell>
          <cell r="AF2744" t="str">
            <v>ポンプ関連機械設備の据付保守、上下水道施設関連の設備工事及び保守、自家発電設備の据付保守</v>
          </cell>
        </row>
        <row r="2745">
          <cell r="B2745">
            <v>11325</v>
          </cell>
          <cell r="C2745" t="str">
            <v>(株)トーケミ</v>
          </cell>
          <cell r="D2745" t="str">
            <v>06-6301-5627</v>
          </cell>
          <cell r="E2745" t="str">
            <v>532-0021</v>
          </cell>
          <cell r="F2745" t="str">
            <v>大阪府大阪市淀川区田川北1-12-11</v>
          </cell>
          <cell r="G2745" t="str">
            <v>大阪市</v>
          </cell>
          <cell r="H2745" t="str">
            <v/>
          </cell>
          <cell r="I2745" t="str">
            <v>代表取締役 細谷　一彦</v>
          </cell>
          <cell r="J2745" t="str">
            <v>本店</v>
          </cell>
          <cell r="K2745" t="str">
            <v>06-6308-7559</v>
          </cell>
          <cell r="L2745" t="str">
            <v>or@tohkemy.co.jp</v>
          </cell>
          <cell r="M2745" t="str">
            <v>ﾄｰｹﾐ</v>
          </cell>
          <cell r="N2745" t="str">
            <v>無</v>
          </cell>
          <cell r="O2745">
            <v>38</v>
          </cell>
          <cell r="P2745">
            <v>210</v>
          </cell>
          <cell r="Q2745">
            <v>5120001057064</v>
          </cell>
          <cell r="R2745">
            <v>95000</v>
          </cell>
          <cell r="S2745">
            <v>3342102</v>
          </cell>
          <cell r="T2745">
            <v>6703526</v>
          </cell>
          <cell r="V2745" t="str">
            <v>js855969</v>
          </cell>
          <cell r="W2745" t="str">
            <v>wa183963</v>
          </cell>
          <cell r="Y2745" t="str">
            <v>041，10，33，41，</v>
          </cell>
          <cell r="Z2745">
            <v>33</v>
          </cell>
          <cell r="AA2745">
            <v>80</v>
          </cell>
          <cell r="AB2745">
            <v>10</v>
          </cell>
          <cell r="AC2745">
            <v>41</v>
          </cell>
          <cell r="AD2745" t="str">
            <v/>
          </cell>
          <cell r="AE2745" t="str">
            <v>１；水処理用ろ過材（アンスラサイト・ろ過砂・ろ過砂利・フェロライト・トヨレックス・マンガン砂・イオン交換樹脂等全てのろ過材）２；浄水場内にあるろ過池のろ材の入替・更生・洗浄業務３；水処理用活性炭４；薬液注入ポンプ・タンク・攪拌機・濁度計・ｐＨ計他、水処理用機器類</v>
          </cell>
          <cell r="AF2745" t="str">
            <v>水処理ろ材（ろ過砂、アンスラサイト、ろ過砂利、銃鉄・除マンガンろ材等）の製造メーカーであり、全国上下水道施設へ納入実績を有し、また水道施設工事を主として全国官公庁上下水道施設及び民間施工等実績も多数有する。</v>
          </cell>
        </row>
        <row r="2746">
          <cell r="B2746">
            <v>11326</v>
          </cell>
          <cell r="C2746" t="str">
            <v>大本紙料(株)</v>
          </cell>
          <cell r="D2746" t="str">
            <v>078-857-2222</v>
          </cell>
          <cell r="E2746" t="str">
            <v>658-0031</v>
          </cell>
          <cell r="F2746" t="str">
            <v>兵庫県神戸市東灘区向洋町東3-17</v>
          </cell>
          <cell r="G2746" t="str">
            <v>神戸市</v>
          </cell>
          <cell r="H2746" t="str">
            <v/>
          </cell>
          <cell r="I2746" t="str">
            <v>代表取締役 大本　知昭</v>
          </cell>
          <cell r="J2746" t="str">
            <v>本店</v>
          </cell>
          <cell r="K2746" t="str">
            <v>078-857-2220</v>
          </cell>
          <cell r="L2746" t="str">
            <v>m.yamasaki@oomotoshiryo.co.jp</v>
          </cell>
          <cell r="M2746" t="str">
            <v>ｵｵﾓﾄｼﾘｮｳ</v>
          </cell>
          <cell r="N2746" t="str">
            <v>無</v>
          </cell>
          <cell r="O2746">
            <v>42</v>
          </cell>
          <cell r="P2746">
            <v>223</v>
          </cell>
          <cell r="Q2746">
            <v>9140001025668</v>
          </cell>
          <cell r="R2746">
            <v>97000</v>
          </cell>
          <cell r="S2746">
            <v>6009504</v>
          </cell>
          <cell r="T2746">
            <v>32468392</v>
          </cell>
          <cell r="V2746" t="str">
            <v>tg599751</v>
          </cell>
          <cell r="W2746" t="str">
            <v>ke185596</v>
          </cell>
          <cell r="Y2746" t="str">
            <v>68，69，</v>
          </cell>
          <cell r="Z2746">
            <v>69</v>
          </cell>
          <cell r="AA2746">
            <v>68</v>
          </cell>
          <cell r="AB2746" t="str">
            <v/>
          </cell>
          <cell r="AC2746" t="str">
            <v/>
          </cell>
          <cell r="AD2746" t="str">
            <v/>
          </cell>
          <cell r="AE2746" t="str">
            <v>１；２；３；４；</v>
          </cell>
          <cell r="AF2746" t="str">
            <v/>
          </cell>
        </row>
        <row r="2747">
          <cell r="B2747">
            <v>11327</v>
          </cell>
          <cell r="C2747" t="str">
            <v>(株)テスティパル</v>
          </cell>
          <cell r="D2747" t="str">
            <v>06-6535-6161</v>
          </cell>
          <cell r="E2747" t="str">
            <v>541-0058</v>
          </cell>
          <cell r="F2747" t="str">
            <v>大阪府大阪市中央区南久宝寺町4-3-5</v>
          </cell>
          <cell r="G2747" t="str">
            <v>大阪市</v>
          </cell>
          <cell r="H2747" t="str">
            <v/>
          </cell>
          <cell r="I2747" t="str">
            <v>代表取締役 藤井　俊成</v>
          </cell>
          <cell r="J2747" t="str">
            <v>本店</v>
          </cell>
          <cell r="K2747" t="str">
            <v>06-6535-6200</v>
          </cell>
          <cell r="L2747" t="str">
            <v>tgrq@tastipalg.co.jp</v>
          </cell>
          <cell r="M2747" t="str">
            <v>ﾃｽﾃｨﾊﾟﾙ</v>
          </cell>
          <cell r="N2747" t="str">
            <v>無</v>
          </cell>
          <cell r="O2747">
            <v>64</v>
          </cell>
          <cell r="P2747">
            <v>1426</v>
          </cell>
          <cell r="Q2747">
            <v>3120001084977</v>
          </cell>
          <cell r="R2747">
            <v>45080</v>
          </cell>
          <cell r="S2747">
            <v>1830661</v>
          </cell>
          <cell r="T2747">
            <v>5236944</v>
          </cell>
          <cell r="V2747" t="str">
            <v>ff855880</v>
          </cell>
          <cell r="W2747" t="str">
            <v>ｒh173173</v>
          </cell>
          <cell r="Y2747" t="str">
            <v>02，</v>
          </cell>
          <cell r="Z2747" t="str">
            <v/>
          </cell>
          <cell r="AA2747" t="str">
            <v/>
          </cell>
          <cell r="AB2747" t="str">
            <v/>
          </cell>
          <cell r="AC2747" t="str">
            <v/>
          </cell>
          <cell r="AD2747" t="str">
            <v/>
          </cell>
          <cell r="AE2747" t="str">
            <v>１；２；３；４；</v>
          </cell>
          <cell r="AF2747" t="str">
            <v>学校給食、病院給食、高齢者及び障害者、児童福祉施設での食事提供、官公庁関連施設内での食堂運営などを受託しており、関西圏を主要な営業エリアとした地域密着型のサービス展開も当社の特徴であります。</v>
          </cell>
        </row>
        <row r="2748">
          <cell r="B2748">
            <v>11328</v>
          </cell>
          <cell r="C2748" t="str">
            <v>(株)大阪ガスファシリティーズ</v>
          </cell>
          <cell r="D2748" t="str">
            <v>06-6978-5850</v>
          </cell>
          <cell r="E2748" t="str">
            <v>537-0025</v>
          </cell>
          <cell r="F2748" t="str">
            <v>大阪府大阪市東成区中道1-4-2</v>
          </cell>
          <cell r="G2748" t="str">
            <v>大阪市</v>
          </cell>
          <cell r="H2748" t="str">
            <v/>
          </cell>
          <cell r="I2748" t="str">
            <v>代表取締役社長 木下　立人</v>
          </cell>
          <cell r="J2748" t="str">
            <v>本店</v>
          </cell>
          <cell r="K2748" t="str">
            <v>06-6978-5856</v>
          </cell>
          <cell r="L2748" t="str">
            <v>ogfaeigyoubu@ml.ogfa.co.jp</v>
          </cell>
          <cell r="M2748" t="str">
            <v>ｵｵｻｶｶﾞｽﾌｧｼﾘﾃｨｰｽﾞ</v>
          </cell>
          <cell r="N2748" t="str">
            <v>無</v>
          </cell>
          <cell r="O2748">
            <v>29</v>
          </cell>
          <cell r="P2748">
            <v>1037</v>
          </cell>
          <cell r="Q2748">
            <v>2120001073915</v>
          </cell>
          <cell r="R2748">
            <v>100000</v>
          </cell>
          <cell r="S2748">
            <v>3714512</v>
          </cell>
          <cell r="T2748">
            <v>12273081</v>
          </cell>
          <cell r="V2748" t="str">
            <v>dj639381</v>
          </cell>
          <cell r="W2748" t="str">
            <v>ih118916</v>
          </cell>
          <cell r="Y2748" t="str">
            <v>048，45，46，47，48，49，50，52，54，</v>
          </cell>
          <cell r="Z2748">
            <v>46</v>
          </cell>
          <cell r="AA2748">
            <v>45</v>
          </cell>
          <cell r="AB2748">
            <v>47</v>
          </cell>
          <cell r="AC2748">
            <v>48</v>
          </cell>
          <cell r="AD2748" t="str">
            <v>施設清掃、院内清掃（日常・定期・窓ガラス清掃）環境測定業務、害虫防除業務</v>
          </cell>
          <cell r="AE2748" t="str">
            <v>１；建物総合管理業務、環境衛生管理業務２；施設有人警備、駐車場管理、受付案内、電話交換３；電気・機械運転監視４；空調・ボイラー運転・消防施設保守点検業務、貯水槽点検・清掃業務</v>
          </cell>
          <cell r="AF2748" t="str">
            <v>建物総合管理　建物及び付帯設備（電気・消防・給排水衛生・空調等）保守点検管理　常駐警備　駐車場管理　受付案内　電話交換　建物清掃　窓ガラス　外壁清掃　貯水槽清掃　環境測定等の環境衛生管理</v>
          </cell>
        </row>
        <row r="2749">
          <cell r="B2749">
            <v>11332</v>
          </cell>
          <cell r="C2749" t="str">
            <v>(株)シンリュウ</v>
          </cell>
          <cell r="D2749" t="str">
            <v>0797-86-8441</v>
          </cell>
          <cell r="E2749" t="str">
            <v>665-0822</v>
          </cell>
          <cell r="F2749" t="str">
            <v>兵庫県宝塚市安倉中2-4-8</v>
          </cell>
          <cell r="G2749" t="str">
            <v>宝塚市</v>
          </cell>
          <cell r="H2749" t="str">
            <v/>
          </cell>
          <cell r="I2749" t="str">
            <v>代表取締役 山砥　浩</v>
          </cell>
          <cell r="J2749" t="str">
            <v>本店</v>
          </cell>
          <cell r="K2749" t="str">
            <v>0797-85-1322</v>
          </cell>
          <cell r="L2749" t="str">
            <v>s-info@k-shinryu.com</v>
          </cell>
          <cell r="M2749" t="str">
            <v>ｼﾝﾘｭｳ</v>
          </cell>
          <cell r="N2749" t="str">
            <v>無</v>
          </cell>
          <cell r="O2749">
            <v>30</v>
          </cell>
          <cell r="P2749">
            <v>182</v>
          </cell>
          <cell r="Q2749">
            <v>8140001081613</v>
          </cell>
          <cell r="R2749">
            <v>10000</v>
          </cell>
          <cell r="S2749">
            <v>354828</v>
          </cell>
          <cell r="T2749">
            <v>1653474</v>
          </cell>
          <cell r="V2749" t="str">
            <v>jn862685</v>
          </cell>
          <cell r="W2749" t="str">
            <v>ｒq198915</v>
          </cell>
          <cell r="Y2749" t="str">
            <v>055，45，46，54，55，</v>
          </cell>
          <cell r="Z2749">
            <v>45</v>
          </cell>
          <cell r="AA2749">
            <v>54</v>
          </cell>
          <cell r="AB2749">
            <v>46</v>
          </cell>
          <cell r="AC2749">
            <v>55</v>
          </cell>
          <cell r="AD2749" t="str">
            <v/>
          </cell>
          <cell r="AE2749" t="str">
            <v>１；兵庫県公安委員会認定　第６３０００６７６号２；３；４；</v>
          </cell>
          <cell r="AF2749" t="str">
            <v>警備業務：施設等の保安・巡回警備　イベント警備・店舗駐車場等の整理・誘導　清掃業務：日常清掃から定期清掃及び外壁、窓等の特別清掃まで全て対応　建物保守管理：ビルメンテナンス・衛生設備等の保守管理</v>
          </cell>
        </row>
        <row r="2750">
          <cell r="B2750">
            <v>11333</v>
          </cell>
          <cell r="C2750" t="str">
            <v>(株)北斗エス・イー・シー</v>
          </cell>
          <cell r="D2750" t="str">
            <v>079-558-0875</v>
          </cell>
          <cell r="E2750" t="str">
            <v>669-2544</v>
          </cell>
          <cell r="F2750" t="str">
            <v>兵庫県篠山市草ﾉ上211</v>
          </cell>
          <cell r="G2750" t="str">
            <v>篠山市</v>
          </cell>
          <cell r="H2750" t="str">
            <v>関西支店</v>
          </cell>
          <cell r="I2750" t="str">
            <v>支店長 尾崎　雅人</v>
          </cell>
          <cell r="J2750" t="str">
            <v>三重県津市</v>
          </cell>
          <cell r="K2750" t="str">
            <v>059-370-6209</v>
          </cell>
          <cell r="L2750" t="str">
            <v>hokuto01@hokuto-sec.co.jp</v>
          </cell>
          <cell r="M2750" t="str">
            <v>ﾎｸﾄｴｽ･ｲｰ･ｼｰ</v>
          </cell>
          <cell r="N2750" t="str">
            <v>有</v>
          </cell>
          <cell r="O2750">
            <v>32</v>
          </cell>
          <cell r="P2750">
            <v>20</v>
          </cell>
          <cell r="Q2750">
            <v>8190001005369</v>
          </cell>
          <cell r="R2750">
            <v>25000</v>
          </cell>
          <cell r="S2750">
            <v>-42990</v>
          </cell>
          <cell r="T2750">
            <v>153625</v>
          </cell>
          <cell r="V2750" t="str">
            <v>qb603925</v>
          </cell>
          <cell r="W2750" t="str">
            <v>ra196133</v>
          </cell>
          <cell r="Y2750" t="str">
            <v>79，</v>
          </cell>
          <cell r="Z2750">
            <v>79</v>
          </cell>
          <cell r="AA2750">
            <v>80</v>
          </cell>
          <cell r="AB2750" t="str">
            <v/>
          </cell>
          <cell r="AC2750" t="str">
            <v/>
          </cell>
          <cell r="AD2750" t="str">
            <v/>
          </cell>
          <cell r="AE2750" t="str">
            <v>１；２；３；４；</v>
          </cell>
          <cell r="AF2750" t="str">
            <v>道路設計・道路の予備設計、概略設計、詳細設計。上水道設計・ＲＣＣＭ（上水道及び工業用水道）取得技術者がおり、地元密着型の水道設計を行っている（公共下水道工事、農業集落排水工事に伴う配水管移設設計）下水道設計・管渠実施設計、推進工法も手掛けてる</v>
          </cell>
        </row>
        <row r="2751">
          <cell r="B2751">
            <v>11334</v>
          </cell>
          <cell r="C2751" t="str">
            <v>富士通コワーコ(株)</v>
          </cell>
          <cell r="D2751" t="str">
            <v>078-371-2630</v>
          </cell>
          <cell r="E2751" t="str">
            <v>650-0044</v>
          </cell>
          <cell r="F2751" t="str">
            <v>兵庫県神戸市中央区東川崎町1-7-4</v>
          </cell>
          <cell r="G2751" t="str">
            <v>神戸市</v>
          </cell>
          <cell r="H2751" t="str">
            <v>関西支店神戸オフィス</v>
          </cell>
          <cell r="I2751" t="str">
            <v>支店長 石橋　博明</v>
          </cell>
          <cell r="J2751" t="str">
            <v>神奈川県横浜市</v>
          </cell>
          <cell r="K2751" t="str">
            <v>078-371-2631</v>
          </cell>
          <cell r="L2751" t="str">
            <v>yokoyama.kazuto@jp.fujitsu.com</v>
          </cell>
          <cell r="M2751" t="str">
            <v>ﾌｼﾞﾂｳｺﾜｰｺ</v>
          </cell>
          <cell r="N2751" t="str">
            <v>有</v>
          </cell>
          <cell r="O2751">
            <v>36</v>
          </cell>
          <cell r="P2751">
            <v>203</v>
          </cell>
          <cell r="Q2751">
            <v>7020001063194</v>
          </cell>
          <cell r="R2751">
            <v>450000</v>
          </cell>
          <cell r="S2751">
            <v>1071899</v>
          </cell>
          <cell r="T2751">
            <v>20080774</v>
          </cell>
          <cell r="V2751" t="str">
            <v>we390437</v>
          </cell>
          <cell r="W2751" t="str">
            <v>av158936</v>
          </cell>
          <cell r="Y2751" t="str">
            <v>027，14，15，27，36，</v>
          </cell>
          <cell r="Z2751">
            <v>14</v>
          </cell>
          <cell r="AA2751">
            <v>15</v>
          </cell>
          <cell r="AB2751">
            <v>36</v>
          </cell>
          <cell r="AC2751">
            <v>27</v>
          </cell>
          <cell r="AD2751" t="str">
            <v/>
          </cell>
          <cell r="AE2751" t="str">
            <v>１；２；３；４；</v>
          </cell>
          <cell r="AF2751" t="str">
            <v>情報処理機器、通信機器及び事務機器並びにこれらに関する周辺機器、消耗品の販売。事務用品、防災備蓄品、オフィス家具などの販売。</v>
          </cell>
        </row>
        <row r="2752">
          <cell r="B2752">
            <v>11336</v>
          </cell>
          <cell r="C2752" t="str">
            <v>(株)ウェーブ２１</v>
          </cell>
          <cell r="D2752" t="str">
            <v>03-5651-8821</v>
          </cell>
          <cell r="E2752" t="str">
            <v>103-0004</v>
          </cell>
          <cell r="F2752" t="str">
            <v>東京都中央区東日本橋3-4-14</v>
          </cell>
          <cell r="G2752" t="str">
            <v>東京都</v>
          </cell>
          <cell r="H2752" t="str">
            <v/>
          </cell>
          <cell r="I2752" t="str">
            <v>代表取締役 笹川　陽司</v>
          </cell>
          <cell r="J2752" t="str">
            <v>本店</v>
          </cell>
          <cell r="K2752" t="str">
            <v>03-5651-8835</v>
          </cell>
          <cell r="L2752" t="str">
            <v>mail@wv21.co.jp</v>
          </cell>
          <cell r="M2752" t="str">
            <v>ｳｪｰﾌﾞﾆｼﾞｭｳｲﾁ</v>
          </cell>
          <cell r="N2752" t="str">
            <v>無</v>
          </cell>
          <cell r="O2752">
            <v>9</v>
          </cell>
          <cell r="P2752">
            <v>181</v>
          </cell>
          <cell r="Q2752">
            <v>6010001064293</v>
          </cell>
          <cell r="R2752">
            <v>20000</v>
          </cell>
          <cell r="S2752">
            <v>799727</v>
          </cell>
          <cell r="T2752">
            <v>1526152</v>
          </cell>
          <cell r="V2752" t="str">
            <v>sa351402</v>
          </cell>
          <cell r="W2752" t="str">
            <v>mq136566</v>
          </cell>
          <cell r="Y2752" t="str">
            <v>014，14，15，35，36，44，45，46，47，50，63，64，</v>
          </cell>
          <cell r="Z2752">
            <v>80</v>
          </cell>
          <cell r="AA2752">
            <v>47</v>
          </cell>
          <cell r="AB2752">
            <v>45</v>
          </cell>
          <cell r="AC2752">
            <v>14</v>
          </cell>
          <cell r="AD2752" t="str">
            <v/>
          </cell>
          <cell r="AE2752" t="str">
            <v>１；映像制作・放映等運用業務２；３；４；</v>
          </cell>
          <cell r="AF2752" t="str">
            <v>ボートレースの映像撮影業務、場外舟券売場における映像放映及び投票業務、保守業務、警備、清掃、販売も含めたボートピア運営全般。自社でも場外舟券発売場を運営している。また、ボートレース場、ボートピア施設内映像、音響、監視カメラ、電源設備等の建設工事及びシステム構築設計。</v>
          </cell>
        </row>
        <row r="2753">
          <cell r="B2753">
            <v>11337</v>
          </cell>
          <cell r="C2753" t="str">
            <v>青野スポーツ施設(株)</v>
          </cell>
          <cell r="D2753" t="str">
            <v>078-230-8441</v>
          </cell>
          <cell r="E2753" t="str">
            <v>650-0002</v>
          </cell>
          <cell r="F2753" t="str">
            <v>兵庫県神戸市中央区北野町4-8-2</v>
          </cell>
          <cell r="G2753" t="str">
            <v>神戸市</v>
          </cell>
          <cell r="H2753" t="str">
            <v>神戸支店</v>
          </cell>
          <cell r="I2753" t="str">
            <v>神戸支店長 大幸　四郎</v>
          </cell>
          <cell r="J2753" t="str">
            <v>大阪府守口市</v>
          </cell>
          <cell r="K2753" t="str">
            <v>078-230-8447</v>
          </cell>
          <cell r="L2753" t="str">
            <v>info@aono-sports.co.jp</v>
          </cell>
          <cell r="M2753" t="str">
            <v>ｱｵﾉｽﾎﾟｰﾂｼｾﾂ</v>
          </cell>
          <cell r="N2753" t="str">
            <v>有</v>
          </cell>
          <cell r="O2753">
            <v>43</v>
          </cell>
          <cell r="P2753">
            <v>15</v>
          </cell>
          <cell r="Q2753">
            <v>7120001155163</v>
          </cell>
          <cell r="R2753">
            <v>70000</v>
          </cell>
          <cell r="S2753">
            <v>70815</v>
          </cell>
          <cell r="T2753">
            <v>720623</v>
          </cell>
          <cell r="V2753" t="str">
            <v>ht758326</v>
          </cell>
          <cell r="W2753" t="str">
            <v>hm111365</v>
          </cell>
          <cell r="Y2753" t="str">
            <v>20，31，</v>
          </cell>
          <cell r="Z2753">
            <v>20</v>
          </cell>
          <cell r="AA2753">
            <v>80</v>
          </cell>
          <cell r="AB2753">
            <v>31</v>
          </cell>
          <cell r="AC2753" t="str">
            <v/>
          </cell>
          <cell r="AD2753" t="str">
            <v/>
          </cell>
          <cell r="AE2753" t="str">
            <v>１；運動用品　運動機器　武道具　屋内外スポーツ用品・体育器具全般・フェンス・ネット・砂入り人工芝・（株）ティエヌネット・（株）ソイルリサイクル工業・積水樹脂（株）２；屋内外遊具全般（砂場枠・複合遊具他）・（株）タンデム・泉州敷物（株）・（株）ルイ高３；グラウンド・テニスコートメンテナンス４；</v>
          </cell>
          <cell r="AF2753" t="str">
            <v>運動施設工事を得意としグラウンド舗装工事にブルドーザの技術を導入し、その技術を全国的に広め様々な工法革命を行い、グラウンド工事の工法を数々持っております。体育館、テニスコート、野球場、陸上競技場など屋内外を問わずトータル的なスポーツ施設の設計から施工まで手掛けています。</v>
          </cell>
        </row>
        <row r="2754">
          <cell r="B2754">
            <v>11339</v>
          </cell>
          <cell r="C2754" t="str">
            <v>(株)日本選挙センター</v>
          </cell>
          <cell r="D2754" t="str">
            <v>03-3294-5251</v>
          </cell>
          <cell r="E2754" t="str">
            <v>101-0051</v>
          </cell>
          <cell r="F2754" t="str">
            <v>東京都千代田区神田神保町1-34</v>
          </cell>
          <cell r="G2754" t="str">
            <v>東京都</v>
          </cell>
          <cell r="H2754" t="str">
            <v/>
          </cell>
          <cell r="I2754" t="str">
            <v>代表取締役 中村　公英</v>
          </cell>
          <cell r="J2754" t="str">
            <v>本店</v>
          </cell>
          <cell r="K2754" t="str">
            <v>03-3295-8266</v>
          </cell>
          <cell r="L2754" t="str">
            <v>am-senky@senkyo-center.com</v>
          </cell>
          <cell r="M2754" t="str">
            <v>ﾆﾎﾝｾﾝｷｮｾﾝﾀｰ</v>
          </cell>
          <cell r="N2754" t="str">
            <v>無</v>
          </cell>
          <cell r="O2754">
            <v>55</v>
          </cell>
          <cell r="P2754">
            <v>12</v>
          </cell>
          <cell r="Q2754">
            <v>9010001033320</v>
          </cell>
          <cell r="R2754">
            <v>10000</v>
          </cell>
          <cell r="S2754">
            <v>221763</v>
          </cell>
          <cell r="T2754">
            <v>107941</v>
          </cell>
          <cell r="V2754" t="str">
            <v>sq857488</v>
          </cell>
          <cell r="W2754" t="str">
            <v>mx199799</v>
          </cell>
          <cell r="Y2754" t="str">
            <v>16，</v>
          </cell>
          <cell r="Z2754">
            <v>16</v>
          </cell>
          <cell r="AA2754" t="str">
            <v/>
          </cell>
          <cell r="AB2754" t="str">
            <v/>
          </cell>
          <cell r="AC2754" t="str">
            <v/>
          </cell>
          <cell r="AD2754" t="str">
            <v/>
          </cell>
          <cell r="AE2754" t="str">
            <v>１；投票箱、投票記載台、記載台照明灯、開票台、計数機、交付機、分類機、携帯用スロープ、候補者表示物、証票、証紙、投票用紙、封筒、啓発用品２；３；４；</v>
          </cell>
          <cell r="AF2754" t="str">
            <v>弊社は選挙用品の販売を行っております。</v>
          </cell>
        </row>
        <row r="2755">
          <cell r="B2755">
            <v>11340</v>
          </cell>
          <cell r="C2755" t="str">
            <v>近畿ビルサービス(株)</v>
          </cell>
          <cell r="D2755" t="str">
            <v>06-6941-6565</v>
          </cell>
          <cell r="E2755" t="str">
            <v>540-0034</v>
          </cell>
          <cell r="F2755" t="str">
            <v>大阪府大阪市中央区島町1-1-3</v>
          </cell>
          <cell r="G2755" t="str">
            <v>大阪市</v>
          </cell>
          <cell r="H2755" t="str">
            <v>大阪営業所</v>
          </cell>
          <cell r="I2755" t="str">
            <v>所長 山本　伸司</v>
          </cell>
          <cell r="J2755" t="str">
            <v>大阪府富田林市</v>
          </cell>
          <cell r="K2755" t="str">
            <v>06-6941-6567</v>
          </cell>
          <cell r="L2755" t="str">
            <v>kinbiru-info@kinkibiru.co.jp</v>
          </cell>
          <cell r="M2755" t="str">
            <v>ｷﾝｷﾋﾞﾙｻｰﾋﾞｽ</v>
          </cell>
          <cell r="N2755" t="str">
            <v>有</v>
          </cell>
          <cell r="O2755">
            <v>48</v>
          </cell>
          <cell r="P2755">
            <v>1275</v>
          </cell>
          <cell r="Q2755">
            <v>1120101030783</v>
          </cell>
          <cell r="R2755">
            <v>10000</v>
          </cell>
          <cell r="S2755">
            <v>373254</v>
          </cell>
          <cell r="T2755">
            <v>2992489</v>
          </cell>
          <cell r="V2755" t="str">
            <v>ek146015</v>
          </cell>
          <cell r="W2755" t="str">
            <v>db199399</v>
          </cell>
          <cell r="Y2755" t="str">
            <v>049，38，44，45，46，47，48，49，50，51，52，53，54，55，56，57，67，69，</v>
          </cell>
          <cell r="Z2755">
            <v>45</v>
          </cell>
          <cell r="AA2755">
            <v>54</v>
          </cell>
          <cell r="AB2755">
            <v>46</v>
          </cell>
          <cell r="AC2755">
            <v>49</v>
          </cell>
          <cell r="AD2755" t="str">
            <v>受付案内、電話交換、各種管理人、人材派遣、運転手、監視員、用務員、校務員、技能員、プール管理、入力事務、事務整理、交通量調査、公園管理、施肥、剪定、清掃用品（販売、レンタル、リース）など</v>
          </cell>
          <cell r="AE2755" t="str">
            <v>１；施設警備、機械警備、交通誘導警備、駐車場警備、雑踏警備、イベント警備、巡回警備など２；日常清掃、定期清掃、特別清掃、床面、カーペット、じゅうたん、ワックス掛け、ガラス、窓枠、ブラインド、網戸、照明器具、壁面、公園、池、病院、貯水槽、浄化槽管理、高架水槽、ダクト、排水管など３；設備運転保守管理（電気、機械、空調、ボイラー、冷暖房、給排水、エレベーター、自動ドア、舞台装置等）、環境衛生（空気測定、水質検査、害虫防除等）４；消防設備保守点検管理、消火器、自動火災報知機、各種感知器、各種点検管理</v>
          </cell>
          <cell r="AF2755" t="str">
            <v>警備業務、清掃業務、設備運転管理業務、衛生管理業務、受付電話交換業務、各種管理人業務、運転手、用務員、校務員、技能員、事務整理入力、清掃用品、避難用具、レンタルマット、リースなど</v>
          </cell>
        </row>
        <row r="2756">
          <cell r="B2756">
            <v>11341</v>
          </cell>
          <cell r="C2756" t="str">
            <v>キンキ寝具(株)</v>
          </cell>
          <cell r="D2756" t="str">
            <v>06-6327-7721</v>
          </cell>
          <cell r="E2756" t="str">
            <v>533-0013</v>
          </cell>
          <cell r="F2756" t="str">
            <v>大阪府大阪市東淀川区豊里3-7-43</v>
          </cell>
          <cell r="G2756" t="str">
            <v>大阪市</v>
          </cell>
          <cell r="H2756" t="str">
            <v/>
          </cell>
          <cell r="I2756" t="str">
            <v>代表取締役 辻󠄀　二郎</v>
          </cell>
          <cell r="J2756" t="str">
            <v>本店</v>
          </cell>
          <cell r="K2756" t="str">
            <v>06-6329-2006</v>
          </cell>
          <cell r="L2756" t="str">
            <v>knk@helen.ocn.ne.jp</v>
          </cell>
          <cell r="M2756" t="str">
            <v>ｷﾝｷｼﾝｸﾞ</v>
          </cell>
          <cell r="N2756" t="str">
            <v>無</v>
          </cell>
          <cell r="O2756">
            <v>100</v>
          </cell>
          <cell r="P2756">
            <v>139</v>
          </cell>
          <cell r="Q2756">
            <v>8120001051601</v>
          </cell>
          <cell r="R2756">
            <v>48000</v>
          </cell>
          <cell r="S2756">
            <v>528814</v>
          </cell>
          <cell r="T2756">
            <v>1347097</v>
          </cell>
          <cell r="V2756" t="str">
            <v>qf823062</v>
          </cell>
          <cell r="W2756" t="str">
            <v>wk169936</v>
          </cell>
          <cell r="Y2756" t="str">
            <v>03，03，06，28，44，62，</v>
          </cell>
          <cell r="Z2756">
            <v>44</v>
          </cell>
          <cell r="AA2756">
            <v>62</v>
          </cell>
          <cell r="AB2756">
            <v>6</v>
          </cell>
          <cell r="AC2756">
            <v>3</v>
          </cell>
          <cell r="AD2756" t="str">
            <v/>
          </cell>
          <cell r="AE2756" t="str">
            <v>１；病院・福祉施設の医療寝具、消防機関ホテル等宿泊施設の一般寝具貸布団２；寝具リネン・白衣作業衣等の被服・カーテン・タオル等の洗濯及びリネンサプライ。クリーニング所開設届３；主な仕入先　山一（株）・三共毛織（株）他４；主な仕入先　ナガイレーベン(株)・日本医療産業(株）・アイトス（株）他</v>
          </cell>
          <cell r="AF2756" t="str">
            <v>近畿地区一円を中心に病院、社会福祉施設、消防機関その他一般宿泊施設を主な顧客として寝具類一式・被服・カーテン等繊維製品のリース（リネンサプライ）及び販売並びにクリーニングを専業とする。</v>
          </cell>
        </row>
        <row r="2757">
          <cell r="B2757">
            <v>11342</v>
          </cell>
          <cell r="C2757" t="str">
            <v>(株)コーアツ</v>
          </cell>
          <cell r="D2757" t="str">
            <v>072-782-8562</v>
          </cell>
          <cell r="E2757" t="str">
            <v>664-0836</v>
          </cell>
          <cell r="F2757" t="str">
            <v>兵庫県伊丹市北本町1-310</v>
          </cell>
          <cell r="G2757" t="str">
            <v>伊丹市</v>
          </cell>
          <cell r="H2757" t="str">
            <v>大阪支社</v>
          </cell>
          <cell r="I2757" t="str">
            <v>取締役支社長 矢吹　英政</v>
          </cell>
          <cell r="J2757" t="str">
            <v>兵庫県伊丹市</v>
          </cell>
          <cell r="K2757" t="str">
            <v>072-782-8211</v>
          </cell>
          <cell r="L2757" t="str">
            <v>y_hayashi@koatsu.co.jp</v>
          </cell>
          <cell r="M2757" t="str">
            <v>ｺｰｱﾂ</v>
          </cell>
          <cell r="N2757" t="str">
            <v>有</v>
          </cell>
          <cell r="O2757">
            <v>58</v>
          </cell>
          <cell r="P2757">
            <v>254</v>
          </cell>
          <cell r="Q2757">
            <v>2140001078292</v>
          </cell>
          <cell r="R2757">
            <v>60000</v>
          </cell>
          <cell r="S2757">
            <v>11359738</v>
          </cell>
          <cell r="T2757">
            <v>8159000</v>
          </cell>
          <cell r="V2757" t="str">
            <v>nt306679</v>
          </cell>
          <cell r="W2757" t="str">
            <v>rq186891</v>
          </cell>
          <cell r="Y2757" t="str">
            <v>38，49，</v>
          </cell>
          <cell r="Z2757">
            <v>49</v>
          </cell>
          <cell r="AA2757">
            <v>38</v>
          </cell>
          <cell r="AB2757" t="str">
            <v/>
          </cell>
          <cell r="AC2757" t="str">
            <v/>
          </cell>
          <cell r="AD2757" t="str">
            <v>国土交通大臣許可（般－２６）２８２８号</v>
          </cell>
          <cell r="AE2757" t="str">
            <v>１；窒素ガス消火設備、二酸化炭素消火設備、ハロン１３０１消火設備、粉末消火設備、ＦＫ－５－１－１２消火設備等の保守点検２；３；４；</v>
          </cell>
          <cell r="AF2757" t="str">
            <v>創立以来、ガス消火設備のパイオニアとして常に業界をリードしてきました。研究、開発から生産、販売、施工、保守に至るまで一貫した責任体制で事業を展開しています。船舶、放送通信設備、コンピュータ室、美術館、博物館等多種多様な対象物に実績を持ち、業界Ｎｏ．１を誇ります。</v>
          </cell>
        </row>
        <row r="2758">
          <cell r="B2758">
            <v>11344</v>
          </cell>
          <cell r="C2758" t="str">
            <v>東京法令出版(株)</v>
          </cell>
          <cell r="D2758" t="str">
            <v>026-224-5441</v>
          </cell>
          <cell r="E2758" t="str">
            <v>380-8688</v>
          </cell>
          <cell r="F2758" t="str">
            <v>長野県長野市南千歳町1005</v>
          </cell>
          <cell r="G2758" t="str">
            <v>長野市</v>
          </cell>
          <cell r="H2758" t="str">
            <v/>
          </cell>
          <cell r="I2758" t="str">
            <v>代表取締役 星沢　卓也</v>
          </cell>
          <cell r="J2758" t="str">
            <v>本店</v>
          </cell>
          <cell r="K2758" t="str">
            <v>026-224-5449</v>
          </cell>
          <cell r="L2758" t="str">
            <v>eigyo@tokyo-horei.co.jp</v>
          </cell>
          <cell r="M2758" t="str">
            <v>ﾄｳｷｮｳﾎｳﾚｲｼｭｯﾊﾟﾝ</v>
          </cell>
          <cell r="N2758" t="str">
            <v>無</v>
          </cell>
          <cell r="O2758">
            <v>70</v>
          </cell>
          <cell r="P2758">
            <v>226</v>
          </cell>
          <cell r="Q2758">
            <v>1100001002125</v>
          </cell>
          <cell r="R2758">
            <v>90000</v>
          </cell>
          <cell r="S2758">
            <v>10457266</v>
          </cell>
          <cell r="T2758">
            <v>3870451</v>
          </cell>
          <cell r="V2758" t="str">
            <v>yp881025</v>
          </cell>
          <cell r="W2758" t="str">
            <v>rv166851</v>
          </cell>
          <cell r="Y2758" t="str">
            <v>080，13，58，73，</v>
          </cell>
          <cell r="Z2758">
            <v>73</v>
          </cell>
          <cell r="AA2758">
            <v>13</v>
          </cell>
          <cell r="AB2758">
            <v>58</v>
          </cell>
          <cell r="AC2758">
            <v>80</v>
          </cell>
          <cell r="AD2758" t="str">
            <v>全商品自社製造</v>
          </cell>
          <cell r="AE2758" t="str">
            <v>１；加除式法規集、法律解説書、防災関連書籍等の企画・編集・印刷・発行２；加除式法規集、法律解説書、防災関連書籍等の販売３；法律関係の例規検索システムの企画・開発４；地域防災計画の策定、防災マップの作成。学力調査の制作、採点・成績処理</v>
          </cell>
          <cell r="AF2758" t="str">
            <v>加除式法規集、法律解説書、防災関連書籍等の企画・編集・印刷・発行。法律関係の例規検索システムの企画・開発。地域防災計画の策定、防災マップの作成。学力検査の制作、採点・成績処理。</v>
          </cell>
        </row>
        <row r="2759">
          <cell r="B2759">
            <v>11345</v>
          </cell>
          <cell r="C2759" t="str">
            <v>(株)ナニワ計算センター</v>
          </cell>
          <cell r="D2759" t="str">
            <v>06-6264-6222</v>
          </cell>
          <cell r="E2759" t="str">
            <v>541-0059</v>
          </cell>
          <cell r="F2759" t="str">
            <v>大阪府大阪市中央区博労町2-4-11</v>
          </cell>
          <cell r="G2759" t="str">
            <v>大阪市</v>
          </cell>
          <cell r="H2759" t="str">
            <v/>
          </cell>
          <cell r="I2759" t="str">
            <v>代表取締役 福田　章光</v>
          </cell>
          <cell r="J2759" t="str">
            <v>本店</v>
          </cell>
          <cell r="K2759" t="str">
            <v>06-6264-7638</v>
          </cell>
          <cell r="L2759" t="str">
            <v>info@naniwacc.co.jp</v>
          </cell>
          <cell r="M2759" t="str">
            <v>ﾅﾆﾜｹｲｻﾝｾﾝﾀｰ</v>
          </cell>
          <cell r="N2759" t="str">
            <v>無</v>
          </cell>
          <cell r="O2759">
            <v>40</v>
          </cell>
          <cell r="P2759">
            <v>91</v>
          </cell>
          <cell r="Q2759">
            <v>9120001086241</v>
          </cell>
          <cell r="R2759">
            <v>44000</v>
          </cell>
          <cell r="S2759">
            <v>64841</v>
          </cell>
          <cell r="T2759">
            <v>922648</v>
          </cell>
          <cell r="V2759" t="str">
            <v>yv862098</v>
          </cell>
          <cell r="W2759" t="str">
            <v>sv119393</v>
          </cell>
          <cell r="Y2759" t="str">
            <v>058，36，56，57，58，</v>
          </cell>
          <cell r="Z2759">
            <v>36</v>
          </cell>
          <cell r="AA2759">
            <v>80</v>
          </cell>
          <cell r="AB2759">
            <v>56</v>
          </cell>
          <cell r="AC2759">
            <v>58</v>
          </cell>
          <cell r="AD2759" t="str">
            <v/>
          </cell>
          <cell r="AE2759" t="str">
            <v>１；パッケージソフトウェア（自社製品）２；情報セキュリティ監査業務３；情報セキュリティ研修委託業務４；</v>
          </cell>
          <cell r="AF2759" t="str">
            <v>自社製品パッケージソフトウェア（ＷｅｂＳｅｌｆＣｈｅｃｋ、ＦｉｎｄＭａｎａｇｅｒ）、ＯＡ機器・周辺機器等販売、情報セキュリティ監査・研修支援、ソフトウェア開発</v>
          </cell>
        </row>
        <row r="2760">
          <cell r="B2760">
            <v>11346</v>
          </cell>
          <cell r="C2760" t="str">
            <v>(株)エンジニアサカウエ</v>
          </cell>
          <cell r="D2760" t="str">
            <v>072-674-3608</v>
          </cell>
          <cell r="E2760" t="str">
            <v>569-0081</v>
          </cell>
          <cell r="F2760" t="str">
            <v>大阪府高槻市宮野町12‐20</v>
          </cell>
          <cell r="G2760" t="str">
            <v>高槻市</v>
          </cell>
          <cell r="H2760" t="str">
            <v/>
          </cell>
          <cell r="I2760" t="str">
            <v>代表取締役 大西　三郎</v>
          </cell>
          <cell r="J2760" t="str">
            <v>本店</v>
          </cell>
          <cell r="K2760" t="str">
            <v>072-674-3682</v>
          </cell>
          <cell r="L2760" t="str">
            <v>info@e-sakaue.co.jp</v>
          </cell>
          <cell r="M2760" t="str">
            <v>ｴﾝｼﾞﾆｱｻｶｳｴ</v>
          </cell>
          <cell r="N2760" t="str">
            <v>無</v>
          </cell>
          <cell r="O2760">
            <v>31</v>
          </cell>
          <cell r="P2760">
            <v>45</v>
          </cell>
          <cell r="Q2760">
            <v>6120901010526</v>
          </cell>
          <cell r="R2760">
            <v>20000</v>
          </cell>
          <cell r="S2760">
            <v>93704</v>
          </cell>
          <cell r="T2760">
            <v>412797</v>
          </cell>
          <cell r="V2760" t="str">
            <v>rn854057</v>
          </cell>
          <cell r="W2760" t="str">
            <v>hd165356</v>
          </cell>
          <cell r="Y2760" t="str">
            <v>61，</v>
          </cell>
          <cell r="Z2760">
            <v>61</v>
          </cell>
          <cell r="AA2760">
            <v>80</v>
          </cell>
          <cell r="AB2760" t="str">
            <v/>
          </cell>
          <cell r="AC2760" t="str">
            <v/>
          </cell>
          <cell r="AD2760" t="str">
            <v>窓口受付業務</v>
          </cell>
          <cell r="AE2760" t="str">
            <v>１；水道メーター検針、開閉栓、据替業務２；水道料金等滞納整理業務３；４；</v>
          </cell>
          <cell r="AF2760" t="str">
            <v>現在、水道メーター検針・開閉栓業務・水道料金滞納整理業務に力を注ぎ営業を行っています。</v>
          </cell>
        </row>
        <row r="2761">
          <cell r="B2761">
            <v>11347</v>
          </cell>
          <cell r="C2761" t="str">
            <v>テクノ化成(株)</v>
          </cell>
          <cell r="D2761" t="str">
            <v>078-306-0363</v>
          </cell>
          <cell r="E2761" t="str">
            <v>650-0045</v>
          </cell>
          <cell r="F2761" t="str">
            <v>兵庫県神戸市中央区港島2-1-1</v>
          </cell>
          <cell r="G2761" t="str">
            <v>神戸市</v>
          </cell>
          <cell r="H2761" t="str">
            <v/>
          </cell>
          <cell r="I2761" t="str">
            <v>代表取締役社長 平田　佳照</v>
          </cell>
          <cell r="J2761" t="str">
            <v>本店</v>
          </cell>
          <cell r="K2761" t="str">
            <v>078-306-0561</v>
          </cell>
          <cell r="L2761" t="str">
            <v>tkl.honsya@abeam.ocn.ne.jp</v>
          </cell>
          <cell r="M2761" t="str">
            <v>ﾃｸﾉｶｾｲ</v>
          </cell>
          <cell r="N2761" t="str">
            <v>無</v>
          </cell>
          <cell r="O2761">
            <v>72</v>
          </cell>
          <cell r="P2761">
            <v>33</v>
          </cell>
          <cell r="Q2761">
            <v>5140001002027</v>
          </cell>
          <cell r="R2761">
            <v>27000</v>
          </cell>
          <cell r="S2761">
            <v>457588</v>
          </cell>
          <cell r="T2761">
            <v>638865</v>
          </cell>
          <cell r="V2761" t="str">
            <v>mg136996</v>
          </cell>
          <cell r="W2761" t="str">
            <v>wq133315</v>
          </cell>
          <cell r="Y2761" t="str">
            <v/>
          </cell>
          <cell r="Z2761" t="str">
            <v/>
          </cell>
          <cell r="AA2761" t="str">
            <v/>
          </cell>
          <cell r="AB2761" t="str">
            <v/>
          </cell>
          <cell r="AC2761" t="str">
            <v/>
          </cell>
          <cell r="AD2761" t="str">
            <v/>
          </cell>
          <cell r="AE2761" t="str">
            <v>１；文化財保存燻蒸業務２；３；４；</v>
          </cell>
          <cell r="AF2761" t="str">
            <v>保存すべき重要な文化財に関する対処法等の業務関係はご相談ください。</v>
          </cell>
        </row>
        <row r="2762">
          <cell r="B2762">
            <v>11350</v>
          </cell>
          <cell r="C2762" t="str">
            <v>(株)パソナ</v>
          </cell>
          <cell r="D2762" t="str">
            <v>06-7636-6104</v>
          </cell>
          <cell r="E2762" t="str">
            <v>541-0059</v>
          </cell>
          <cell r="F2762" t="str">
            <v>大阪府大阪市中央区博労町3-5-1</v>
          </cell>
          <cell r="G2762" t="str">
            <v>大阪市</v>
          </cell>
          <cell r="H2762" t="str">
            <v/>
          </cell>
          <cell r="I2762" t="str">
            <v>常務執行役員　人材派遣・ＢＰＯ事業本部　パブリック本部長　 松永　早苗</v>
          </cell>
          <cell r="J2762" t="str">
            <v>東京都</v>
          </cell>
          <cell r="K2762" t="str">
            <v>06-7636-6143</v>
          </cell>
          <cell r="L2762" t="str">
            <v>nyuusatsu@pasona.co.jp</v>
          </cell>
          <cell r="M2762" t="str">
            <v>ﾊﾟｿﾅ</v>
          </cell>
          <cell r="N2762" t="str">
            <v>有</v>
          </cell>
          <cell r="O2762">
            <v>42</v>
          </cell>
          <cell r="P2762">
            <v>2733</v>
          </cell>
          <cell r="Q2762">
            <v>1010001067359</v>
          </cell>
          <cell r="R2762">
            <v>100000</v>
          </cell>
          <cell r="S2762">
            <v>11425000</v>
          </cell>
          <cell r="T2762">
            <v>156729000</v>
          </cell>
          <cell r="V2762" t="str">
            <v>mq976156</v>
          </cell>
          <cell r="W2762" t="str">
            <v>dq171316</v>
          </cell>
          <cell r="Y2762" t="str">
            <v>060，56，59，60，</v>
          </cell>
          <cell r="Z2762">
            <v>56</v>
          </cell>
          <cell r="AA2762">
            <v>80</v>
          </cell>
          <cell r="AB2762">
            <v>59</v>
          </cell>
          <cell r="AC2762">
            <v>60</v>
          </cell>
          <cell r="AD2762" t="str">
            <v/>
          </cell>
          <cell r="AE2762" t="str">
            <v>１；２；事務全般の請負３；４；</v>
          </cell>
          <cell r="AF2762" t="str">
            <v>事務系業務や住民窓口業務等（人材派遣・業務委託）、総務・給与・福利厚生等の内部管理事務等において、豊富な実績を保持しています。</v>
          </cell>
        </row>
        <row r="2763">
          <cell r="B2763">
            <v>11352</v>
          </cell>
          <cell r="C2763" t="str">
            <v>コスモ警備保障(株)</v>
          </cell>
          <cell r="D2763" t="str">
            <v>06-6364-2751</v>
          </cell>
          <cell r="E2763" t="str">
            <v>530-0047</v>
          </cell>
          <cell r="F2763" t="str">
            <v>大阪府大阪市北区西天満4-8-17</v>
          </cell>
          <cell r="G2763" t="str">
            <v>大阪市</v>
          </cell>
          <cell r="H2763" t="str">
            <v/>
          </cell>
          <cell r="I2763" t="str">
            <v>代表取締役 南　昭彦</v>
          </cell>
          <cell r="J2763" t="str">
            <v>本店</v>
          </cell>
          <cell r="K2763" t="str">
            <v>06-6364-2756</v>
          </cell>
          <cell r="L2763" t="str">
            <v>info@kosmo-keibi.co.jp</v>
          </cell>
          <cell r="M2763" t="str">
            <v>ｺｽﾓｹｲﾋﾞﾎｼｮｳ</v>
          </cell>
          <cell r="N2763" t="str">
            <v>無</v>
          </cell>
          <cell r="O2763">
            <v>47</v>
          </cell>
          <cell r="P2763">
            <v>449</v>
          </cell>
          <cell r="Q2763">
            <v>5120001063855</v>
          </cell>
          <cell r="R2763">
            <v>50000</v>
          </cell>
          <cell r="S2763">
            <v>1210787</v>
          </cell>
          <cell r="T2763">
            <v>2726853</v>
          </cell>
          <cell r="V2763" t="str">
            <v>kx704347</v>
          </cell>
          <cell r="W2763" t="str">
            <v>qb399313</v>
          </cell>
          <cell r="Y2763" t="str">
            <v>45，</v>
          </cell>
          <cell r="Z2763" t="str">
            <v/>
          </cell>
          <cell r="AA2763" t="str">
            <v/>
          </cell>
          <cell r="AB2763" t="str">
            <v/>
          </cell>
          <cell r="AC2763" t="str">
            <v/>
          </cell>
          <cell r="AD2763" t="str">
            <v/>
          </cell>
          <cell r="AE2763" t="str">
            <v>１；施設警備業務、イベント警備業務２；機械警備業務３；４；</v>
          </cell>
          <cell r="AF2763" t="str">
            <v>当社は、専業警備会社として関西で最も古く、プライバシーマークをいち早く取得し、顧客、地域の安全と安心のために努めております。特に総合病院、放送局、大阪城天守閣などの大型施設の警備と、大阪マラソンの特別警備業務も開催当初から主幹警備業務をさせていただいております。</v>
          </cell>
        </row>
        <row r="2764">
          <cell r="B2764">
            <v>11353</v>
          </cell>
          <cell r="C2764" t="str">
            <v>アトラス情報サービス(株)</v>
          </cell>
          <cell r="D2764" t="str">
            <v>06-6231-0771</v>
          </cell>
          <cell r="E2764" t="str">
            <v>541-0041</v>
          </cell>
          <cell r="F2764" t="str">
            <v>大阪府大阪市中央区北浜3-1-6</v>
          </cell>
          <cell r="G2764" t="str">
            <v>大阪市</v>
          </cell>
          <cell r="H2764" t="str">
            <v/>
          </cell>
          <cell r="I2764" t="str">
            <v>代表取締役 八瀬　誠</v>
          </cell>
          <cell r="J2764" t="str">
            <v>本店</v>
          </cell>
          <cell r="K2764" t="str">
            <v>06-6202-3690</v>
          </cell>
          <cell r="L2764" t="str">
            <v>tyoutatu@atlas-is.co.jp</v>
          </cell>
          <cell r="M2764" t="str">
            <v>ｱﾄﾗｽｼﾞｮｳﾎｳｻｰﾋﾞｽ</v>
          </cell>
          <cell r="N2764" t="str">
            <v>無</v>
          </cell>
          <cell r="O2764">
            <v>54</v>
          </cell>
          <cell r="P2764">
            <v>331</v>
          </cell>
          <cell r="Q2764">
            <v>7120001073852</v>
          </cell>
          <cell r="R2764">
            <v>90000</v>
          </cell>
          <cell r="S2764">
            <v>2438349</v>
          </cell>
          <cell r="T2764">
            <v>4642621</v>
          </cell>
          <cell r="V2764" t="str">
            <v>uc159276</v>
          </cell>
          <cell r="W2764" t="str">
            <v>sq163555</v>
          </cell>
          <cell r="Y2764" t="str">
            <v>056，36，56，57，58，</v>
          </cell>
          <cell r="Z2764">
            <v>58</v>
          </cell>
          <cell r="AA2764">
            <v>57</v>
          </cell>
          <cell r="AB2764">
            <v>36</v>
          </cell>
          <cell r="AC2764">
            <v>56</v>
          </cell>
          <cell r="AD2764" t="str">
            <v/>
          </cell>
          <cell r="AE2764" t="str">
            <v>１；プライバシーマーク、ＩＳＯ９００１、ＩＳＯ２７００１２；プライバシーマーク、ＩＳＯ９００１、ＩＳＯ２７００１３；プライバシーマーク４；電子計算機の運用及びこれに付随する業務等、　労働者派遣事業許可</v>
          </cell>
          <cell r="AF2764" t="str">
            <v>５４年の実績のある独立系総合情報処理システム企業です。コンピュータシステムの企画・開発・運用・販売において、官公庁や企業にトータルソリューションサービスを提供しています。地方自治体の基幹システムをはじめ、保健福祉や戸籍等の特化したシステムの開発や普及を進めて参りました。</v>
          </cell>
        </row>
        <row r="2765">
          <cell r="B2765">
            <v>11354</v>
          </cell>
          <cell r="C2765" t="str">
            <v>小川ポンプ工業(株)</v>
          </cell>
          <cell r="D2765" t="str">
            <v>06-6693-1221</v>
          </cell>
          <cell r="E2765" t="str">
            <v>558-0056</v>
          </cell>
          <cell r="F2765" t="str">
            <v>大阪府大阪市住吉区万代東1-5-22</v>
          </cell>
          <cell r="G2765" t="str">
            <v>大阪市</v>
          </cell>
          <cell r="H2765" t="str">
            <v/>
          </cell>
          <cell r="I2765" t="str">
            <v>代表取締役 小河　元</v>
          </cell>
          <cell r="J2765" t="str">
            <v>本店</v>
          </cell>
          <cell r="K2765" t="str">
            <v>06-6693-1224</v>
          </cell>
          <cell r="L2765" t="str">
            <v>o-somu@ogawa-pump.co.jp</v>
          </cell>
          <cell r="M2765" t="str">
            <v>ｵｶﾞﾜﾎﾟﾝﾌﾟｺｳｷﾞｮｳ</v>
          </cell>
          <cell r="N2765" t="str">
            <v>無</v>
          </cell>
          <cell r="O2765">
            <v>89</v>
          </cell>
          <cell r="P2765">
            <v>59</v>
          </cell>
          <cell r="Q2765">
            <v>6120001032297</v>
          </cell>
          <cell r="R2765">
            <v>40000</v>
          </cell>
          <cell r="S2765">
            <v>1214147</v>
          </cell>
          <cell r="T2765">
            <v>2675270</v>
          </cell>
          <cell r="V2765" t="str">
            <v>eu341293</v>
          </cell>
          <cell r="W2765" t="str">
            <v>ub196193</v>
          </cell>
          <cell r="Y2765" t="str">
            <v>24，38，</v>
          </cell>
          <cell r="Z2765">
            <v>24</v>
          </cell>
          <cell r="AA2765">
            <v>38</v>
          </cell>
          <cell r="AB2765" t="str">
            <v/>
          </cell>
          <cell r="AC2765" t="str">
            <v/>
          </cell>
          <cell r="AD2765" t="str">
            <v/>
          </cell>
          <cell r="AE2765" t="str">
            <v>１；消防車の製造（消防ポンプ自動車、小型動力ポンプ付積載車、指揮車）２；小型動力ポンプの販売（シバウラ製）、消火器、消火装置、消火薬剤、防災用資機材３；４；</v>
          </cell>
          <cell r="AF2765" t="str">
            <v>消防ポンプ自動車、小型動力ポンプ付積載車等の消防車輌製造。可搬消防ポンプ、消防防災用品、消防救助工具、災害用備蓄品、非常食、消防用制服、消防用活動服についての製品も取り扱いがございます。</v>
          </cell>
        </row>
        <row r="2766">
          <cell r="B2766">
            <v>11358</v>
          </cell>
          <cell r="C2766" t="str">
            <v>タカオ(株)</v>
          </cell>
          <cell r="D2766" t="str">
            <v>084-955-1275</v>
          </cell>
          <cell r="E2766" t="str">
            <v>720-0004</v>
          </cell>
          <cell r="F2766" t="str">
            <v>広島県福山市御幸町中津原1787-1</v>
          </cell>
          <cell r="G2766" t="str">
            <v>福山市</v>
          </cell>
          <cell r="H2766" t="str">
            <v/>
          </cell>
          <cell r="I2766" t="str">
            <v>代表取締役 高尾　典秀</v>
          </cell>
          <cell r="J2766" t="str">
            <v>本店</v>
          </cell>
          <cell r="K2766" t="str">
            <v>084-955-2481</v>
          </cell>
          <cell r="L2766" t="str">
            <v>takao@takao-world.co.jp</v>
          </cell>
          <cell r="M2766" t="str">
            <v>ﾀｶｵ</v>
          </cell>
          <cell r="N2766" t="str">
            <v>無</v>
          </cell>
          <cell r="O2766">
            <v>38</v>
          </cell>
          <cell r="P2766">
            <v>152</v>
          </cell>
          <cell r="Q2766">
            <v>7240001031229</v>
          </cell>
          <cell r="R2766">
            <v>80000</v>
          </cell>
          <cell r="S2766">
            <v>1924837</v>
          </cell>
          <cell r="T2766">
            <v>3561046</v>
          </cell>
          <cell r="V2766" t="str">
            <v>jv353511</v>
          </cell>
          <cell r="W2766" t="str">
            <v>dv195988</v>
          </cell>
          <cell r="Y2766" t="str">
            <v>080，20，22，66，</v>
          </cell>
          <cell r="Z2766">
            <v>20</v>
          </cell>
          <cell r="AA2766">
            <v>66</v>
          </cell>
          <cell r="AB2766">
            <v>22</v>
          </cell>
          <cell r="AC2766">
            <v>80</v>
          </cell>
          <cell r="AD2766" t="str">
            <v/>
          </cell>
          <cell r="AE2766" t="str">
            <v>１；公園遊具を設計から製作・施工まで行っております。２；看板・サイン等を設計から製作・施工まで行っております。３；公園の景観施設を設計から製作・施工まで行っております。４；公園遊具のメンテナンスを行っております。</v>
          </cell>
          <cell r="AF2766" t="str">
            <v>公園遊具・景観施設の設計から製造・施工まで一貫して自社で行います。また、アフターメンテナンスも自社で行います。</v>
          </cell>
        </row>
        <row r="2767">
          <cell r="B2767">
            <v>11359</v>
          </cell>
          <cell r="C2767" t="str">
            <v>(有)島田ミシン商会</v>
          </cell>
          <cell r="D2767" t="str">
            <v>072-772-3137</v>
          </cell>
          <cell r="E2767" t="str">
            <v>664-0851</v>
          </cell>
          <cell r="F2767" t="str">
            <v>兵庫県伊丹市中央1-5-15</v>
          </cell>
          <cell r="G2767" t="str">
            <v>伊丹市</v>
          </cell>
          <cell r="H2767" t="str">
            <v/>
          </cell>
          <cell r="I2767" t="str">
            <v>取締役 嶌田　正一</v>
          </cell>
          <cell r="J2767" t="str">
            <v>本店</v>
          </cell>
          <cell r="K2767" t="str">
            <v>050-3153-1262</v>
          </cell>
          <cell r="L2767" t="str">
            <v>goodjob@shimadamishin.ciao.jp</v>
          </cell>
          <cell r="M2767" t="str">
            <v>ｼﾏﾀﾞﾐｼﾝｼｮｳｶｲ</v>
          </cell>
          <cell r="N2767" t="str">
            <v>無</v>
          </cell>
          <cell r="O2767">
            <v>65</v>
          </cell>
          <cell r="P2767">
            <v>1</v>
          </cell>
          <cell r="Q2767">
            <v>3140002063615</v>
          </cell>
          <cell r="R2767">
            <v>3000</v>
          </cell>
          <cell r="S2767">
            <v>-214</v>
          </cell>
          <cell r="T2767">
            <v>11025</v>
          </cell>
          <cell r="V2767" t="str">
            <v>aa434782</v>
          </cell>
          <cell r="W2767" t="str">
            <v>qt165359</v>
          </cell>
          <cell r="Y2767" t="str">
            <v>08，01，05，08，12，</v>
          </cell>
          <cell r="Z2767">
            <v>12</v>
          </cell>
          <cell r="AA2767">
            <v>5</v>
          </cell>
          <cell r="AB2767">
            <v>1</v>
          </cell>
          <cell r="AC2767">
            <v>8</v>
          </cell>
          <cell r="AD2767" t="str">
            <v/>
          </cell>
          <cell r="AE2767" t="str">
            <v>１；ブラザー　ジューキ　シンガー　蛇の目　各代理店２；３；４；</v>
          </cell>
          <cell r="AF2767" t="str">
            <v>ミシンの販売　および　修理</v>
          </cell>
        </row>
        <row r="2768">
          <cell r="B2768">
            <v>11361</v>
          </cell>
          <cell r="C2768" t="str">
            <v>(株)共立メンテナンス</v>
          </cell>
          <cell r="D2768" t="str">
            <v>06ｰ6233-3666</v>
          </cell>
          <cell r="E2768" t="str">
            <v>541ｰ0041</v>
          </cell>
          <cell r="F2768" t="str">
            <v>大阪府大阪市中央区北浜4ｰ7ｰ28</v>
          </cell>
          <cell r="G2768" t="str">
            <v>大阪市</v>
          </cell>
          <cell r="H2768" t="str">
            <v>ＰＫＰ事業本部関西支店</v>
          </cell>
          <cell r="I2768" t="str">
            <v>ＰＫＰ事業本部関西支店　関西支店長 細川　茂生</v>
          </cell>
          <cell r="J2768" t="str">
            <v>東京都</v>
          </cell>
          <cell r="K2768" t="str">
            <v>06ｰ6222-6621</v>
          </cell>
          <cell r="L2768" t="str">
            <v>s-wada@dormy.co.jp</v>
          </cell>
          <cell r="M2768" t="str">
            <v>ｷｮｳﾘﾂﾒﾝﾃﾅﾝｽ</v>
          </cell>
          <cell r="N2768" t="str">
            <v>有</v>
          </cell>
          <cell r="O2768">
            <v>39</v>
          </cell>
          <cell r="P2768">
            <v>4484</v>
          </cell>
          <cell r="Q2768">
            <v>1010001014427</v>
          </cell>
          <cell r="R2768">
            <v>7953982</v>
          </cell>
          <cell r="S2768">
            <v>68262153</v>
          </cell>
          <cell r="T2768">
            <v>124588098</v>
          </cell>
          <cell r="V2768" t="str">
            <v>eu790550</v>
          </cell>
          <cell r="W2768" t="str">
            <v>wl188563</v>
          </cell>
          <cell r="Y2768" t="str">
            <v/>
          </cell>
          <cell r="Z2768" t="str">
            <v/>
          </cell>
          <cell r="AA2768" t="str">
            <v/>
          </cell>
          <cell r="AB2768" t="str">
            <v/>
          </cell>
          <cell r="AC2768" t="str">
            <v/>
          </cell>
          <cell r="AD2768" t="str">
            <v/>
          </cell>
          <cell r="AE2768" t="str">
            <v>１；包括委託契約２；３；４；</v>
          </cell>
          <cell r="AF2768" t="str">
            <v>地方行政サービス改革として自治体様との一体化により包括委託契約を推進いたします。</v>
          </cell>
        </row>
        <row r="2769">
          <cell r="B2769">
            <v>11365</v>
          </cell>
          <cell r="C2769" t="str">
            <v>(株)ビット</v>
          </cell>
          <cell r="D2769" t="str">
            <v>06-6945-5377</v>
          </cell>
          <cell r="E2769" t="str">
            <v>540-6131</v>
          </cell>
          <cell r="F2769" t="str">
            <v>大阪府大阪市中央区城見2-1-61</v>
          </cell>
          <cell r="G2769" t="str">
            <v>大阪市</v>
          </cell>
          <cell r="H2769" t="str">
            <v/>
          </cell>
          <cell r="I2769" t="str">
            <v>代表取締役　 辻　宏治</v>
          </cell>
          <cell r="J2769" t="str">
            <v>本店</v>
          </cell>
          <cell r="K2769" t="str">
            <v>06-6945-5344</v>
          </cell>
          <cell r="L2769" t="str">
            <v>bit@bch.co.jp</v>
          </cell>
          <cell r="M2769" t="str">
            <v>ﾋﾞﾂﾄ</v>
          </cell>
          <cell r="N2769" t="str">
            <v>無</v>
          </cell>
          <cell r="O2769">
            <v>39</v>
          </cell>
          <cell r="P2769">
            <v>90</v>
          </cell>
          <cell r="Q2769">
            <v>6120001087837</v>
          </cell>
          <cell r="R2769">
            <v>50000</v>
          </cell>
          <cell r="S2769">
            <v>1198110</v>
          </cell>
          <cell r="T2769">
            <v>3208779</v>
          </cell>
          <cell r="V2769" t="str">
            <v>ku798444</v>
          </cell>
          <cell r="W2769" t="str">
            <v>gq193317</v>
          </cell>
          <cell r="Y2769">
            <v>35.479999999999997</v>
          </cell>
          <cell r="Z2769" t="str">
            <v/>
          </cell>
          <cell r="AA2769" t="str">
            <v/>
          </cell>
          <cell r="AB2769" t="str">
            <v/>
          </cell>
          <cell r="AC2769" t="str">
            <v/>
          </cell>
          <cell r="AD2769" t="str">
            <v/>
          </cell>
          <cell r="AE2769" t="str">
            <v>１；２；３；４；</v>
          </cell>
          <cell r="AF2769" t="str">
            <v>空調機の既設・新設を問わず、点検・診断を通じて設備とフィルタの評価を行い、最適化されたメンテナンスプログラムを提供し、フィルタ交換作業まで一貫して請負います。</v>
          </cell>
        </row>
        <row r="2770">
          <cell r="B2770">
            <v>11368</v>
          </cell>
          <cell r="C2770" t="str">
            <v>(株)日建技術コンサルタント</v>
          </cell>
          <cell r="D2770" t="str">
            <v>078-333-8122</v>
          </cell>
          <cell r="E2770" t="str">
            <v>650-0032</v>
          </cell>
          <cell r="F2770" t="str">
            <v>兵庫県神戸市中央区伊藤町119 大樹生命神戸三宮ﾋﾞﾙ</v>
          </cell>
          <cell r="G2770" t="str">
            <v>神戸市</v>
          </cell>
          <cell r="H2770" t="str">
            <v>神戸事務所</v>
          </cell>
          <cell r="I2770" t="str">
            <v>所長 三隅　文彦</v>
          </cell>
          <cell r="J2770" t="str">
            <v>大阪府大阪市</v>
          </cell>
          <cell r="K2770" t="str">
            <v>078-333-9359</v>
          </cell>
          <cell r="L2770" t="str">
            <v>kobe@nikken-gcon.co.jp</v>
          </cell>
          <cell r="M2770" t="str">
            <v>ﾆｯｹﾝｷﾞｼﾞｭﾂｺﾝｻﾙﾀﾝﾄ</v>
          </cell>
          <cell r="N2770" t="str">
            <v>有</v>
          </cell>
          <cell r="O2770">
            <v>60</v>
          </cell>
          <cell r="P2770">
            <v>301</v>
          </cell>
          <cell r="Q2770">
            <v>7120001086623</v>
          </cell>
          <cell r="R2770">
            <v>80000</v>
          </cell>
          <cell r="S2770">
            <v>2730639</v>
          </cell>
          <cell r="T2770">
            <v>4790413</v>
          </cell>
          <cell r="V2770" t="str">
            <v>wv218681</v>
          </cell>
          <cell r="W2770" t="str">
            <v>hf113959</v>
          </cell>
          <cell r="Y2770" t="str">
            <v>058，57，58，72，79，</v>
          </cell>
          <cell r="Z2770">
            <v>72</v>
          </cell>
          <cell r="AA2770">
            <v>57</v>
          </cell>
          <cell r="AB2770">
            <v>80</v>
          </cell>
          <cell r="AC2770">
            <v>58</v>
          </cell>
          <cell r="AD2770" t="str">
            <v>当社は環境アセスメントの実績が豊富にあります。</v>
          </cell>
          <cell r="AE2770" t="str">
            <v>１；空中写真撮影、ディジタルマッピング、マップディジタイズ、国土基本図、都市計画図、森林基本図、住居表示基本図等の作成、遺跡調査２；地理情報システム、下水道台帳管理システム、上水道管路管理台帳システム、道路台帳管理システム、都市計画支援システム、河川・橋梁台帳管理システム、防災情報システム、環境情報システム３；大気中、水中及び土壌中の物質の濃度に係る測定分析、土壌・地下水汚染診断・工場跡地等土壌分析、作業環境測定、生活環境、破壊環境影響評価４；官庁向けシステム開発</v>
          </cell>
          <cell r="AF2770" t="str">
            <v>上下水道施設・河川、砂防・道路・橋梁・廃棄物等の調査・計画・施工監理を得意としています。また自然環境・地域生活環境等の調査、分析・影響評価などの環境分野や資産台帳作成なども行っており、ＣＩＭ、三次元設定、ＩＣＴ、ＩｏＴ、ドローン等を取り入れた計測にも力を入れています。</v>
          </cell>
        </row>
        <row r="2771">
          <cell r="B2771">
            <v>11369</v>
          </cell>
          <cell r="C2771" t="str">
            <v>(有)キッズいわき</v>
          </cell>
          <cell r="D2771" t="str">
            <v>0774-21-2792</v>
          </cell>
          <cell r="E2771" t="str">
            <v>611-0021</v>
          </cell>
          <cell r="F2771" t="str">
            <v>京都府宇治市宇治妙楽31</v>
          </cell>
          <cell r="G2771" t="str">
            <v>宇治市</v>
          </cell>
          <cell r="H2771" t="str">
            <v/>
          </cell>
          <cell r="I2771" t="str">
            <v>代表取締役 岩城　敏之</v>
          </cell>
          <cell r="J2771" t="str">
            <v>本店</v>
          </cell>
          <cell r="K2771" t="str">
            <v>0774-24-4480</v>
          </cell>
          <cell r="L2771" t="str">
            <v>mail@kidspuff.com</v>
          </cell>
          <cell r="M2771" t="str">
            <v>ｷｯｽﾞｲﾜｷ</v>
          </cell>
          <cell r="N2771" t="str">
            <v>無</v>
          </cell>
          <cell r="O2771">
            <v>30</v>
          </cell>
          <cell r="P2771">
            <v>9</v>
          </cell>
          <cell r="Q2771">
            <v>2130002026284</v>
          </cell>
          <cell r="R2771">
            <v>5000</v>
          </cell>
          <cell r="S2771">
            <v>24836</v>
          </cell>
          <cell r="T2771">
            <v>147321</v>
          </cell>
          <cell r="V2771" t="str">
            <v>gz187771</v>
          </cell>
          <cell r="W2771" t="str">
            <v>wi163989</v>
          </cell>
          <cell r="Y2771" t="str">
            <v>12，17，20，</v>
          </cell>
          <cell r="Z2771">
            <v>12</v>
          </cell>
          <cell r="AA2771">
            <v>17</v>
          </cell>
          <cell r="AB2771">
            <v>20</v>
          </cell>
          <cell r="AC2771" t="str">
            <v/>
          </cell>
          <cell r="AD2771" t="str">
            <v/>
          </cell>
          <cell r="AE2771" t="str">
            <v>１；アトリエニキティキ、ブラザー・ジョルダン社、エルフ、ヨシリツ、おもちゃ箱、コイデ、ブリオ、プラントイジャパン、ブロック社２；アトリエニキティキ、ブラザー・ジョルダン社、エルフ、ヨシリツ、おもちゃ箱、コイデ、ブリオ、プラントイジャパン、ブロック社３；アネビー、ハグス、ゲミノ、ギムニク４；</v>
          </cell>
          <cell r="AF2771" t="str">
            <v>乳幼児保育用玩具、保育用家具、保育用品、室内外大型遊具、学校教材の小売販売</v>
          </cell>
        </row>
        <row r="2772">
          <cell r="B2772">
            <v>11370</v>
          </cell>
          <cell r="C2772" t="str">
            <v>トキコシステムソリューションズ(株)</v>
          </cell>
          <cell r="D2772" t="str">
            <v>050-3537-3503</v>
          </cell>
          <cell r="E2772" t="str">
            <v>566-0035</v>
          </cell>
          <cell r="F2772" t="str">
            <v>大阪府摂津市鶴野2-3-15</v>
          </cell>
          <cell r="G2772" t="str">
            <v>摂津市</v>
          </cell>
          <cell r="H2772" t="str">
            <v>関西支店</v>
          </cell>
          <cell r="I2772" t="str">
            <v>支店長 濵田　誠彦</v>
          </cell>
          <cell r="J2772" t="str">
            <v>神奈川県横浜市</v>
          </cell>
          <cell r="K2772" t="str">
            <v>072-634-0266</v>
          </cell>
          <cell r="L2772" t="str">
            <v>katayama-t@hitachi-automotive-mm.com</v>
          </cell>
          <cell r="M2772" t="str">
            <v>ﾋﾀﾁｵｰﾄﾓﾃｨﾌﾞｼｽﾃﾑｽﾞﾒｼﾞｬﾒﾝﾄ</v>
          </cell>
          <cell r="N2772" t="str">
            <v>有</v>
          </cell>
          <cell r="O2772">
            <v>68</v>
          </cell>
          <cell r="P2772">
            <v>649</v>
          </cell>
          <cell r="Q2772">
            <v>1020001033723</v>
          </cell>
          <cell r="R2772">
            <v>2500000</v>
          </cell>
          <cell r="S2772">
            <v>8001809</v>
          </cell>
          <cell r="T2772">
            <v>20045206</v>
          </cell>
          <cell r="V2772" t="str">
            <v>kx713950</v>
          </cell>
          <cell r="W2772" t="str">
            <v>ux117993</v>
          </cell>
          <cell r="Y2772" t="str">
            <v/>
          </cell>
          <cell r="Z2772">
            <v>80</v>
          </cell>
          <cell r="AA2772" t="str">
            <v/>
          </cell>
          <cell r="AB2772" t="str">
            <v/>
          </cell>
          <cell r="AC2772" t="str">
            <v/>
          </cell>
          <cell r="AD2772" t="str">
            <v/>
          </cell>
          <cell r="AE2772" t="str">
            <v>１；地下タンク等漏洩検査　地下タンク等定期点検事業者認定２；３；４；</v>
          </cell>
          <cell r="AF2772" t="str">
            <v>計装機器の開発・製造・販売。給油所・エコステーションのプランニング／設計／施工。各種工場プラントのシステムエンジニアリング。環境機器の販売・環境サポート事業。各種法定検査。各種計装機器のメンテナンス。</v>
          </cell>
        </row>
        <row r="2773">
          <cell r="B2773">
            <v>11372</v>
          </cell>
          <cell r="C2773" t="str">
            <v>(株)Ｐａｒｔｎｅｒｓ</v>
          </cell>
          <cell r="D2773" t="str">
            <v>078-857-8833</v>
          </cell>
          <cell r="E2773" t="str">
            <v>658-0032</v>
          </cell>
          <cell r="F2773" t="str">
            <v>兵庫県神戸市東灘区向洋町中5-6-1-1021</v>
          </cell>
          <cell r="G2773" t="str">
            <v>神戸市</v>
          </cell>
          <cell r="H2773" t="str">
            <v>パートナーズインシュアランス</v>
          </cell>
          <cell r="I2773" t="str">
            <v>支店長 在間　太俊</v>
          </cell>
          <cell r="J2773" t="str">
            <v>兵庫県神戸市</v>
          </cell>
          <cell r="K2773" t="str">
            <v>078-857-8787</v>
          </cell>
          <cell r="L2773" t="str">
            <v>zaima@hoken.name</v>
          </cell>
          <cell r="M2773" t="str">
            <v>ﾊﾟｰﾄﾅｰｽﾞ</v>
          </cell>
          <cell r="N2773" t="str">
            <v>有</v>
          </cell>
          <cell r="O2773">
            <v>17</v>
          </cell>
          <cell r="P2773">
            <v>34</v>
          </cell>
          <cell r="Q2773">
            <v>4140001032909</v>
          </cell>
          <cell r="R2773">
            <v>3000</v>
          </cell>
          <cell r="S2773">
            <v>3000</v>
          </cell>
          <cell r="T2773">
            <v>188207</v>
          </cell>
          <cell r="V2773" t="str">
            <v>yp450397</v>
          </cell>
          <cell r="W2773" t="str">
            <v>rg186793</v>
          </cell>
          <cell r="Y2773" t="str">
            <v/>
          </cell>
          <cell r="Z2773" t="str">
            <v/>
          </cell>
          <cell r="AA2773" t="str">
            <v/>
          </cell>
          <cell r="AB2773" t="str">
            <v/>
          </cell>
          <cell r="AC2773" t="str">
            <v/>
          </cell>
          <cell r="AD2773" t="str">
            <v/>
          </cell>
          <cell r="AE2773" t="str">
            <v>１；２；３；４；</v>
          </cell>
          <cell r="AF2773" t="str">
            <v>本社・支店ともに神戸市ですが伊丹市在中の方にも多くご契約をいただいております。伊丹市の皆様にも愛される損害保険代理店を目指しております。</v>
          </cell>
        </row>
        <row r="2774">
          <cell r="B2774">
            <v>11373</v>
          </cell>
          <cell r="C2774" t="str">
            <v>大和ハウス工業(株)</v>
          </cell>
          <cell r="D2774" t="str">
            <v>078-272-3800</v>
          </cell>
          <cell r="E2774" t="str">
            <v>651-0084</v>
          </cell>
          <cell r="F2774" t="str">
            <v>兵庫県神戸市中央区磯辺通4-2-22</v>
          </cell>
          <cell r="G2774" t="str">
            <v>神戸市</v>
          </cell>
          <cell r="H2774" t="str">
            <v>神戸支社</v>
          </cell>
          <cell r="I2774" t="str">
            <v>支社長 三浦　洋一</v>
          </cell>
          <cell r="J2774" t="str">
            <v>大阪府大阪市</v>
          </cell>
          <cell r="K2774" t="str">
            <v>078-265-3555</v>
          </cell>
          <cell r="L2774" t="str">
            <v/>
          </cell>
          <cell r="M2774" t="str">
            <v>ﾀﾞｲﾜﾊｳｽｺｳｷﾞｮｳ</v>
          </cell>
          <cell r="N2774" t="str">
            <v>有</v>
          </cell>
          <cell r="O2774">
            <v>62</v>
          </cell>
          <cell r="P2774">
            <v>15438</v>
          </cell>
          <cell r="Q2774">
            <v>6120001059662</v>
          </cell>
          <cell r="R2774">
            <v>161699201</v>
          </cell>
          <cell r="S2774">
            <v>1174649508</v>
          </cell>
          <cell r="T2774">
            <v>3795992000</v>
          </cell>
          <cell r="V2774" t="str">
            <v>fp869776</v>
          </cell>
          <cell r="W2774" t="str">
            <v>qx189596</v>
          </cell>
          <cell r="Y2774" t="str">
            <v>35，43，</v>
          </cell>
          <cell r="Z2774" t="str">
            <v/>
          </cell>
          <cell r="AA2774" t="str">
            <v/>
          </cell>
          <cell r="AB2774" t="str">
            <v/>
          </cell>
          <cell r="AC2774" t="str">
            <v/>
          </cell>
          <cell r="AD2774" t="str">
            <v/>
          </cell>
          <cell r="AE2774" t="str">
            <v>１；電力は、新たな設備投資等などは原則不要で従来と同じ電力の使用状況でも数パーセントの電力削減が見込めます。２；パワーイレ（リチウムイオン蓄電池は、コンセント、太陽光パネルから蓄電。）３；ＬＥＤ照明（省エネ、長寿見様といったＬＥＤの特性をを生かしＣＯ２排出量に貢し、安全な暮らしを守ります。）４；</v>
          </cell>
          <cell r="AF2774" t="str">
            <v>自社工場生産による鉄骨および外壁を用いたシステム建築で、建築の工業化を理念とし、多彩な事業展開から総合生活産業を位置づけ、快適環境の創造を目指しています</v>
          </cell>
        </row>
        <row r="2775">
          <cell r="B2775">
            <v>11374</v>
          </cell>
          <cell r="C2775" t="str">
            <v>三和通信工業(株)</v>
          </cell>
          <cell r="D2775" t="str">
            <v>06-6266-3211</v>
          </cell>
          <cell r="E2775" t="str">
            <v>541-0057</v>
          </cell>
          <cell r="F2775" t="str">
            <v>大阪府大阪市中央区北久宝寺町1-9-1</v>
          </cell>
          <cell r="G2775" t="str">
            <v>大阪市</v>
          </cell>
          <cell r="H2775" t="str">
            <v/>
          </cell>
          <cell r="I2775" t="str">
            <v>代表取締役 岸村　智志</v>
          </cell>
          <cell r="J2775" t="str">
            <v>本店</v>
          </cell>
          <cell r="K2775" t="str">
            <v>06-6266-3223</v>
          </cell>
          <cell r="L2775" t="str">
            <v>yuichi_yamashita@santsu.co.jp</v>
          </cell>
          <cell r="M2775" t="str">
            <v>ｻﾝﾜﾂｳｼﾝｺｳｷﾞｮｳ</v>
          </cell>
          <cell r="N2775" t="str">
            <v>無</v>
          </cell>
          <cell r="O2775">
            <v>59</v>
          </cell>
          <cell r="P2775">
            <v>68</v>
          </cell>
          <cell r="Q2775">
            <v>9120001080649</v>
          </cell>
          <cell r="R2775">
            <v>10000</v>
          </cell>
          <cell r="S2775">
            <v>457015</v>
          </cell>
          <cell r="T2775">
            <v>1415726</v>
          </cell>
          <cell r="V2775" t="str">
            <v>vu565129</v>
          </cell>
          <cell r="W2775" t="str">
            <v>hw179189</v>
          </cell>
          <cell r="Y2775" t="str">
            <v>35，36，37，38，40，50，</v>
          </cell>
          <cell r="Z2775">
            <v>36</v>
          </cell>
          <cell r="AA2775" t="str">
            <v/>
          </cell>
          <cell r="AB2775" t="str">
            <v/>
          </cell>
          <cell r="AC2775" t="str">
            <v/>
          </cell>
          <cell r="AD2775" t="str">
            <v/>
          </cell>
          <cell r="AE2775" t="str">
            <v>１；日立情報通信エンジニアリング（特）、高文、サンテレホン、リコー、キャノン、ムラテック２；３；４；</v>
          </cell>
          <cell r="AF2775" t="str">
            <v>弊社は、創業５９年になる通信機器の専門工事業者で、独自に技術者を持ち、日立システムズの特約店として関西を中心に中部・関東で営業しております。近年電話工事の他、コンピュータ関連（ＬＡＮ等）や防犯カメラの工事引合が増え、幅広い分野で設計・施工を行っております。</v>
          </cell>
        </row>
        <row r="2776">
          <cell r="B2776">
            <v>11376</v>
          </cell>
          <cell r="C2776" t="str">
            <v>(株)サワムラレンタル</v>
          </cell>
          <cell r="D2776" t="str">
            <v>072-692-5900</v>
          </cell>
          <cell r="E2776" t="str">
            <v>569-1141</v>
          </cell>
          <cell r="F2776" t="str">
            <v>大阪府高槻市氷室町3-15-1</v>
          </cell>
          <cell r="G2776" t="str">
            <v>高槻市</v>
          </cell>
          <cell r="H2776" t="str">
            <v/>
          </cell>
          <cell r="I2776" t="str">
            <v>代表取締役 澤村　保夫</v>
          </cell>
          <cell r="J2776" t="str">
            <v>本店</v>
          </cell>
          <cell r="K2776" t="str">
            <v>072-696-7008</v>
          </cell>
          <cell r="L2776" t="str">
            <v xml:space="preserve">s-rental@titan.ocn.ne.jp </v>
          </cell>
          <cell r="M2776" t="str">
            <v>ｻﾜﾑﾗﾚﾝﾀﾙ</v>
          </cell>
          <cell r="N2776" t="str">
            <v>無</v>
          </cell>
          <cell r="O2776">
            <v>28</v>
          </cell>
          <cell r="P2776">
            <v>8</v>
          </cell>
          <cell r="Q2776">
            <v>9120901011001</v>
          </cell>
          <cell r="R2776">
            <v>10000</v>
          </cell>
          <cell r="S2776">
            <v>-18883</v>
          </cell>
          <cell r="T2776">
            <v>260515</v>
          </cell>
          <cell r="V2776" t="str">
            <v>ev805626</v>
          </cell>
          <cell r="W2776" t="str">
            <v>du107215</v>
          </cell>
          <cell r="Y2776" t="str">
            <v>080，14，44，63，</v>
          </cell>
          <cell r="Z2776">
            <v>44</v>
          </cell>
          <cell r="AA2776">
            <v>63</v>
          </cell>
          <cell r="AB2776">
            <v>14</v>
          </cell>
          <cell r="AC2776">
            <v>80</v>
          </cell>
          <cell r="AD2776" t="str">
            <v/>
          </cell>
          <cell r="AE2776" t="str">
            <v>１；展示会　絵画展等の催事で使用するパーテーションパネル　間仕切りパネル　ポスターパネル　イス　机の賃貸２；展示会　絵画展等の催事で使用するパーテーションパネル　間仕切りパネル　ポスターパネル　イス　机の賃貸分を使用するイベントの会場設営　企画運営は不可３；間仕切りパネルの販売４；間仕切りパネルの販売</v>
          </cell>
          <cell r="AF2776" t="str">
            <v>展示会、絵画展等の催事で使用するパーテーションパネル、間仕切りパネル、ポスターパネル 、イス、机のレンタル。又はそれらを使用するイベントの会場設営。パーテーションパネル、間仕切りパネル、ポスターパネルの販売</v>
          </cell>
        </row>
        <row r="2777">
          <cell r="B2777">
            <v>11377</v>
          </cell>
          <cell r="C2777" t="str">
            <v>大都保全興業(株)</v>
          </cell>
          <cell r="D2777" t="str">
            <v>06-6453-4813</v>
          </cell>
          <cell r="E2777" t="str">
            <v>541-0041</v>
          </cell>
          <cell r="F2777" t="str">
            <v>大阪府大阪市北区大淀中3-16-12 F&amp;Gﾋﾞﾙ</v>
          </cell>
          <cell r="G2777" t="str">
            <v>大阪市</v>
          </cell>
          <cell r="H2777" t="str">
            <v/>
          </cell>
          <cell r="I2777" t="str">
            <v>代表取締役　 兒玉　佳大</v>
          </cell>
          <cell r="J2777" t="str">
            <v>本店</v>
          </cell>
          <cell r="K2777" t="str">
            <v>06-6453-3666</v>
          </cell>
          <cell r="L2777" t="str">
            <v>hozen@daito-gp.com</v>
          </cell>
          <cell r="M2777" t="str">
            <v>ﾀﾞｲﾄﾎｾﾞﾝｺｳｷﾞﾖｳ</v>
          </cell>
          <cell r="N2777" t="str">
            <v>無</v>
          </cell>
          <cell r="O2777">
            <v>38</v>
          </cell>
          <cell r="P2777">
            <v>17</v>
          </cell>
          <cell r="Q2777">
            <v>8120000000000</v>
          </cell>
          <cell r="R2777">
            <v>20000</v>
          </cell>
          <cell r="S2777">
            <v>99527</v>
          </cell>
          <cell r="T2777">
            <v>551164</v>
          </cell>
          <cell r="V2777" t="str">
            <v>su397471</v>
          </cell>
          <cell r="W2777" t="str">
            <v>ne193393</v>
          </cell>
          <cell r="Y2777" t="str">
            <v>51.52.55.80</v>
          </cell>
          <cell r="Z2777">
            <v>55</v>
          </cell>
          <cell r="AA2777">
            <v>51</v>
          </cell>
          <cell r="AB2777">
            <v>80</v>
          </cell>
          <cell r="AC2777">
            <v>52</v>
          </cell>
          <cell r="AD2777" t="str">
            <v/>
          </cell>
          <cell r="AE2777" t="str">
            <v>１；２；建築物環境衛生総合管理業、産業廃棄物収集運搬業許可あり　路面清掃車２台を含む特殊車両８台を保有しています３；貯水槽清掃は大阪市教育委員会、大阪大学など毎年継続的に行わせて頂いています４；排水管清掃作業　酸素欠乏硫化水素危険作業主任者が３名おり、作業への信頼が厚く、摂津市では雨水桝つまり解消の作業を頂き、日本郵政オフィスサポートからは継続した依頼を頂いています</v>
          </cell>
          <cell r="AF2777" t="str">
            <v>サービス業として、「緊急」や「クレーム」への迅速な責任を持った対応を心掛けており、緊急連絡網などの仕組みで問題解決へ取組んでいます。問題発生時には「再発防止」にこだわりを持って、恒常的な問題解決を行っており、お客さまからは、「安心・信用・信頼」を頂いております。</v>
          </cell>
        </row>
        <row r="2778">
          <cell r="B2778">
            <v>11380</v>
          </cell>
          <cell r="C2778" t="str">
            <v>大成機工(株)</v>
          </cell>
          <cell r="D2778" t="str">
            <v>06-6344-1144</v>
          </cell>
          <cell r="E2778" t="str">
            <v>530-0001</v>
          </cell>
          <cell r="F2778" t="str">
            <v>大阪府大阪市北区梅田1-1-3-2700</v>
          </cell>
          <cell r="G2778" t="str">
            <v>大阪市</v>
          </cell>
          <cell r="H2778" t="str">
            <v/>
          </cell>
          <cell r="I2778" t="str">
            <v>代表取締役社長 鈴木　仁</v>
          </cell>
          <cell r="J2778" t="str">
            <v>本店</v>
          </cell>
          <cell r="K2778" t="str">
            <v>06-63447942</v>
          </cell>
          <cell r="L2778" t="str">
            <v>osaka@taiseikiko.com</v>
          </cell>
          <cell r="M2778" t="str">
            <v>ﾀｲｾｲｷｺｳ</v>
          </cell>
          <cell r="N2778" t="str">
            <v>無</v>
          </cell>
          <cell r="O2778">
            <v>60</v>
          </cell>
          <cell r="P2778">
            <v>365</v>
          </cell>
          <cell r="Q2778">
            <v>1120001066556</v>
          </cell>
          <cell r="R2778">
            <v>98000</v>
          </cell>
          <cell r="S2778">
            <v>17841938</v>
          </cell>
          <cell r="T2778">
            <v>15425395</v>
          </cell>
          <cell r="V2778" t="str">
            <v>fw542368</v>
          </cell>
          <cell r="W2778" t="str">
            <v>vr119186</v>
          </cell>
          <cell r="Y2778" t="str">
            <v>33，79，</v>
          </cell>
          <cell r="Z2778">
            <v>33</v>
          </cell>
          <cell r="AA2778">
            <v>79</v>
          </cell>
          <cell r="AB2778" t="str">
            <v/>
          </cell>
          <cell r="AC2778" t="str">
            <v/>
          </cell>
          <cell r="AD2778" t="str">
            <v/>
          </cell>
          <cell r="AE2778" t="str">
            <v>１；特殊押輪ワイド・ヤノジョイント・ヤノＴ字管　日本水道協会検査工場登録２；不断水管内調査カメラアットミル３；４；</v>
          </cell>
          <cell r="AF2778" t="str">
            <v>上下水道、ガス管用特殊継手及び関連商品の設計、開発、製造ならびに上下水道工事</v>
          </cell>
        </row>
        <row r="2779">
          <cell r="B2779">
            <v>11381</v>
          </cell>
          <cell r="C2779" t="str">
            <v>(株)ナミサキ</v>
          </cell>
          <cell r="D2779" t="str">
            <v>072-777-8388</v>
          </cell>
          <cell r="E2779" t="str">
            <v>664-0026</v>
          </cell>
          <cell r="F2779" t="str">
            <v>兵庫県伊丹市寺本2-10-2</v>
          </cell>
          <cell r="G2779" t="str">
            <v>伊丹市</v>
          </cell>
          <cell r="H2779" t="str">
            <v>伊丹営業所</v>
          </cell>
          <cell r="I2779" t="str">
            <v>代表取締役社長 浪崎　真</v>
          </cell>
          <cell r="J2779" t="str">
            <v>兵庫県尼崎市</v>
          </cell>
          <cell r="K2779" t="str">
            <v>072-744-713810</v>
          </cell>
          <cell r="L2779" t="str">
            <v>teaching-material@ever.ocn.ne.jp</v>
          </cell>
          <cell r="M2779" t="str">
            <v>ﾅﾐｻｷ</v>
          </cell>
          <cell r="N2779" t="str">
            <v>有</v>
          </cell>
          <cell r="O2779">
            <v>65</v>
          </cell>
          <cell r="P2779">
            <v>8</v>
          </cell>
          <cell r="Q2779">
            <v>3140001050473</v>
          </cell>
          <cell r="R2779">
            <v>10000</v>
          </cell>
          <cell r="S2779">
            <v>92537</v>
          </cell>
          <cell r="T2779">
            <v>465671</v>
          </cell>
          <cell r="V2779" t="str">
            <v>dh354773</v>
          </cell>
          <cell r="W2779" t="str">
            <v>dv139753</v>
          </cell>
          <cell r="Y2779" t="str">
            <v>014，12，13，14，15，41，</v>
          </cell>
          <cell r="Z2779">
            <v>12</v>
          </cell>
          <cell r="AA2779">
            <v>13</v>
          </cell>
          <cell r="AB2779">
            <v>41</v>
          </cell>
          <cell r="AC2779">
            <v>14</v>
          </cell>
          <cell r="AD2779" t="str">
            <v>学研の特約代理店です。特別支援学級の備品類が豊富です。その他学校関係全般についての物品、修理の取り扱いがあります。</v>
          </cell>
          <cell r="AE2779" t="str">
            <v>１；小・中・高等学校の全教科について取扱いが可能です２；学校図書館用図書　教師用図書　教科書関連図書等学校に関するあらゆる雑誌、書籍類を扱っています。３；顕微鏡をはじめ、理化学機器全般を扱っております。　毒物劇物一般販売業登録済４；コクヨ、ライオン事務機、その他多数のメーカーの取り扱いが可能です。また、図書室、理科室、家庭科室等の特別教室等の別注品の取り扱いが可能です。</v>
          </cell>
          <cell r="AF2779" t="str">
            <v>学校（小・中・高等）で使う教材、教具、備品等、主に学校で使用するもの全般取り扱っております。</v>
          </cell>
        </row>
        <row r="2780">
          <cell r="B2780">
            <v>11384</v>
          </cell>
          <cell r="C2780" t="str">
            <v>大和写真工業(株)</v>
          </cell>
          <cell r="D2780" t="str">
            <v>06-6331-1807</v>
          </cell>
          <cell r="E2780" t="str">
            <v>561-0828</v>
          </cell>
          <cell r="F2780" t="str">
            <v>大阪府豊中市三和町4-3-1</v>
          </cell>
          <cell r="G2780" t="str">
            <v>豊中市</v>
          </cell>
          <cell r="H2780" t="str">
            <v/>
          </cell>
          <cell r="I2780" t="str">
            <v>代表取締役 鶴井　宏尚</v>
          </cell>
          <cell r="J2780" t="str">
            <v>本店</v>
          </cell>
          <cell r="K2780" t="str">
            <v>06-6331-1807</v>
          </cell>
          <cell r="L2780" t="str">
            <v>abe@daiwa-skk.co.jp</v>
          </cell>
          <cell r="M2780" t="str">
            <v>ﾀﾞｲﾜｼｬｼﾝｺｳｷﾞｮｳ</v>
          </cell>
          <cell r="N2780" t="str">
            <v>無</v>
          </cell>
          <cell r="O2780">
            <v>59</v>
          </cell>
          <cell r="P2780">
            <v>40</v>
          </cell>
          <cell r="Q2780">
            <v>6120901024542</v>
          </cell>
          <cell r="R2780">
            <v>10000</v>
          </cell>
          <cell r="S2780">
            <v>100000</v>
          </cell>
          <cell r="T2780">
            <v>346685</v>
          </cell>
          <cell r="V2780" t="str">
            <v>bw884600</v>
          </cell>
          <cell r="W2780" t="str">
            <v>qq169989</v>
          </cell>
          <cell r="Y2780" t="str">
            <v>075，15，64，65，70，71，73，74，75，76，</v>
          </cell>
          <cell r="Z2780">
            <v>73</v>
          </cell>
          <cell r="AA2780">
            <v>76</v>
          </cell>
          <cell r="AB2780">
            <v>71</v>
          </cell>
          <cell r="AC2780">
            <v>75</v>
          </cell>
          <cell r="AD2780" t="str">
            <v>印刷業務はデザイン含め全般です</v>
          </cell>
          <cell r="AE2780" t="str">
            <v>１；印刷・製本・デザイン業務２；シール・ラベル・特殊印刷３；マイクロ撮影・スキャニング・データ入力業務４；コピー・製本</v>
          </cell>
          <cell r="AF2780" t="str">
            <v>印刷・製本・デザイン・コピー業務・マイクロ撮影・スキャニング業務・ホームページ・動画・デジタルサイネージ</v>
          </cell>
        </row>
        <row r="2781">
          <cell r="B2781">
            <v>11385</v>
          </cell>
          <cell r="C2781" t="str">
            <v>(株)ライオン事務器</v>
          </cell>
          <cell r="D2781" t="str">
            <v>06-6747-1335</v>
          </cell>
          <cell r="E2781" t="str">
            <v>577-8560</v>
          </cell>
          <cell r="F2781" t="str">
            <v>大阪府東大阪市長田中3-5-44</v>
          </cell>
          <cell r="G2781" t="str">
            <v>東大阪市</v>
          </cell>
          <cell r="H2781" t="str">
            <v>大阪本店</v>
          </cell>
          <cell r="I2781" t="str">
            <v>大阪本店長 寳代　博之</v>
          </cell>
          <cell r="J2781" t="str">
            <v>大阪府東大阪市</v>
          </cell>
          <cell r="K2781" t="str">
            <v>06-6747-1318</v>
          </cell>
          <cell r="L2781" t="str">
            <v>delica.9701@lion-jimuki.co.jp</v>
          </cell>
          <cell r="M2781" t="str">
            <v>ﾗｲｵﾝｼﾞﾑｷ</v>
          </cell>
          <cell r="N2781" t="str">
            <v>有</v>
          </cell>
          <cell r="O2781">
            <v>226</v>
          </cell>
          <cell r="P2781">
            <v>420</v>
          </cell>
          <cell r="Q2781">
            <v>1122001014313</v>
          </cell>
          <cell r="R2781">
            <v>2677000</v>
          </cell>
          <cell r="S2781">
            <v>5202000</v>
          </cell>
          <cell r="T2781">
            <v>13197000</v>
          </cell>
          <cell r="V2781" t="str">
            <v>nn129358</v>
          </cell>
          <cell r="W2781" t="str">
            <v>xs136376</v>
          </cell>
          <cell r="Y2781" t="str">
            <v>14，27，36，58，</v>
          </cell>
          <cell r="Z2781">
            <v>36</v>
          </cell>
          <cell r="AA2781">
            <v>14</v>
          </cell>
          <cell r="AB2781">
            <v>27</v>
          </cell>
          <cell r="AC2781" t="str">
            <v/>
          </cell>
          <cell r="AD2781" t="str">
            <v/>
          </cell>
          <cell r="AE2781" t="str">
            <v>１；日本電気２；事務用品３；オフィス家具４；</v>
          </cell>
          <cell r="AF2781" t="str">
            <v>事務用品・オフィス家具のメーカーです。また、小・中学校への教育用・校務用パソコンの導入・保守を行っています。</v>
          </cell>
        </row>
        <row r="2782">
          <cell r="B2782">
            <v>11387</v>
          </cell>
          <cell r="C2782" t="str">
            <v>森田昌宏堂</v>
          </cell>
          <cell r="D2782" t="str">
            <v>072-772-3304</v>
          </cell>
          <cell r="E2782" t="str">
            <v>664-0851</v>
          </cell>
          <cell r="F2782" t="str">
            <v>兵庫県伊丹市中央1-2-14</v>
          </cell>
          <cell r="G2782" t="str">
            <v>伊丹市</v>
          </cell>
          <cell r="H2782" t="str">
            <v/>
          </cell>
          <cell r="I2782" t="str">
            <v xml:space="preserve"> 森田　浩友紀</v>
          </cell>
          <cell r="J2782" t="str">
            <v>本店</v>
          </cell>
          <cell r="K2782" t="str">
            <v>072-772-3304</v>
          </cell>
          <cell r="L2782" t="str">
            <v>moritasyoukoudou@blue.plala.or.jp</v>
          </cell>
          <cell r="M2782" t="str">
            <v>ﾓﾘﾀｼｮｳｺｳﾄﾞｳ</v>
          </cell>
          <cell r="N2782" t="str">
            <v>無</v>
          </cell>
          <cell r="O2782">
            <v>113</v>
          </cell>
          <cell r="P2782">
            <v>7</v>
          </cell>
          <cell r="Q2782" t="str">
            <v/>
          </cell>
          <cell r="R2782" t="str">
            <v/>
          </cell>
          <cell r="S2782" t="str">
            <v/>
          </cell>
          <cell r="T2782">
            <v>28014</v>
          </cell>
          <cell r="V2782" t="str">
            <v>wp286187</v>
          </cell>
          <cell r="W2782" t="str">
            <v>te133996</v>
          </cell>
          <cell r="Y2782" t="str">
            <v>12，13，</v>
          </cell>
          <cell r="Z2782">
            <v>13</v>
          </cell>
          <cell r="AA2782">
            <v>12</v>
          </cell>
          <cell r="AB2782">
            <v>80</v>
          </cell>
          <cell r="AC2782" t="str">
            <v/>
          </cell>
          <cell r="AD2782" t="str">
            <v/>
          </cell>
          <cell r="AE2782" t="str">
            <v>１；教科書・指導書・書籍・小学校中学校児童図書・雑誌・住宅地図２；デジタル教科書・掛図・ＣＤ・カセット３；図書館の書架・雑誌架・図書カード４；</v>
          </cell>
          <cell r="AF2782" t="str">
            <v>当店の創業明治３９年４月より、教科書取次供給所を営なんでおります。伊丹市。小学校１６校、中学校９校の教科書を納めさして頂いております。これからも親切、丁寧、きめ細かな対応をモットーに皆様のお役に立ちたいと願ってます。</v>
          </cell>
        </row>
        <row r="2783">
          <cell r="B2783">
            <v>11388</v>
          </cell>
          <cell r="C2783" t="str">
            <v>(株)ディスプレイミワボシ</v>
          </cell>
          <cell r="D2783" t="str">
            <v>078-576-6666</v>
          </cell>
          <cell r="E2783" t="str">
            <v>652-0803</v>
          </cell>
          <cell r="F2783" t="str">
            <v>兵庫県神戸市兵庫区大開通3-1-21</v>
          </cell>
          <cell r="G2783" t="str">
            <v>神戸市</v>
          </cell>
          <cell r="H2783" t="str">
            <v/>
          </cell>
          <cell r="I2783" t="str">
            <v>代表取締役　 池田　長雄</v>
          </cell>
          <cell r="J2783" t="str">
            <v>本店</v>
          </cell>
          <cell r="K2783" t="str">
            <v>078-579-0006</v>
          </cell>
          <cell r="L2783" t="str">
            <v>t.sakoda@miwaboshi.com</v>
          </cell>
          <cell r="M2783" t="str">
            <v>ﾃﾞｲｽﾌﾟﾚｲﾐﾜﾎﾞｼ</v>
          </cell>
          <cell r="N2783" t="str">
            <v>無</v>
          </cell>
          <cell r="O2783">
            <v>93</v>
          </cell>
          <cell r="P2783">
            <v>24</v>
          </cell>
          <cell r="Q2783">
            <v>4140000000000</v>
          </cell>
          <cell r="R2783">
            <v>99675</v>
          </cell>
          <cell r="S2783">
            <v>997834</v>
          </cell>
          <cell r="T2783">
            <v>603098</v>
          </cell>
          <cell r="V2783" t="str">
            <v>vc519841</v>
          </cell>
          <cell r="W2783" t="str">
            <v>id158715</v>
          </cell>
          <cell r="Y2783">
            <v>63.66</v>
          </cell>
          <cell r="Z2783">
            <v>63</v>
          </cell>
          <cell r="AA2783">
            <v>66</v>
          </cell>
          <cell r="AB2783" t="str">
            <v/>
          </cell>
          <cell r="AC2783" t="str">
            <v/>
          </cell>
          <cell r="AD2783" t="str">
            <v/>
          </cell>
          <cell r="AE2783" t="str">
            <v>１；２；３；４；</v>
          </cell>
          <cell r="AF2783" t="str">
            <v>あらゆる催事・祭り・式典・神事などの会場設営及び運営等</v>
          </cell>
        </row>
        <row r="2784">
          <cell r="B2784">
            <v>11393</v>
          </cell>
          <cell r="C2784" t="str">
            <v>新日本美風(株)</v>
          </cell>
          <cell r="D2784" t="str">
            <v>06-6582-1353</v>
          </cell>
          <cell r="E2784" t="str">
            <v>552-0002</v>
          </cell>
          <cell r="F2784" t="str">
            <v>大阪府大阪市港区市岡元町3ｰ3-16</v>
          </cell>
          <cell r="G2784" t="str">
            <v>大阪市</v>
          </cell>
          <cell r="H2784" t="str">
            <v/>
          </cell>
          <cell r="I2784" t="str">
            <v>代表取締役 荒牧　太郎</v>
          </cell>
          <cell r="J2784" t="str">
            <v>本店</v>
          </cell>
          <cell r="K2784" t="str">
            <v>06-6582-1286</v>
          </cell>
          <cell r="L2784" t="str">
            <v>oosawa@bifuu.co.jp</v>
          </cell>
          <cell r="M2784" t="str">
            <v>ｼﾝﾆﾎﾝﾋﾞﾌｳ</v>
          </cell>
          <cell r="N2784" t="str">
            <v>無</v>
          </cell>
          <cell r="O2784">
            <v>47</v>
          </cell>
          <cell r="P2784">
            <v>35</v>
          </cell>
          <cell r="Q2784">
            <v>6120001029145</v>
          </cell>
          <cell r="R2784">
            <v>21000</v>
          </cell>
          <cell r="S2784">
            <v>128964</v>
          </cell>
          <cell r="T2784">
            <v>2809902</v>
          </cell>
          <cell r="V2784" t="str">
            <v>mu263176</v>
          </cell>
          <cell r="W2784" t="str">
            <v>kd195918</v>
          </cell>
          <cell r="Y2784" t="str">
            <v>041，10，35，41，48，</v>
          </cell>
          <cell r="Z2784">
            <v>35</v>
          </cell>
          <cell r="AA2784">
            <v>48</v>
          </cell>
          <cell r="AB2784">
            <v>10</v>
          </cell>
          <cell r="AC2784">
            <v>41</v>
          </cell>
          <cell r="AD2784" t="str">
            <v/>
          </cell>
          <cell r="AE2784" t="str">
            <v>１；空調用エアフィルター　（代）ニッタ株式会社　（代）日本バイリーン株式会社２；給排水、空調設備総合メンテナンス３；活性炭　（代）ニッタ株式会社　（代）日本バイリーン株式会社４；クリーンベンチ</v>
          </cell>
          <cell r="AF2784" t="str">
            <v>空調エアフィルタ・空調機器、衛生設備関連機器販売。給排気・厨房排気ダクトクリーニング。落下菌、浮遊菌測定。クリーンルーム塵埃・空気環境測定。冷暖房設備・給排気衛生機器メンテナンス。</v>
          </cell>
        </row>
        <row r="2785">
          <cell r="B2785">
            <v>11394</v>
          </cell>
          <cell r="C2785" t="str">
            <v>コニカミノルタジャパン(株)</v>
          </cell>
          <cell r="D2785" t="str">
            <v>06-6110-0633</v>
          </cell>
          <cell r="E2785" t="str">
            <v>550-0005</v>
          </cell>
          <cell r="F2785" t="str">
            <v>大阪府大阪市西区西本町2-3-10</v>
          </cell>
          <cell r="G2785" t="str">
            <v>大阪市</v>
          </cell>
          <cell r="I2785" t="str">
            <v>官公庁営業部長 畑山　雄一</v>
          </cell>
          <cell r="J2785" t="str">
            <v>東京都</v>
          </cell>
          <cell r="K2785" t="str">
            <v>06-6110-0650</v>
          </cell>
          <cell r="L2785" t="str">
            <v>kazuya.naitou@konicaminolta.com</v>
          </cell>
          <cell r="M2785" t="str">
            <v>ｺﾆｶﾐﾉﾙﾀｼﾞﾔﾊﾟﾝ</v>
          </cell>
          <cell r="N2785" t="str">
            <v>有</v>
          </cell>
          <cell r="O2785">
            <v>71</v>
          </cell>
          <cell r="P2785">
            <v>3538</v>
          </cell>
          <cell r="Q2785">
            <v>9013400000000</v>
          </cell>
          <cell r="R2785">
            <v>397100</v>
          </cell>
          <cell r="S2785">
            <v>15142000</v>
          </cell>
          <cell r="T2785">
            <v>140196000</v>
          </cell>
          <cell r="V2785" t="str">
            <v>hj328148</v>
          </cell>
          <cell r="W2785" t="str">
            <v>rm168179</v>
          </cell>
          <cell r="Y2785" t="str">
            <v>14.15.36.39.44.58.80</v>
          </cell>
          <cell r="Z2785">
            <v>44</v>
          </cell>
          <cell r="AA2785">
            <v>36</v>
          </cell>
          <cell r="AB2785">
            <v>39</v>
          </cell>
          <cell r="AC2785">
            <v>58</v>
          </cell>
          <cell r="AD2785" t="str">
            <v/>
          </cell>
          <cell r="AE2785" t="str">
            <v>１；２；コニカミノルタ複合機３；コニカミノルタ印刷機４；コニカミノルタ医療用機器</v>
          </cell>
          <cell r="AF2785" t="str">
            <v>複合機、プリンターなどのオフィス関連、及びデジタル印刷機、ファイリング機器などのプロダクションプリント関連製品、画像診断システムなど医療向け製品サービスの国内における販売・アフターサービスを行う。</v>
          </cell>
        </row>
        <row r="2786">
          <cell r="B2786">
            <v>11398</v>
          </cell>
          <cell r="C2786" t="str">
            <v>第一環境(株)</v>
          </cell>
          <cell r="D2786" t="str">
            <v>06-6390-2411</v>
          </cell>
          <cell r="E2786" t="str">
            <v>532-0011</v>
          </cell>
          <cell r="F2786" t="str">
            <v>大阪府大阪市淀川区西中島6-8-8</v>
          </cell>
          <cell r="G2786" t="str">
            <v>神戸市</v>
          </cell>
          <cell r="H2786" t="str">
            <v>関西支店</v>
          </cell>
          <cell r="I2786" t="str">
            <v>関西支店長 玉木　孝一</v>
          </cell>
          <cell r="J2786" t="str">
            <v>東京都</v>
          </cell>
          <cell r="K2786" t="str">
            <v>06-6390-2491</v>
          </cell>
          <cell r="L2786" t="str">
            <v/>
          </cell>
          <cell r="M2786" t="str">
            <v>ﾀﾞｲｲﾁｶﾝｷｮｳ</v>
          </cell>
          <cell r="N2786" t="str">
            <v>有</v>
          </cell>
          <cell r="O2786">
            <v>44</v>
          </cell>
          <cell r="P2786">
            <v>1604</v>
          </cell>
          <cell r="Q2786">
            <v>1010401092221</v>
          </cell>
          <cell r="R2786">
            <v>100000</v>
          </cell>
          <cell r="S2786">
            <v>6953191</v>
          </cell>
          <cell r="T2786">
            <v>19409680</v>
          </cell>
          <cell r="V2786" t="str">
            <v>mw531434</v>
          </cell>
          <cell r="W2786" t="str">
            <v>qd163739</v>
          </cell>
          <cell r="Y2786" t="str">
            <v>43，58，61，79，</v>
          </cell>
          <cell r="Z2786" t="str">
            <v/>
          </cell>
          <cell r="AA2786" t="str">
            <v/>
          </cell>
          <cell r="AB2786" t="str">
            <v/>
          </cell>
          <cell r="AC2786" t="str">
            <v/>
          </cell>
          <cell r="AD2786" t="str">
            <v>上下水道施設等維持管理、貯水槽・高架水槽の清掃点検</v>
          </cell>
          <cell r="AE2786" t="str">
            <v>１；上下水道料金徴収及び検針業務２；検針及び収納データ処理システム開発３；ハンディターミナル検針システム・無線検針システム販売４；漏水調査</v>
          </cell>
          <cell r="AF2786" t="str">
            <v>料金徴収業務と自社で開発して料金徴収ＶＳＰシステムの構築・運用・保守を併せた受託が可能です。料金徴収業務のツールとして、受託業者が主体的に持ち込んで徴収業務を実施するトータルアウトソーシングが実現、効率的な業務の遂行が可能。システム保有に係る負荷・コストを極小化できます。</v>
          </cell>
        </row>
        <row r="2787">
          <cell r="B2787">
            <v>11401</v>
          </cell>
          <cell r="C2787" t="str">
            <v>三菱電機ビルテクノサービス(株)</v>
          </cell>
          <cell r="D2787" t="str">
            <v>06-6355-6000</v>
          </cell>
          <cell r="E2787" t="str">
            <v>530-6018</v>
          </cell>
          <cell r="F2787" t="str">
            <v>大阪府大阪市北区天満橋1-8-30</v>
          </cell>
          <cell r="G2787" t="str">
            <v>大阪市</v>
          </cell>
          <cell r="H2787" t="str">
            <v>関西支社</v>
          </cell>
          <cell r="I2787" t="str">
            <v>取締役関西支社長 岩村　竜也</v>
          </cell>
          <cell r="J2787" t="str">
            <v>東京都</v>
          </cell>
          <cell r="K2787" t="str">
            <v>06-6355-6006</v>
          </cell>
          <cell r="L2787" t="str">
            <v>l_nyusatsu.hyogo@meltec.co.jp</v>
          </cell>
          <cell r="M2787" t="str">
            <v>ﾐﾂﾋﾞｼﾃﾞﾝｷﾋﾞﾙﾃｸﾉｻｰﾋﾞｽ</v>
          </cell>
          <cell r="N2787" t="str">
            <v>有</v>
          </cell>
          <cell r="O2787">
            <v>63</v>
          </cell>
          <cell r="P2787">
            <v>9518</v>
          </cell>
          <cell r="Q2787">
            <v>5010001030412</v>
          </cell>
          <cell r="R2787">
            <v>5000000</v>
          </cell>
          <cell r="S2787">
            <v>210024000</v>
          </cell>
          <cell r="T2787">
            <v>330080000</v>
          </cell>
          <cell r="V2787" t="str">
            <v>jy570590</v>
          </cell>
          <cell r="W2787" t="str">
            <v>gd153196</v>
          </cell>
          <cell r="Y2787" t="str">
            <v>047，35，47，48，</v>
          </cell>
          <cell r="Z2787">
            <v>48</v>
          </cell>
          <cell r="AA2787">
            <v>80</v>
          </cell>
          <cell r="AB2787">
            <v>35</v>
          </cell>
          <cell r="AC2787">
            <v>47</v>
          </cell>
          <cell r="AD2787" t="str">
            <v/>
          </cell>
          <cell r="AE2787" t="str">
            <v>１；昇降機、空調・冷凍設備の保守点検・修理２；昇降機等各ビル設備の遠隔監視・制御・計測・点検３；照明器具・ＬＥＤを始めにランプ類販売４；受変電等電気設備保守・修理</v>
          </cell>
          <cell r="AF2787" t="str">
            <v>メーカー直営のメンテナンス会社であることから、高度かつ最新の技術情報を元に、お客様の信頼を元に兵庫県を始め、全国で数多くの工事、メンテナンス、販売等の実績を上げています。</v>
          </cell>
        </row>
        <row r="2788">
          <cell r="B2788">
            <v>11403</v>
          </cell>
          <cell r="C2788" t="str">
            <v>(株)日本インシーク</v>
          </cell>
          <cell r="D2788" t="str">
            <v>078-871-5611</v>
          </cell>
          <cell r="E2788" t="str">
            <v>666-0105</v>
          </cell>
          <cell r="F2788" t="str">
            <v>兵庫県神戸市灘区灘南通5-4-15</v>
          </cell>
          <cell r="G2788" t="str">
            <v>大阪市</v>
          </cell>
          <cell r="H2788" t="str">
            <v>神戸支社</v>
          </cell>
          <cell r="I2788" t="str">
            <v>支社長 古澤　清治</v>
          </cell>
          <cell r="J2788" t="str">
            <v>大阪府大阪市</v>
          </cell>
          <cell r="K2788" t="str">
            <v>078-871-5541</v>
          </cell>
          <cell r="L2788" t="str">
            <v>kobe@insiek.co.jp</v>
          </cell>
          <cell r="M2788" t="str">
            <v>ｱｽｺﾀﾞｲﾄｳ</v>
          </cell>
          <cell r="N2788" t="str">
            <v>有</v>
          </cell>
          <cell r="O2788">
            <v>48</v>
          </cell>
          <cell r="P2788">
            <v>373</v>
          </cell>
          <cell r="Q2788">
            <v>7120000000000</v>
          </cell>
          <cell r="R2788">
            <v>80000</v>
          </cell>
          <cell r="S2788">
            <v>1836658</v>
          </cell>
          <cell r="T2788">
            <v>5576824</v>
          </cell>
          <cell r="V2788" t="str">
            <v>jb492648</v>
          </cell>
          <cell r="W2788" t="str">
            <v>tc157648</v>
          </cell>
          <cell r="Y2788" t="str">
            <v/>
          </cell>
          <cell r="Z2788" t="str">
            <v/>
          </cell>
          <cell r="AA2788" t="str">
            <v/>
          </cell>
          <cell r="AB2788" t="str">
            <v/>
          </cell>
          <cell r="AC2788" t="str">
            <v/>
          </cell>
          <cell r="AD2788" t="str">
            <v/>
          </cell>
          <cell r="AE2788" t="str">
            <v>１；２；ＧＩＳを使った道路附属物、個別施設、建築確認、公共施設、公共財産等の管理や、上下水道等のインフラ施設の長寿命化計画策定に伴うシステム管理の開発及び保守３；市民意識調査、まちづくり検討業務、まちづくり活動支援、地域防災計画等の計画策定、バリアフリー基本構想、無電柱化基本構想、整備効果検討、学校施設再生計画画策定支援、景観計画基礎調査４；小型無人航空機（ＵＡＶ）を用い、航空写真撮影・動画撮影・レーザー測量を行い、自社ソフトでの解析・画像相関等による３Ｄデータの提供</v>
          </cell>
          <cell r="AF2788" t="str">
            <v>ストックマネジメント等計画策定（下水道・個別施設・橋梁等）の実績、それに伴う調査・設計・維持管理・施工管理を含めたストックサイクルに寄与ます。維持管理はＧＩＳでのシステム構築、ＩＣＴ技術による計測技術（ＭＭＳ・ＵＡＶ等）を）活用し、高精度・高品質な成果をご提供しております</v>
          </cell>
        </row>
        <row r="2789">
          <cell r="B2789">
            <v>11404</v>
          </cell>
          <cell r="C2789" t="str">
            <v>安全テック(株)</v>
          </cell>
          <cell r="D2789" t="str">
            <v>078-917-7776</v>
          </cell>
          <cell r="E2789" t="str">
            <v>651-2122</v>
          </cell>
          <cell r="F2789" t="str">
            <v>兵庫県神戸市西区玉津町高津橋144-1</v>
          </cell>
          <cell r="G2789" t="str">
            <v>神戸市</v>
          </cell>
          <cell r="H2789" t="str">
            <v/>
          </cell>
          <cell r="I2789" t="str">
            <v>代表取締役 田中　晃代</v>
          </cell>
          <cell r="J2789" t="str">
            <v>本店</v>
          </cell>
          <cell r="K2789" t="str">
            <v>078-995-8092</v>
          </cell>
          <cell r="L2789" t="str">
            <v>anzentec@roadex.co.jp</v>
          </cell>
          <cell r="M2789" t="str">
            <v>ｱﾝｾﾞﾝﾃｯｸ</v>
          </cell>
          <cell r="N2789" t="str">
            <v>無</v>
          </cell>
          <cell r="O2789">
            <v>7</v>
          </cell>
          <cell r="P2789">
            <v>12</v>
          </cell>
          <cell r="Q2789">
            <v>2140001031870</v>
          </cell>
          <cell r="R2789">
            <v>10000</v>
          </cell>
          <cell r="S2789">
            <v>57906</v>
          </cell>
          <cell r="T2789">
            <v>136791</v>
          </cell>
          <cell r="V2789" t="str">
            <v>cz315395</v>
          </cell>
          <cell r="W2789" t="str">
            <v>uｒ119963</v>
          </cell>
          <cell r="Y2789" t="str">
            <v/>
          </cell>
          <cell r="Z2789" t="str">
            <v/>
          </cell>
          <cell r="AA2789" t="str">
            <v/>
          </cell>
          <cell r="AB2789" t="str">
            <v/>
          </cell>
          <cell r="AC2789" t="str">
            <v/>
          </cell>
          <cell r="AD2789" t="str">
            <v/>
          </cell>
          <cell r="AE2789" t="str">
            <v>１；２；３；４；</v>
          </cell>
          <cell r="AF2789" t="str">
            <v>ガードレール、防護柵、ネットフェンス工事、区画線工事　神戸市への物品納入（ガードレール・フェンス・看板等）</v>
          </cell>
        </row>
        <row r="2790">
          <cell r="B2790">
            <v>11405</v>
          </cell>
          <cell r="C2790" t="str">
            <v>(株)コーユービジネス</v>
          </cell>
          <cell r="D2790" t="str">
            <v>06-6263-2412</v>
          </cell>
          <cell r="E2790" t="str">
            <v>541-0054</v>
          </cell>
          <cell r="F2790" t="str">
            <v>大阪府大阪市中央区南本町1-6-20</v>
          </cell>
          <cell r="G2790" t="str">
            <v>大阪市</v>
          </cell>
          <cell r="H2790" t="str">
            <v>コーユービジネス</v>
          </cell>
          <cell r="I2790" t="str">
            <v>常務取締役営業本部長 西原　弘</v>
          </cell>
          <cell r="J2790" t="str">
            <v>大阪府大阪市</v>
          </cell>
          <cell r="K2790" t="str">
            <v>06-6263-2420</v>
          </cell>
          <cell r="L2790" t="str">
            <v/>
          </cell>
          <cell r="M2790" t="str">
            <v>ｺｰﾕｰﾋﾞｼﾞﾈｽ</v>
          </cell>
          <cell r="N2790" t="str">
            <v>有</v>
          </cell>
          <cell r="O2790">
            <v>58</v>
          </cell>
          <cell r="P2790">
            <v>188</v>
          </cell>
          <cell r="Q2790">
            <v>1120001079599</v>
          </cell>
          <cell r="R2790">
            <v>80000</v>
          </cell>
          <cell r="S2790">
            <v>283769</v>
          </cell>
          <cell r="T2790">
            <v>4070810</v>
          </cell>
          <cell r="V2790" t="str">
            <v>ev864360</v>
          </cell>
          <cell r="W2790" t="str">
            <v>ay110411</v>
          </cell>
          <cell r="Y2790" t="str">
            <v>080，14，15，36，57，73，74，</v>
          </cell>
          <cell r="Z2790">
            <v>74</v>
          </cell>
          <cell r="AA2790">
            <v>73</v>
          </cell>
          <cell r="AB2790">
            <v>57</v>
          </cell>
          <cell r="AC2790">
            <v>80</v>
          </cell>
          <cell r="AD2790" t="str">
            <v>ISO27001認証取得、プライバシーマーク認証取得、Ｚカード製作</v>
          </cell>
          <cell r="AE2790" t="str">
            <v>１；OCR帳票、バーコードプリント、ＤＭハガキ２；冊子、パンフレット、封筒、シール印刷３；データ加工、データプリント４；封入封緘業務、発送代行処理</v>
          </cell>
          <cell r="AF2790" t="str">
            <v>ビジネスフォームの企画製造販売。コンピュータ用各種帳票のパイオニア。データ入力・加工・プリント・封入封緘・代行発送など各官公庁やユーザーにて受注実績有。協力会社は国内に３社有。</v>
          </cell>
        </row>
        <row r="2791">
          <cell r="B2791">
            <v>11406</v>
          </cell>
          <cell r="C2791" t="str">
            <v>Ｓｋｙ(株)</v>
          </cell>
          <cell r="D2791" t="str">
            <v>06-4807-6371</v>
          </cell>
          <cell r="E2791" t="str">
            <v>532-0003</v>
          </cell>
          <cell r="F2791" t="str">
            <v>大阪府大阪市淀川区宮原3-4-30</v>
          </cell>
          <cell r="G2791" t="str">
            <v>大阪市</v>
          </cell>
          <cell r="H2791" t="str">
            <v/>
          </cell>
          <cell r="I2791" t="str">
            <v>代表取締役 大浦　淳司</v>
          </cell>
          <cell r="J2791" t="str">
            <v>本店</v>
          </cell>
          <cell r="K2791" t="str">
            <v>06-4807-6375</v>
          </cell>
          <cell r="L2791" t="str">
            <v>renraku@skygroup.jp</v>
          </cell>
          <cell r="M2791" t="str">
            <v>ｽｶｲ</v>
          </cell>
          <cell r="N2791" t="str">
            <v>無</v>
          </cell>
          <cell r="O2791">
            <v>33</v>
          </cell>
          <cell r="P2791">
            <v>2519</v>
          </cell>
          <cell r="Q2791">
            <v>6120001056148</v>
          </cell>
          <cell r="R2791">
            <v>450000</v>
          </cell>
          <cell r="S2791">
            <v>18787852</v>
          </cell>
          <cell r="T2791">
            <v>53435835</v>
          </cell>
          <cell r="V2791" t="str">
            <v>pk927300</v>
          </cell>
          <cell r="W2791" t="str">
            <v>ed183797</v>
          </cell>
          <cell r="Y2791" t="str">
            <v>027，12，27，36，</v>
          </cell>
          <cell r="Z2791">
            <v>36</v>
          </cell>
          <cell r="AA2791">
            <v>12</v>
          </cell>
          <cell r="AB2791">
            <v>80</v>
          </cell>
          <cell r="AC2791">
            <v>27</v>
          </cell>
          <cell r="AD2791" t="str">
            <v>主な仕入先：（特）日本電気、（特）ＪＶＣケンウッド・公共産業システム、キヤノンマーケティングジャパン、アイ・オー・データ機器、コクヨファニチャー　等</v>
          </cell>
          <cell r="AE2791" t="str">
            <v>１；パソコン教育用ネットワークシステム、各種コンピュータ、モニタ、プリンタ、メモリ等の周辺機器、複写機、ＦＡＸ等のＯＡ機器２；学習活動ソフトウェア「ＳＫＹＭＥＮＵ　Ｐｒｏ」、クライアント運用管理ソフトウェア「ＳＫＹＳＥＡ　Ｃｌｉｅｎｔ　Ｖｉｅｗ」、他自社ソフトウェア、他社製ソフトウェアも取扱が可能です。３；各種教育用視聴覚機器、プロジェクタ、映写機、業務用ＶＴＲ、音響機器　等４；各種鋼製什器、机、椅子　等</v>
          </cell>
          <cell r="AF2791" t="str">
            <v>各種ソフトウェア設計・開発・コンサルティング、自社パッケージ商品の開発・販売、各種コンピュータ／ネットワークのＳＩ事業、上記関連分野のサービス事業（保守・講習・コンサルティング等）</v>
          </cell>
        </row>
        <row r="2792">
          <cell r="B2792">
            <v>11411</v>
          </cell>
          <cell r="C2792" t="str">
            <v>西日本電信電話(株)</v>
          </cell>
          <cell r="D2792" t="str">
            <v>078-326-3853</v>
          </cell>
          <cell r="E2792" t="str">
            <v>650-0024</v>
          </cell>
          <cell r="F2792" t="str">
            <v>兵庫県神戸市中央区海岸通11</v>
          </cell>
          <cell r="G2792" t="str">
            <v>神戸市</v>
          </cell>
          <cell r="H2792" t="str">
            <v>兵庫支店</v>
          </cell>
          <cell r="I2792" t="str">
            <v>支店長 川副　和宏</v>
          </cell>
          <cell r="J2792" t="str">
            <v>大阪府大阪市</v>
          </cell>
          <cell r="K2792" t="str">
            <v>078-325-5053</v>
          </cell>
          <cell r="L2792" t="str">
            <v>yoshikazu.hara.mv@west.ntt.co.jp</v>
          </cell>
          <cell r="M2792" t="str">
            <v>ﾆｼﾆｯﾎﾟﾝﾃﾞﾝｼﾝﾃﾞﾝﾜ</v>
          </cell>
          <cell r="N2792" t="str">
            <v>有</v>
          </cell>
          <cell r="O2792">
            <v>33</v>
          </cell>
          <cell r="P2792">
            <v>4400</v>
          </cell>
          <cell r="Q2792">
            <v>7120001077523</v>
          </cell>
          <cell r="R2792">
            <v>3120000</v>
          </cell>
          <cell r="S2792">
            <v>1620198000</v>
          </cell>
          <cell r="T2792">
            <v>1280355000</v>
          </cell>
          <cell r="V2792" t="str">
            <v>vb719769</v>
          </cell>
          <cell r="W2792" t="str">
            <v>as195313</v>
          </cell>
          <cell r="Y2792" t="str">
            <v>36，50，58，</v>
          </cell>
          <cell r="Z2792">
            <v>36</v>
          </cell>
          <cell r="AA2792">
            <v>58</v>
          </cell>
          <cell r="AB2792">
            <v>50</v>
          </cell>
          <cell r="AC2792" t="str">
            <v/>
          </cell>
          <cell r="AD2792" t="str">
            <v/>
          </cell>
          <cell r="AE2792" t="str">
            <v>１；ビジネスホン、ＰＢＸ、単体電話機、ＦＡＸ、電話交換装置２；ネットワークシステム等３；ビジネスホン、ＰＢＸ、単体電話機、ＦＡＸ、電話交換装置４；</v>
          </cell>
          <cell r="AF2792" t="str">
            <v>西日本地域における地域電気通信業務（県内通信に係る電話、専用、総合ディジタル通信などの電気通信サービス）及びこれに付帯する業務、その他会社の目的を達成するために必要な業務、電気通信業務その他活用業務</v>
          </cell>
        </row>
        <row r="2793">
          <cell r="B2793">
            <v>11412</v>
          </cell>
          <cell r="C2793" t="str">
            <v>社会医療法人　愛仁会</v>
          </cell>
          <cell r="D2793" t="str">
            <v>06-6430-1315</v>
          </cell>
          <cell r="E2793" t="str">
            <v>660-0861</v>
          </cell>
          <cell r="F2793" t="str">
            <v>兵庫県尼崎市御園町54</v>
          </cell>
          <cell r="G2793" t="str">
            <v>尼崎市</v>
          </cell>
          <cell r="H2793" t="str">
            <v>カーム尼崎健診プラザ</v>
          </cell>
          <cell r="I2793" t="str">
            <v>所長 中嶌　一彦</v>
          </cell>
          <cell r="J2793" t="str">
            <v>大阪府大阪市</v>
          </cell>
          <cell r="K2793" t="str">
            <v>06-6430-1316</v>
          </cell>
          <cell r="L2793" t="str">
            <v>eigyo@coast.ocn.ne.jp</v>
          </cell>
          <cell r="M2793" t="str">
            <v>ｼｬｶｲｲﾘｮｳﾎｳｼﾞﾝ ｱｲｼﾞﾝｶｲ</v>
          </cell>
          <cell r="N2793" t="str">
            <v>有</v>
          </cell>
          <cell r="O2793">
            <v>60</v>
          </cell>
          <cell r="P2793">
            <v>4537</v>
          </cell>
          <cell r="Q2793">
            <v>6120005004805</v>
          </cell>
          <cell r="R2793">
            <v>0</v>
          </cell>
          <cell r="S2793">
            <v>79685772</v>
          </cell>
          <cell r="T2793">
            <v>40398141</v>
          </cell>
          <cell r="V2793" t="str">
            <v>bq981886</v>
          </cell>
          <cell r="W2793" t="str">
            <v>bj199869</v>
          </cell>
          <cell r="Y2793" t="str">
            <v>78，</v>
          </cell>
          <cell r="Z2793" t="str">
            <v/>
          </cell>
          <cell r="AA2793" t="str">
            <v/>
          </cell>
          <cell r="AB2793" t="str">
            <v/>
          </cell>
          <cell r="AC2793" t="str">
            <v/>
          </cell>
          <cell r="AD2793" t="str">
            <v/>
          </cell>
          <cell r="AE2793" t="str">
            <v>１；健康診断２；３；４；</v>
          </cell>
          <cell r="AF2793" t="str">
            <v/>
          </cell>
        </row>
        <row r="2794">
          <cell r="B2794">
            <v>11413</v>
          </cell>
          <cell r="C2794" t="str">
            <v>平和機械(株)</v>
          </cell>
          <cell r="D2794" t="str">
            <v>052-332-1221</v>
          </cell>
          <cell r="E2794" t="str">
            <v>460-0022</v>
          </cell>
          <cell r="F2794" t="str">
            <v>愛知県名古屋市中区金山2-1-5</v>
          </cell>
          <cell r="G2794" t="str">
            <v>名古屋市</v>
          </cell>
          <cell r="H2794" t="str">
            <v/>
          </cell>
          <cell r="I2794" t="str">
            <v>代表取締役 小野　寛利</v>
          </cell>
          <cell r="J2794" t="str">
            <v>本店</v>
          </cell>
          <cell r="K2794" t="str">
            <v>052-332-2151</v>
          </cell>
          <cell r="L2794" t="str">
            <v>office@heiwa-kikai.co.jp</v>
          </cell>
          <cell r="M2794" t="str">
            <v>ﾍｲﾜｷｶｲ</v>
          </cell>
          <cell r="N2794" t="str">
            <v>無</v>
          </cell>
          <cell r="O2794">
            <v>61</v>
          </cell>
          <cell r="P2794">
            <v>9</v>
          </cell>
          <cell r="Q2794">
            <v>5180001040469</v>
          </cell>
          <cell r="R2794">
            <v>10000</v>
          </cell>
          <cell r="S2794">
            <v>187710</v>
          </cell>
          <cell r="T2794">
            <v>659666</v>
          </cell>
          <cell r="V2794" t="str">
            <v>aj151371</v>
          </cell>
          <cell r="W2794" t="str">
            <v>sd156991</v>
          </cell>
          <cell r="Y2794" t="str">
            <v>24，38，</v>
          </cell>
          <cell r="Z2794">
            <v>24</v>
          </cell>
          <cell r="AA2794">
            <v>38</v>
          </cell>
          <cell r="AB2794" t="str">
            <v/>
          </cell>
          <cell r="AC2794" t="str">
            <v/>
          </cell>
          <cell r="AD2794" t="str">
            <v/>
          </cell>
          <cell r="AE2794" t="str">
            <v>１；救助工作車、指揮車、支援車、水槽車２；救助用資機材、消防ポンプ、消防ホース３；４；</v>
          </cell>
          <cell r="AF2794" t="str">
            <v>救助工作車、指揮車、支援車等各種消防自動車のぎ装</v>
          </cell>
        </row>
        <row r="2795">
          <cell r="B2795">
            <v>11416</v>
          </cell>
          <cell r="C2795" t="str">
            <v>(株)日本管財環境サービス</v>
          </cell>
          <cell r="D2795" t="str">
            <v>0798-32-8360</v>
          </cell>
          <cell r="E2795" t="str">
            <v>662-0911</v>
          </cell>
          <cell r="F2795" t="str">
            <v>兵庫県西宮市池田町9-7</v>
          </cell>
          <cell r="G2795" t="str">
            <v>西宮市</v>
          </cell>
          <cell r="H2795" t="str">
            <v>大阪支店</v>
          </cell>
          <cell r="I2795" t="str">
            <v>支店長 大屋　秀明</v>
          </cell>
          <cell r="J2795" t="str">
            <v>本店</v>
          </cell>
          <cell r="K2795" t="str">
            <v>0798-32-8435</v>
          </cell>
          <cell r="L2795" t="str">
            <v>noriaki_umeki@nkks.co.jp</v>
          </cell>
          <cell r="M2795" t="str">
            <v>ﾆﾎﾝｶﾝｻﾞｲｶﾝｷｮｳｻｰﾋﾞｽ</v>
          </cell>
          <cell r="N2795" t="str">
            <v>無</v>
          </cell>
          <cell r="O2795">
            <v>12</v>
          </cell>
          <cell r="P2795">
            <v>1282</v>
          </cell>
          <cell r="Q2795">
            <v>4140001072021</v>
          </cell>
          <cell r="R2795">
            <v>300000</v>
          </cell>
          <cell r="S2795">
            <v>2178575</v>
          </cell>
          <cell r="T2795">
            <v>9757950</v>
          </cell>
          <cell r="V2795" t="str">
            <v>um752656</v>
          </cell>
          <cell r="W2795" t="str">
            <v>zj167655</v>
          </cell>
          <cell r="Y2795" t="str">
            <v>047，10，41，47，48，61，</v>
          </cell>
          <cell r="Z2795">
            <v>80</v>
          </cell>
          <cell r="AA2795">
            <v>48</v>
          </cell>
          <cell r="AB2795">
            <v>10</v>
          </cell>
          <cell r="AC2795">
            <v>47</v>
          </cell>
          <cell r="AD2795" t="str">
            <v>水処理、環境衛生施設関連機器（ポンプ等）販売　</v>
          </cell>
          <cell r="AE2795" t="str">
            <v>１；上水道・下水道・ごみ焼却・し尿等の処理施設の運転維持管理業務２；上水道・下水道・ごみ焼却・し尿等の処理施設の機械設備保守点検、メンテナンス　３；水処理用工業薬品（高分子凝集剤、無機凝集剤、ＰＡＣ、次亜塩素酸ナトリウム、活性炭等）４；上水道・下水道・ごみ焼却・し尿等の処理施設の電気設備保守点検、メンテナンス</v>
          </cell>
          <cell r="AF2795" t="str">
            <v>【役務】上水道・下水道・ごみ焼却・し尿等の処理施設の運転維持管理業務【物品】水処理用工業薬品（凝集剤）及びポンプ等の機器販売【建設工事】機械器具設置工事業・管工事業・水道施設工事業・電気工事業</v>
          </cell>
        </row>
        <row r="2796">
          <cell r="B2796">
            <v>11418</v>
          </cell>
          <cell r="C2796" t="str">
            <v>尼崎都市美化推進</v>
          </cell>
          <cell r="D2796" t="str">
            <v>06-6488-1341</v>
          </cell>
          <cell r="E2796" t="str">
            <v>660-0807</v>
          </cell>
          <cell r="F2796" t="str">
            <v>兵庫県尼崎市長洲西通2-8-30</v>
          </cell>
          <cell r="G2796" t="str">
            <v>尼崎市</v>
          </cell>
          <cell r="H2796" t="str">
            <v/>
          </cell>
          <cell r="I2796" t="str">
            <v>代表理事 三嶋　俊一</v>
          </cell>
          <cell r="J2796" t="str">
            <v>本店</v>
          </cell>
          <cell r="K2796" t="str">
            <v>06-6481-2543</v>
          </cell>
          <cell r="L2796" t="str">
            <v>toshibika@atobisu.com</v>
          </cell>
          <cell r="M2796" t="str">
            <v>ｱﾏｶﾞｻｷﾄｼﾋﾞｶｽｲｼﾝ</v>
          </cell>
          <cell r="N2796" t="str">
            <v>無</v>
          </cell>
          <cell r="O2796">
            <v>20</v>
          </cell>
          <cell r="P2796">
            <v>22</v>
          </cell>
          <cell r="Q2796">
            <v>5140005011528</v>
          </cell>
          <cell r="R2796">
            <v>15520</v>
          </cell>
          <cell r="S2796">
            <v>5545</v>
          </cell>
          <cell r="T2796">
            <v>99299</v>
          </cell>
          <cell r="V2796" t="str">
            <v>hc509013</v>
          </cell>
          <cell r="W2796" t="str">
            <v>ｒi131533</v>
          </cell>
          <cell r="Y2796" t="str">
            <v>046，46，53，54，55，</v>
          </cell>
          <cell r="Z2796">
            <v>53</v>
          </cell>
          <cell r="AA2796">
            <v>54</v>
          </cell>
          <cell r="AB2796">
            <v>55</v>
          </cell>
          <cell r="AC2796">
            <v>46</v>
          </cell>
          <cell r="AD2796" t="str">
            <v/>
          </cell>
          <cell r="AE2796" t="str">
            <v>１；公園、街路樹などの緑地帯の植栽剪定、草刈、消毒など公園の緑化保護育成業務２；建物の床ワックス、窓ガラス清掃など３；公園、街路樹などの緑地帯の植栽剪定、草刈、消毒など公園の緑化保護育成業務４；駅前等の駐輪場管理</v>
          </cell>
          <cell r="AF2796" t="str">
            <v>公園、街路樹等緑地帯の樹木植栽、造園工事だけに留まらず、剪定・除草・消毒・清掃業務等、緑化保護育成業務をトータルで手がけています。</v>
          </cell>
        </row>
        <row r="2797">
          <cell r="B2797">
            <v>11420</v>
          </cell>
          <cell r="C2797" t="str">
            <v>(株)麻生</v>
          </cell>
          <cell r="D2797" t="str">
            <v>092-833-7754</v>
          </cell>
          <cell r="E2797" t="str">
            <v>820-0018</v>
          </cell>
          <cell r="F2797" t="str">
            <v>福岡県飯塚市芳雄町7-18</v>
          </cell>
          <cell r="G2797" t="str">
            <v>飯塚市</v>
          </cell>
          <cell r="H2797" t="str">
            <v>病院コンサルティング事業部</v>
          </cell>
          <cell r="I2797" t="str">
            <v>部長 内田　大蔵</v>
          </cell>
          <cell r="J2797" t="str">
            <v>福岡県飯塚市</v>
          </cell>
          <cell r="K2797" t="str">
            <v>092-833-7766</v>
          </cell>
          <cell r="L2797" t="str">
            <v>maeda-y01@aso-group.co.jp</v>
          </cell>
          <cell r="M2797" t="str">
            <v>ｱｿｳ</v>
          </cell>
          <cell r="N2797" t="str">
            <v>有</v>
          </cell>
          <cell r="O2797">
            <v>52</v>
          </cell>
          <cell r="P2797">
            <v>2465</v>
          </cell>
          <cell r="Q2797">
            <v>2290001045328</v>
          </cell>
          <cell r="R2797">
            <v>3580000</v>
          </cell>
          <cell r="S2797">
            <v>16790000</v>
          </cell>
          <cell r="T2797">
            <v>39738000</v>
          </cell>
          <cell r="V2797" t="str">
            <v>jd754204</v>
          </cell>
          <cell r="W2797" t="str">
            <v>zj159173</v>
          </cell>
          <cell r="Y2797" t="str">
            <v>77，</v>
          </cell>
          <cell r="Z2797">
            <v>80</v>
          </cell>
          <cell r="AA2797">
            <v>77</v>
          </cell>
          <cell r="AB2797" t="str">
            <v/>
          </cell>
          <cell r="AC2797" t="str">
            <v/>
          </cell>
          <cell r="AD2797" t="str">
            <v/>
          </cell>
          <cell r="AE2797" t="str">
            <v>１；病院経営分析支援業務、病院経営改善支援業務、病院基本計画策定支援業務、病院システム導入コンサル、介護施設サービス評価支援２；病院患者満足度調査、病院職員満足度調査、待ち時間調査、地域医療機関連携アンケート３；４；</v>
          </cell>
          <cell r="AF2797" t="str">
            <v>弊社は、自ら病院経営をおこなうと共に、複数のグループ病院・提携病院へ人材及び運営ノウハウを提供し経営をサポートしています。また、病院コンサルティング事業部を中心として、外部の病院の経営改善活動に携わり且つ改善効果を出してきており、その多くは公的病院が対象となっております。</v>
          </cell>
        </row>
        <row r="2798">
          <cell r="B2798">
            <v>11421</v>
          </cell>
          <cell r="C2798" t="str">
            <v>兼松エレクトロニクス(株)</v>
          </cell>
          <cell r="D2798" t="str">
            <v>06-6201-5547</v>
          </cell>
          <cell r="E2798" t="str">
            <v>541-0047</v>
          </cell>
          <cell r="F2798" t="str">
            <v>大阪府大阪市中央区淡路町3-1-9</v>
          </cell>
          <cell r="G2798" t="str">
            <v>大阪市</v>
          </cell>
          <cell r="H2798" t="str">
            <v>大阪支社</v>
          </cell>
          <cell r="I2798" t="str">
            <v>支社長 大橋　隆三</v>
          </cell>
          <cell r="J2798" t="str">
            <v>東京都</v>
          </cell>
          <cell r="K2798" t="str">
            <v>06-6222-6359</v>
          </cell>
          <cell r="L2798" t="str">
            <v>osaka-shikakutouroku@ml.kel.co.jp</v>
          </cell>
          <cell r="M2798" t="str">
            <v>ｶﾈﾏﾂｴﾚｸﾄﾛﾆｸｽ</v>
          </cell>
          <cell r="N2798" t="str">
            <v>有</v>
          </cell>
          <cell r="O2798">
            <v>50</v>
          </cell>
          <cell r="P2798">
            <v>415</v>
          </cell>
          <cell r="Q2798">
            <v>3010001040339</v>
          </cell>
          <cell r="R2798">
            <v>9031257</v>
          </cell>
          <cell r="S2798">
            <v>39536547</v>
          </cell>
          <cell r="T2798">
            <v>53970120</v>
          </cell>
          <cell r="V2798" t="str">
            <v>yt158459</v>
          </cell>
          <cell r="W2798" t="str">
            <v>hi115967</v>
          </cell>
          <cell r="Y2798" t="str">
            <v>36，58，</v>
          </cell>
          <cell r="Z2798">
            <v>36</v>
          </cell>
          <cell r="AA2798">
            <v>58</v>
          </cell>
          <cell r="AB2798" t="str">
            <v/>
          </cell>
          <cell r="AC2798" t="str">
            <v/>
          </cell>
          <cell r="AD2798" t="str">
            <v/>
          </cell>
          <cell r="AE2798" t="str">
            <v>１；２；３；４；</v>
          </cell>
          <cell r="AF2798" t="str">
            <v>IT（情報通信技術）を基盤に企業の情報システムに関する 設計・構築、運用サービスおよびシステムコンサルティングとITシステム製品およびソフトウェアの販売、賃貸・リース、保守および開発・製造、労働者派遣事業</v>
          </cell>
        </row>
        <row r="2799">
          <cell r="B2799">
            <v>11422</v>
          </cell>
          <cell r="C2799" t="str">
            <v>藤澤産業(株)</v>
          </cell>
          <cell r="D2799" t="str">
            <v>06-6339-5025</v>
          </cell>
          <cell r="E2799" t="str">
            <v>564-0045</v>
          </cell>
          <cell r="F2799" t="str">
            <v xml:space="preserve">大阪府吹田市金田町16-9 </v>
          </cell>
          <cell r="G2799" t="str">
            <v>吹田市</v>
          </cell>
          <cell r="H2799" t="str">
            <v/>
          </cell>
          <cell r="I2799" t="str">
            <v>代表取締役 藤澤　栄治</v>
          </cell>
          <cell r="J2799" t="str">
            <v>本店</v>
          </cell>
          <cell r="K2799" t="str">
            <v>06-6339-5026</v>
          </cell>
          <cell r="L2799" t="str">
            <v>eco@hujisawa.co.jp</v>
          </cell>
          <cell r="M2799" t="str">
            <v>ﾌｼﾞｻﾜｻﾝｷﾞｮｳ</v>
          </cell>
          <cell r="N2799" t="str">
            <v>無</v>
          </cell>
          <cell r="O2799">
            <v>43</v>
          </cell>
          <cell r="P2799">
            <v>10</v>
          </cell>
          <cell r="Q2799">
            <v>3120901008259</v>
          </cell>
          <cell r="R2799">
            <v>10000</v>
          </cell>
          <cell r="S2799">
            <v>49507</v>
          </cell>
          <cell r="T2799">
            <v>158840</v>
          </cell>
          <cell r="V2799" t="str">
            <v>vj350908</v>
          </cell>
          <cell r="W2799" t="str">
            <v>qn198166</v>
          </cell>
          <cell r="Y2799" t="str">
            <v>55，79，</v>
          </cell>
          <cell r="Z2799">
            <v>79</v>
          </cell>
          <cell r="AA2799">
            <v>55</v>
          </cell>
          <cell r="AB2799">
            <v>80</v>
          </cell>
          <cell r="AC2799" t="str">
            <v/>
          </cell>
          <cell r="AD2799" t="str">
            <v/>
          </cell>
          <cell r="AE2799" t="str">
            <v>１；下水道管内のカメラ調査に於いては小口径から大口径φ２０００程度まで対応します。清掃に於いては超高圧洗浄車によりモルタル・木根の除去も施工できます。２；道路排水施設の機械清掃（側溝など）および河川・排水路の清掃を得意としています。３；上記以外の公共排水施設（排水槽・分離槽など）の清掃および清掃に伴う汚泥などの産業廃棄物の収集運搬を行います。４；</v>
          </cell>
          <cell r="AF2799" t="str">
            <v>弊社は高圧洗浄車・吸引車・給水車・テレビカメラ車等を自社保有しております。　これらの組合せによる、下水管清掃・調査及び管更生工事や補修工事までの排水施設の総合維持管理を指針として営業展開しております。</v>
          </cell>
        </row>
        <row r="2800">
          <cell r="B2800">
            <v>11423</v>
          </cell>
          <cell r="C2800" t="str">
            <v>ひかりのくに(株)</v>
          </cell>
          <cell r="D2800" t="str">
            <v>0798-36-3201</v>
          </cell>
          <cell r="E2800" t="str">
            <v>662-0941</v>
          </cell>
          <cell r="F2800" t="str">
            <v>兵庫県西宮市浜脇町2-26</v>
          </cell>
          <cell r="G2800" t="str">
            <v>西宮市</v>
          </cell>
          <cell r="H2800" t="str">
            <v>阪神営業所</v>
          </cell>
          <cell r="I2800" t="str">
            <v>所長　 長瀬　寿人</v>
          </cell>
          <cell r="J2800" t="str">
            <v>大阪府大阪市</v>
          </cell>
          <cell r="K2800" t="str">
            <v>0798-36-2688</v>
          </cell>
          <cell r="L2800" t="str">
            <v>hanshin@hikarinokuni.co.jp</v>
          </cell>
          <cell r="M2800" t="str">
            <v>ﾋｶﾘﾉｸﾆ</v>
          </cell>
          <cell r="N2800" t="str">
            <v>有</v>
          </cell>
          <cell r="O2800">
            <v>71</v>
          </cell>
          <cell r="P2800">
            <v>256</v>
          </cell>
          <cell r="Q2800">
            <v>5120001024989</v>
          </cell>
          <cell r="R2800">
            <v>75000</v>
          </cell>
          <cell r="S2800">
            <v>23722415</v>
          </cell>
          <cell r="T2800">
            <v>10201348</v>
          </cell>
          <cell r="V2800" t="str">
            <v>ve333165</v>
          </cell>
          <cell r="W2800" t="str">
            <v>hz193959</v>
          </cell>
          <cell r="Y2800" t="str">
            <v>3.12.13.14.15.17.18.20.27</v>
          </cell>
          <cell r="Z2800">
            <v>27</v>
          </cell>
          <cell r="AA2800">
            <v>20</v>
          </cell>
          <cell r="AB2800">
            <v>12</v>
          </cell>
          <cell r="AC2800">
            <v>14</v>
          </cell>
          <cell r="AD2800" t="str">
            <v/>
          </cell>
          <cell r="AE2800" t="str">
            <v>１；２；自社製品、マスセット株式会社、三木工業株式会社、株式会社ナナミ３；自社製品、マスセット株式会社４；自社製品、マスセット株式会社</v>
          </cell>
          <cell r="AF2800" t="str">
            <v>出版物の企画制作販売、保育用品の企画仕入販売</v>
          </cell>
        </row>
        <row r="2801">
          <cell r="B2801">
            <v>11424</v>
          </cell>
          <cell r="C2801" t="str">
            <v>(株)ジャパンニューハン</v>
          </cell>
          <cell r="D2801" t="str">
            <v>06-6306-0776</v>
          </cell>
          <cell r="E2801" t="str">
            <v>532-0025</v>
          </cell>
          <cell r="F2801" t="str">
            <v>大阪府大阪市淀川区新北野2-10-18</v>
          </cell>
          <cell r="G2801" t="str">
            <v>大阪市</v>
          </cell>
          <cell r="H2801" t="str">
            <v/>
          </cell>
          <cell r="I2801" t="str">
            <v>代表取締役 坂木　敏</v>
          </cell>
          <cell r="J2801" t="str">
            <v>本店</v>
          </cell>
          <cell r="K2801" t="str">
            <v>06-6308-2481</v>
          </cell>
          <cell r="L2801" t="str">
            <v>s-manabu@jnh.co.jp</v>
          </cell>
          <cell r="M2801" t="str">
            <v>ｼﾞｬﾊﾟﾝﾆｭｰﾊﾝ</v>
          </cell>
          <cell r="N2801" t="str">
            <v>無</v>
          </cell>
          <cell r="O2801">
            <v>32</v>
          </cell>
          <cell r="P2801">
            <v>14</v>
          </cell>
          <cell r="Q2801">
            <v>6120001055876</v>
          </cell>
          <cell r="R2801">
            <v>10000</v>
          </cell>
          <cell r="S2801">
            <v>114567</v>
          </cell>
          <cell r="T2801">
            <v>377861</v>
          </cell>
          <cell r="V2801" t="str">
            <v>xv756002</v>
          </cell>
          <cell r="W2801" t="str">
            <v>ua133448</v>
          </cell>
          <cell r="Y2801" t="str">
            <v>035，05，12，14，15，20，27，28，34，35，36，37，38，44，50，58，62，</v>
          </cell>
          <cell r="Z2801">
            <v>36</v>
          </cell>
          <cell r="AA2801">
            <v>44</v>
          </cell>
          <cell r="AB2801">
            <v>14</v>
          </cell>
          <cell r="AC2801">
            <v>35</v>
          </cell>
          <cell r="AD2801" t="str">
            <v>大阪油脂（株）</v>
          </cell>
          <cell r="AE2801" t="str">
            <v>１；（代）リコージャパン（株）、（代）京セラドキュメントソリューションズジャパン（株）２；（代）リコージャパン（株）、（代）京セラドキュメントソリューションズジャパン（株）、（代）東芝テック（株）３；（株）アケボノクラウン、（代）東洋事務器工業（株）、（代）ホリゾン西コンサル（株）４；（株）ヤマダ電機</v>
          </cell>
          <cell r="AF2801" t="str">
            <v>デジタル印刷機、複写機、複合機、事務機器全般（拡大機、裁断機、プリンター、等）関連消耗品販売及びメンテナンスのご提供。弊社は創業以来多数の官庁関係様へ上記の商品の販売実績があり、全社員が機器メンテナンス実施が可能です。</v>
          </cell>
        </row>
        <row r="2802">
          <cell r="B2802">
            <v>11427</v>
          </cell>
          <cell r="C2802" t="str">
            <v>日本電算設備(株)</v>
          </cell>
          <cell r="D2802" t="str">
            <v>06-6300-5777</v>
          </cell>
          <cell r="E2802" t="str">
            <v>532-0031</v>
          </cell>
          <cell r="F2802" t="str">
            <v>大阪府大阪市淀川区加島1‐37‐3</v>
          </cell>
          <cell r="G2802" t="str">
            <v>大阪市</v>
          </cell>
          <cell r="H2802" t="str">
            <v>大阪支店</v>
          </cell>
          <cell r="I2802" t="str">
            <v>取締役　大阪支店長 宮崎　美憲</v>
          </cell>
          <cell r="J2802" t="str">
            <v>東京都</v>
          </cell>
          <cell r="K2802" t="str">
            <v>06-6300-5780</v>
          </cell>
          <cell r="L2802" t="str">
            <v>etaes@nissetsu.co.jp</v>
          </cell>
          <cell r="M2802" t="str">
            <v>ﾆﾎﾝﾃﾞﾝｻﾝｾﾂﾋﾞ</v>
          </cell>
          <cell r="N2802" t="str">
            <v>有</v>
          </cell>
          <cell r="O2802">
            <v>46</v>
          </cell>
          <cell r="P2802">
            <v>75</v>
          </cell>
          <cell r="Q2802">
            <v>6010001062306</v>
          </cell>
          <cell r="R2802">
            <v>178200</v>
          </cell>
          <cell r="S2802">
            <v>1490465</v>
          </cell>
          <cell r="T2802">
            <v>2572377</v>
          </cell>
          <cell r="V2802" t="str">
            <v>ak991333</v>
          </cell>
          <cell r="W2802" t="str">
            <v>js199193</v>
          </cell>
          <cell r="Y2802" t="str">
            <v>14，34，36，38，47，48，49，50，68，</v>
          </cell>
          <cell r="Z2802" t="str">
            <v/>
          </cell>
          <cell r="AA2802" t="str">
            <v/>
          </cell>
          <cell r="AB2802" t="str">
            <v/>
          </cell>
          <cell r="AC2802" t="str">
            <v/>
          </cell>
          <cell r="AD2802" t="str">
            <v/>
          </cell>
          <cell r="AE2802" t="str">
            <v>１；２；３；４；</v>
          </cell>
          <cell r="AF2802" t="str">
            <v>設備工事を主体に業務を拡大、近年の情報化に伴いデータセンターのインフラ（電気・空調・耐震／免震・通信ＬＡＮ／伝送）の施設、施工に特化し業界での優位性を保ってきました。</v>
          </cell>
        </row>
        <row r="2803">
          <cell r="B2803">
            <v>11428</v>
          </cell>
          <cell r="C2803" t="str">
            <v>(株)ジャクエツ</v>
          </cell>
          <cell r="D2803" t="str">
            <v>06-6471-9800</v>
          </cell>
          <cell r="E2803" t="str">
            <v>555-0012</v>
          </cell>
          <cell r="F2803" t="str">
            <v>大阪府西淀川区御幣島3-11-3</v>
          </cell>
          <cell r="G2803" t="str">
            <v>西淀川区</v>
          </cell>
          <cell r="H2803" t="str">
            <v>ジャクエツ大阪北摂店</v>
          </cell>
          <cell r="I2803" t="str">
            <v>店長 鈴木　啓之</v>
          </cell>
          <cell r="J2803" t="str">
            <v>福井県敦賀市</v>
          </cell>
          <cell r="K2803" t="str">
            <v>06-6471-8900</v>
          </cell>
          <cell r="L2803" t="str">
            <v/>
          </cell>
          <cell r="M2803" t="str">
            <v>ｼﾞｬｸｴﾂ</v>
          </cell>
          <cell r="N2803" t="str">
            <v>有</v>
          </cell>
          <cell r="O2803">
            <v>101</v>
          </cell>
          <cell r="P2803">
            <v>607</v>
          </cell>
          <cell r="Q2803">
            <v>2210001010594</v>
          </cell>
          <cell r="R2803">
            <v>90000</v>
          </cell>
          <cell r="S2803">
            <v>7329188</v>
          </cell>
          <cell r="T2803">
            <v>18392871</v>
          </cell>
          <cell r="V2803" t="str">
            <v>sq623031</v>
          </cell>
          <cell r="W2803" t="str">
            <v>xn146325</v>
          </cell>
          <cell r="Y2803" t="str">
            <v>03，12，20，</v>
          </cell>
          <cell r="Z2803">
            <v>12</v>
          </cell>
          <cell r="AA2803">
            <v>20</v>
          </cell>
          <cell r="AB2803">
            <v>3</v>
          </cell>
          <cell r="AC2803" t="str">
            <v/>
          </cell>
          <cell r="AD2803" t="str">
            <v/>
          </cell>
          <cell r="AE2803" t="str">
            <v>１；保育教材教具２；運動遊具３；被服類４；</v>
          </cell>
          <cell r="AF2803" t="str">
            <v>保育教材教具、運動遊具、被服類</v>
          </cell>
        </row>
        <row r="2804">
          <cell r="B2804">
            <v>11429</v>
          </cell>
          <cell r="C2804" t="str">
            <v>山王スペース＆レンタル(株)</v>
          </cell>
          <cell r="D2804" t="str">
            <v>06-6648-4150</v>
          </cell>
          <cell r="E2804" t="str">
            <v>556-0061</v>
          </cell>
          <cell r="F2804" t="str">
            <v>大阪府大阪市浪速区湊町1-2-3</v>
          </cell>
          <cell r="G2804" t="str">
            <v>大阪市</v>
          </cell>
          <cell r="H2804" t="str">
            <v>大阪営業所</v>
          </cell>
          <cell r="I2804" t="str">
            <v>所長 田中　陽介</v>
          </cell>
          <cell r="J2804" t="str">
            <v>東京都</v>
          </cell>
          <cell r="K2804" t="str">
            <v>06-6648-4151</v>
          </cell>
          <cell r="L2804" t="str">
            <v>yinui@sanno-sr.co.jp</v>
          </cell>
          <cell r="M2804" t="str">
            <v>ｻﾝﾉｳｽﾍﾟｰｽｱﾝﾄﾞﾚﾝﾀﾙ</v>
          </cell>
          <cell r="N2804" t="str">
            <v>有</v>
          </cell>
          <cell r="O2804">
            <v>22</v>
          </cell>
          <cell r="P2804">
            <v>139</v>
          </cell>
          <cell r="Q2804">
            <v>7010001009719</v>
          </cell>
          <cell r="R2804">
            <v>100000</v>
          </cell>
          <cell r="S2804">
            <v>10870408</v>
          </cell>
          <cell r="T2804">
            <v>8490781</v>
          </cell>
          <cell r="V2804" t="str">
            <v>ry943346</v>
          </cell>
          <cell r="W2804" t="str">
            <v>gw115399</v>
          </cell>
          <cell r="Y2804" t="str">
            <v>027，14，27，35，36，44，63，66，</v>
          </cell>
          <cell r="Z2804">
            <v>63</v>
          </cell>
          <cell r="AA2804">
            <v>44</v>
          </cell>
          <cell r="AB2804">
            <v>66</v>
          </cell>
          <cell r="AC2804">
            <v>27</v>
          </cell>
          <cell r="AD2804" t="str">
            <v>取扱商品数は、約４千５００種類、５３万５千点と業界最大級で、事務机やパソコン等のオフィス用品、音響設備やテント等のイベント用品が、全て一社で揃う総合レンタルサービスを提供しています</v>
          </cell>
          <cell r="AE2804" t="str">
            <v>１；市民祭り向けでは、模擬店用品、テント・机・椅子等の基本商品からエアアーチ、ステージ等のイベント特化用品まで、全て揃えることが可能です。花火大会、マラソン大会、選挙、確定申告会場などの設営２；オフィス用品（ＯＡ・事務機器、コピー機・パソコン、事務机・椅子・会議机・書庫等）、イベント用品（テント・テーブル・折畳椅子・模擬店用品等）、生活用品（家電・家具等）などの総合レンタル会社です３；催物案内板、誘導看板、会場入口のサイン看板など、目的や設置場所に合わせて製作します４；オフィス家具・什器など利用方法に合わせたご提案やオリジナル品の製作手配も可能です</v>
          </cell>
          <cell r="AF2804" t="str">
            <v>取扱商品数は約４５００種類、５３万５千点と業界最大級で、事務机やパソコン等のオフィス用品、音響設備やテント等のイベント用品が全て一社で揃う総合レンタルサービス会社です。市民祭り、花火大会、マラソン大会、相談会、選挙、確定申告会場等、様々な場所で当社の商品が活躍しています</v>
          </cell>
        </row>
        <row r="2805">
          <cell r="B2805">
            <v>11430</v>
          </cell>
          <cell r="C2805" t="str">
            <v>日本音響エンジニアリング(株)</v>
          </cell>
          <cell r="D2805" t="str">
            <v>03-3634-5307</v>
          </cell>
          <cell r="E2805" t="str">
            <v>130-0021</v>
          </cell>
          <cell r="F2805" t="str">
            <v>東京都墨田区緑1-21-10</v>
          </cell>
          <cell r="G2805" t="str">
            <v>東京都</v>
          </cell>
          <cell r="H2805" t="str">
            <v/>
          </cell>
          <cell r="I2805" t="str">
            <v>代表取締役 山梨　忠志</v>
          </cell>
          <cell r="J2805" t="str">
            <v>本店</v>
          </cell>
          <cell r="K2805" t="str">
            <v>03-3634-5327</v>
          </cell>
          <cell r="L2805" t="str">
            <v>noe-bidder@hibino.co.jp</v>
          </cell>
          <cell r="M2805" t="str">
            <v>ﾆﾎﾝｵﾝｷｮｳｴﾝｼﾞﾆｱﾘﾝｸﾞ</v>
          </cell>
          <cell r="N2805" t="str">
            <v>無</v>
          </cell>
          <cell r="O2805">
            <v>46</v>
          </cell>
          <cell r="P2805">
            <v>88</v>
          </cell>
          <cell r="Q2805">
            <v>5010601015011</v>
          </cell>
          <cell r="R2805">
            <v>30000</v>
          </cell>
          <cell r="S2805">
            <v>1155364</v>
          </cell>
          <cell r="T2805">
            <v>4775567</v>
          </cell>
          <cell r="V2805" t="str">
            <v>rj943258</v>
          </cell>
          <cell r="W2805" t="str">
            <v>wv193199</v>
          </cell>
          <cell r="Y2805" t="str">
            <v>41，44，48，</v>
          </cell>
          <cell r="Z2805" t="str">
            <v/>
          </cell>
          <cell r="AA2805" t="str">
            <v/>
          </cell>
          <cell r="AB2805" t="str">
            <v/>
          </cell>
          <cell r="AC2805" t="str">
            <v/>
          </cell>
          <cell r="AD2805" t="str">
            <v/>
          </cell>
          <cell r="AE2805" t="str">
            <v>１；航空機騒音監視システム２；航空機騒音監視システムの保守３；航空機騒音監視システムの賃貸借４；</v>
          </cell>
          <cell r="AF2805" t="str">
            <v>航空機騒音自動測定機器　航空機騒音自動測定機器保守　航空機騒音自動測定機器賃貸借　航空機騒音測定　航空機奇跡調査等</v>
          </cell>
        </row>
        <row r="2806">
          <cell r="B2806">
            <v>11431</v>
          </cell>
          <cell r="C2806" t="str">
            <v>株式会社マルゼン</v>
          </cell>
          <cell r="D2806" t="str">
            <v>078-621-5371</v>
          </cell>
          <cell r="E2806" t="str">
            <v>653-0038</v>
          </cell>
          <cell r="F2806" t="str">
            <v>東京都台東区根岸2丁目19番18号</v>
          </cell>
          <cell r="G2806" t="str">
            <v>神戸市</v>
          </cell>
          <cell r="H2806" t="str">
            <v>株式会社マルゼン　神戸営業所</v>
          </cell>
          <cell r="I2806" t="str">
            <v>所長　 井野　雅人</v>
          </cell>
          <cell r="J2806" t="str">
            <v>本店</v>
          </cell>
          <cell r="K2806" t="str">
            <v>03-5603-7738</v>
          </cell>
          <cell r="L2806" t="str">
            <v>r-kurioka@maruzen-kitchen.co.jp</v>
          </cell>
          <cell r="M2806" t="str">
            <v/>
          </cell>
          <cell r="N2806" t="str">
            <v>有</v>
          </cell>
          <cell r="O2806">
            <v>57</v>
          </cell>
          <cell r="P2806">
            <v>884</v>
          </cell>
          <cell r="Q2806">
            <v>3010500000000</v>
          </cell>
          <cell r="R2806">
            <v>3164950</v>
          </cell>
          <cell r="S2806">
            <v>30037713</v>
          </cell>
          <cell r="T2806">
            <v>47264486</v>
          </cell>
          <cell r="V2806" t="str">
            <v>jf551193</v>
          </cell>
          <cell r="W2806" t="str">
            <v>xt179978</v>
          </cell>
          <cell r="Y2806">
            <v>37</v>
          </cell>
          <cell r="Z2806">
            <v>37</v>
          </cell>
          <cell r="AA2806" t="str">
            <v/>
          </cell>
          <cell r="AB2806" t="str">
            <v/>
          </cell>
          <cell r="AC2806" t="str">
            <v/>
          </cell>
          <cell r="AD2806" t="str">
            <v/>
          </cell>
          <cell r="AE2806" t="str">
            <v>１；２；ガステーブル、フライヤー、スチコン、等３；４；</v>
          </cell>
          <cell r="AF2806" t="str">
            <v/>
          </cell>
        </row>
        <row r="2807">
          <cell r="B2807">
            <v>11433</v>
          </cell>
          <cell r="C2807" t="str">
            <v>ダイキン工業(株)</v>
          </cell>
          <cell r="D2807" t="str">
            <v>06-6358-8005</v>
          </cell>
          <cell r="E2807" t="str">
            <v>530-0034</v>
          </cell>
          <cell r="F2807" t="str">
            <v>大阪府大阪市北区錦町4-82</v>
          </cell>
          <cell r="G2807" t="str">
            <v>大阪市</v>
          </cell>
          <cell r="H2807" t="str">
            <v>西日本サービス部</v>
          </cell>
          <cell r="I2807" t="str">
            <v>西日本サービス部長 東野　哲弥</v>
          </cell>
          <cell r="J2807" t="str">
            <v>大阪府大阪市</v>
          </cell>
          <cell r="K2807" t="str">
            <v>06-6358-0970</v>
          </cell>
          <cell r="L2807" t="str">
            <v/>
          </cell>
          <cell r="M2807" t="str">
            <v>ﾀﾞｲｷﾝｺｳｷﾞｮｳ</v>
          </cell>
          <cell r="N2807" t="str">
            <v>有</v>
          </cell>
          <cell r="O2807">
            <v>68</v>
          </cell>
          <cell r="P2807">
            <v>14860</v>
          </cell>
          <cell r="Q2807">
            <v>8120001059660</v>
          </cell>
          <cell r="R2807">
            <v>85032437</v>
          </cell>
          <cell r="S2807">
            <v>712112000</v>
          </cell>
          <cell r="T2807">
            <v>527847000</v>
          </cell>
          <cell r="V2807" t="str">
            <v>kt295747</v>
          </cell>
          <cell r="W2807" t="str">
            <v>dn158579</v>
          </cell>
          <cell r="Y2807" t="str">
            <v>48，</v>
          </cell>
          <cell r="Z2807" t="str">
            <v/>
          </cell>
          <cell r="AA2807" t="str">
            <v/>
          </cell>
          <cell r="AB2807" t="str">
            <v/>
          </cell>
          <cell r="AC2807" t="str">
            <v/>
          </cell>
          <cell r="AD2807" t="str">
            <v/>
          </cell>
          <cell r="AE2807" t="str">
            <v>１；２；３；４；</v>
          </cell>
          <cell r="AF2807" t="str">
            <v>空調機器全般の製造メーカー。空調機の保守管理。</v>
          </cell>
        </row>
        <row r="2808">
          <cell r="B2808">
            <v>11436</v>
          </cell>
          <cell r="C2808" t="str">
            <v>(株)新通</v>
          </cell>
          <cell r="D2808" t="str">
            <v>06-6532-1682</v>
          </cell>
          <cell r="E2808" t="str">
            <v>550-0005</v>
          </cell>
          <cell r="F2808" t="str">
            <v>大阪府大阪市西区西本町1ｰ5ｰ8</v>
          </cell>
          <cell r="G2808" t="str">
            <v>大阪市</v>
          </cell>
          <cell r="H2808" t="str">
            <v/>
          </cell>
          <cell r="I2808" t="str">
            <v>代表取締役社長 樋口　荘一郎</v>
          </cell>
          <cell r="J2808" t="str">
            <v>本店</v>
          </cell>
          <cell r="K2808" t="str">
            <v>06-6541-1646</v>
          </cell>
          <cell r="L2808" t="str">
            <v>tanigami@shintsu.co.jp</v>
          </cell>
          <cell r="M2808" t="str">
            <v>ｼﾝﾂｳ</v>
          </cell>
          <cell r="N2808" t="str">
            <v>無</v>
          </cell>
          <cell r="O2808">
            <v>70</v>
          </cell>
          <cell r="P2808">
            <v>250</v>
          </cell>
          <cell r="Q2808">
            <v>7120001044309</v>
          </cell>
          <cell r="R2808">
            <v>10000</v>
          </cell>
          <cell r="S2808">
            <v>4552473</v>
          </cell>
          <cell r="T2808">
            <v>20538960</v>
          </cell>
          <cell r="V2808" t="str">
            <v>wa409448</v>
          </cell>
          <cell r="W2808" t="str">
            <v>si199951</v>
          </cell>
          <cell r="Y2808" t="str">
            <v>63，65，73，</v>
          </cell>
          <cell r="Z2808" t="str">
            <v/>
          </cell>
          <cell r="AA2808" t="str">
            <v/>
          </cell>
          <cell r="AB2808" t="str">
            <v/>
          </cell>
          <cell r="AC2808" t="str">
            <v/>
          </cell>
          <cell r="AD2808" t="str">
            <v/>
          </cell>
          <cell r="AE2808" t="str">
            <v>１；２；３；４；</v>
          </cell>
          <cell r="AF2808" t="str">
            <v>新聞広告に必要な広告原稿の制作設備を有し、広告主から新聞社まで一貫した業務を提供している。各催事の企画立案について長年の実績があり、実施に関して他社の追随を許さず、広告主から高い評価を得ている。</v>
          </cell>
        </row>
        <row r="2809">
          <cell r="B2809">
            <v>11437</v>
          </cell>
          <cell r="C2809" t="str">
            <v>(株)伊丹ダイハツ</v>
          </cell>
          <cell r="D2809" t="str">
            <v>072-782-3671</v>
          </cell>
          <cell r="E2809" t="str">
            <v>664-0852</v>
          </cell>
          <cell r="F2809" t="str">
            <v>兵庫県伊丹市南本町2-3-10</v>
          </cell>
          <cell r="G2809" t="str">
            <v>伊丹市</v>
          </cell>
          <cell r="H2809" t="str">
            <v/>
          </cell>
          <cell r="I2809" t="str">
            <v>代表取締役　 前田　昌司</v>
          </cell>
          <cell r="J2809" t="str">
            <v>本店</v>
          </cell>
          <cell r="K2809" t="str">
            <v>072-770-4975</v>
          </cell>
          <cell r="L2809" t="str">
            <v>itamidaihatsu@bz04.plala.or.jp</v>
          </cell>
          <cell r="M2809" t="str">
            <v>ｲﾀﾐﾀﾞｲﾊﾂ</v>
          </cell>
          <cell r="N2809" t="str">
            <v>無</v>
          </cell>
          <cell r="O2809">
            <v>64</v>
          </cell>
          <cell r="P2809">
            <v>11</v>
          </cell>
          <cell r="Q2809">
            <v>9140000000000</v>
          </cell>
          <cell r="R2809">
            <v>10000</v>
          </cell>
          <cell r="S2809">
            <v>10000</v>
          </cell>
          <cell r="T2809">
            <v>197058</v>
          </cell>
          <cell r="V2809" t="str">
            <v>ch177130</v>
          </cell>
          <cell r="W2809" t="str">
            <v>wh193393</v>
          </cell>
          <cell r="Y2809" t="str">
            <v>23.24.26.44</v>
          </cell>
          <cell r="Z2809" t="str">
            <v/>
          </cell>
          <cell r="AA2809" t="str">
            <v/>
          </cell>
          <cell r="AB2809" t="str">
            <v/>
          </cell>
          <cell r="AC2809" t="str">
            <v/>
          </cell>
          <cell r="AD2809" t="str">
            <v/>
          </cell>
          <cell r="AE2809" t="str">
            <v>１；２；車検・点検・修理３；自動車販売４；自動車保険</v>
          </cell>
          <cell r="AF2809" t="str">
            <v>新車・中古車販売、車検・修理、自動車保険はもとより、福祉車両のリフト修理、トラックの架装も行う。全労済の代理店。</v>
          </cell>
        </row>
        <row r="2810">
          <cell r="B2810">
            <v>11438</v>
          </cell>
          <cell r="C2810" t="str">
            <v>(一社)部落解放労働事業団</v>
          </cell>
          <cell r="D2810" t="str">
            <v>072-779-6141</v>
          </cell>
          <cell r="E2810" t="str">
            <v>533-0033</v>
          </cell>
          <cell r="F2810" t="str">
            <v>兵庫県伊丹市堀池3‐1‐22</v>
          </cell>
          <cell r="G2810" t="str">
            <v>伊丹市</v>
          </cell>
          <cell r="H2810" t="str">
            <v/>
          </cell>
          <cell r="I2810" t="str">
            <v>代表理事　 池田　千津美</v>
          </cell>
          <cell r="J2810" t="str">
            <v>本店</v>
          </cell>
          <cell r="K2810" t="str">
            <v>072-779-6141</v>
          </cell>
          <cell r="L2810" t="str">
            <v>roudoujigyoudan@bird.ocn.ne.jp</v>
          </cell>
          <cell r="M2810" t="str">
            <v>ﾌﾞﾗｸｶｲﾎｳﾛｳﾄﾞｳｼﾞｷﾞﾖｳﾀﾞﾝ</v>
          </cell>
          <cell r="N2810" t="str">
            <v>無</v>
          </cell>
          <cell r="O2810">
            <v>45</v>
          </cell>
          <cell r="P2810">
            <v>28</v>
          </cell>
          <cell r="Q2810">
            <v>2140005019020</v>
          </cell>
          <cell r="R2810" t="str">
            <v/>
          </cell>
          <cell r="S2810" t="str">
            <v/>
          </cell>
          <cell r="T2810" t="str">
            <v/>
          </cell>
          <cell r="V2810" t="str">
            <v>kv947923</v>
          </cell>
          <cell r="W2810" t="str">
            <v>qd136937</v>
          </cell>
          <cell r="Y2810">
            <v>54.6</v>
          </cell>
          <cell r="Z2810" t="str">
            <v/>
          </cell>
          <cell r="AA2810" t="str">
            <v/>
          </cell>
          <cell r="AB2810" t="str">
            <v/>
          </cell>
          <cell r="AC2810" t="str">
            <v/>
          </cell>
          <cell r="AD2810" t="str">
            <v/>
          </cell>
          <cell r="AE2810" t="str">
            <v>１；２；３；４；</v>
          </cell>
          <cell r="AF2810" t="str">
            <v>清掃に関しては、ドこの業者にも負けないつもりではあります。利用者の方たちには気持ちよく使って頂きたく、日々努力をし、人権学習等にも積極的に参加し職場などに生かしています。又、地域の高齢者の皆さんともつながり、見守りを含む業務も大切に行っています。</v>
          </cell>
        </row>
        <row r="2811">
          <cell r="B2811">
            <v>11441</v>
          </cell>
          <cell r="C2811" t="str">
            <v>アイエム家具工房池町木工所</v>
          </cell>
          <cell r="D2811" t="str">
            <v>　</v>
          </cell>
          <cell r="E2811" t="str">
            <v>664-0002</v>
          </cell>
          <cell r="F2811" t="str">
            <v>兵庫県伊丹市荻野1丁目108番地</v>
          </cell>
          <cell r="G2811" t="str">
            <v>伊丹市</v>
          </cell>
          <cell r="H2811" t="str">
            <v/>
          </cell>
          <cell r="I2811" t="str">
            <v>代表者 池町　榮次</v>
          </cell>
          <cell r="J2811" t="str">
            <v>本店</v>
          </cell>
          <cell r="K2811" t="str">
            <v/>
          </cell>
          <cell r="L2811" t="str">
            <v/>
          </cell>
          <cell r="M2811" t="str">
            <v>ｱｲｴﾑｶｸﾞｺｳﾎﾞｳｲｹﾏﾁﾓｯｺｳｼｮ</v>
          </cell>
          <cell r="N2811" t="str">
            <v>無</v>
          </cell>
          <cell r="O2811">
            <v>14</v>
          </cell>
          <cell r="P2811">
            <v>2</v>
          </cell>
          <cell r="Q2811" t="str">
            <v/>
          </cell>
          <cell r="R2811" t="str">
            <v/>
          </cell>
          <cell r="S2811" t="str">
            <v/>
          </cell>
          <cell r="T2811" t="str">
            <v/>
          </cell>
          <cell r="V2811" t="str">
            <v>hn235857</v>
          </cell>
          <cell r="W2811" t="str">
            <v>rj160683</v>
          </cell>
          <cell r="Y2811" t="str">
            <v>27,28,</v>
          </cell>
          <cell r="Z2811" t="str">
            <v/>
          </cell>
          <cell r="AA2811" t="str">
            <v/>
          </cell>
          <cell r="AB2811" t="str">
            <v/>
          </cell>
          <cell r="AC2811" t="str">
            <v/>
          </cell>
          <cell r="AD2811" t="str">
            <v/>
          </cell>
          <cell r="AE2811">
            <v>0</v>
          </cell>
          <cell r="AF2811" t="str">
            <v/>
          </cell>
        </row>
        <row r="2812">
          <cell r="B2812">
            <v>11442</v>
          </cell>
          <cell r="C2812" t="str">
            <v>兵庫六甲農業(協)</v>
          </cell>
          <cell r="D2812" t="str">
            <v>072-772-3302</v>
          </cell>
          <cell r="E2812" t="str">
            <v>664-0881</v>
          </cell>
          <cell r="F2812" t="str">
            <v>兵庫県伊丹市昆陽1-236-2</v>
          </cell>
          <cell r="G2812" t="str">
            <v>伊丹市</v>
          </cell>
          <cell r="H2812" t="str">
            <v>伊丹営農支援センター</v>
          </cell>
          <cell r="I2812" t="str">
            <v>センター長 冨尾　拓也</v>
          </cell>
          <cell r="J2812" t="str">
            <v>兵庫県神戸市</v>
          </cell>
          <cell r="K2812" t="str">
            <v>072-779-0856</v>
          </cell>
          <cell r="L2812" t="str">
            <v>itami-ece@jarokko.or.jp</v>
          </cell>
          <cell r="M2812" t="str">
            <v>ﾋｮｳｺﾞﾛｯｺｳﾉｳｷﾞｮｳ</v>
          </cell>
          <cell r="N2812" t="str">
            <v>有</v>
          </cell>
          <cell r="O2812">
            <v>18</v>
          </cell>
          <cell r="P2812">
            <v>1867</v>
          </cell>
          <cell r="Q2812">
            <v>1140005003529</v>
          </cell>
          <cell r="R2812">
            <v>511168000</v>
          </cell>
          <cell r="S2812">
            <v>75366000</v>
          </cell>
          <cell r="T2812">
            <v>15747000</v>
          </cell>
          <cell r="V2812" t="str">
            <v>tm451808</v>
          </cell>
          <cell r="W2812" t="str">
            <v>tb159983</v>
          </cell>
          <cell r="Y2812" t="str">
            <v>02，22，</v>
          </cell>
          <cell r="Z2812" t="str">
            <v/>
          </cell>
          <cell r="AA2812" t="str">
            <v/>
          </cell>
          <cell r="AB2812" t="str">
            <v/>
          </cell>
          <cell r="AC2812" t="str">
            <v/>
          </cell>
          <cell r="AD2812" t="str">
            <v/>
          </cell>
          <cell r="AE2812" t="str">
            <v>１；２；３；４；</v>
          </cell>
          <cell r="AF2812" t="str">
            <v>組合員や地域の皆さまに必要とされる総合農協として地域農業の振興や食と農を通じて地域の活性化を図る活動に取り組んでおり、事業エリアは、神戸市、芦屋市、西宮市、尼崎市、伊丹市、川西市、宝塚市、三田市、猪名川町です。</v>
          </cell>
        </row>
        <row r="2813">
          <cell r="B2813">
            <v>11443</v>
          </cell>
          <cell r="C2813" t="str">
            <v>安田技工</v>
          </cell>
          <cell r="D2813" t="str">
            <v>0772-72-5619</v>
          </cell>
          <cell r="E2813" t="str">
            <v>629-3101</v>
          </cell>
          <cell r="F2813" t="str">
            <v>京都府京丹後市網野町網野906-1</v>
          </cell>
          <cell r="G2813" t="str">
            <v>京丹後市</v>
          </cell>
          <cell r="H2813" t="str">
            <v/>
          </cell>
          <cell r="I2813" t="str">
            <v>安田　 敏則</v>
          </cell>
          <cell r="J2813" t="str">
            <v>本店</v>
          </cell>
          <cell r="K2813" t="str">
            <v>0772-72-5619</v>
          </cell>
          <cell r="L2813" t="str">
            <v/>
          </cell>
          <cell r="M2813" t="str">
            <v>ﾔｽﾀﾞｷﾞｺｳ</v>
          </cell>
          <cell r="N2813" t="str">
            <v>無</v>
          </cell>
          <cell r="O2813">
            <v>32</v>
          </cell>
          <cell r="P2813">
            <v>2</v>
          </cell>
          <cell r="Q2813" t="str">
            <v/>
          </cell>
          <cell r="R2813">
            <v>6500</v>
          </cell>
          <cell r="S2813">
            <v>6500</v>
          </cell>
          <cell r="T2813">
            <v>22900</v>
          </cell>
          <cell r="V2813" t="str">
            <v>fa559948</v>
          </cell>
          <cell r="W2813" t="str">
            <v>te153333</v>
          </cell>
          <cell r="Y2813">
            <v>33.479999999999997</v>
          </cell>
          <cell r="Z2813" t="str">
            <v/>
          </cell>
          <cell r="AA2813" t="str">
            <v/>
          </cell>
          <cell r="AB2813" t="str">
            <v/>
          </cell>
          <cell r="AC2813" t="str">
            <v/>
          </cell>
          <cell r="AD2813" t="str">
            <v/>
          </cell>
          <cell r="AE2813" t="str">
            <v>１；２；３；４；</v>
          </cell>
          <cell r="AF2813" t="str">
            <v/>
          </cell>
        </row>
        <row r="2814">
          <cell r="B2814">
            <v>11444</v>
          </cell>
          <cell r="C2814" t="str">
            <v>山中室内装飾</v>
          </cell>
          <cell r="D2814" t="str">
            <v>072-782-6593</v>
          </cell>
          <cell r="F2814" t="str">
            <v>兵庫県伊丹市大野3-3</v>
          </cell>
          <cell r="G2814" t="str">
            <v>伊丹市</v>
          </cell>
          <cell r="H2814" t="str">
            <v/>
          </cell>
          <cell r="I2814" t="str">
            <v>山中　 恒四</v>
          </cell>
          <cell r="J2814" t="str">
            <v>本店</v>
          </cell>
          <cell r="K2814" t="str">
            <v>072-775-3470</v>
          </cell>
          <cell r="L2814" t="str">
            <v/>
          </cell>
          <cell r="M2814" t="str">
            <v>ﾔﾏﾅｶｼﾂﾅｲｿｳｼﾖｸ</v>
          </cell>
          <cell r="N2814" t="str">
            <v>無</v>
          </cell>
          <cell r="O2814">
            <v>45</v>
          </cell>
          <cell r="P2814">
            <v>1</v>
          </cell>
          <cell r="Q2814" t="str">
            <v/>
          </cell>
          <cell r="R2814" t="str">
            <v/>
          </cell>
          <cell r="S2814">
            <v>33403</v>
          </cell>
          <cell r="T2814">
            <v>3662</v>
          </cell>
          <cell r="V2814" t="str">
            <v>sp149619</v>
          </cell>
          <cell r="W2814" t="str">
            <v>eb339938</v>
          </cell>
          <cell r="Y2814" t="str">
            <v/>
          </cell>
          <cell r="Z2814" t="str">
            <v/>
          </cell>
          <cell r="AA2814" t="str">
            <v/>
          </cell>
          <cell r="AB2814" t="str">
            <v/>
          </cell>
          <cell r="AC2814" t="str">
            <v/>
          </cell>
          <cell r="AD2814" t="str">
            <v/>
          </cell>
          <cell r="AE2814" t="str">
            <v>１；２；３；４；</v>
          </cell>
          <cell r="AF2814" t="str">
            <v/>
          </cell>
        </row>
        <row r="2815">
          <cell r="B2815">
            <v>11446</v>
          </cell>
          <cell r="C2815" t="str">
            <v>サラヤ(株)</v>
          </cell>
          <cell r="D2815" t="str">
            <v>078-652-6331</v>
          </cell>
          <cell r="E2815" t="str">
            <v>652-0882</v>
          </cell>
          <cell r="F2815" t="str">
            <v>兵庫県神戸市兵庫区芦原通2-1-2</v>
          </cell>
          <cell r="G2815" t="str">
            <v>神戸市</v>
          </cell>
          <cell r="H2815" t="str">
            <v>近畿支店　神戸営業所</v>
          </cell>
          <cell r="I2815" t="str">
            <v>支店長 相馬　英樹</v>
          </cell>
          <cell r="J2815" t="str">
            <v>大阪府大阪市</v>
          </cell>
          <cell r="K2815" t="str">
            <v>078-652-6335</v>
          </cell>
          <cell r="L2815" t="str">
            <v/>
          </cell>
          <cell r="M2815" t="str">
            <v>ｻﾗﾔ</v>
          </cell>
          <cell r="N2815" t="str">
            <v>有</v>
          </cell>
          <cell r="O2815">
            <v>66</v>
          </cell>
          <cell r="P2815">
            <v>929</v>
          </cell>
          <cell r="Q2815">
            <v>5120001009783</v>
          </cell>
          <cell r="R2815">
            <v>45000</v>
          </cell>
          <cell r="S2815">
            <v>7887572</v>
          </cell>
          <cell r="T2815">
            <v>37460949</v>
          </cell>
          <cell r="V2815" t="str">
            <v>dz157262</v>
          </cell>
          <cell r="W2815" t="str">
            <v>om199997</v>
          </cell>
          <cell r="Y2815" t="str">
            <v>05，9，37，</v>
          </cell>
          <cell r="Z2815">
            <v>5</v>
          </cell>
          <cell r="AA2815">
            <v>37</v>
          </cell>
          <cell r="AB2815">
            <v>9</v>
          </cell>
          <cell r="AC2815" t="str">
            <v/>
          </cell>
          <cell r="AD2815" t="str">
            <v/>
          </cell>
          <cell r="AE2815" t="str">
            <v>１；せっけん・洗剤２；手指自動洗浄消毒器３；うがい薬・消毒剤・マスク４；</v>
          </cell>
          <cell r="AF2815" t="str">
            <v>家庭用及び業務用洗浄剤・消毒剤・うがい薬等の衛生用品と薬液供給機器の開発・製造・販売、食品衛生・環境衛生のコンサルティング、食品等の開発・製造・販売</v>
          </cell>
        </row>
        <row r="2816">
          <cell r="B2816">
            <v>11447</v>
          </cell>
          <cell r="C2816" t="str">
            <v>関西電力(株)</v>
          </cell>
          <cell r="D2816" t="str">
            <v>06-7501-0214</v>
          </cell>
          <cell r="E2816" t="str">
            <v>530-8270</v>
          </cell>
          <cell r="F2816" t="str">
            <v>大阪府大阪市北区中之島3‐6‐16</v>
          </cell>
          <cell r="G2816" t="str">
            <v>大阪市</v>
          </cell>
          <cell r="H2816" t="str">
            <v/>
          </cell>
          <cell r="I2816" t="str">
            <v>代表執行役 森本　孝</v>
          </cell>
          <cell r="J2816" t="str">
            <v>本店</v>
          </cell>
          <cell r="K2816" t="str">
            <v>06-6448-2329</v>
          </cell>
          <cell r="L2816" t="str">
            <v>maegawa.kiyohisa@b2.kepco.co.jp</v>
          </cell>
          <cell r="M2816" t="str">
            <v>ｶﾝｻｲﾃﾞﾝﾘｮｸ</v>
          </cell>
          <cell r="N2816" t="str">
            <v>無</v>
          </cell>
          <cell r="O2816">
            <v>67</v>
          </cell>
          <cell r="P2816">
            <v>22521</v>
          </cell>
          <cell r="Q2816">
            <v>3120001059632</v>
          </cell>
          <cell r="R2816">
            <v>489320000</v>
          </cell>
          <cell r="S2816">
            <v>933942000</v>
          </cell>
          <cell r="T2816">
            <v>2683945000</v>
          </cell>
          <cell r="V2816" t="str">
            <v>pj944061</v>
          </cell>
          <cell r="W2816" t="str">
            <v>vｒ135695</v>
          </cell>
          <cell r="Y2816" t="str">
            <v>43，44，</v>
          </cell>
          <cell r="Z2816">
            <v>43</v>
          </cell>
          <cell r="AA2816">
            <v>44</v>
          </cell>
          <cell r="AB2816" t="str">
            <v/>
          </cell>
          <cell r="AC2816" t="str">
            <v/>
          </cell>
          <cell r="AD2816" t="str">
            <v/>
          </cell>
          <cell r="AE2816" t="str">
            <v>１；電力・ガス供給２；空調機器リース３；４；</v>
          </cell>
          <cell r="AF2816" t="str">
            <v>電力供給・ガス供給・空調機器リース</v>
          </cell>
        </row>
        <row r="2817">
          <cell r="B2817">
            <v>11448</v>
          </cell>
          <cell r="C2817" t="str">
            <v>(株)フジマック</v>
          </cell>
          <cell r="D2817" t="str">
            <v>078-681-5822</v>
          </cell>
          <cell r="E2817" t="str">
            <v>652-0863</v>
          </cell>
          <cell r="F2817" t="str">
            <v>兵庫県神戸市和田宮通3-3-17</v>
          </cell>
          <cell r="G2817" t="str">
            <v>神戸市</v>
          </cell>
          <cell r="H2817" t="str">
            <v>神戸営業所</v>
          </cell>
          <cell r="I2817" t="str">
            <v>所長 倭　伸行</v>
          </cell>
          <cell r="J2817" t="str">
            <v>東京都</v>
          </cell>
          <cell r="K2817" t="str">
            <v>078-681-5862</v>
          </cell>
          <cell r="L2817" t="str">
            <v>ta_tanaka@fujimak.co.jp</v>
          </cell>
          <cell r="M2817" t="str">
            <v>ﾌｼﾞﾏｯｸ</v>
          </cell>
          <cell r="N2817" t="str">
            <v>有</v>
          </cell>
          <cell r="O2817">
            <v>68</v>
          </cell>
          <cell r="P2817">
            <v>735</v>
          </cell>
          <cell r="Q2817">
            <v>3010401026945</v>
          </cell>
          <cell r="R2817">
            <v>1471150</v>
          </cell>
          <cell r="S2817">
            <v>13885378</v>
          </cell>
          <cell r="T2817">
            <v>35003101</v>
          </cell>
          <cell r="V2817" t="str">
            <v>xh799807</v>
          </cell>
          <cell r="W2817" t="str">
            <v>ek178633</v>
          </cell>
          <cell r="Y2817" t="str">
            <v>37，</v>
          </cell>
          <cell r="Z2817" t="str">
            <v/>
          </cell>
          <cell r="AA2817" t="str">
            <v/>
          </cell>
          <cell r="AB2817" t="str">
            <v/>
          </cell>
          <cell r="AC2817" t="str">
            <v/>
          </cell>
          <cell r="AD2817" t="str">
            <v/>
          </cell>
          <cell r="AE2817" t="str">
            <v>１；業務用厨房機器（ガステーブル・冷蔵庫・洗浄機・消毒保管庫・コンビオーブン・作業台・シンク等）２；３；４；</v>
          </cell>
          <cell r="AF2817" t="str">
            <v>業務用厨房機器の製造販売施工を行っており、学校・病院給食や職員食堂などの施工を得意としております。</v>
          </cell>
        </row>
        <row r="2818">
          <cell r="B2818">
            <v>11449</v>
          </cell>
          <cell r="C2818" t="str">
            <v>日本キャタピラー(同)</v>
          </cell>
          <cell r="D2818" t="str">
            <v>06-4804-5353</v>
          </cell>
          <cell r="E2818" t="str">
            <v>554-0051</v>
          </cell>
          <cell r="F2818" t="str">
            <v>大阪府大阪市此花区酉島5-11-120</v>
          </cell>
          <cell r="G2818" t="str">
            <v>大阪市</v>
          </cell>
          <cell r="H2818" t="str">
            <v>大阪営業所</v>
          </cell>
          <cell r="I2818" t="str">
            <v>大阪営業所長 大世渡　亘</v>
          </cell>
          <cell r="J2818" t="str">
            <v>東京都</v>
          </cell>
          <cell r="K2818" t="str">
            <v>06-4804-5433</v>
          </cell>
          <cell r="L2818" t="str">
            <v>uehara_shogo@jpncat.com</v>
          </cell>
          <cell r="M2818" t="str">
            <v>ﾆｯﾎﾟﾝｷｬﾀﾋﾟﾗｰ</v>
          </cell>
          <cell r="N2818" t="str">
            <v>有</v>
          </cell>
          <cell r="O2818">
            <v>52</v>
          </cell>
          <cell r="P2818">
            <v>2286</v>
          </cell>
          <cell r="Q2818">
            <v>5021001031564</v>
          </cell>
          <cell r="R2818">
            <v>300000</v>
          </cell>
          <cell r="S2818">
            <v>34363391</v>
          </cell>
          <cell r="T2818">
            <v>125559305</v>
          </cell>
          <cell r="V2818" t="str">
            <v>nz946804</v>
          </cell>
          <cell r="W2818" t="str">
            <v>oo196539</v>
          </cell>
          <cell r="Y2818" t="str">
            <v>026，24，26，40，44，</v>
          </cell>
          <cell r="Z2818">
            <v>40</v>
          </cell>
          <cell r="AA2818">
            <v>44</v>
          </cell>
          <cell r="AB2818">
            <v>24</v>
          </cell>
          <cell r="AC2818">
            <v>26</v>
          </cell>
          <cell r="AD2818" t="str">
            <v/>
          </cell>
          <cell r="AE2818" t="str">
            <v>１；特約店）キャタピラージャパン（同）／検査業者登録証・認証書・ＩＳＯ１４００１２；特約店）キャタピラージャパン（同）／検査業者登録証・認証書・ＩＳＯ１４００１３；特約店）キャタピラージャパン（同）／検査業者登録証・認証書・ＩＳＯ１４００１４；特約店）キャタピラージャパン（同）／検査業者登録証・認証書・ＩＳＯ１４００１</v>
          </cell>
          <cell r="AF2818" t="str">
            <v>油圧ショベル・ミニ油圧ショベル・ホイールローダ・ブルドーザ等、建設機械全般及び自走式土質改良・自走式破砕機等、環境リサイクル機械の販売・修理及びそれに付随する補用部品販売。建設機械及び周辺機器全般のリース・レンタル。</v>
          </cell>
        </row>
        <row r="2819">
          <cell r="B2819">
            <v>11454</v>
          </cell>
          <cell r="C2819" t="str">
            <v>廣兼電気管理事務所</v>
          </cell>
          <cell r="D2819" t="str">
            <v>072-777-9892</v>
          </cell>
          <cell r="E2819" t="str">
            <v>664-0893</v>
          </cell>
          <cell r="F2819" t="str">
            <v>兵庫県伊丹市春日丘2-136-3</v>
          </cell>
          <cell r="G2819" t="str">
            <v>伊丹市</v>
          </cell>
          <cell r="H2819" t="str">
            <v/>
          </cell>
          <cell r="I2819" t="str">
            <v>電気管理技術者 廣兼　昇一</v>
          </cell>
          <cell r="J2819" t="str">
            <v>本店</v>
          </cell>
          <cell r="K2819" t="str">
            <v>072-777-9892</v>
          </cell>
          <cell r="L2819" t="str">
            <v>s-hirokane@gaia.eonet.ne.jp</v>
          </cell>
          <cell r="M2819" t="str">
            <v>ﾋﾛｶﾈﾃﾞﾝｷｶﾝﾘｼﾞﾑｼｮ</v>
          </cell>
          <cell r="N2819" t="str">
            <v>無</v>
          </cell>
          <cell r="O2819">
            <v>9</v>
          </cell>
          <cell r="P2819">
            <v>2</v>
          </cell>
          <cell r="Q2819" t="str">
            <v/>
          </cell>
          <cell r="R2819" t="str">
            <v/>
          </cell>
          <cell r="S2819" t="str">
            <v/>
          </cell>
          <cell r="T2819">
            <v>20487</v>
          </cell>
          <cell r="V2819" t="str">
            <v>wd537836</v>
          </cell>
          <cell r="W2819" t="str">
            <v>jl137133</v>
          </cell>
          <cell r="Y2819" t="str">
            <v>47，</v>
          </cell>
          <cell r="Z2819" t="str">
            <v/>
          </cell>
          <cell r="AA2819" t="str">
            <v/>
          </cell>
          <cell r="AB2819" t="str">
            <v/>
          </cell>
          <cell r="AC2819" t="str">
            <v/>
          </cell>
          <cell r="AD2819" t="str">
            <v/>
          </cell>
          <cell r="AE2819" t="str">
            <v>１；電気設備保守点検２；３；４；</v>
          </cell>
          <cell r="AF2819" t="str">
            <v>電気事業法に係わる電気工作物の維持及び管理として電気主任技術者（電気管理技術者）業務を主とする。</v>
          </cell>
        </row>
        <row r="2820">
          <cell r="B2820">
            <v>11455</v>
          </cell>
          <cell r="C2820" t="str">
            <v>吉田電気設備管理事務所</v>
          </cell>
          <cell r="D2820" t="str">
            <v>0727-79-7059</v>
          </cell>
          <cell r="E2820" t="str">
            <v>664-0005</v>
          </cell>
          <cell r="F2820" t="str">
            <v>兵庫県伊丹市瑞原2丁目25-7</v>
          </cell>
          <cell r="G2820" t="str">
            <v>伊丹市</v>
          </cell>
          <cell r="H2820" t="str">
            <v/>
          </cell>
          <cell r="I2820" t="str">
            <v xml:space="preserve"> 吉田稔</v>
          </cell>
          <cell r="J2820" t="str">
            <v>兵庫県伊丹市</v>
          </cell>
          <cell r="K2820" t="str">
            <v>0727-79-7059</v>
          </cell>
          <cell r="L2820" t="str">
            <v>ymi27130@oregano.ocn.ne.jp</v>
          </cell>
          <cell r="M2820" t="str">
            <v>ﾖｼﾀﾞﾃﾞﾝｷｾﾂﾋﾞｶﾝﾘｼﾞﾑｼｮ</v>
          </cell>
          <cell r="N2820" t="str">
            <v>有</v>
          </cell>
          <cell r="O2820">
            <v>17</v>
          </cell>
          <cell r="P2820">
            <v>1</v>
          </cell>
          <cell r="Q2820" t="str">
            <v/>
          </cell>
          <cell r="R2820">
            <v>5000</v>
          </cell>
          <cell r="S2820">
            <v>5000</v>
          </cell>
          <cell r="T2820">
            <v>1500</v>
          </cell>
          <cell r="V2820" t="str">
            <v>sg420326</v>
          </cell>
          <cell r="W2820" t="str">
            <v>ze184258</v>
          </cell>
          <cell r="Y2820" t="str">
            <v>47，</v>
          </cell>
          <cell r="Z2820">
            <v>47</v>
          </cell>
          <cell r="AA2820" t="str">
            <v/>
          </cell>
          <cell r="AB2820" t="str">
            <v/>
          </cell>
          <cell r="AC2820" t="str">
            <v/>
          </cell>
          <cell r="AD2820" t="str">
            <v/>
          </cell>
          <cell r="AE2820" t="str">
            <v>１；高圧低圧電気設備の不選任電気主任技術者業務２；３；４；</v>
          </cell>
          <cell r="AF2820" t="str">
            <v>高圧受電電気設備の保守</v>
          </cell>
        </row>
        <row r="2821">
          <cell r="B2821">
            <v>11457</v>
          </cell>
          <cell r="C2821" t="str">
            <v>池田電気設備管理事務所</v>
          </cell>
          <cell r="D2821" t="str">
            <v>072-772-6630</v>
          </cell>
          <cell r="E2821" t="str">
            <v>664-0862</v>
          </cell>
          <cell r="F2821" t="str">
            <v>兵庫県伊丹市若菱町2-9</v>
          </cell>
          <cell r="G2821" t="str">
            <v>伊丹市</v>
          </cell>
          <cell r="H2821" t="str">
            <v/>
          </cell>
          <cell r="I2821" t="str">
            <v>電気管理技術者 池田　博一</v>
          </cell>
          <cell r="J2821" t="str">
            <v>本店</v>
          </cell>
          <cell r="K2821" t="str">
            <v>072-772-6810</v>
          </cell>
          <cell r="L2821" t="str">
            <v>hiroike@vega.ocn.ne.jp</v>
          </cell>
          <cell r="M2821" t="str">
            <v>ｲｹﾀﾞﾃﾞﾝｷｾﾂﾋﾞｶﾝﾘｼﾞﾑｼｮ</v>
          </cell>
          <cell r="N2821" t="str">
            <v>無</v>
          </cell>
          <cell r="O2821">
            <v>27</v>
          </cell>
          <cell r="P2821">
            <v>1</v>
          </cell>
          <cell r="Q2821" t="str">
            <v/>
          </cell>
          <cell r="R2821" t="str">
            <v/>
          </cell>
          <cell r="S2821">
            <v>59200</v>
          </cell>
          <cell r="T2821">
            <v>20422</v>
          </cell>
          <cell r="V2821" t="str">
            <v>mf790006</v>
          </cell>
          <cell r="W2821" t="str">
            <v>ｒq199331</v>
          </cell>
          <cell r="Y2821" t="str">
            <v>47，</v>
          </cell>
          <cell r="Z2821" t="str">
            <v/>
          </cell>
          <cell r="AA2821" t="str">
            <v/>
          </cell>
          <cell r="AB2821" t="str">
            <v/>
          </cell>
          <cell r="AC2821" t="str">
            <v/>
          </cell>
          <cell r="AD2821" t="str">
            <v/>
          </cell>
          <cell r="AE2821" t="str">
            <v>１；電気主任技術者業務　電験３種２；３；４；</v>
          </cell>
          <cell r="AF2821" t="str">
            <v>電気事業法の自家用電気工作物の維持管理を行う電気主任技術者業務を受託し以下の業務を行う、月例点検、法定年次点検、竣工検査等の保安業務、電気使用合理化及び電気利用による生産性向上の相談、官公庁手続の代行業務等。</v>
          </cell>
        </row>
        <row r="2822">
          <cell r="B2822">
            <v>11460</v>
          </cell>
          <cell r="C2822" t="str">
            <v>當眞電気設備管理事務所</v>
          </cell>
          <cell r="D2822" t="str">
            <v>072-777-2910</v>
          </cell>
          <cell r="E2822" t="str">
            <v>664-0888</v>
          </cell>
          <cell r="F2822" t="str">
            <v>兵庫県伊丹市昆陽南3-12-25</v>
          </cell>
          <cell r="G2822" t="str">
            <v>伊丹市</v>
          </cell>
          <cell r="H2822" t="str">
            <v/>
          </cell>
          <cell r="I2822" t="str">
            <v xml:space="preserve"> 當眞　嗣光</v>
          </cell>
          <cell r="J2822" t="str">
            <v>本店</v>
          </cell>
          <cell r="K2822" t="str">
            <v>072-777-2910</v>
          </cell>
          <cell r="L2822" t="str">
            <v>stoma@bcc.bai.ne.jp</v>
          </cell>
          <cell r="M2822" t="str">
            <v>ﾄｳﾏﾃﾞﾝｷｾﾂﾋﾞｶﾝﾘｼﾞﾑｼｮ</v>
          </cell>
          <cell r="N2822" t="str">
            <v>無</v>
          </cell>
          <cell r="O2822">
            <v>18</v>
          </cell>
          <cell r="P2822">
            <v>2</v>
          </cell>
          <cell r="Q2822" t="str">
            <v/>
          </cell>
          <cell r="R2822">
            <v>3500</v>
          </cell>
          <cell r="S2822">
            <v>3500</v>
          </cell>
          <cell r="T2822">
            <v>7138</v>
          </cell>
          <cell r="V2822" t="str">
            <v>zm789813</v>
          </cell>
          <cell r="W2822" t="str">
            <v>ks193596</v>
          </cell>
          <cell r="Y2822" t="str">
            <v>47，</v>
          </cell>
          <cell r="Z2822" t="str">
            <v/>
          </cell>
          <cell r="AA2822" t="str">
            <v/>
          </cell>
          <cell r="AB2822" t="str">
            <v/>
          </cell>
          <cell r="AC2822" t="str">
            <v/>
          </cell>
          <cell r="AD2822" t="str">
            <v/>
          </cell>
          <cell r="AE2822" t="str">
            <v>１；２；３；４；</v>
          </cell>
          <cell r="AF2822" t="str">
            <v>電気設備管理</v>
          </cell>
        </row>
        <row r="2823">
          <cell r="B2823">
            <v>11462</v>
          </cell>
          <cell r="C2823" t="str">
            <v>姫路丸二陶材</v>
          </cell>
          <cell r="D2823" t="str">
            <v>079-266-4001</v>
          </cell>
          <cell r="E2823" t="str">
            <v>664-0881</v>
          </cell>
          <cell r="F2823" t="str">
            <v>姫路市白鳥台1丁目31番18号</v>
          </cell>
          <cell r="G2823" t="str">
            <v>姫路市</v>
          </cell>
          <cell r="H2823" t="str">
            <v/>
          </cell>
          <cell r="I2823" t="str">
            <v>宇田　崇</v>
          </cell>
          <cell r="J2823" t="str">
            <v>本店</v>
          </cell>
          <cell r="K2823" t="str">
            <v>079-266-6684</v>
          </cell>
          <cell r="L2823" t="str">
            <v/>
          </cell>
          <cell r="M2823" t="str">
            <v>ﾋﾒｼﾞﾏﾙﾆﾄｳｻﾞｲ</v>
          </cell>
          <cell r="N2823" t="str">
            <v>無</v>
          </cell>
          <cell r="O2823" t="str">
            <v/>
          </cell>
          <cell r="P2823" t="str">
            <v/>
          </cell>
          <cell r="Q2823" t="str">
            <v/>
          </cell>
          <cell r="R2823" t="str">
            <v/>
          </cell>
          <cell r="S2823" t="str">
            <v/>
          </cell>
          <cell r="T2823" t="str">
            <v/>
          </cell>
          <cell r="V2823" t="str">
            <v>pe286062</v>
          </cell>
          <cell r="W2823" t="str">
            <v>nq198139</v>
          </cell>
          <cell r="Y2823" t="str">
            <v/>
          </cell>
          <cell r="Z2823">
            <v>12</v>
          </cell>
          <cell r="AA2823" t="str">
            <v/>
          </cell>
          <cell r="AB2823" t="str">
            <v/>
          </cell>
          <cell r="AC2823" t="str">
            <v/>
          </cell>
          <cell r="AD2823" t="str">
            <v/>
          </cell>
          <cell r="AE2823" t="str">
            <v>１；２；陶芸材料（陶芸窯，粘土，釉薬）全般３；４；</v>
          </cell>
          <cell r="AF2823" t="str">
            <v>陶芸材料全般です</v>
          </cell>
        </row>
        <row r="2824">
          <cell r="B2824">
            <v>11463</v>
          </cell>
          <cell r="C2824" t="str">
            <v>インテリア今北</v>
          </cell>
          <cell r="D2824" t="str">
            <v>072-781-1986</v>
          </cell>
          <cell r="E2824" t="str">
            <v>664-0007</v>
          </cell>
          <cell r="F2824" t="str">
            <v>兵庫県伊丹市北野3丁目22-1</v>
          </cell>
          <cell r="G2824" t="str">
            <v>伊丹市</v>
          </cell>
          <cell r="H2824" t="str">
            <v/>
          </cell>
          <cell r="I2824" t="str">
            <v xml:space="preserve"> 今北　澄夫</v>
          </cell>
          <cell r="J2824" t="str">
            <v>本店</v>
          </cell>
          <cell r="K2824" t="str">
            <v>072-779-4720</v>
          </cell>
          <cell r="L2824" t="str">
            <v>kurosuya1986@yahoo.co.jp</v>
          </cell>
          <cell r="M2824" t="str">
            <v>ｲﾝﾃﾘｱｲﾏｷﾀ</v>
          </cell>
          <cell r="N2824" t="str">
            <v>無</v>
          </cell>
          <cell r="O2824">
            <v>46</v>
          </cell>
          <cell r="P2824">
            <v>4</v>
          </cell>
          <cell r="Q2824" t="str">
            <v/>
          </cell>
          <cell r="R2824" t="str">
            <v/>
          </cell>
          <cell r="S2824" t="str">
            <v/>
          </cell>
          <cell r="T2824">
            <v>26000</v>
          </cell>
          <cell r="V2824" t="str">
            <v>bu402949</v>
          </cell>
          <cell r="W2824" t="str">
            <v>jw119713</v>
          </cell>
          <cell r="Y2824" t="str">
            <v>28，34，</v>
          </cell>
          <cell r="Z2824">
            <v>34</v>
          </cell>
          <cell r="AA2824">
            <v>28</v>
          </cell>
          <cell r="AB2824" t="str">
            <v/>
          </cell>
          <cell r="AC2824" t="str">
            <v/>
          </cell>
          <cell r="AD2824" t="str">
            <v/>
          </cell>
          <cell r="AE2824" t="str">
            <v>１；襖・障子張替２；カーテン　ブラインド　カーペット３；４；</v>
          </cell>
          <cell r="AF2824" t="str">
            <v>内装仕上（主にクロス貼替・クッションフロア貼替）物品（襖・障子張替　カーテン・ブラインド・カーペット販売取付）</v>
          </cell>
        </row>
        <row r="2825">
          <cell r="B2825">
            <v>11467</v>
          </cell>
          <cell r="C2825" t="str">
            <v>(株)ジャパンインターナショナル総合研究所</v>
          </cell>
          <cell r="D2825" t="str">
            <v>075-924-2603</v>
          </cell>
          <cell r="E2825" t="str">
            <v>615-0851</v>
          </cell>
          <cell r="F2825" t="str">
            <v>京都府京都市右京区西京極西池田町9番地5</v>
          </cell>
          <cell r="G2825" t="str">
            <v>京都市</v>
          </cell>
          <cell r="H2825" t="str">
            <v/>
          </cell>
          <cell r="I2825" t="str">
            <v>代表取締役 藤原　壮督</v>
          </cell>
          <cell r="J2825" t="str">
            <v>本店</v>
          </cell>
          <cell r="K2825" t="str">
            <v>075-924-2803</v>
          </cell>
          <cell r="L2825" t="str">
            <v>soumu@ji-institute.com</v>
          </cell>
          <cell r="M2825" t="str">
            <v>ｼﾞｬﾊﾟﾝｲﾝﾀｰﾅｼｮﾅﾙｿｳｺﾞｳｹﾝｷｭｳｼｮ</v>
          </cell>
          <cell r="N2825" t="str">
            <v>無</v>
          </cell>
          <cell r="O2825">
            <v>54</v>
          </cell>
          <cell r="P2825">
            <v>116</v>
          </cell>
          <cell r="Q2825">
            <v>3130001008274</v>
          </cell>
          <cell r="R2825">
            <v>30000</v>
          </cell>
          <cell r="S2825">
            <v>1544412</v>
          </cell>
          <cell r="T2825">
            <v>2123199</v>
          </cell>
          <cell r="V2825" t="str">
            <v>fy338950</v>
          </cell>
          <cell r="W2825" t="str">
            <v>vn133539</v>
          </cell>
          <cell r="Y2825" t="str">
            <v>058，58，63，73，77，</v>
          </cell>
          <cell r="Z2825">
            <v>77</v>
          </cell>
          <cell r="AA2825">
            <v>80</v>
          </cell>
          <cell r="AB2825">
            <v>73</v>
          </cell>
          <cell r="AC2825">
            <v>58</v>
          </cell>
          <cell r="AD2825" t="str">
            <v/>
          </cell>
          <cell r="AE2825" t="str">
            <v>１；各種調査、情報分析、計画策定、監修、ワークショップ・会議運営支援等２；各種計画策定、保健指導、国保ヘルスアップ事業、各種印刷物企画デザイン・イラスト・ロゴ、撮影、動画等、職員研修、講師の派遣、講座の実施等３；要覧・観光パンフレット等印刷物の企画デザインから印刷製本４；ホームページ、アプリ、プロモーション動画、ＡＲの制作、電子ブック、ＤＶＤの制作</v>
          </cell>
          <cell r="AF2825" t="str">
            <v>地方自治体の地域活性化のためのまちづくりに関する業務を展開しています。分野は、観光・環境・福祉・教育・定住促進に至るまで、地域の特性・課題に応じた戦略立案や広報制作が得意であり、全国規模での事例、ノウハウを駆使し、民間の立場から自治体と住民をつなぐ役割を果たしています。</v>
          </cell>
        </row>
        <row r="2826">
          <cell r="B2826">
            <v>11469</v>
          </cell>
          <cell r="C2826" t="str">
            <v>オリエンタルカメラ</v>
          </cell>
          <cell r="D2826" t="str">
            <v>0798-41-0563</v>
          </cell>
          <cell r="E2826" t="str">
            <v>662-0922</v>
          </cell>
          <cell r="F2826" t="str">
            <v>西宮市小松東町2丁目2-13</v>
          </cell>
          <cell r="G2826" t="str">
            <v>西宮市</v>
          </cell>
          <cell r="H2826" t="str">
            <v/>
          </cell>
          <cell r="I2826" t="str">
            <v>阿部　 勝之</v>
          </cell>
          <cell r="J2826" t="str">
            <v>本店</v>
          </cell>
          <cell r="K2826" t="str">
            <v>0798-41-0563</v>
          </cell>
          <cell r="L2826" t="str">
            <v>mimi.nene.234@docomo.ne.jp</v>
          </cell>
          <cell r="M2826" t="str">
            <v/>
          </cell>
          <cell r="N2826" t="str">
            <v>無</v>
          </cell>
          <cell r="O2826">
            <v>41</v>
          </cell>
          <cell r="P2826">
            <v>1</v>
          </cell>
          <cell r="Q2826" t="str">
            <v/>
          </cell>
          <cell r="R2826" t="str">
            <v/>
          </cell>
          <cell r="S2826">
            <v>57</v>
          </cell>
          <cell r="T2826" t="str">
            <v/>
          </cell>
          <cell r="V2826" t="str">
            <v>ac983689</v>
          </cell>
          <cell r="W2826" t="str">
            <v>dz139939</v>
          </cell>
          <cell r="Y2826">
            <v>70</v>
          </cell>
          <cell r="Z2826" t="str">
            <v/>
          </cell>
          <cell r="AA2826" t="str">
            <v/>
          </cell>
          <cell r="AB2826" t="str">
            <v/>
          </cell>
          <cell r="AC2826" t="str">
            <v/>
          </cell>
          <cell r="AD2826" t="str">
            <v/>
          </cell>
          <cell r="AE2826" t="str">
            <v>１；２；３；４；</v>
          </cell>
          <cell r="AF2826" t="str">
            <v>カメラ・写真用品の販売．出張撮影　ＤＶＤへのダビング、カラーフィルムの現像プリント、デジタルプリント　電話での受付、プリントの仕上げを配達します．</v>
          </cell>
        </row>
        <row r="2827">
          <cell r="B2827">
            <v>11472</v>
          </cell>
          <cell r="C2827" t="str">
            <v>(有)岡本ポンプ</v>
          </cell>
          <cell r="D2827" t="str">
            <v>0791-75-1116</v>
          </cell>
          <cell r="E2827" t="str">
            <v>679-4315</v>
          </cell>
          <cell r="F2827" t="str">
            <v>兵庫県たつの市新宮町井野原276-1</v>
          </cell>
          <cell r="G2827" t="str">
            <v>たつの市</v>
          </cell>
          <cell r="H2827" t="str">
            <v/>
          </cell>
          <cell r="I2827" t="str">
            <v>代表取締役 岡本　正</v>
          </cell>
          <cell r="J2827" t="str">
            <v>本店</v>
          </cell>
          <cell r="K2827" t="str">
            <v>0791-75-3998</v>
          </cell>
          <cell r="L2827" t="str">
            <v>okka52@if-n-ne.jp</v>
          </cell>
          <cell r="M2827" t="str">
            <v>ｵｶﾓﾄﾎﾟﾝﾌﾟ</v>
          </cell>
          <cell r="N2827" t="str">
            <v>無</v>
          </cell>
          <cell r="O2827">
            <v>42</v>
          </cell>
          <cell r="P2827">
            <v>16</v>
          </cell>
          <cell r="Q2827">
            <v>2140002033197</v>
          </cell>
          <cell r="R2827">
            <v>5000</v>
          </cell>
          <cell r="S2827">
            <v>6042</v>
          </cell>
          <cell r="T2827">
            <v>391811</v>
          </cell>
          <cell r="V2827" t="str">
            <v>hs168525</v>
          </cell>
          <cell r="W2827" t="str">
            <v>ｒb179968</v>
          </cell>
          <cell r="Y2827" t="str">
            <v>041，03，24，38，39，41，49，</v>
          </cell>
          <cell r="Z2827">
            <v>24</v>
          </cell>
          <cell r="AA2827">
            <v>38</v>
          </cell>
          <cell r="AB2827">
            <v>3</v>
          </cell>
          <cell r="AC2827">
            <v>41</v>
          </cell>
          <cell r="AD2827" t="str">
            <v/>
          </cell>
          <cell r="AE2827" t="str">
            <v>１；消防自動車の製造販売２；消防ポンプ　消防ホース　消火器　消火栓器具　防災備蓄用品一式　火災報知器　消防用有無線通信機器（代理店）桜ホース　モリタ宮田工業　富士通ゼネラル　星野総合商事　シバウラ防災製作所３；消防服　消防作業服　防火服　難燃作業服　科学消防服　救命胴衣　防寒服　消防用手袋、長靴（代理店）辰野　星野総合商事４；放射能測定器　線量計　（代理店）桜ホース</v>
          </cell>
          <cell r="AF2827" t="str">
            <v>消防自動車関連のぎ装は当社直営製造販売、ここ数年は全国各地で自然災害が発生し、県内行政機関、自治会、民間企業等の防災意識の高まりで受注が増加しています。東南海大地震が心配されている中、弊社も日々の活動と支援体制の向上に努力を重ねております。</v>
          </cell>
        </row>
        <row r="2828">
          <cell r="B2828">
            <v>11473</v>
          </cell>
          <cell r="C2828" t="str">
            <v>(株)乃村工藝社</v>
          </cell>
          <cell r="D2828" t="str">
            <v>03-5962-1171</v>
          </cell>
          <cell r="E2828" t="str">
            <v>135-8622</v>
          </cell>
          <cell r="F2828" t="str">
            <v>東京都港区台場2-3-4</v>
          </cell>
          <cell r="G2828" t="str">
            <v>東京都</v>
          </cell>
          <cell r="H2828" t="str">
            <v/>
          </cell>
          <cell r="I2828" t="str">
            <v>代表取締役社長 榎本　修次</v>
          </cell>
          <cell r="J2828" t="str">
            <v>本店</v>
          </cell>
          <cell r="K2828" t="str">
            <v>03-3570-2397</v>
          </cell>
          <cell r="L2828" t="str">
            <v>nyusatsu@nomura-g.jp</v>
          </cell>
          <cell r="M2828" t="str">
            <v>ﾉﾑﾗｺｳｹﾞｲｼｬ</v>
          </cell>
          <cell r="N2828" t="str">
            <v>有</v>
          </cell>
          <cell r="O2828">
            <v>55</v>
          </cell>
          <cell r="P2828">
            <v>995</v>
          </cell>
          <cell r="Q2828">
            <v>4010401023652</v>
          </cell>
          <cell r="R2828">
            <v>6497551</v>
          </cell>
          <cell r="S2828">
            <v>34309265</v>
          </cell>
          <cell r="T2828">
            <v>85332284</v>
          </cell>
          <cell r="V2828" t="str">
            <v>xg866200</v>
          </cell>
          <cell r="W2828" t="str">
            <v>qj165395</v>
          </cell>
          <cell r="Y2828" t="str">
            <v>064，63，64，66，</v>
          </cell>
          <cell r="Z2828">
            <v>63</v>
          </cell>
          <cell r="AA2828">
            <v>66</v>
          </cell>
          <cell r="AB2828">
            <v>80</v>
          </cell>
          <cell r="AC2828">
            <v>64</v>
          </cell>
          <cell r="AD2828" t="str">
            <v>全て自社オリジナル。設備機械器具～ルーターマシン、塗装機械設備、ホットプレス他</v>
          </cell>
          <cell r="AE2828" t="str">
            <v>１；催事関係業務委託（企画からの展示業務、会場設営、運営、撤去まで）２；サイン、看板、パネル等の企画、設計、製作３；展示什器、展示備品、展示品、モニュメント、オブジェ、展示用模型等の企画、設計、製作、室内外装飾用品の企画、設計、展示設備等の保守点検業務４；映像ソフト（展示、広報、環境、音響）の企画、調査、制作</v>
          </cell>
          <cell r="AF2828" t="str">
            <v>明治２５年創業にかかわるディスプレイ業界のリーダー的存在。商業施設・文化施設・余暇施設等に係る建築の企画・設計および施工、また内装設計・展示設計・意匠・デザイン・製作施工の分野で広く活躍中。</v>
          </cell>
        </row>
        <row r="2829">
          <cell r="B2829">
            <v>11477</v>
          </cell>
          <cell r="C2829" t="str">
            <v>(株)少年写真新聞社</v>
          </cell>
          <cell r="D2829" t="str">
            <v>03-3263-7401</v>
          </cell>
          <cell r="E2829" t="str">
            <v>102-8232</v>
          </cell>
          <cell r="F2829" t="str">
            <v>東京都千代田区九段南4-7-16</v>
          </cell>
          <cell r="G2829" t="str">
            <v>東京都</v>
          </cell>
          <cell r="H2829" t="str">
            <v/>
          </cell>
          <cell r="I2829" t="str">
            <v>代表取締役 松本　恒</v>
          </cell>
          <cell r="J2829" t="str">
            <v>本店</v>
          </cell>
          <cell r="K2829" t="str">
            <v>03-5276-7785</v>
          </cell>
          <cell r="L2829" t="str">
            <v>keiri@schoolpress.co.jp</v>
          </cell>
          <cell r="M2829" t="str">
            <v>ｼｮｳﾈﾝｼｬｼﾝｼﾝﾌﾞﾝｼｬ</v>
          </cell>
          <cell r="N2829" t="str">
            <v>無</v>
          </cell>
          <cell r="O2829">
            <v>65</v>
          </cell>
          <cell r="P2829">
            <v>98</v>
          </cell>
          <cell r="Q2829">
            <v>6010001018927</v>
          </cell>
          <cell r="R2829">
            <v>10000</v>
          </cell>
          <cell r="S2829">
            <v>355152</v>
          </cell>
          <cell r="T2829">
            <v>984338</v>
          </cell>
          <cell r="V2829" t="str">
            <v>kz601425</v>
          </cell>
          <cell r="W2829" t="str">
            <v>qa169769</v>
          </cell>
          <cell r="Y2829" t="str">
            <v>12，13，</v>
          </cell>
          <cell r="Z2829">
            <v>12</v>
          </cell>
          <cell r="AA2829">
            <v>13</v>
          </cell>
          <cell r="AB2829" t="str">
            <v/>
          </cell>
          <cell r="AC2829" t="str">
            <v/>
          </cell>
          <cell r="AD2829" t="str">
            <v/>
          </cell>
          <cell r="AE2829" t="str">
            <v>１；幼・保・学校向け教材写真ニュース２；教育用図書３；４；</v>
          </cell>
          <cell r="AF2829" t="str">
            <v>幼・保育園所・小・中・高等学校向けの掲示用教材写真ニュースの販売及び、教育用図書の販売。</v>
          </cell>
        </row>
        <row r="2830">
          <cell r="B2830">
            <v>11478</v>
          </cell>
          <cell r="C2830" t="str">
            <v>日本電気(株)</v>
          </cell>
          <cell r="D2830" t="str">
            <v>078-333-3851</v>
          </cell>
          <cell r="E2830" t="str">
            <v>650-0031</v>
          </cell>
          <cell r="F2830" t="str">
            <v>兵庫県神戸市中央区東町126</v>
          </cell>
          <cell r="G2830" t="str">
            <v>神戸市</v>
          </cell>
          <cell r="H2830" t="str">
            <v>神戸支社</v>
          </cell>
          <cell r="I2830" t="str">
            <v>神戸支社長 中田　洋介</v>
          </cell>
          <cell r="J2830" t="str">
            <v>東京都</v>
          </cell>
          <cell r="K2830" t="str">
            <v>078-333-3866</v>
          </cell>
          <cell r="L2830" t="str">
            <v/>
          </cell>
          <cell r="M2830" t="str">
            <v>ﾆｯﾎﾟﾝﾃﾞﾝｷ</v>
          </cell>
          <cell r="N2830" t="str">
            <v>有</v>
          </cell>
          <cell r="O2830">
            <v>66</v>
          </cell>
          <cell r="P2830">
            <v>21010</v>
          </cell>
          <cell r="Q2830">
            <v>7010401022916</v>
          </cell>
          <cell r="R2830">
            <v>397199212</v>
          </cell>
          <cell r="S2830">
            <v>718911000</v>
          </cell>
          <cell r="T2830">
            <v>2844447000</v>
          </cell>
          <cell r="V2830" t="str">
            <v>pm145462</v>
          </cell>
          <cell r="W2830" t="str">
            <v>qo169985</v>
          </cell>
          <cell r="Y2830" t="str">
            <v>047，36，44，47，50，57，58，</v>
          </cell>
          <cell r="Z2830">
            <v>36</v>
          </cell>
          <cell r="AA2830">
            <v>58</v>
          </cell>
          <cell r="AB2830">
            <v>50</v>
          </cell>
          <cell r="AC2830">
            <v>47</v>
          </cell>
          <cell r="AD2830" t="str">
            <v>【４４】はレンタルのみ</v>
          </cell>
          <cell r="AE2830" t="str">
            <v>１；コンピュータ機器、通信機器全般２；各種自治体システムの開発、運用、保守全般３；通信機器保守４；コンピュータ機器保守</v>
          </cell>
          <cell r="AF2830" t="str">
            <v>電気通信工事全般を得意としています。また、情報処理システム機器、通信システム機器メーカーとして、各種自治体システム等で多くの導入実績があります。同時に、各種自治体システム開発・運用委託等にも注力しています。</v>
          </cell>
        </row>
        <row r="2831">
          <cell r="B2831">
            <v>11479</v>
          </cell>
          <cell r="C2831" t="str">
            <v>共同印刷西日本(株)</v>
          </cell>
          <cell r="D2831" t="str">
            <v>06-6203-1588</v>
          </cell>
          <cell r="E2831" t="str">
            <v>541-0046</v>
          </cell>
          <cell r="F2831" t="str">
            <v>大阪府大阪市中央区平野町2-1-2</v>
          </cell>
          <cell r="G2831" t="str">
            <v>大阪市</v>
          </cell>
          <cell r="H2831" t="str">
            <v/>
          </cell>
          <cell r="I2831" t="str">
            <v>代表取締役社長 加藤　伸一</v>
          </cell>
          <cell r="J2831" t="str">
            <v>本店</v>
          </cell>
          <cell r="K2831" t="str">
            <v>06-6203-3246</v>
          </cell>
          <cell r="L2831" t="str">
            <v>hi_okabe@kyodoprinting.co.jp</v>
          </cell>
          <cell r="M2831" t="str">
            <v>ｷｮｳﾄﾞｳｲﾝｻﾂﾆｼﾆﾎﾝ</v>
          </cell>
          <cell r="N2831" t="str">
            <v>無</v>
          </cell>
          <cell r="O2831">
            <v>7</v>
          </cell>
          <cell r="P2831">
            <v>165</v>
          </cell>
          <cell r="Q2831">
            <v>6120001166590</v>
          </cell>
          <cell r="R2831">
            <v>200000</v>
          </cell>
          <cell r="S2831">
            <v>1685147</v>
          </cell>
          <cell r="T2831">
            <v>3582155</v>
          </cell>
          <cell r="V2831" t="str">
            <v>rk207884</v>
          </cell>
          <cell r="W2831" t="str">
            <v>oe168379</v>
          </cell>
          <cell r="Y2831" t="str">
            <v>076，57，58，70，73，74，75，76，</v>
          </cell>
          <cell r="Z2831">
            <v>80</v>
          </cell>
          <cell r="AA2831">
            <v>74</v>
          </cell>
          <cell r="AB2831">
            <v>73</v>
          </cell>
          <cell r="AC2831">
            <v>76</v>
          </cell>
          <cell r="AD2831" t="str">
            <v/>
          </cell>
          <cell r="AE2831" t="str">
            <v>１；印字・封入封緘、発送代行２；ビジネスフォーム印刷、連続帳票・単票、圧着ハガキ３；パンフレット、ポスター、リーフレット、タブロイド、名刺、製本４；ステッカー、ラベル、磁気カード、ＩＣカード</v>
          </cell>
          <cell r="AF2831" t="str">
            <v>データプリント・封入封緘業務、発送代行を特に希望いたします。</v>
          </cell>
        </row>
        <row r="2832">
          <cell r="B2832">
            <v>11481</v>
          </cell>
          <cell r="C2832" t="str">
            <v>レスター工業(株)</v>
          </cell>
          <cell r="D2832" t="str">
            <v>078-242-3382</v>
          </cell>
          <cell r="E2832" t="str">
            <v>650-0004</v>
          </cell>
          <cell r="F2832" t="str">
            <v>兵庫県神戸市中央区中山手通3-12-5 松田ﾋﾞﾙ</v>
          </cell>
          <cell r="G2832" t="str">
            <v>神戸市</v>
          </cell>
          <cell r="H2832" t="str">
            <v>神戸営業所</v>
          </cell>
          <cell r="I2832" t="str">
            <v>営業所所長 松村　和憲</v>
          </cell>
          <cell r="J2832" t="str">
            <v>大阪府大阪市</v>
          </cell>
          <cell r="K2832" t="str">
            <v>078-242-3448</v>
          </cell>
          <cell r="L2832" t="str">
            <v>s.yoshimi@lester.co.jp</v>
          </cell>
          <cell r="M2832" t="str">
            <v>ﾚｽﾀ-ｺｳｷﾞﾖｳｶﾌﾞｼｷｶﾞｲｼﾔ</v>
          </cell>
          <cell r="N2832" t="str">
            <v>有</v>
          </cell>
          <cell r="O2832">
            <v>86</v>
          </cell>
          <cell r="P2832">
            <v>82</v>
          </cell>
          <cell r="Q2832">
            <v>2120000000000</v>
          </cell>
          <cell r="R2832">
            <v>23000</v>
          </cell>
          <cell r="S2832">
            <v>112878</v>
          </cell>
          <cell r="T2832">
            <v>1269325</v>
          </cell>
          <cell r="V2832" t="str">
            <v>wc362916</v>
          </cell>
          <cell r="W2832" t="str">
            <v>el163978</v>
          </cell>
          <cell r="Y2832" t="str">
            <v>15.56.73.74.76</v>
          </cell>
          <cell r="Z2832">
            <v>74</v>
          </cell>
          <cell r="AA2832">
            <v>15</v>
          </cell>
          <cell r="AB2832">
            <v>56</v>
          </cell>
          <cell r="AC2832">
            <v>76</v>
          </cell>
          <cell r="AD2832" t="str">
            <v/>
          </cell>
          <cell r="AE2832" t="str">
            <v>１；２；フォーム印刷、連続帳票、圧着はがき３；連続用紙、コピー用紙４；封入封緘業務</v>
          </cell>
          <cell r="AF2832" t="str">
            <v>電算出力連続用紙の印刷物全般の印刷会社です。印字業務、出力後の事後処理、ブッキング、封入封緘、圧着処理等の業務を全て自社で行っております。個人情報保護を重点に置いた製品を提供しております。</v>
          </cell>
        </row>
        <row r="2833">
          <cell r="B2833">
            <v>11482</v>
          </cell>
          <cell r="C2833" t="str">
            <v>キハラ(株)</v>
          </cell>
          <cell r="D2833" t="str">
            <v>06-6306-1710</v>
          </cell>
          <cell r="E2833" t="str">
            <v>532-0012</v>
          </cell>
          <cell r="F2833" t="str">
            <v>大阪府大阪市淀川区木川東3-4-19</v>
          </cell>
          <cell r="G2833" t="str">
            <v>大阪市</v>
          </cell>
          <cell r="H2833" t="str">
            <v>大阪支店</v>
          </cell>
          <cell r="I2833" t="str">
            <v>支店長 森　泉</v>
          </cell>
          <cell r="J2833" t="str">
            <v>東京都</v>
          </cell>
          <cell r="K2833" t="str">
            <v>06-6300-0584</v>
          </cell>
          <cell r="L2833" t="str">
            <v>oosaka@kihara-lib.co.jp</v>
          </cell>
          <cell r="M2833" t="str">
            <v>ｷﾊﾗ</v>
          </cell>
          <cell r="N2833" t="str">
            <v>有</v>
          </cell>
          <cell r="O2833">
            <v>104</v>
          </cell>
          <cell r="P2833">
            <v>102</v>
          </cell>
          <cell r="Q2833">
            <v>4010001014829</v>
          </cell>
          <cell r="R2833">
            <v>40000</v>
          </cell>
          <cell r="S2833">
            <v>1915958</v>
          </cell>
          <cell r="T2833">
            <v>2929698</v>
          </cell>
          <cell r="V2833" t="str">
            <v>st235972</v>
          </cell>
          <cell r="W2833" t="str">
            <v>em133134</v>
          </cell>
          <cell r="Y2833" t="str">
            <v>14，27，</v>
          </cell>
          <cell r="Z2833">
            <v>27</v>
          </cell>
          <cell r="AA2833">
            <v>14</v>
          </cell>
          <cell r="AB2833" t="str">
            <v/>
          </cell>
          <cell r="AC2833" t="str">
            <v/>
          </cell>
          <cell r="AD2833" t="str">
            <v/>
          </cell>
          <cell r="AE2833" t="str">
            <v>１；木製書架・スチール書架・木製閲覧テーブル・閲覧椅子・展示棚・移動棚２；書籍用アメニティＢコート・図書ラベル・ブックポケット３；４；</v>
          </cell>
          <cell r="AF2833" t="str">
            <v>図書館の総合メーカーとして図書館のデザイン・プランニングから家具・設備製品・用品まで図書館に関連するあらゆる商品を取り扱っております。また、規格品はもとよりそれぞれの図書館のニーズにあわせた特注品の依頼にも対応いたします</v>
          </cell>
        </row>
        <row r="2834">
          <cell r="B2834">
            <v>11483</v>
          </cell>
          <cell r="C2834" t="str">
            <v>甲南防疫(株)</v>
          </cell>
          <cell r="D2834" t="str">
            <v>0798-66-2367</v>
          </cell>
          <cell r="E2834" t="str">
            <v>663-8104</v>
          </cell>
          <cell r="F2834" t="str">
            <v>兵庫県西宮市天道町2-28</v>
          </cell>
          <cell r="G2834" t="str">
            <v>西宮市</v>
          </cell>
          <cell r="H2834" t="str">
            <v/>
          </cell>
          <cell r="I2834" t="str">
            <v>代表取締役 山口　壮嗣</v>
          </cell>
          <cell r="J2834" t="str">
            <v>本店</v>
          </cell>
          <cell r="K2834" t="str">
            <v>0798-66-2364</v>
          </cell>
          <cell r="L2834" t="str">
            <v>info@konan-pca.com</v>
          </cell>
          <cell r="M2834" t="str">
            <v>ｺｳﾅﾝﾎﾞｳｴｷ</v>
          </cell>
          <cell r="N2834" t="str">
            <v>無</v>
          </cell>
          <cell r="O2834">
            <v>47</v>
          </cell>
          <cell r="P2834">
            <v>5</v>
          </cell>
          <cell r="Q2834">
            <v>3140001068697</v>
          </cell>
          <cell r="R2834">
            <v>10000</v>
          </cell>
          <cell r="S2834">
            <v>24</v>
          </cell>
          <cell r="T2834">
            <v>48164</v>
          </cell>
          <cell r="V2834" t="str">
            <v>dd672394</v>
          </cell>
          <cell r="W2834" t="str">
            <v>nx115579</v>
          </cell>
          <cell r="Y2834" t="str">
            <v>054，46，51，52，54，</v>
          </cell>
          <cell r="Z2834">
            <v>52</v>
          </cell>
          <cell r="AA2834">
            <v>46</v>
          </cell>
          <cell r="AB2834">
            <v>51</v>
          </cell>
          <cell r="AC2834">
            <v>54</v>
          </cell>
          <cell r="AD2834" t="str">
            <v/>
          </cell>
          <cell r="AE2834" t="str">
            <v>１；【登録等】建築物ねずみ昆虫等防除業　防除業（地上防除）　【資格】建築物環境衛生管理技術者　一般毒物劇物取扱者２；【登録】建築物空気環境測定業３；【登録】建築物飲料水貯水槽清掃業４；</v>
          </cell>
          <cell r="AF2834" t="str">
            <v>防虫防鼠管理の他、ハチやシロアリ、セアカゴケグモ等の突発的な依頼へも迅速に対応しております。また、空気環境測定や貯水槽、グリストラップ清掃等も行っています。</v>
          </cell>
        </row>
        <row r="2835">
          <cell r="B2835">
            <v>11486</v>
          </cell>
          <cell r="C2835" t="str">
            <v>(株)西日本体器製作所</v>
          </cell>
          <cell r="D2835" t="str">
            <v>06-6413-1427</v>
          </cell>
          <cell r="E2835" t="str">
            <v>660-0878</v>
          </cell>
          <cell r="F2835" t="str">
            <v>兵庫県尼崎市北竹谷町1-1</v>
          </cell>
          <cell r="G2835" t="str">
            <v>尼崎市</v>
          </cell>
          <cell r="H2835" t="str">
            <v/>
          </cell>
          <cell r="I2835" t="str">
            <v>代表取締役社長 竹田　隆蔵</v>
          </cell>
          <cell r="J2835" t="str">
            <v>本店</v>
          </cell>
          <cell r="K2835" t="str">
            <v>06-6411-0427</v>
          </cell>
          <cell r="L2835" t="str">
            <v>nishinihon_taiki@yahoo.co.jp</v>
          </cell>
          <cell r="M2835" t="str">
            <v>ﾆｼﾆﾎﾝﾀｲｷｾｲｻｸｼｮ</v>
          </cell>
          <cell r="N2835" t="str">
            <v>無</v>
          </cell>
          <cell r="O2835">
            <v>50</v>
          </cell>
          <cell r="P2835">
            <v>4</v>
          </cell>
          <cell r="Q2835">
            <v>7140001050503</v>
          </cell>
          <cell r="R2835">
            <v>10000</v>
          </cell>
          <cell r="S2835">
            <v>-5519</v>
          </cell>
          <cell r="T2835">
            <v>66148</v>
          </cell>
          <cell r="V2835" t="str">
            <v>wm257867</v>
          </cell>
          <cell r="W2835" t="str">
            <v>fr198977</v>
          </cell>
          <cell r="Y2835" t="str">
            <v>032，07，12，20，32，</v>
          </cell>
          <cell r="Z2835">
            <v>20</v>
          </cell>
          <cell r="AA2835">
            <v>7</v>
          </cell>
          <cell r="AB2835">
            <v>12</v>
          </cell>
          <cell r="AC2835">
            <v>32</v>
          </cell>
          <cell r="AD2835" t="str">
            <v/>
          </cell>
          <cell r="AE2835" t="str">
            <v>１；体育器具・遊具器具等スポーツ全般２；ウエロクカトウ３；４；</v>
          </cell>
          <cell r="AF2835" t="str">
            <v>創業以来安全第一をもっとうに、子供たちの体位向上・成長を願い堅牢強固な体育・遊器具等の製作に尽力しております。</v>
          </cell>
        </row>
        <row r="2836">
          <cell r="B2836">
            <v>11489</v>
          </cell>
          <cell r="C2836" t="str">
            <v>西村印刷(株)</v>
          </cell>
          <cell r="D2836" t="str">
            <v>06-6925-6555</v>
          </cell>
          <cell r="E2836" t="str">
            <v>534-0021</v>
          </cell>
          <cell r="F2836" t="str">
            <v>大阪府大阪市都島区都島本通5-15-3</v>
          </cell>
          <cell r="G2836" t="str">
            <v>大阪市</v>
          </cell>
          <cell r="H2836" t="str">
            <v/>
          </cell>
          <cell r="I2836" t="str">
            <v>代表取締役 西村 保宏</v>
          </cell>
          <cell r="J2836" t="str">
            <v>本店</v>
          </cell>
          <cell r="K2836" t="str">
            <v>06-6923-5710</v>
          </cell>
          <cell r="L2836" t="str">
            <v>nishipri@chive.ocn.ne.jp</v>
          </cell>
          <cell r="M2836" t="str">
            <v>ﾆｼﾑﾗｲﾝｻﾂ</v>
          </cell>
          <cell r="N2836" t="str">
            <v>無</v>
          </cell>
          <cell r="O2836">
            <v>67</v>
          </cell>
          <cell r="P2836">
            <v>22</v>
          </cell>
          <cell r="Q2836">
            <v>5120001008307</v>
          </cell>
          <cell r="R2836">
            <v>10000</v>
          </cell>
          <cell r="S2836">
            <v>110686</v>
          </cell>
          <cell r="T2836">
            <v>209085</v>
          </cell>
          <cell r="V2836" t="str">
            <v>uy646004</v>
          </cell>
          <cell r="W2836" t="str">
            <v>ig179599</v>
          </cell>
          <cell r="Y2836" t="str">
            <v>73，</v>
          </cell>
          <cell r="Z2836">
            <v>73</v>
          </cell>
          <cell r="AA2836" t="str">
            <v/>
          </cell>
          <cell r="AB2836" t="str">
            <v/>
          </cell>
          <cell r="AC2836" t="str">
            <v/>
          </cell>
          <cell r="AD2836" t="str">
            <v/>
          </cell>
          <cell r="AE2836" t="str">
            <v>１；印刷・製本・パンフレット・カタログ・名簿・記念誌・複写伝票・教材２；３；４；</v>
          </cell>
          <cell r="AF2836" t="str">
            <v>印刷・製本・パンフレット・カタログ・名簿・記念誌・複写伝票・教材など</v>
          </cell>
        </row>
        <row r="2837">
          <cell r="B2837">
            <v>11490</v>
          </cell>
          <cell r="C2837" t="str">
            <v>第一合成(株)</v>
          </cell>
          <cell r="D2837" t="str">
            <v>075-313-1110</v>
          </cell>
          <cell r="E2837" t="str">
            <v>600-8815</v>
          </cell>
          <cell r="F2837" t="str">
            <v>京都府京都市下京区中堂寺粟田町93KRP4号館511</v>
          </cell>
          <cell r="G2837" t="str">
            <v>大阪市</v>
          </cell>
          <cell r="H2837" t="str">
            <v>関西営業部</v>
          </cell>
          <cell r="I2837" t="str">
            <v>代表取締役 河野　良子</v>
          </cell>
          <cell r="J2837" t="str">
            <v>東京都八王子市</v>
          </cell>
          <cell r="K2837" t="str">
            <v>075-313-1884</v>
          </cell>
          <cell r="L2837" t="str">
            <v>osaka@daiichigosei.co.jp</v>
          </cell>
          <cell r="M2837" t="str">
            <v>ﾀﾞｲｲﾁｺﾞｳｾｲ</v>
          </cell>
          <cell r="N2837" t="str">
            <v>有</v>
          </cell>
          <cell r="O2837">
            <v>43</v>
          </cell>
          <cell r="P2837">
            <v>23</v>
          </cell>
          <cell r="Q2837">
            <v>2010101009631</v>
          </cell>
          <cell r="R2837">
            <v>60000</v>
          </cell>
          <cell r="S2837">
            <v>272828</v>
          </cell>
          <cell r="T2837">
            <v>1005311</v>
          </cell>
          <cell r="V2837" t="str">
            <v>vh807074</v>
          </cell>
          <cell r="W2837" t="str">
            <v>dgkg1959</v>
          </cell>
          <cell r="Y2837" t="str">
            <v>015，05，9，10，12，14，15，17，27，41，42，44，</v>
          </cell>
          <cell r="Z2837">
            <v>5</v>
          </cell>
          <cell r="AA2837">
            <v>44</v>
          </cell>
          <cell r="AB2837">
            <v>14</v>
          </cell>
          <cell r="AC2837">
            <v>15</v>
          </cell>
          <cell r="AD2837" t="str">
            <v>出土遺物の洗浄・注記・実測委託</v>
          </cell>
          <cell r="AE2837" t="str">
            <v>１；プラスチックコンテナ、ポリ袋、金物、テント、シート２；遺物注記システム３；スチール棚、台車４；中性紙封筒、中性紙保存箱、薄葉紙、方眼紙</v>
          </cell>
          <cell r="AF2837" t="str">
            <v>遺物注記システムリース・コンテナ販売・実測道具各種販売・フリーキャリー販売</v>
          </cell>
        </row>
        <row r="2838">
          <cell r="B2838">
            <v>11492</v>
          </cell>
          <cell r="C2838" t="str">
            <v>パナソニックLSエンジニアリング(株)</v>
          </cell>
          <cell r="D2838" t="str">
            <v>06-6910-0133</v>
          </cell>
          <cell r="E2838" t="str">
            <v>540-0001</v>
          </cell>
          <cell r="F2838" t="str">
            <v>大阪府大阪市中央区城見2丁目1番61号</v>
          </cell>
          <cell r="G2838" t="str">
            <v>大阪市</v>
          </cell>
          <cell r="H2838" t="str">
            <v>近畿支店</v>
          </cell>
          <cell r="I2838" t="str">
            <v>支店長 藤澤　武</v>
          </cell>
          <cell r="J2838" t="str">
            <v>大阪府大阪市</v>
          </cell>
          <cell r="K2838" t="str">
            <v>06-6910-0141</v>
          </cell>
          <cell r="L2838" t="str">
            <v>sano.sachiyo@jp.panasonic.com</v>
          </cell>
          <cell r="M2838" t="str">
            <v>ﾊﾟﾅｿﾆﾂｸｲ-ｴｽｴﾝｼﾞﾆｱﾘﾝｸﾞ</v>
          </cell>
          <cell r="N2838" t="str">
            <v>有</v>
          </cell>
          <cell r="O2838">
            <v>37</v>
          </cell>
          <cell r="P2838">
            <v>904</v>
          </cell>
          <cell r="Q2838">
            <v>3120000000000</v>
          </cell>
          <cell r="R2838">
            <v>1115580</v>
          </cell>
          <cell r="S2838">
            <v>10521608</v>
          </cell>
          <cell r="T2838">
            <v>46161733</v>
          </cell>
          <cell r="V2838" t="str">
            <v>fv484279</v>
          </cell>
          <cell r="W2838" t="str">
            <v>sq195511</v>
          </cell>
          <cell r="Y2838" t="str">
            <v/>
          </cell>
          <cell r="Z2838" t="str">
            <v/>
          </cell>
          <cell r="AA2838" t="str">
            <v/>
          </cell>
          <cell r="AB2838" t="str">
            <v/>
          </cell>
          <cell r="AC2838" t="str">
            <v/>
          </cell>
          <cell r="AD2838" t="str">
            <v/>
          </cell>
          <cell r="AE2838" t="str">
            <v>１；２；３；４；</v>
          </cell>
          <cell r="AF2838" t="str">
            <v>パナソニックグループ内でのエンジニアリング部門を担う中核企業です。照明、空調制御、中央監視システム等のＢＥＭＳ関連を初め舞台演出設備、入退室管理、防犯・防災設備等を提案から設計、施工、保守管理を一貫して行います。</v>
          </cell>
        </row>
        <row r="2839">
          <cell r="B2839">
            <v>11493</v>
          </cell>
          <cell r="C2839" t="str">
            <v>(株)エスエフシー</v>
          </cell>
          <cell r="D2839" t="str">
            <v>072-777-1004</v>
          </cell>
          <cell r="E2839" t="str">
            <v>664-0013</v>
          </cell>
          <cell r="F2839" t="str">
            <v>兵庫県伊丹市瑞穂町1-34-1</v>
          </cell>
          <cell r="G2839" t="str">
            <v>伊丹市</v>
          </cell>
          <cell r="H2839" t="str">
            <v/>
          </cell>
          <cell r="I2839" t="str">
            <v>代表取締役 加尾谷　光一</v>
          </cell>
          <cell r="J2839" t="str">
            <v>本店</v>
          </cell>
          <cell r="K2839" t="str">
            <v>072-777-3070</v>
          </cell>
          <cell r="L2839" t="str">
            <v>info@sfcinc.co.jp</v>
          </cell>
          <cell r="M2839" t="str">
            <v>ｴｽｴﾌｼｰ</v>
          </cell>
          <cell r="N2839" t="str">
            <v>無</v>
          </cell>
          <cell r="O2839">
            <v>30</v>
          </cell>
          <cell r="P2839">
            <v>9</v>
          </cell>
          <cell r="Q2839">
            <v>9140001078113</v>
          </cell>
          <cell r="R2839">
            <v>10000</v>
          </cell>
          <cell r="S2839">
            <v>10149</v>
          </cell>
          <cell r="T2839">
            <v>65394</v>
          </cell>
          <cell r="V2839" t="str">
            <v>ft135111</v>
          </cell>
          <cell r="W2839" t="str">
            <v>ja178589</v>
          </cell>
          <cell r="Y2839" t="str">
            <v>63，</v>
          </cell>
          <cell r="Z2839">
            <v>80</v>
          </cell>
          <cell r="AA2839" t="str">
            <v/>
          </cell>
          <cell r="AB2839">
            <v>63</v>
          </cell>
          <cell r="AC2839" t="str">
            <v/>
          </cell>
          <cell r="AD2839" t="str">
            <v/>
          </cell>
          <cell r="AE2839" t="str">
            <v>１；舞台操作（ホール管理）業務２；舞台、音響、照明機器のレンタル及び大道具の製作３；イベントの運営等４；</v>
          </cell>
          <cell r="AF2839" t="str">
            <v>市民会館などの舞台操作や音響効果、演出照明を専門とする。中でも音楽に最適な音場の創生、制御などを得意とし手がける。</v>
          </cell>
        </row>
        <row r="2840">
          <cell r="B2840">
            <v>11496</v>
          </cell>
          <cell r="C2840" t="str">
            <v>関西視教社</v>
          </cell>
          <cell r="D2840" t="str">
            <v>06-6302-0067</v>
          </cell>
          <cell r="E2840" t="str">
            <v>532-0026</v>
          </cell>
          <cell r="F2840" t="str">
            <v>大阪市淀川区塚本2丁目1番9号</v>
          </cell>
          <cell r="G2840" t="str">
            <v>大阪市</v>
          </cell>
          <cell r="H2840" t="str">
            <v/>
          </cell>
          <cell r="I2840" t="str">
            <v>山野　 博孝</v>
          </cell>
          <cell r="J2840" t="str">
            <v>本店</v>
          </cell>
          <cell r="K2840" t="str">
            <v>06-6302-4105</v>
          </cell>
          <cell r="L2840" t="str">
            <v/>
          </cell>
          <cell r="M2840" t="str">
            <v/>
          </cell>
          <cell r="N2840" t="str">
            <v>無</v>
          </cell>
          <cell r="O2840" t="str">
            <v/>
          </cell>
          <cell r="P2840">
            <v>2</v>
          </cell>
          <cell r="R2840" t="str">
            <v/>
          </cell>
          <cell r="S2840" t="str">
            <v/>
          </cell>
          <cell r="T2840" t="str">
            <v/>
          </cell>
          <cell r="V2840" t="str">
            <v>kf843858</v>
          </cell>
          <cell r="W2840" t="str">
            <v>fh133387</v>
          </cell>
          <cell r="Y2840">
            <v>12</v>
          </cell>
          <cell r="Z2840">
            <v>12</v>
          </cell>
          <cell r="AA2840" t="str">
            <v/>
          </cell>
          <cell r="AB2840" t="str">
            <v/>
          </cell>
          <cell r="AC2840" t="str">
            <v/>
          </cell>
          <cell r="AD2840" t="str">
            <v/>
          </cell>
          <cell r="AE2840" t="str">
            <v>１；２；映像ソフト（ＤＶＤ・ＢＤ・ＶＨＳ）３；４；</v>
          </cell>
          <cell r="AF2840" t="str">
            <v/>
          </cell>
        </row>
        <row r="2841">
          <cell r="B2841">
            <v>11497</v>
          </cell>
          <cell r="C2841" t="str">
            <v>宮本理研工業(株)</v>
          </cell>
          <cell r="D2841" t="str">
            <v>06-6921-3935</v>
          </cell>
          <cell r="E2841" t="str">
            <v>535-0031</v>
          </cell>
          <cell r="F2841" t="str">
            <v>大阪府大阪市旭区高殿2-2-19</v>
          </cell>
          <cell r="G2841" t="str">
            <v>大阪市</v>
          </cell>
          <cell r="H2841" t="str">
            <v/>
          </cell>
          <cell r="I2841" t="str">
            <v>代表取締役 宮本　健司</v>
          </cell>
          <cell r="J2841" t="str">
            <v>本店</v>
          </cell>
          <cell r="K2841" t="str">
            <v>06-6922-6958</v>
          </cell>
          <cell r="L2841" t="str">
            <v>info@miyamotoriken.co.jp</v>
          </cell>
          <cell r="M2841" t="str">
            <v>ﾐﾔﾓﾄﾘｹﾝｺｳｷﾞｮｳ</v>
          </cell>
          <cell r="N2841" t="str">
            <v>無</v>
          </cell>
          <cell r="O2841">
            <v>72</v>
          </cell>
          <cell r="P2841">
            <v>24</v>
          </cell>
          <cell r="Q2841">
            <v>9120001001191</v>
          </cell>
          <cell r="R2841">
            <v>36000</v>
          </cell>
          <cell r="S2841">
            <v>187358</v>
          </cell>
          <cell r="T2841">
            <v>480244</v>
          </cell>
          <cell r="V2841" t="str">
            <v>tc487940</v>
          </cell>
          <cell r="W2841" t="str">
            <v>ra193993</v>
          </cell>
          <cell r="Y2841" t="str">
            <v>41，42，</v>
          </cell>
          <cell r="Z2841" t="str">
            <v/>
          </cell>
          <cell r="AA2841" t="str">
            <v/>
          </cell>
          <cell r="AB2841" t="str">
            <v/>
          </cell>
          <cell r="AC2841" t="str">
            <v/>
          </cell>
          <cell r="AD2841" t="str">
            <v/>
          </cell>
          <cell r="AE2841" t="str">
            <v>１；蒸留装置・ジャーテスター・シェーカー・湯煎器・オートクレーブ・遠心機・超純水製造装置・顕微鏡２；ガスクロマトグラフ・分光光度計・粉塵計・電子天秤３；４；</v>
          </cell>
          <cell r="AF2841" t="str">
            <v>弊社は創業以来水質試験機器・環境機器・薬科機器等のメーカーとして長年理化学業界に貢献してまいりました。また、そのノウハウを生かし理化学メーカーとのお取引も数多く販売実績を重ねてきております。</v>
          </cell>
        </row>
        <row r="2842">
          <cell r="B2842">
            <v>11501</v>
          </cell>
          <cell r="C2842" t="str">
            <v>あずま商会</v>
          </cell>
          <cell r="D2842" t="str">
            <v>06-6433-1187</v>
          </cell>
          <cell r="E2842" t="str">
            <v>661-0043</v>
          </cell>
          <cell r="F2842" t="str">
            <v>兵庫県尼崎市武庫元町1-31-14</v>
          </cell>
          <cell r="G2842" t="str">
            <v>尼崎市</v>
          </cell>
          <cell r="H2842" t="str">
            <v/>
          </cell>
          <cell r="I2842" t="str">
            <v>東　 幸士郎</v>
          </cell>
          <cell r="J2842" t="str">
            <v>本店</v>
          </cell>
          <cell r="K2842" t="str">
            <v>06-6431-4032</v>
          </cell>
          <cell r="L2842" t="str">
            <v/>
          </cell>
          <cell r="M2842" t="str">
            <v>ｱｽﾞﾏｼﾖｳｶｲ</v>
          </cell>
          <cell r="N2842" t="str">
            <v>無</v>
          </cell>
          <cell r="O2842">
            <v>51</v>
          </cell>
          <cell r="P2842">
            <v>2</v>
          </cell>
          <cell r="Q2842" t="str">
            <v/>
          </cell>
          <cell r="R2842">
            <v>2000</v>
          </cell>
          <cell r="S2842">
            <v>1500</v>
          </cell>
          <cell r="T2842">
            <v>37628</v>
          </cell>
          <cell r="V2842" t="str">
            <v>vt400450</v>
          </cell>
          <cell r="W2842" t="str">
            <v>ax176989</v>
          </cell>
          <cell r="Y2842">
            <v>12.14</v>
          </cell>
          <cell r="Z2842">
            <v>12</v>
          </cell>
          <cell r="AA2842" t="str">
            <v/>
          </cell>
          <cell r="AB2842" t="str">
            <v/>
          </cell>
          <cell r="AC2842" t="str">
            <v/>
          </cell>
          <cell r="AD2842" t="str">
            <v/>
          </cell>
          <cell r="AE2842" t="str">
            <v>１；２；中学校の技術家庭科と美術科、小学校の図工科の学校教材なら主に取り扱っています．３；４；</v>
          </cell>
          <cell r="AF2842" t="str">
            <v>中学校の技術・家庭科と美術科の教材及び備品と小学校の図工科の教材及び備品を主に取り扱っています</v>
          </cell>
        </row>
        <row r="2843">
          <cell r="B2843">
            <v>11503</v>
          </cell>
          <cell r="C2843" t="str">
            <v>(株)森岡楽器</v>
          </cell>
          <cell r="D2843" t="str">
            <v>0798-47-7372</v>
          </cell>
          <cell r="E2843" t="str">
            <v>663-8137</v>
          </cell>
          <cell r="F2843" t="str">
            <v>兵庫県西宮市池開町1-35</v>
          </cell>
          <cell r="G2843" t="str">
            <v>西宮市</v>
          </cell>
          <cell r="H2843" t="str">
            <v/>
          </cell>
          <cell r="I2843" t="str">
            <v>代表取締役 森岡　美智夫</v>
          </cell>
          <cell r="J2843" t="str">
            <v>本店</v>
          </cell>
          <cell r="K2843" t="str">
            <v>0798-48-4544</v>
          </cell>
          <cell r="L2843" t="str">
            <v>musik1812_0211@yahoo.co.jp</v>
          </cell>
          <cell r="M2843" t="str">
            <v>ﾓﾘｵｶｶﾞｯｷ</v>
          </cell>
          <cell r="N2843" t="str">
            <v>無</v>
          </cell>
          <cell r="O2843">
            <v>53</v>
          </cell>
          <cell r="P2843">
            <v>11</v>
          </cell>
          <cell r="Q2843">
            <v>4140001072194</v>
          </cell>
          <cell r="R2843">
            <v>10000</v>
          </cell>
          <cell r="S2843">
            <v>16244</v>
          </cell>
          <cell r="T2843">
            <v>388148</v>
          </cell>
          <cell r="V2843" t="str">
            <v>un930726</v>
          </cell>
          <cell r="W2843" t="str">
            <v>gv100414</v>
          </cell>
          <cell r="Y2843" t="str">
            <v>18，</v>
          </cell>
          <cell r="Z2843" t="str">
            <v/>
          </cell>
          <cell r="AA2843" t="str">
            <v/>
          </cell>
          <cell r="AB2843" t="str">
            <v/>
          </cell>
          <cell r="AC2843" t="str">
            <v/>
          </cell>
          <cell r="AD2843" t="str">
            <v/>
          </cell>
          <cell r="AE2843" t="str">
            <v>１；２；３；４；</v>
          </cell>
          <cell r="AF2843" t="str">
            <v>楽器、特に学校教育現場、市民会館などにおける管弦打楽器、ピアノ、楽譜、記録媒体などの販売、修理、運搬。</v>
          </cell>
        </row>
        <row r="2844">
          <cell r="B2844">
            <v>11504</v>
          </cell>
          <cell r="C2844" t="str">
            <v>三晃防疫(株)</v>
          </cell>
          <cell r="D2844" t="str">
            <v>0797-88-6489</v>
          </cell>
          <cell r="E2844" t="str">
            <v>665-0874</v>
          </cell>
          <cell r="F2844" t="str">
            <v>兵庫県宝塚市中筋8-7-2</v>
          </cell>
          <cell r="G2844" t="str">
            <v>宝塚市</v>
          </cell>
          <cell r="H2844" t="str">
            <v/>
          </cell>
          <cell r="I2844" t="str">
            <v>代表取締役 三砂　慶恭</v>
          </cell>
          <cell r="J2844" t="str">
            <v>本店</v>
          </cell>
          <cell r="K2844" t="str">
            <v>0797-88-6199</v>
          </cell>
          <cell r="L2844" t="str">
            <v>sankou@alto,ocn,ne,jp</v>
          </cell>
          <cell r="M2844" t="str">
            <v>ｻﾝｺｳﾎﾞｳｴｷ</v>
          </cell>
          <cell r="N2844" t="str">
            <v>無</v>
          </cell>
          <cell r="O2844">
            <v>30</v>
          </cell>
          <cell r="P2844">
            <v>8</v>
          </cell>
          <cell r="Q2844">
            <v>3140001081502</v>
          </cell>
          <cell r="R2844">
            <v>10000</v>
          </cell>
          <cell r="S2844">
            <v>10270</v>
          </cell>
          <cell r="T2844">
            <v>32765</v>
          </cell>
          <cell r="V2844" t="str">
            <v>sr397463</v>
          </cell>
          <cell r="W2844" t="str">
            <v>lb151596</v>
          </cell>
          <cell r="Y2844" t="str">
            <v>52，</v>
          </cell>
          <cell r="Z2844" t="str">
            <v/>
          </cell>
          <cell r="AA2844" t="str">
            <v/>
          </cell>
          <cell r="AB2844" t="str">
            <v/>
          </cell>
          <cell r="AC2844" t="str">
            <v/>
          </cell>
          <cell r="AD2844" t="str">
            <v/>
          </cell>
          <cell r="AE2844" t="str">
            <v>１；建築物ねずみ昆虫等防除業　兵庫県１０ね第１４号の２６２；３；４；</v>
          </cell>
          <cell r="AF2844" t="str">
            <v>有害虫（ゴキブリ・ねずみ・セアカゴケグモ等）の防除作業、蜂・イタチ・カラスの駆除及び白蟻予防・駆除、樹木消毒、殺菌消毒を施工します。</v>
          </cell>
        </row>
        <row r="2845">
          <cell r="B2845">
            <v>11510</v>
          </cell>
          <cell r="C2845" t="str">
            <v>(株)スミノエ</v>
          </cell>
          <cell r="D2845" t="str">
            <v>06-6537-6310</v>
          </cell>
          <cell r="E2845" t="str">
            <v>550-0013</v>
          </cell>
          <cell r="F2845" t="str">
            <v>大阪府大阪市西区新町2丁目4番2号</v>
          </cell>
          <cell r="G2845" t="str">
            <v>大阪市</v>
          </cell>
          <cell r="H2845" t="str">
            <v>西日本支社</v>
          </cell>
          <cell r="I2845" t="str">
            <v>西日本支社長 佐々木　和馬</v>
          </cell>
          <cell r="J2845" t="str">
            <v>大阪府大阪市</v>
          </cell>
          <cell r="K2845" t="str">
            <v>06-6537-6313</v>
          </cell>
          <cell r="L2845" t="str">
            <v/>
          </cell>
          <cell r="M2845" t="str">
            <v>ｽﾐﾉｴ</v>
          </cell>
          <cell r="N2845" t="str">
            <v>有</v>
          </cell>
          <cell r="O2845">
            <v>21</v>
          </cell>
          <cell r="P2845">
            <v>421</v>
          </cell>
          <cell r="Q2845">
            <v>2120001044503</v>
          </cell>
          <cell r="R2845">
            <v>300000</v>
          </cell>
          <cell r="S2845">
            <v>2210034</v>
          </cell>
          <cell r="T2845">
            <v>23799167</v>
          </cell>
          <cell r="V2845" t="str">
            <v>bh650402</v>
          </cell>
          <cell r="W2845" t="str">
            <v>yp108104</v>
          </cell>
          <cell r="Y2845" t="str">
            <v>28，</v>
          </cell>
          <cell r="Z2845" t="str">
            <v/>
          </cell>
          <cell r="AA2845" t="str">
            <v/>
          </cell>
          <cell r="AB2845" t="str">
            <v/>
          </cell>
          <cell r="AC2845" t="str">
            <v/>
          </cell>
          <cell r="AD2845" t="str">
            <v/>
          </cell>
          <cell r="AE2845" t="str">
            <v>１；カーペット、タイルカーペット、カーテン、緞帳、暗幕、舞台幕（仕入先：住江織物株式会社）２；３；４；</v>
          </cell>
          <cell r="AF2845" t="str">
            <v>株式会社スミノエは、１９９８年にインテリア業界における住江織物の基幹事業を担う事業会社として設立。住江織物グループは、創業１３５年を超える歴史の中で、国産初となるタフテッドカーペットやタイルカーペットを製造し、日本のインテリア業界の一端を担って参りました。</v>
          </cell>
        </row>
        <row r="2846">
          <cell r="B2846">
            <v>11511</v>
          </cell>
          <cell r="C2846" t="str">
            <v>(株)エー・アンド・エー</v>
          </cell>
          <cell r="D2846" t="str">
            <v>075-353-1721</v>
          </cell>
          <cell r="E2846" t="str">
            <v>600-8431</v>
          </cell>
          <cell r="F2846" t="str">
            <v>京都府京都市下京区綾小路室町西入ﾙ</v>
          </cell>
          <cell r="G2846" t="str">
            <v>京都市</v>
          </cell>
          <cell r="H2846" t="str">
            <v/>
          </cell>
          <cell r="I2846" t="str">
            <v>代表取締役 阿部　敬一</v>
          </cell>
          <cell r="J2846" t="str">
            <v>本店</v>
          </cell>
          <cell r="K2846" t="str">
            <v>075-353-1731</v>
          </cell>
          <cell r="L2846" t="str">
            <v>m-kyotei@nifty.com</v>
          </cell>
          <cell r="M2846" t="str">
            <v>ｴｰ･ｱﾝﾄﾞ･ｴｰ</v>
          </cell>
          <cell r="N2846" t="str">
            <v>無</v>
          </cell>
          <cell r="O2846">
            <v>32</v>
          </cell>
          <cell r="P2846">
            <v>8</v>
          </cell>
          <cell r="Q2846">
            <v>6130001016646</v>
          </cell>
          <cell r="R2846">
            <v>10000</v>
          </cell>
          <cell r="S2846">
            <v>98286</v>
          </cell>
          <cell r="T2846">
            <v>214761</v>
          </cell>
          <cell r="V2846" t="str">
            <v>pe136577</v>
          </cell>
          <cell r="W2846" t="str">
            <v>wj144825</v>
          </cell>
          <cell r="Y2846" t="str">
            <v>65，73，</v>
          </cell>
          <cell r="Z2846">
            <v>73</v>
          </cell>
          <cell r="AA2846">
            <v>65</v>
          </cell>
          <cell r="AB2846" t="str">
            <v/>
          </cell>
          <cell r="AC2846" t="str">
            <v/>
          </cell>
          <cell r="AD2846" t="str">
            <v/>
          </cell>
          <cell r="AE2846" t="str">
            <v>１；ボートレース関係の広報、宣伝、広告などに関する各種印刷物の企画、制作ならびに印刷、送付２；ボートレース関係の定期紙誌、印刷媒体などへの広告の企画、制作３；４；</v>
          </cell>
          <cell r="AF2846" t="str">
            <v>ボートレース関係の広報、宣伝、広告などに関する各種印刷物の企画、制作ならびに印刷、送付などに特化した会社です。</v>
          </cell>
        </row>
        <row r="2847">
          <cell r="B2847">
            <v>11512</v>
          </cell>
          <cell r="C2847" t="str">
            <v>フジオックス(株)</v>
          </cell>
          <cell r="D2847" t="str">
            <v>06-6577-6174</v>
          </cell>
          <cell r="E2847" t="str">
            <v>552-0007</v>
          </cell>
          <cell r="F2847" t="str">
            <v>大阪府大阪市港区弁天1-2-1大阪ﾍﾞｲﾀﾜｰｵﾌｨｽ16階</v>
          </cell>
          <cell r="G2847" t="str">
            <v>大阪市</v>
          </cell>
          <cell r="H2847" t="str">
            <v>大阪営業所</v>
          </cell>
          <cell r="I2847" t="str">
            <v>所長 橋本　貞</v>
          </cell>
          <cell r="J2847" t="str">
            <v>東京都</v>
          </cell>
          <cell r="K2847" t="str">
            <v>06-6577-6176</v>
          </cell>
          <cell r="L2847" t="str">
            <v>oosaka@fujiox.jp</v>
          </cell>
          <cell r="M2847" t="str">
            <v>ﾌｼﾞｵｯｸｽ</v>
          </cell>
          <cell r="N2847" t="str">
            <v>有</v>
          </cell>
          <cell r="O2847">
            <v>92</v>
          </cell>
          <cell r="P2847">
            <v>140</v>
          </cell>
          <cell r="Q2847">
            <v>7011501008490</v>
          </cell>
          <cell r="R2847">
            <v>100000</v>
          </cell>
          <cell r="S2847">
            <v>5506290</v>
          </cell>
          <cell r="T2847">
            <v>11216521</v>
          </cell>
          <cell r="V2847" t="str">
            <v>gj775090</v>
          </cell>
          <cell r="W2847" t="str">
            <v>dt199993</v>
          </cell>
          <cell r="Y2847" t="str">
            <v>011，10，11，26，43，</v>
          </cell>
          <cell r="Z2847">
            <v>10</v>
          </cell>
          <cell r="AA2847">
            <v>26</v>
          </cell>
          <cell r="AB2847">
            <v>43</v>
          </cell>
          <cell r="AC2847">
            <v>11</v>
          </cell>
          <cell r="AD2847" t="str">
            <v/>
          </cell>
          <cell r="AE2847" t="str">
            <v>１；毒物劇物一般販売業。苛性ソーダ、次亜塩素酸ソーダ、塩酸、硫酸、ＰＡＣ、ポリ硫酸第二鉄、塩化第二鉄、活性炭、高分子凝集剤、重金属固定剤、ボイラー薬品、工業塩、他化学薬品一般２；アドブルー３；高圧ガス販売業。酸素、窒素、アセチレン、炭酸、水素、アンモニア、塩素、アルゴン、他一般工業ガス。分析用高純度ガス、標準ガス。４；石油販売業。重油、灯油</v>
          </cell>
          <cell r="AF2847" t="str">
            <v>浄水場、下水処理場、清掃工場向け工業薬品、分析等で使用する高純度ガスおよび一般高圧ガスを販売しており、官公庁への多数の納入実績があります。</v>
          </cell>
        </row>
        <row r="2848">
          <cell r="B2848">
            <v>11516</v>
          </cell>
          <cell r="C2848" t="str">
            <v>(有)大橋防災社</v>
          </cell>
          <cell r="D2848" t="str">
            <v>072-785-0506</v>
          </cell>
          <cell r="E2848" t="str">
            <v>664-0015</v>
          </cell>
          <cell r="F2848" t="str">
            <v>兵庫県伊丹市昆陽池1丁目119番地1</v>
          </cell>
          <cell r="G2848" t="str">
            <v>伊丹市</v>
          </cell>
          <cell r="H2848" t="str">
            <v/>
          </cell>
          <cell r="I2848" t="str">
            <v>代表取締役　 大橋　亀美雄</v>
          </cell>
          <cell r="J2848" t="str">
            <v>本店</v>
          </cell>
          <cell r="K2848" t="str">
            <v>072-785-0489</v>
          </cell>
          <cell r="L2848" t="str">
            <v/>
          </cell>
          <cell r="M2848" t="str">
            <v>ｵｵﾊｼﾎﾞｳｻｲｼﾔ</v>
          </cell>
          <cell r="N2848" t="str">
            <v>無</v>
          </cell>
          <cell r="O2848">
            <v>27</v>
          </cell>
          <cell r="P2848">
            <v>11</v>
          </cell>
          <cell r="Q2848">
            <v>5140002063357</v>
          </cell>
          <cell r="R2848">
            <v>3000</v>
          </cell>
          <cell r="S2848">
            <v>237651</v>
          </cell>
          <cell r="T2848">
            <v>457925</v>
          </cell>
          <cell r="V2848" t="str">
            <v>bp580848</v>
          </cell>
          <cell r="W2848" t="str">
            <v>xｒ169151</v>
          </cell>
          <cell r="Y2848" t="str">
            <v/>
          </cell>
          <cell r="Z2848">
            <v>49</v>
          </cell>
          <cell r="AA2848">
            <v>38</v>
          </cell>
          <cell r="AB2848" t="str">
            <v/>
          </cell>
          <cell r="AC2848" t="str">
            <v/>
          </cell>
          <cell r="AD2848" t="str">
            <v/>
          </cell>
          <cell r="AE2848" t="str">
            <v>１；２；３；（株）初田製作所、ヤマトプロテック（株）４；</v>
          </cell>
          <cell r="AF2848" t="str">
            <v>お客様の立場になって、迅速、丁寧をモットーに２４時間、対応で頑張っています。</v>
          </cell>
        </row>
        <row r="2849">
          <cell r="B2849">
            <v>11518</v>
          </cell>
          <cell r="C2849" t="str">
            <v>(株)ヤマオカ</v>
          </cell>
          <cell r="D2849" t="str">
            <v>06-6458-3382</v>
          </cell>
          <cell r="E2849" t="str">
            <v>660-0052</v>
          </cell>
          <cell r="F2849" t="str">
            <v>大阪府大阪市北区中津5-7-20</v>
          </cell>
          <cell r="G2849" t="str">
            <v>大阪市</v>
          </cell>
          <cell r="H2849" t="str">
            <v/>
          </cell>
          <cell r="I2849" t="str">
            <v>代表取締役　 山岡　正朋</v>
          </cell>
          <cell r="J2849" t="str">
            <v>本店</v>
          </cell>
          <cell r="K2849" t="str">
            <v>06-6458-3390</v>
          </cell>
          <cell r="L2849" t="str">
            <v>a_ichimura@k-k-yamaoka.co.jp</v>
          </cell>
          <cell r="M2849" t="str">
            <v>ﾔﾏｵｶ</v>
          </cell>
          <cell r="N2849" t="str">
            <v>無</v>
          </cell>
          <cell r="O2849">
            <v>98</v>
          </cell>
          <cell r="P2849">
            <v>7</v>
          </cell>
          <cell r="Q2849">
            <v>7120000000000</v>
          </cell>
          <cell r="R2849">
            <v>10000</v>
          </cell>
          <cell r="S2849">
            <v>69111</v>
          </cell>
          <cell r="T2849">
            <v>698612</v>
          </cell>
          <cell r="V2849" t="str">
            <v>fe780429</v>
          </cell>
          <cell r="W2849" t="str">
            <v>ui159663</v>
          </cell>
          <cell r="Y2849" t="str">
            <v>10.41.42.48</v>
          </cell>
          <cell r="Z2849" t="str">
            <v/>
          </cell>
          <cell r="AA2849" t="str">
            <v/>
          </cell>
          <cell r="AB2849" t="str">
            <v/>
          </cell>
          <cell r="AC2849" t="str">
            <v/>
          </cell>
          <cell r="AD2849" t="str">
            <v/>
          </cell>
          <cell r="AE2849" t="str">
            <v>１；２；全自動固相抽出装置（日本ウォーターズ（株））精製水製造装置（メルク（株））３；精密計測機　電子天秤（ザルトリウス）４；機器設備保守　自動固相抽出装置保守（日本ウォーターズ（株））</v>
          </cell>
          <cell r="AF2849" t="str">
            <v>会社創業９８年以来受継がれてきた伝統を守り新たな企業発展と社会貢献を基本の理念とし、お客様に信頼と支持をえるよう社員一同努力しております。</v>
          </cell>
        </row>
        <row r="2850">
          <cell r="B2850">
            <v>11521</v>
          </cell>
          <cell r="C2850" t="str">
            <v>(株)バード・デザインハウス</v>
          </cell>
          <cell r="D2850" t="str">
            <v>06-6354-1797</v>
          </cell>
          <cell r="E2850" t="str">
            <v>530-0041</v>
          </cell>
          <cell r="F2850" t="str">
            <v>大阪府大阪市北区天神橋2-2-2</v>
          </cell>
          <cell r="G2850" t="str">
            <v>大阪市</v>
          </cell>
          <cell r="H2850" t="str">
            <v/>
          </cell>
          <cell r="I2850" t="str">
            <v>代表取締役 鳥山　大樹</v>
          </cell>
          <cell r="J2850" t="str">
            <v>本店</v>
          </cell>
          <cell r="K2850" t="str">
            <v>06-6354-0998</v>
          </cell>
          <cell r="L2850" t="str">
            <v>y-kodama@bird-design.jp</v>
          </cell>
          <cell r="M2850" t="str">
            <v>ﾊﾞｰﾄﾞ･ﾃﾞｻﾞｲﾝﾊｳｽ</v>
          </cell>
          <cell r="N2850" t="str">
            <v>無</v>
          </cell>
          <cell r="O2850">
            <v>42</v>
          </cell>
          <cell r="P2850">
            <v>6</v>
          </cell>
          <cell r="Q2850">
            <v>8120001068983</v>
          </cell>
          <cell r="R2850">
            <v>10000</v>
          </cell>
          <cell r="S2850">
            <v>32992</v>
          </cell>
          <cell r="T2850">
            <v>66700</v>
          </cell>
          <cell r="V2850" t="str">
            <v>fc559945</v>
          </cell>
          <cell r="W2850" t="str">
            <v>re175716</v>
          </cell>
          <cell r="Y2850" t="str">
            <v>066，58，65，66，73，74，</v>
          </cell>
          <cell r="Z2850">
            <v>65</v>
          </cell>
          <cell r="AA2850">
            <v>58</v>
          </cell>
          <cell r="AB2850">
            <v>73</v>
          </cell>
          <cell r="AC2850">
            <v>66</v>
          </cell>
          <cell r="AD2850" t="str">
            <v/>
          </cell>
          <cell r="AE2850" t="str">
            <v>１；２；３；４；</v>
          </cell>
          <cell r="AF2850" t="str">
            <v>パンフレット、ポスターなどのデザイン制作、CI計画のためのデザイン、Webデザイン、動画制作、看板などのサイン計画、ロゴマーク制作</v>
          </cell>
        </row>
        <row r="2851">
          <cell r="B2851">
            <v>11522</v>
          </cell>
          <cell r="C2851" t="str">
            <v>荏原冷熱システム(株)</v>
          </cell>
          <cell r="D2851" t="str">
            <v>06-6478-4045</v>
          </cell>
          <cell r="E2851" t="str">
            <v>555-0001</v>
          </cell>
          <cell r="F2851" t="str">
            <v>大阪府大阪市西淀川区佃4-7-3</v>
          </cell>
          <cell r="G2851" t="str">
            <v>大阪市</v>
          </cell>
          <cell r="H2851" t="str">
            <v>大阪支店</v>
          </cell>
          <cell r="I2851" t="str">
            <v>支店長 好村　圭太</v>
          </cell>
          <cell r="J2851" t="str">
            <v>東京都</v>
          </cell>
          <cell r="K2851" t="str">
            <v>06-6478-4055</v>
          </cell>
          <cell r="L2851" t="str">
            <v>ml-600nyusatsu@ers.ebara.com</v>
          </cell>
          <cell r="M2851" t="str">
            <v>ｴﾊﾞﾗﾚｲﾈﾂｼｽﾃﾑ</v>
          </cell>
          <cell r="N2851" t="str">
            <v>有</v>
          </cell>
          <cell r="O2851">
            <v>15</v>
          </cell>
          <cell r="P2851">
            <v>586</v>
          </cell>
          <cell r="Q2851">
            <v>1010801013446</v>
          </cell>
          <cell r="R2851">
            <v>450000</v>
          </cell>
          <cell r="S2851">
            <v>6037896</v>
          </cell>
          <cell r="T2851">
            <v>15629603</v>
          </cell>
          <cell r="V2851" t="str">
            <v>pk316505</v>
          </cell>
          <cell r="W2851" t="str">
            <v>kk191917</v>
          </cell>
          <cell r="Y2851" t="str">
            <v>10，48，</v>
          </cell>
          <cell r="Z2851">
            <v>48</v>
          </cell>
          <cell r="AA2851">
            <v>80</v>
          </cell>
          <cell r="AB2851">
            <v>10</v>
          </cell>
          <cell r="AC2851" t="str">
            <v/>
          </cell>
          <cell r="AD2851" t="str">
            <v/>
          </cell>
          <cell r="AE2851" t="str">
            <v>１；各種冷凍機・冷温水機・冷却塔の保守整備（冷凍空調施設工事事業所認定）２；各種冷凍機・冷温水機・冷却塔の販売・据付・試運転（高圧ガス販売事業届出済）３；各種水処理薬品（毒物劇物一般販売業登録）４；</v>
          </cell>
          <cell r="AF2851" t="str">
            <v>各種冷凍機・冷温水機・冷却塔などの冷熱機器について製造・販売・据付・試運転から保守、メンテナンス、修理や必要部品の販売まで一貫して行っております。</v>
          </cell>
        </row>
        <row r="2852">
          <cell r="B2852">
            <v>11524</v>
          </cell>
          <cell r="C2852" t="str">
            <v>ナカミチ防災(株)</v>
          </cell>
          <cell r="D2852" t="str">
            <v>072-779-4748</v>
          </cell>
          <cell r="E2852" t="str">
            <v>664-0008</v>
          </cell>
          <cell r="F2852" t="str">
            <v>兵庫県伊丹市荒牧南4-6-30</v>
          </cell>
          <cell r="G2852" t="str">
            <v>伊丹市</v>
          </cell>
          <cell r="H2852" t="str">
            <v/>
          </cell>
          <cell r="I2852" t="str">
            <v>代表取締役 鵜飼　宏一郎</v>
          </cell>
          <cell r="J2852" t="str">
            <v>本店</v>
          </cell>
          <cell r="K2852" t="str">
            <v>072-782-8223</v>
          </cell>
          <cell r="L2852" t="str">
            <v/>
          </cell>
          <cell r="M2852" t="str">
            <v>ﾅｶﾐﾁ防災(株)</v>
          </cell>
          <cell r="N2852" t="str">
            <v>無</v>
          </cell>
          <cell r="O2852">
            <v>40</v>
          </cell>
          <cell r="P2852">
            <v>4</v>
          </cell>
          <cell r="Q2852">
            <v>3140001078696</v>
          </cell>
          <cell r="R2852">
            <v>10000</v>
          </cell>
          <cell r="S2852">
            <v>4239</v>
          </cell>
          <cell r="T2852">
            <v>38098</v>
          </cell>
          <cell r="V2852" t="str">
            <v>kx482533</v>
          </cell>
          <cell r="W2852" t="str">
            <v>la155395</v>
          </cell>
          <cell r="Y2852" t="str">
            <v/>
          </cell>
          <cell r="Z2852" t="str">
            <v/>
          </cell>
          <cell r="AA2852" t="str">
            <v/>
          </cell>
          <cell r="AB2852" t="str">
            <v/>
          </cell>
          <cell r="AC2852" t="str">
            <v/>
          </cell>
          <cell r="AD2852" t="str">
            <v/>
          </cell>
          <cell r="AE2852" t="str">
            <v>１；２；３；４；</v>
          </cell>
          <cell r="AF2852" t="str">
            <v/>
          </cell>
        </row>
        <row r="2853">
          <cell r="B2853">
            <v>11525</v>
          </cell>
          <cell r="C2853" t="str">
            <v>デュプロ(株)</v>
          </cell>
          <cell r="D2853" t="str">
            <v>078-579-3800</v>
          </cell>
          <cell r="E2853" t="str">
            <v>652-0804</v>
          </cell>
          <cell r="F2853" t="str">
            <v>兵庫県神戸市兵庫区塚本通4-3-14</v>
          </cell>
          <cell r="G2853" t="str">
            <v>神戸市</v>
          </cell>
          <cell r="H2853" t="str">
            <v>神戸支店</v>
          </cell>
          <cell r="I2853" t="str">
            <v>支店長 左近 浩幸</v>
          </cell>
          <cell r="J2853" t="str">
            <v>大阪府大阪市</v>
          </cell>
          <cell r="K2853" t="str">
            <v>078-579-3801</v>
          </cell>
          <cell r="L2853" t="str">
            <v>t-okamoto@dulo.co.jp</v>
          </cell>
          <cell r="M2853" t="str">
            <v>ﾃﾞｭﾌﾟﾛ</v>
          </cell>
          <cell r="N2853" t="str">
            <v>有</v>
          </cell>
          <cell r="O2853">
            <v>68</v>
          </cell>
          <cell r="P2853">
            <v>154</v>
          </cell>
          <cell r="Q2853">
            <v>5120001067427</v>
          </cell>
          <cell r="R2853">
            <v>96000</v>
          </cell>
          <cell r="S2853">
            <v>1168613</v>
          </cell>
          <cell r="T2853">
            <v>3904922</v>
          </cell>
          <cell r="V2853" t="str">
            <v>kj121374</v>
          </cell>
          <cell r="W2853" t="str">
            <v>kq115137</v>
          </cell>
          <cell r="Y2853" t="str">
            <v>14，16，36，44，</v>
          </cell>
          <cell r="Z2853">
            <v>36</v>
          </cell>
          <cell r="AA2853">
            <v>16</v>
          </cell>
          <cell r="AB2853" t="str">
            <v/>
          </cell>
          <cell r="AC2853" t="str">
            <v/>
          </cell>
          <cell r="AD2853" t="str">
            <v/>
          </cell>
          <cell r="AE2853" t="str">
            <v>１；デジタル印刷機・紙折機・丁合機・製本機・裁断機・封入封緘機・郵便料金計器・フォームバースター・メールシーラー・バーコードシートリーダー　その他事務機器全般２；デジタル印刷機・用紙計数機３；４；</v>
          </cell>
          <cell r="AF2853" t="str">
            <v>会議資料や企画書などのドキュメント、案内状や広告物などのＤＭといったビジネスにおいて情報ツールは、印刷するだけでは完成しません。これらの作成に関わる一連のプロセスをすべて自社商品で処理できるデュプロは、世界でも有数のペーパーメディアのトータルソリューションカンパニーです。</v>
          </cell>
        </row>
        <row r="2854">
          <cell r="B2854">
            <v>11526</v>
          </cell>
          <cell r="C2854" t="str">
            <v>(株)ナガワ</v>
          </cell>
          <cell r="D2854" t="str">
            <v>06-6443-5670</v>
          </cell>
          <cell r="E2854" t="str">
            <v>650-0035</v>
          </cell>
          <cell r="F2854" t="str">
            <v>兵庫県神戸市中央区浪花町59神戸朝日ﾋﾞﾙﾃﾞｨﾝｸﾞ16F</v>
          </cell>
          <cell r="G2854" t="str">
            <v>神戸市</v>
          </cell>
          <cell r="H2854" t="str">
            <v>神戸営業所</v>
          </cell>
          <cell r="I2854" t="str">
            <v>所長 梶原　基靖</v>
          </cell>
          <cell r="J2854" t="str">
            <v>東京都</v>
          </cell>
          <cell r="K2854" t="str">
            <v>06-6443-5680</v>
          </cell>
          <cell r="L2854" t="str">
            <v>yuudai.oomoto@nagawa.co.jp</v>
          </cell>
          <cell r="M2854" t="str">
            <v>ｶﾌﾞｼｷｶﾞｲｼｬﾅｶﾞﾜ</v>
          </cell>
          <cell r="N2854" t="str">
            <v>有</v>
          </cell>
          <cell r="O2854">
            <v>54</v>
          </cell>
          <cell r="P2854">
            <v>476</v>
          </cell>
          <cell r="Q2854">
            <v>7430001056297</v>
          </cell>
          <cell r="R2854">
            <v>2855581</v>
          </cell>
          <cell r="S2854">
            <v>3946000</v>
          </cell>
          <cell r="T2854">
            <v>27442000</v>
          </cell>
          <cell r="V2854" t="str">
            <v>ra145516</v>
          </cell>
          <cell r="W2854" t="str">
            <v>ak136898</v>
          </cell>
          <cell r="Y2854" t="str">
            <v>38，44，</v>
          </cell>
          <cell r="Z2854" t="str">
            <v/>
          </cell>
          <cell r="AA2854" t="str">
            <v/>
          </cell>
          <cell r="AB2854" t="str">
            <v/>
          </cell>
          <cell r="AC2854" t="str">
            <v/>
          </cell>
          <cell r="AD2854" t="str">
            <v/>
          </cell>
          <cell r="AE2854">
            <v>0</v>
          </cell>
          <cell r="AF2854" t="str">
            <v>ユニットハウス（商品名：スーパーハウス）の製造・販売・賃貸　プレハブの設計・施工　</v>
          </cell>
        </row>
        <row r="2855">
          <cell r="B2855">
            <v>11527</v>
          </cell>
          <cell r="C2855" t="str">
            <v>(株)アイホー</v>
          </cell>
          <cell r="D2855" t="str">
            <v>078-821-8516</v>
          </cell>
          <cell r="E2855" t="str">
            <v>658-0053</v>
          </cell>
          <cell r="F2855" t="str">
            <v>兵庫県神戸市東灘区住吉宮町1-21-16</v>
          </cell>
          <cell r="G2855" t="str">
            <v>神戸市</v>
          </cell>
          <cell r="H2855" t="str">
            <v>神戸営業所</v>
          </cell>
          <cell r="I2855" t="str">
            <v>所長 三輪　浩平</v>
          </cell>
          <cell r="J2855" t="str">
            <v>愛知県豊川市</v>
          </cell>
          <cell r="K2855" t="str">
            <v>078-821-8561</v>
          </cell>
          <cell r="L2855" t="str">
            <v>saso@aiho.co.jp</v>
          </cell>
          <cell r="M2855" t="str">
            <v>ｱｲﾎｰ</v>
          </cell>
          <cell r="N2855" t="str">
            <v>有</v>
          </cell>
          <cell r="O2855">
            <v>65</v>
          </cell>
          <cell r="P2855">
            <v>465</v>
          </cell>
          <cell r="Q2855">
            <v>1180301009696</v>
          </cell>
          <cell r="R2855">
            <v>835512</v>
          </cell>
          <cell r="S2855">
            <v>11352616</v>
          </cell>
          <cell r="T2855">
            <v>20183875</v>
          </cell>
          <cell r="V2855" t="str">
            <v>fc710083</v>
          </cell>
          <cell r="W2855" t="str">
            <v>rq138833</v>
          </cell>
          <cell r="Y2855" t="str">
            <v>05，37，</v>
          </cell>
          <cell r="Z2855">
            <v>37</v>
          </cell>
          <cell r="AA2855">
            <v>5</v>
          </cell>
          <cell r="AB2855" t="str">
            <v/>
          </cell>
          <cell r="AC2855" t="str">
            <v/>
          </cell>
          <cell r="AD2855" t="str">
            <v/>
          </cell>
          <cell r="AE2855" t="str">
            <v>１；食器洗浄機、フードスライサー、コンベクションオーブン、炊飯器、食器消毒保管機、殺菌庫、フライヤー、ガステーブル、回転釜、業務用冷凍冷蔵庫、他業務用厨房機器全般２；給食用食器・厨房備品全般３；４；</v>
          </cell>
          <cell r="AF2855" t="str">
            <v>業務用厨房機器・厨房備品全般の販売　厨房設備の設計施工</v>
          </cell>
        </row>
        <row r="2856">
          <cell r="B2856">
            <v>11530</v>
          </cell>
          <cell r="C2856" t="str">
            <v>ミドリ安全(株)</v>
          </cell>
          <cell r="D2856" t="str">
            <v>06-6438-1261</v>
          </cell>
          <cell r="E2856" t="str">
            <v>661-0026</v>
          </cell>
          <cell r="F2856" t="str">
            <v>兵庫県尼崎市水堂町3-17-15</v>
          </cell>
          <cell r="G2856" t="str">
            <v>尼崎市</v>
          </cell>
          <cell r="H2856" t="str">
            <v>尼崎支店</v>
          </cell>
          <cell r="I2856" t="str">
            <v>支店長 新田　哲士</v>
          </cell>
          <cell r="J2856" t="str">
            <v>東京都</v>
          </cell>
          <cell r="K2856" t="str">
            <v>06-6437-4113</v>
          </cell>
          <cell r="L2856" t="str">
            <v/>
          </cell>
          <cell r="M2856" t="str">
            <v>ﾐﾄﾞﾘｱﾝｾﾞﾝ</v>
          </cell>
          <cell r="N2856" t="str">
            <v>有</v>
          </cell>
          <cell r="O2856">
            <v>71</v>
          </cell>
          <cell r="P2856">
            <v>1051</v>
          </cell>
          <cell r="Q2856">
            <v>1011001022683</v>
          </cell>
          <cell r="R2856">
            <v>1454325</v>
          </cell>
          <cell r="S2856">
            <v>67504010</v>
          </cell>
          <cell r="T2856">
            <v>90604800</v>
          </cell>
          <cell r="V2856" t="str">
            <v>ac749288</v>
          </cell>
          <cell r="W2856" t="str">
            <v>jg153973</v>
          </cell>
          <cell r="Y2856" t="str">
            <v>05，03，04，05，06，07，38，42，</v>
          </cell>
          <cell r="Z2856">
            <v>3</v>
          </cell>
          <cell r="AA2856">
            <v>4</v>
          </cell>
          <cell r="AB2856">
            <v>38</v>
          </cell>
          <cell r="AC2856">
            <v>5</v>
          </cell>
          <cell r="AD2856" t="str">
            <v/>
          </cell>
          <cell r="AE2856" t="str">
            <v>１；２；３；４；</v>
          </cell>
          <cell r="AF2856" t="str">
            <v/>
          </cell>
        </row>
        <row r="2857">
          <cell r="B2857">
            <v>11534</v>
          </cell>
          <cell r="C2857" t="str">
            <v>吉野商店</v>
          </cell>
          <cell r="D2857" t="str">
            <v>072-772-2368</v>
          </cell>
          <cell r="E2857" t="str">
            <v>664-0858</v>
          </cell>
          <cell r="F2857" t="str">
            <v>伊丹市西台2丁目6番10号</v>
          </cell>
          <cell r="G2857" t="str">
            <v>伊丹市</v>
          </cell>
          <cell r="H2857" t="str">
            <v/>
          </cell>
          <cell r="I2857" t="str">
            <v>吉野　 悦二</v>
          </cell>
          <cell r="J2857" t="str">
            <v>本店</v>
          </cell>
          <cell r="K2857" t="str">
            <v>072-772-6311</v>
          </cell>
          <cell r="L2857" t="str">
            <v/>
          </cell>
          <cell r="M2857" t="str">
            <v>ﾖｼﾉｼﾖｳﾃﾝ</v>
          </cell>
          <cell r="N2857" t="str">
            <v>無</v>
          </cell>
          <cell r="O2857">
            <v>64</v>
          </cell>
          <cell r="P2857">
            <v>2</v>
          </cell>
          <cell r="Q2857" t="str">
            <v/>
          </cell>
          <cell r="R2857" t="str">
            <v/>
          </cell>
          <cell r="S2857" t="str">
            <v/>
          </cell>
          <cell r="T2857" t="str">
            <v/>
          </cell>
          <cell r="V2857" t="str">
            <v>ah911034</v>
          </cell>
          <cell r="W2857" t="str">
            <v>aw157959</v>
          </cell>
          <cell r="Y2857">
            <v>5.4</v>
          </cell>
          <cell r="Z2857">
            <v>5</v>
          </cell>
          <cell r="AA2857">
            <v>40</v>
          </cell>
          <cell r="AB2857" t="str">
            <v/>
          </cell>
          <cell r="AC2857" t="str">
            <v/>
          </cell>
          <cell r="AD2857" t="str">
            <v/>
          </cell>
          <cell r="AE2857" t="str">
            <v>１；２；日用品雑貨３；建設関連機器４；</v>
          </cell>
          <cell r="AF2857" t="str">
            <v>すべて速決</v>
          </cell>
        </row>
        <row r="2858">
          <cell r="B2858">
            <v>11535</v>
          </cell>
          <cell r="C2858" t="str">
            <v>アマノマネジメントサービス(株)</v>
          </cell>
          <cell r="D2858" t="str">
            <v>06-6531-5713</v>
          </cell>
          <cell r="E2858" t="str">
            <v>550-0012</v>
          </cell>
          <cell r="F2858" t="str">
            <v>大阪府大阪市西区立売堀1-6-17</v>
          </cell>
          <cell r="G2858" t="str">
            <v>大阪市</v>
          </cell>
          <cell r="H2858" t="str">
            <v>大阪支店</v>
          </cell>
          <cell r="I2858" t="str">
            <v>支店長 坂下　正幸</v>
          </cell>
          <cell r="J2858" t="str">
            <v>神奈川県横浜市</v>
          </cell>
          <cell r="K2858" t="str">
            <v>06-6531-5612</v>
          </cell>
          <cell r="L2858" t="str">
            <v>ams@amano.co.jp</v>
          </cell>
          <cell r="M2858" t="str">
            <v>ｱﾏﾉﾏﾈｼﾞﾒﾝﾄｻｰﾋﾞｽ</v>
          </cell>
          <cell r="N2858" t="str">
            <v>有</v>
          </cell>
          <cell r="O2858">
            <v>22</v>
          </cell>
          <cell r="P2858">
            <v>603</v>
          </cell>
          <cell r="Q2858">
            <v>3020001019596</v>
          </cell>
          <cell r="R2858">
            <v>205000</v>
          </cell>
          <cell r="S2858">
            <v>5175150</v>
          </cell>
          <cell r="T2858">
            <v>15860286</v>
          </cell>
          <cell r="V2858" t="str">
            <v>gg827028</v>
          </cell>
          <cell r="W2858" t="str">
            <v>hj198391</v>
          </cell>
          <cell r="Y2858" t="str">
            <v/>
          </cell>
          <cell r="Z2858">
            <v>80</v>
          </cell>
          <cell r="AA2858" t="str">
            <v/>
          </cell>
          <cell r="AB2858" t="str">
            <v/>
          </cell>
          <cell r="AC2858" t="str">
            <v/>
          </cell>
          <cell r="AD2858" t="str">
            <v/>
          </cell>
          <cell r="AE2858" t="str">
            <v>１；駐車場運営管理業務２；３；４；</v>
          </cell>
          <cell r="AF2858" t="str">
            <v>駐車場機器メーカー　アマノ（株）のグループ会社として、全国の駐車場の運営管理のご提案・実施を行っています。官公庁の駐車場においては、ＰＦＩ事業・指定管理者・管理受託業者として、市民・ご利用者へのサービス向上を最大のテーマとして取り組んでいます。</v>
          </cell>
        </row>
        <row r="2859">
          <cell r="B2859">
            <v>11537</v>
          </cell>
          <cell r="C2859" t="str">
            <v>株式会社甲子園ユニフォーム</v>
          </cell>
          <cell r="D2859" t="str">
            <v>0798-40-1000</v>
          </cell>
          <cell r="E2859" t="str">
            <v>663-8152</v>
          </cell>
          <cell r="F2859" t="str">
            <v>西宮市甲子園町30番13号</v>
          </cell>
          <cell r="G2859" t="str">
            <v>西宮市</v>
          </cell>
          <cell r="H2859" t="str">
            <v/>
          </cell>
          <cell r="I2859" t="str">
            <v>代表取締役　 大山　慶雄</v>
          </cell>
          <cell r="J2859" t="str">
            <v>本店</v>
          </cell>
          <cell r="K2859" t="str">
            <v>0798-41-8200</v>
          </cell>
          <cell r="L2859" t="str">
            <v>koshien.uni@m9dion.ne.jp</v>
          </cell>
          <cell r="M2859" t="str">
            <v>ｶ)ｺｳｼｴﾝ</v>
          </cell>
          <cell r="N2859" t="str">
            <v>無</v>
          </cell>
          <cell r="O2859">
            <v>51</v>
          </cell>
          <cell r="P2859">
            <v>4</v>
          </cell>
          <cell r="Q2859">
            <v>4140001068655</v>
          </cell>
          <cell r="R2859">
            <v>10000</v>
          </cell>
          <cell r="S2859">
            <v>185692</v>
          </cell>
          <cell r="T2859">
            <v>82228</v>
          </cell>
          <cell r="V2859" t="str">
            <v>ej379492</v>
          </cell>
          <cell r="W2859" t="str">
            <v>zs138997</v>
          </cell>
          <cell r="Y2859">
            <v>3.4</v>
          </cell>
          <cell r="Z2859">
            <v>3</v>
          </cell>
          <cell r="AA2859" t="str">
            <v/>
          </cell>
          <cell r="AB2859" t="str">
            <v/>
          </cell>
          <cell r="AC2859" t="str">
            <v/>
          </cell>
          <cell r="AD2859" t="str">
            <v/>
          </cell>
          <cell r="AE2859" t="str">
            <v>１；２；作業服、防寒服、白衣、事務服３；雨合羽、安全靴、長靴、手袋、帽子、ヘルメット４；</v>
          </cell>
          <cell r="AF2859" t="str">
            <v/>
          </cell>
        </row>
        <row r="2860">
          <cell r="B2860">
            <v>11538</v>
          </cell>
          <cell r="C2860" t="str">
            <v>(株)クリシエ</v>
          </cell>
          <cell r="D2860" t="str">
            <v>079-267-5111</v>
          </cell>
          <cell r="E2860" t="str">
            <v>671-2212</v>
          </cell>
          <cell r="F2860" t="str">
            <v>姫路市川西17-3</v>
          </cell>
          <cell r="G2860" t="str">
            <v>姫路市</v>
          </cell>
          <cell r="H2860" t="str">
            <v/>
          </cell>
          <cell r="I2860" t="str">
            <v>山本　 建治</v>
          </cell>
          <cell r="J2860" t="str">
            <v>本店</v>
          </cell>
          <cell r="K2860" t="str">
            <v>079-267-5112</v>
          </cell>
          <cell r="L2860" t="str">
            <v/>
          </cell>
          <cell r="M2860" t="str">
            <v>ｶ)ｸﾘｼｴ</v>
          </cell>
          <cell r="N2860" t="str">
            <v>無</v>
          </cell>
          <cell r="O2860">
            <v>55</v>
          </cell>
          <cell r="P2860">
            <v>150</v>
          </cell>
          <cell r="Q2860">
            <v>5140001058622</v>
          </cell>
          <cell r="R2860">
            <v>10000</v>
          </cell>
          <cell r="S2860">
            <v>245163</v>
          </cell>
          <cell r="T2860">
            <v>998428</v>
          </cell>
          <cell r="V2860" t="str">
            <v>sf250651</v>
          </cell>
          <cell r="W2860" t="str">
            <v>uk116953</v>
          </cell>
          <cell r="Y2860" t="str">
            <v>5.44.52.54</v>
          </cell>
          <cell r="Z2860">
            <v>44</v>
          </cell>
          <cell r="AA2860">
            <v>54</v>
          </cell>
          <cell r="AB2860">
            <v>5</v>
          </cell>
          <cell r="AC2860">
            <v>52</v>
          </cell>
          <cell r="AD2860" t="str">
            <v/>
          </cell>
          <cell r="AE2860" t="str">
            <v>１；２；業務用フロアーマット、モップのリース環境衛生商品などのリース３；施設の床、窓ガラス、カベ天井などの清掃４；業務用飲食店用のトイレットペーパー洗剤・ゴミ袋などの販売</v>
          </cell>
          <cell r="AF2860" t="str">
            <v>業務用フロアーマットのリース・施設・床・ガラス・カベ・天井などの清掃業務用・飲食店用のトイレットペーパー、洗剤、ゴミ袋などの雑貨全般の販売及びクリーニング</v>
          </cell>
        </row>
        <row r="2861">
          <cell r="B2861">
            <v>11539</v>
          </cell>
          <cell r="C2861" t="str">
            <v>川西オートサービス株式会社</v>
          </cell>
          <cell r="D2861" t="str">
            <v>072-759-0898</v>
          </cell>
          <cell r="E2861" t="str">
            <v>664-0011</v>
          </cell>
          <cell r="F2861" t="str">
            <v>兵庫県伊丹市鋳物師5-4-1</v>
          </cell>
          <cell r="G2861" t="str">
            <v>伊丹市</v>
          </cell>
          <cell r="I2861" t="str">
            <v>代表取締役 石川　晴久</v>
          </cell>
          <cell r="J2861" t="str">
            <v>本店</v>
          </cell>
          <cell r="K2861" t="str">
            <v>072-759-0959</v>
          </cell>
          <cell r="L2861" t="str">
            <v/>
          </cell>
          <cell r="M2861" t="str">
            <v>ｶﾜﾆｼｵ-ﾄｻ-ﾋﾞｽｶﾌﾞｼｷｶﾞｲｼﾔ</v>
          </cell>
          <cell r="N2861" t="str">
            <v>有</v>
          </cell>
          <cell r="O2861">
            <v>8</v>
          </cell>
          <cell r="P2861">
            <v>9</v>
          </cell>
          <cell r="Q2861">
            <v>1140001084102</v>
          </cell>
          <cell r="R2861">
            <v>20</v>
          </cell>
          <cell r="S2861">
            <v>20</v>
          </cell>
          <cell r="T2861">
            <v>14000</v>
          </cell>
          <cell r="V2861" t="str">
            <v>pd112277</v>
          </cell>
          <cell r="W2861" t="str">
            <v>dl189987</v>
          </cell>
          <cell r="Y2861" t="str">
            <v/>
          </cell>
          <cell r="Z2861">
            <v>26</v>
          </cell>
          <cell r="AA2861">
            <v>23</v>
          </cell>
          <cell r="AB2861">
            <v>24</v>
          </cell>
          <cell r="AC2861">
            <v>25</v>
          </cell>
          <cell r="AD2861" t="str">
            <v/>
          </cell>
          <cell r="AE2861" t="str">
            <v>１；２；特装車（パッカー車テクノキューブタンクローリー）全搬普通車．軽自動車３；大型車建設機械（タイヤローラーマカダム他）等の修理整備４；年次検査一式．鈑金　塗装一式</v>
          </cell>
          <cell r="AF2861" t="str">
            <v>特装車（コンテナパッカー車）等建設機械等調整架装一式　バス等　ステップ改造　各車輌　車検　整備　鈑金一式</v>
          </cell>
        </row>
        <row r="2862">
          <cell r="B2862">
            <v>11541</v>
          </cell>
          <cell r="C2862" t="str">
            <v>信濃化学工業株式会社(株)</v>
          </cell>
          <cell r="D2862" t="str">
            <v>026-243-1115</v>
          </cell>
          <cell r="E2862" t="str">
            <v>381-0045</v>
          </cell>
          <cell r="F2862" t="str">
            <v>長野県長野市桐原1-2-12</v>
          </cell>
          <cell r="G2862" t="str">
            <v>長野市</v>
          </cell>
          <cell r="H2862" t="str">
            <v/>
          </cell>
          <cell r="I2862" t="str">
            <v>代表取締役 小野　大輔</v>
          </cell>
          <cell r="J2862" t="str">
            <v>本店</v>
          </cell>
          <cell r="K2862" t="str">
            <v>026-243-1520</v>
          </cell>
          <cell r="L2862" t="str">
            <v>shinca@shinano-kagaku.co.jp</v>
          </cell>
          <cell r="M2862" t="str">
            <v>ｼﾅﾉｶｶﾞｸｺｳｷﾞｮｳ</v>
          </cell>
          <cell r="N2862" t="str">
            <v>無</v>
          </cell>
          <cell r="O2862">
            <v>70</v>
          </cell>
          <cell r="P2862">
            <v>109</v>
          </cell>
          <cell r="Q2862">
            <v>4100001001207</v>
          </cell>
          <cell r="R2862">
            <v>48000</v>
          </cell>
          <cell r="S2862">
            <v>1005172</v>
          </cell>
          <cell r="T2862">
            <v>1935752</v>
          </cell>
          <cell r="V2862" t="str">
            <v>wh243726</v>
          </cell>
          <cell r="W2862" t="str">
            <v>mk159513</v>
          </cell>
          <cell r="Y2862" t="str">
            <v>05，37，</v>
          </cell>
          <cell r="Z2862">
            <v>5</v>
          </cell>
          <cell r="AA2862">
            <v>37</v>
          </cell>
          <cell r="AB2862" t="str">
            <v/>
          </cell>
          <cell r="AC2862" t="str">
            <v/>
          </cell>
          <cell r="AD2862" t="str">
            <v/>
          </cell>
          <cell r="AE2862" t="str">
            <v>１；業務用プラスチック製食器・荒物・金物２；各種厨房用品３；４；</v>
          </cell>
          <cell r="AF2862" t="str">
            <v>独自に企画開発した製品群を提供することとし、オリジナリティと品質に優れた製品づくりを目指しております。</v>
          </cell>
        </row>
        <row r="2863">
          <cell r="B2863">
            <v>11542</v>
          </cell>
          <cell r="C2863" t="str">
            <v>有限会社松下自転車工房</v>
          </cell>
          <cell r="D2863" t="str">
            <v>072-363-6026</v>
          </cell>
          <cell r="E2863" t="str">
            <v>587-0053</v>
          </cell>
          <cell r="F2863" t="str">
            <v>大阪府堺市美原区北余部西4-1-12</v>
          </cell>
          <cell r="G2863" t="str">
            <v>大阪府</v>
          </cell>
          <cell r="H2863" t="str">
            <v/>
          </cell>
          <cell r="I2863" t="str">
            <v>粉川　 勇人</v>
          </cell>
          <cell r="J2863" t="str">
            <v>本店</v>
          </cell>
          <cell r="K2863" t="str">
            <v>072-363-6026</v>
          </cell>
          <cell r="L2863" t="str">
            <v/>
          </cell>
          <cell r="M2863" t="str">
            <v/>
          </cell>
          <cell r="N2863" t="str">
            <v>無</v>
          </cell>
          <cell r="O2863">
            <v>19</v>
          </cell>
          <cell r="P2863">
            <v>4</v>
          </cell>
          <cell r="Q2863">
            <v>9120102012591</v>
          </cell>
          <cell r="R2863">
            <v>3000</v>
          </cell>
          <cell r="S2863">
            <v>4000</v>
          </cell>
          <cell r="T2863">
            <v>42880</v>
          </cell>
          <cell r="V2863" t="str">
            <v>pu679100</v>
          </cell>
          <cell r="W2863" t="str">
            <v>oa199871</v>
          </cell>
          <cell r="Y2863">
            <v>69</v>
          </cell>
          <cell r="Z2863">
            <v>69</v>
          </cell>
          <cell r="AA2863" t="str">
            <v/>
          </cell>
          <cell r="AB2863" t="str">
            <v/>
          </cell>
          <cell r="AC2863" t="str">
            <v/>
          </cell>
          <cell r="AD2863" t="str">
            <v/>
          </cell>
          <cell r="AE2863" t="str">
            <v>１；２；撤去自転車払下げ３；４；</v>
          </cell>
          <cell r="AF2863" t="str">
            <v>海外へ中自転車を出しています。国内でも中古自転車を整備して売ってます。</v>
          </cell>
        </row>
        <row r="2864">
          <cell r="B2864">
            <v>11543</v>
          </cell>
          <cell r="C2864" t="str">
            <v>(株)イシヅカ</v>
          </cell>
          <cell r="D2864" t="str">
            <v>072-772-6673</v>
          </cell>
          <cell r="E2864" t="str">
            <v>664-0861</v>
          </cell>
          <cell r="F2864" t="str">
            <v>兵庫県伊丹市稲野町7-34-4</v>
          </cell>
          <cell r="G2864" t="str">
            <v>伊丹市</v>
          </cell>
          <cell r="H2864" t="str">
            <v/>
          </cell>
          <cell r="I2864" t="str">
            <v>代表取締役社長 石塚　正</v>
          </cell>
          <cell r="J2864" t="str">
            <v>本店</v>
          </cell>
          <cell r="K2864" t="str">
            <v>072-784-3102</v>
          </cell>
          <cell r="L2864" t="str">
            <v>kabuishi@herb.ocn.ne.jp</v>
          </cell>
          <cell r="M2864" t="str">
            <v>ｲｼﾂﾞｶ</v>
          </cell>
          <cell r="N2864" t="str">
            <v>無</v>
          </cell>
          <cell r="O2864">
            <v>65</v>
          </cell>
          <cell r="P2864">
            <v>3</v>
          </cell>
          <cell r="Q2864">
            <v>4140001078043</v>
          </cell>
          <cell r="R2864">
            <v>10000</v>
          </cell>
          <cell r="S2864">
            <v>0</v>
          </cell>
          <cell r="T2864">
            <v>32000</v>
          </cell>
          <cell r="V2864" t="str">
            <v>ug221630</v>
          </cell>
          <cell r="W2864" t="str">
            <v>wt105329</v>
          </cell>
          <cell r="Y2864" t="str">
            <v>07，66，76，</v>
          </cell>
          <cell r="Z2864" t="str">
            <v/>
          </cell>
          <cell r="AA2864" t="str">
            <v/>
          </cell>
          <cell r="AB2864" t="str">
            <v/>
          </cell>
          <cell r="AC2864" t="str">
            <v/>
          </cell>
          <cell r="AD2864" t="str">
            <v/>
          </cell>
          <cell r="AE2864" t="str">
            <v>１；大型インクジェットプリンター出力（写真画像等）屋内看板、屋外看板、タペストリー、垂れ幕、横断幕２；塗装工事、内装工事、外装工事、防水工事３；パーティション工事、電気工事４；</v>
          </cell>
          <cell r="AF2864" t="str">
            <v>大型インクジェット（写真画像等）、屋外看板、屋内看板、カッティングシート切文字加工～塗装工事、外装工事、内装工事、防水工事、電気工事　等　各種企画提案、対応させていただきます。</v>
          </cell>
        </row>
        <row r="2865">
          <cell r="B2865">
            <v>11544</v>
          </cell>
          <cell r="C2865" t="str">
            <v>(株)ぎょうせい</v>
          </cell>
          <cell r="D2865" t="str">
            <v>06-4790-9351</v>
          </cell>
          <cell r="E2865" t="str">
            <v>540-0012</v>
          </cell>
          <cell r="F2865" t="str">
            <v>大阪府大阪市中央区谷町3-1-9</v>
          </cell>
          <cell r="G2865" t="str">
            <v>大阪市</v>
          </cell>
          <cell r="H2865" t="str">
            <v>関西支社</v>
          </cell>
          <cell r="I2865" t="str">
            <v>支社長 松浦　孝徳</v>
          </cell>
          <cell r="J2865" t="str">
            <v>東京都</v>
          </cell>
          <cell r="K2865" t="str">
            <v>06-4790-9356</v>
          </cell>
          <cell r="L2865" t="str">
            <v>Eigyosuishin_Kansai@gyosei.co.jp</v>
          </cell>
          <cell r="M2865" t="str">
            <v>ｷﾞｮｳｾｲ</v>
          </cell>
          <cell r="N2865" t="str">
            <v>有</v>
          </cell>
          <cell r="O2865">
            <v>125</v>
          </cell>
          <cell r="P2865">
            <v>555</v>
          </cell>
          <cell r="Q2865">
            <v>1010001100425</v>
          </cell>
          <cell r="R2865">
            <v>500000</v>
          </cell>
          <cell r="S2865">
            <v>20126438</v>
          </cell>
          <cell r="T2865">
            <v>22704155</v>
          </cell>
          <cell r="V2865" t="str">
            <v>yk239998</v>
          </cell>
          <cell r="W2865" t="str">
            <v>at111933</v>
          </cell>
          <cell r="Y2865" t="str">
            <v>013，08，13，36，44，56，57，58，63，65，73，77，</v>
          </cell>
          <cell r="Z2865">
            <v>80</v>
          </cell>
          <cell r="AA2865">
            <v>58</v>
          </cell>
          <cell r="AB2865">
            <v>73</v>
          </cell>
          <cell r="AC2865">
            <v>13</v>
          </cell>
          <cell r="AD2865" t="str">
            <v/>
          </cell>
          <cell r="AE2865" t="str">
            <v>１；総合計画、防災計画等行政施策に基づく各種計画の調査・研究・策定業務、人事評価等各種行政事務のコンサルティング、例規起案・内容精査等例規執務サポート業務等２；例規サポートシステム、会議録検索システム、総合文書管理システム、起債管理システム、公営企業会計システム、人事給与管理システム等自治体業務用システム・ソフトウェアの開発・提供３；法規類集、年史誌、要覧、グラフ誌、副読本、パンフレット、広報刊行物等の印刷・製本、ＣＤ－ＲＯＭ・ＤＶＤ等電子メディア商品の制作４；『現行日本法規』等加除式法令・判例集、単行本、雑誌、電子メディア商品の出版・販売</v>
          </cell>
          <cell r="AF2865" t="str">
            <v>『現行日本法規』等各種法規集に加え、実務書や雑誌など多彩に出版を行っています。さらに情報デジタル化や地方自治体ニーズの多様化に伴い、例規整備、調査研究、システム開発・保守、行政事務コンサルなどの事業を展開し、高い評価をいただいております。</v>
          </cell>
        </row>
        <row r="2866">
          <cell r="B2866">
            <v>11545</v>
          </cell>
          <cell r="C2866" t="str">
            <v>フタバフォーム印刷(株)</v>
          </cell>
          <cell r="D2866" t="str">
            <v>06-6744-6161</v>
          </cell>
          <cell r="E2866" t="str">
            <v>578-0965</v>
          </cell>
          <cell r="F2866" t="str">
            <v>大阪府東大阪市本庄西1ｰ4ｰ31</v>
          </cell>
          <cell r="G2866" t="str">
            <v>東大阪市</v>
          </cell>
          <cell r="H2866" t="str">
            <v/>
          </cell>
          <cell r="I2866" t="str">
            <v>代表取締役 長谷川　彰宏</v>
          </cell>
          <cell r="J2866" t="str">
            <v>本店</v>
          </cell>
          <cell r="K2866" t="str">
            <v>06-6744-3491</v>
          </cell>
          <cell r="L2866" t="str">
            <v>futabaform@futabaform.co.jp</v>
          </cell>
          <cell r="M2866" t="str">
            <v>ﾌﾀﾊﾞﾌｫｰﾑｲﾝｻﾂ</v>
          </cell>
          <cell r="N2866" t="str">
            <v>無</v>
          </cell>
          <cell r="O2866">
            <v>37</v>
          </cell>
          <cell r="P2866">
            <v>35</v>
          </cell>
          <cell r="Q2866">
            <v>4122001006373</v>
          </cell>
          <cell r="R2866">
            <v>20000</v>
          </cell>
          <cell r="S2866">
            <v>2000</v>
          </cell>
          <cell r="T2866">
            <v>728342</v>
          </cell>
          <cell r="V2866" t="str">
            <v>kp406750</v>
          </cell>
          <cell r="W2866" t="str">
            <v>ke137995</v>
          </cell>
          <cell r="Y2866" t="str">
            <v>076，15，73，74，76，</v>
          </cell>
          <cell r="Z2866">
            <v>74</v>
          </cell>
          <cell r="AA2866">
            <v>15</v>
          </cell>
          <cell r="AB2866">
            <v>73</v>
          </cell>
          <cell r="AC2866">
            <v>76</v>
          </cell>
          <cell r="AD2866" t="str">
            <v/>
          </cell>
          <cell r="AE2866" t="str">
            <v>１；連続帳票・ＯＣＲ・圧着はがき等を含む２；カット紙・応用用紙・アドレスシール・カラーＰＰＣ等３；冊子・チラシ・カタログ・ポスター４；磁気カード・印鑑登録証・図書利用カード・マグネットステッカー・ラベル類等</v>
          </cell>
          <cell r="AF2866" t="str">
            <v>連続フォーム印刷　各種帳票を含めＯＣＲ帳票印刷。連続封筒　磁気カードや図書利用カードなどの製造。用紙類などカット紙　応用用紙　カラーフォーム類も含む。</v>
          </cell>
        </row>
        <row r="2867">
          <cell r="B2867">
            <v>11549</v>
          </cell>
          <cell r="C2867" t="str">
            <v>(株)日邦バルブ</v>
          </cell>
          <cell r="D2867" t="str">
            <v>06-6210-2563</v>
          </cell>
          <cell r="E2867" t="str">
            <v>530-0044</v>
          </cell>
          <cell r="F2867" t="str">
            <v>大阪府大阪市中央区道修町2-6-6 塩野･日生ﾋﾞﾙ</v>
          </cell>
          <cell r="G2867" t="str">
            <v>大阪市</v>
          </cell>
          <cell r="H2867" t="str">
            <v>大阪営業所</v>
          </cell>
          <cell r="I2867" t="str">
            <v>所長　 黒石　賢二</v>
          </cell>
          <cell r="J2867" t="str">
            <v>長野県松本市</v>
          </cell>
          <cell r="K2867" t="str">
            <v>06-6210-2564</v>
          </cell>
          <cell r="L2867" t="str">
            <v>sales-oosaka@nippov.co.jp</v>
          </cell>
          <cell r="M2867" t="str">
            <v>ｶﾌﾞｼｷｶﾞｲｼﾔﾆﾂﾎﾟｳﾊﾞﾙﾌﾞ</v>
          </cell>
          <cell r="N2867" t="str">
            <v>有</v>
          </cell>
          <cell r="O2867">
            <v>135</v>
          </cell>
          <cell r="P2867">
            <v>338</v>
          </cell>
          <cell r="Q2867">
            <v>2100000000000</v>
          </cell>
          <cell r="R2867">
            <v>250000</v>
          </cell>
          <cell r="S2867">
            <v>3000551</v>
          </cell>
          <cell r="T2867">
            <v>6620550</v>
          </cell>
          <cell r="V2867" t="str">
            <v>rv300364</v>
          </cell>
          <cell r="W2867" t="str">
            <v>qo195637</v>
          </cell>
          <cell r="Y2867" t="str">
            <v/>
          </cell>
          <cell r="Z2867" t="str">
            <v/>
          </cell>
          <cell r="AA2867" t="str">
            <v/>
          </cell>
          <cell r="AB2867" t="str">
            <v/>
          </cell>
          <cell r="AC2867" t="str">
            <v/>
          </cell>
          <cell r="AD2867" t="str">
            <v/>
          </cell>
          <cell r="AE2867" t="str">
            <v>１；２；３；４；</v>
          </cell>
          <cell r="AF2867" t="str">
            <v>弊社は明治１６年創業の給水装置材料メーカーです。</v>
          </cell>
        </row>
        <row r="2868">
          <cell r="B2868">
            <v>11550</v>
          </cell>
          <cell r="C2868" t="str">
            <v>(株)ミヨシ</v>
          </cell>
          <cell r="D2868" t="str">
            <v>06-6567-0821</v>
          </cell>
          <cell r="E2868" t="str">
            <v>556-0022</v>
          </cell>
          <cell r="F2868" t="str">
            <v>大阪府大阪市浪速区桜川4-10-27</v>
          </cell>
          <cell r="G2868" t="str">
            <v>大阪市</v>
          </cell>
          <cell r="H2868" t="str">
            <v/>
          </cell>
          <cell r="I2868" t="str">
            <v>代表取締役 三好　尚志</v>
          </cell>
          <cell r="J2868" t="str">
            <v>本店</v>
          </cell>
          <cell r="K2868" t="str">
            <v>06-6567-0820</v>
          </cell>
          <cell r="L2868" t="str">
            <v>info@miyoshi-co.jp</v>
          </cell>
          <cell r="M2868" t="str">
            <v>ﾐﾖｼ</v>
          </cell>
          <cell r="N2868" t="str">
            <v>無</v>
          </cell>
          <cell r="O2868">
            <v>24</v>
          </cell>
          <cell r="P2868">
            <v>6</v>
          </cell>
          <cell r="Q2868">
            <v>2120001011197</v>
          </cell>
          <cell r="R2868">
            <v>10000</v>
          </cell>
          <cell r="S2868">
            <v>81030</v>
          </cell>
          <cell r="T2868">
            <v>699857</v>
          </cell>
          <cell r="V2868" t="str">
            <v>vv482167</v>
          </cell>
          <cell r="W2868" t="str">
            <v>jq119537</v>
          </cell>
          <cell r="Y2868" t="str">
            <v>38，39，</v>
          </cell>
          <cell r="Z2868">
            <v>80</v>
          </cell>
          <cell r="AA2868">
            <v>38</v>
          </cell>
          <cell r="AB2868">
            <v>39</v>
          </cell>
          <cell r="AC2868" t="str">
            <v/>
          </cell>
          <cell r="AD2868" t="str">
            <v/>
          </cell>
          <cell r="AE2868" t="str">
            <v>１；災害用備蓄品（非常食・飲料水・組立式トイレ・簡易トイレ・フリース毛布・発電機・投光器・担架・車椅子）・他２；防犯防災用品（ヘルメット・緊急呼子笛）３；ＡＥＤ４；</v>
          </cell>
          <cell r="AF2868" t="str">
            <v>災害備蓄品を全般に扱っております。迅速かつ的確に対応して、高い実績と信頼を得ています。</v>
          </cell>
        </row>
        <row r="2869">
          <cell r="B2869">
            <v>11552</v>
          </cell>
          <cell r="C2869" t="str">
            <v>ササキ(株)</v>
          </cell>
          <cell r="D2869" t="str">
            <v>078-846-1880</v>
          </cell>
          <cell r="E2869" t="str">
            <v>657-0862</v>
          </cell>
          <cell r="F2869" t="str">
            <v>兵庫県神戸市灘区浜田町1-2-1</v>
          </cell>
          <cell r="G2869" t="str">
            <v>神戸市</v>
          </cell>
          <cell r="H2869" t="str">
            <v>神戸支店</v>
          </cell>
          <cell r="I2869" t="str">
            <v>支店長 佐尾　拓也</v>
          </cell>
          <cell r="J2869" t="str">
            <v>愛知県豊橋市</v>
          </cell>
          <cell r="K2869" t="str">
            <v>078-846-1885</v>
          </cell>
          <cell r="L2869" t="str">
            <v>sao.takuya@sasaki-kk.co.jp</v>
          </cell>
          <cell r="M2869" t="str">
            <v>ｻｻｷ</v>
          </cell>
          <cell r="N2869" t="str">
            <v>有</v>
          </cell>
          <cell r="O2869">
            <v>100</v>
          </cell>
          <cell r="P2869">
            <v>703</v>
          </cell>
          <cell r="Q2869">
            <v>7180301005698</v>
          </cell>
          <cell r="R2869">
            <v>280000</v>
          </cell>
          <cell r="S2869">
            <v>5503202</v>
          </cell>
          <cell r="T2869">
            <v>54620958</v>
          </cell>
          <cell r="V2869" t="str">
            <v>tq632889</v>
          </cell>
          <cell r="W2869" t="str">
            <v>md199993</v>
          </cell>
          <cell r="Y2869" t="str">
            <v/>
          </cell>
          <cell r="Z2869" t="str">
            <v/>
          </cell>
          <cell r="AA2869" t="str">
            <v/>
          </cell>
          <cell r="AB2869" t="str">
            <v/>
          </cell>
          <cell r="AC2869" t="str">
            <v/>
          </cell>
          <cell r="AD2869" t="str">
            <v/>
          </cell>
          <cell r="AE2869" t="str">
            <v>１；２；３；４；</v>
          </cell>
          <cell r="AF2869" t="str">
            <v>歯科用機器（診療台など）・歯科材料・薬品など各メーカー品を販売しています。</v>
          </cell>
        </row>
        <row r="2870">
          <cell r="B2870">
            <v>11553</v>
          </cell>
          <cell r="C2870" t="str">
            <v>(株)スイタ情報システム</v>
          </cell>
          <cell r="D2870" t="str">
            <v>06-6453-9405</v>
          </cell>
          <cell r="E2870" t="str">
            <v>531-0076</v>
          </cell>
          <cell r="F2870" t="str">
            <v>大阪府大阪市北区大淀中2-1-1</v>
          </cell>
          <cell r="G2870" t="str">
            <v>大阪市</v>
          </cell>
          <cell r="H2870" t="str">
            <v>大阪本社</v>
          </cell>
          <cell r="I2870" t="str">
            <v>取締役 河村　吉則</v>
          </cell>
          <cell r="J2870" t="str">
            <v>東京都</v>
          </cell>
          <cell r="K2870" t="str">
            <v>06-6453-9423</v>
          </cell>
          <cell r="L2870" t="str">
            <v>sales@suita.co.jp</v>
          </cell>
          <cell r="M2870" t="str">
            <v>ｽｲﾀｼﾞｮｳﾎｳｼｽﾃﾑ</v>
          </cell>
          <cell r="N2870" t="str">
            <v>有</v>
          </cell>
          <cell r="O2870">
            <v>61</v>
          </cell>
          <cell r="P2870">
            <v>121</v>
          </cell>
          <cell r="Q2870">
            <v>5120001065397</v>
          </cell>
          <cell r="R2870">
            <v>78000</v>
          </cell>
          <cell r="S2870">
            <v>1488907</v>
          </cell>
          <cell r="T2870">
            <v>2546295</v>
          </cell>
          <cell r="V2870" t="str">
            <v>dq661668</v>
          </cell>
          <cell r="W2870" t="str">
            <v>hp163748</v>
          </cell>
          <cell r="Y2870" t="str">
            <v>080，14，36，44，50，</v>
          </cell>
          <cell r="Z2870">
            <v>36</v>
          </cell>
          <cell r="AA2870">
            <v>50</v>
          </cell>
          <cell r="AB2870">
            <v>44</v>
          </cell>
          <cell r="AC2870">
            <v>80</v>
          </cell>
          <cell r="AD2870" t="str">
            <v>各種情報通信機器によるネットワークシステムの構築から導入、施工、メンテナンスに至る一貫した業務を行っております。</v>
          </cell>
          <cell r="AE2870" t="str">
            <v>１；電子交換機、電話機、パソコン、音声情報案内装置、テレビ会議システム、無線機（防災・行政・水道事業用）等。仕入先（株）日立情報通信エンジニアリング（代理店）、（株）日立国際電気（特約店）２；電話設備・無線設備等保守点検業務。建設業許可（電・通・機）３；ＯＡ機器、パソコン及び周辺機器のリース・レンタル４；直流電源装置・蓄電池・無停電電源装置・ＣＶＣＦ等。仕入先（株）ＧＳユアサ（代理店）</v>
          </cell>
          <cell r="AF2870" t="str">
            <v>各種情報通信機器について、販売から設置・メンテナンスに至るまで一貫した業務を行っている。特に、通信設備（有線・無線）やＬＡＮの設置を得意としている。また　様々な情報機器を結合させ顧客毎に独自のネットワークシステムを構築・提案している。</v>
          </cell>
        </row>
        <row r="2871">
          <cell r="B2871">
            <v>11556</v>
          </cell>
          <cell r="C2871" t="str">
            <v>(株)しんせん警備</v>
          </cell>
          <cell r="D2871" t="str">
            <v>072-775-1379</v>
          </cell>
          <cell r="E2871" t="str">
            <v>664-0027</v>
          </cell>
          <cell r="F2871" t="str">
            <v>兵庫県伊丹市池尻7-204</v>
          </cell>
          <cell r="G2871" t="str">
            <v>伊丹市</v>
          </cell>
          <cell r="H2871" t="str">
            <v/>
          </cell>
          <cell r="I2871" t="str">
            <v>代表取締役 池野　啓三</v>
          </cell>
          <cell r="J2871" t="str">
            <v>本店</v>
          </cell>
          <cell r="K2871" t="str">
            <v>072-779-9210</v>
          </cell>
          <cell r="L2871" t="str">
            <v>sinsengumi@kss.biglobe.ne.jp</v>
          </cell>
          <cell r="M2871" t="str">
            <v>ｼﾝｾﾝｸﾞﾐｹｲﾋﾞ</v>
          </cell>
          <cell r="N2871" t="str">
            <v>無</v>
          </cell>
          <cell r="O2871">
            <v>24</v>
          </cell>
          <cell r="P2871">
            <v>30</v>
          </cell>
          <cell r="Q2871">
            <v>9140001078435</v>
          </cell>
          <cell r="R2871">
            <v>10000</v>
          </cell>
          <cell r="S2871">
            <v>11080</v>
          </cell>
          <cell r="T2871">
            <v>58321</v>
          </cell>
          <cell r="V2871" t="str">
            <v>cg268187</v>
          </cell>
          <cell r="W2871" t="str">
            <v>fs143316</v>
          </cell>
          <cell r="Y2871" t="str">
            <v>45，</v>
          </cell>
          <cell r="Z2871" t="str">
            <v/>
          </cell>
          <cell r="AA2871" t="str">
            <v/>
          </cell>
          <cell r="AB2871" t="str">
            <v/>
          </cell>
          <cell r="AC2871" t="str">
            <v/>
          </cell>
          <cell r="AD2871" t="str">
            <v/>
          </cell>
          <cell r="AE2871" t="str">
            <v>１；２；３；４；</v>
          </cell>
          <cell r="AF2871" t="str">
            <v>伊丹市・尼崎市・宝塚市・その他近隣地区の施設警備、雑踏警備、交通誘導警備を行っております。</v>
          </cell>
        </row>
        <row r="2872">
          <cell r="B2872">
            <v>11558</v>
          </cell>
          <cell r="C2872" t="str">
            <v>富士通(株)</v>
          </cell>
          <cell r="D2872" t="str">
            <v>078-361-2838</v>
          </cell>
          <cell r="E2872" t="str">
            <v>650-0044</v>
          </cell>
          <cell r="F2872" t="str">
            <v>兵庫県神戸市中央区東川崎町1-7-4</v>
          </cell>
          <cell r="G2872" t="str">
            <v>神戸市</v>
          </cell>
          <cell r="H2872" t="str">
            <v>神戸支社</v>
          </cell>
          <cell r="I2872" t="str">
            <v>支社長 古見　知康</v>
          </cell>
          <cell r="J2872" t="str">
            <v>神奈川県川崎市</v>
          </cell>
          <cell r="K2872" t="str">
            <v>078-361-3109</v>
          </cell>
          <cell r="L2872" t="str">
            <v>fiss-kansai-kobe@dl.jp.fujitsu.com</v>
          </cell>
          <cell r="M2872" t="str">
            <v>ﾌｼﾞﾂｳ</v>
          </cell>
          <cell r="N2872" t="str">
            <v>有</v>
          </cell>
          <cell r="O2872">
            <v>82</v>
          </cell>
          <cell r="P2872">
            <v>32969</v>
          </cell>
          <cell r="Q2872">
            <v>1020001071491</v>
          </cell>
          <cell r="R2872">
            <v>324625075</v>
          </cell>
          <cell r="S2872">
            <v>810670000</v>
          </cell>
          <cell r="T2872">
            <v>4098379000</v>
          </cell>
          <cell r="V2872" t="str">
            <v>ba146514</v>
          </cell>
          <cell r="W2872" t="str">
            <v>qq196389</v>
          </cell>
          <cell r="Y2872" t="str">
            <v>014，14，36，44，50，57，58，</v>
          </cell>
          <cell r="Z2872">
            <v>36</v>
          </cell>
          <cell r="AA2872">
            <v>58</v>
          </cell>
          <cell r="AB2872">
            <v>57</v>
          </cell>
          <cell r="AC2872">
            <v>14</v>
          </cell>
          <cell r="AD2872" t="str">
            <v/>
          </cell>
          <cell r="AE2872" t="str">
            <v>１；通信機、設置、情報処理機器の製造及び販売２；ソフトウェアの作成及び販売３；情報処理業務に付帯または関連する一切の業務４；情報通信機に付帯する装置の製造及び販売</v>
          </cell>
          <cell r="AF2872" t="str">
            <v>コンピュータ及びネットワーク機器に関する電気通信機及び付帯工事に実績あり</v>
          </cell>
        </row>
        <row r="2873">
          <cell r="B2873">
            <v>11559</v>
          </cell>
          <cell r="C2873" t="str">
            <v>ジータセキュリティ(株)</v>
          </cell>
          <cell r="D2873" t="str">
            <v>06-6438-6606</v>
          </cell>
          <cell r="E2873" t="str">
            <v>661-0033</v>
          </cell>
          <cell r="F2873" t="str">
            <v>兵庫県尼崎市南武庫之荘1-19-9</v>
          </cell>
          <cell r="G2873" t="str">
            <v>尼崎市</v>
          </cell>
          <cell r="H2873" t="str">
            <v/>
          </cell>
          <cell r="I2873" t="str">
            <v>代表取締役 福田　悦子</v>
          </cell>
          <cell r="J2873" t="str">
            <v>本店</v>
          </cell>
          <cell r="K2873" t="str">
            <v>06-6438-6669</v>
          </cell>
          <cell r="L2873" t="str">
            <v/>
          </cell>
          <cell r="M2873" t="str">
            <v>ｼﾞｰﾀｾｷｭﾘﾃｨ</v>
          </cell>
          <cell r="N2873" t="str">
            <v>無</v>
          </cell>
          <cell r="O2873">
            <v>27</v>
          </cell>
          <cell r="P2873">
            <v>41</v>
          </cell>
          <cell r="Q2873">
            <v>4140001049093</v>
          </cell>
          <cell r="R2873">
            <v>20000</v>
          </cell>
          <cell r="S2873">
            <v>-26645</v>
          </cell>
          <cell r="T2873">
            <v>110275</v>
          </cell>
          <cell r="V2873" t="str">
            <v>se373999</v>
          </cell>
          <cell r="W2873" t="str">
            <v>jd187833</v>
          </cell>
          <cell r="Y2873" t="str">
            <v>45，</v>
          </cell>
          <cell r="Z2873" t="str">
            <v/>
          </cell>
          <cell r="AA2873" t="str">
            <v/>
          </cell>
          <cell r="AB2873" t="str">
            <v/>
          </cell>
          <cell r="AC2873" t="str">
            <v/>
          </cell>
          <cell r="AD2873" t="str">
            <v/>
          </cell>
          <cell r="AE2873" t="str">
            <v>１；交通誘導警備を主とする雑踏警備、駐車場管理、常駐警備、その他イベント警備への参加２；３；４；</v>
          </cell>
          <cell r="AF2873" t="str">
            <v>弊社は平成３年創設時より「信頼と安全」を社訓とし、人材の育成をもっとうに法定の教育にとどめず、常日頃から反復して社員に対する指導教育を行い優秀警備員を提供していますが、お陰様で多くの顧客よりしかるべき評価を賜り、契約の継続を頂戴しております。</v>
          </cell>
        </row>
        <row r="2874">
          <cell r="B2874">
            <v>11560</v>
          </cell>
          <cell r="C2874" t="str">
            <v>(株)尼崎浄水工業所</v>
          </cell>
          <cell r="D2874" t="str">
            <v>06-6438-3343</v>
          </cell>
          <cell r="E2874" t="str">
            <v>661-0026</v>
          </cell>
          <cell r="F2874" t="str">
            <v>兵庫県尼崎市水堂町2-30-2</v>
          </cell>
          <cell r="G2874" t="str">
            <v>尼崎市</v>
          </cell>
          <cell r="H2874" t="str">
            <v/>
          </cell>
          <cell r="I2874" t="str">
            <v>代表取締役 梅本　年幸</v>
          </cell>
          <cell r="J2874" t="str">
            <v>本店</v>
          </cell>
          <cell r="K2874" t="str">
            <v>06-6438-0358</v>
          </cell>
          <cell r="L2874" t="str">
            <v>amajou@bca.bai.ne.jp</v>
          </cell>
          <cell r="M2874" t="str">
            <v>ｱﾏｶﾞｻｷｼﾞｮｳｽｲｺｳｷﾞｮｳｼｮ</v>
          </cell>
          <cell r="N2874" t="str">
            <v>無</v>
          </cell>
          <cell r="O2874">
            <v>42</v>
          </cell>
          <cell r="P2874">
            <v>12</v>
          </cell>
          <cell r="Q2874">
            <v>4140001047312</v>
          </cell>
          <cell r="R2874">
            <v>10000</v>
          </cell>
          <cell r="S2874">
            <v>122323</v>
          </cell>
          <cell r="T2874">
            <v>113874</v>
          </cell>
          <cell r="V2874" t="str">
            <v>qc307514</v>
          </cell>
          <cell r="W2874" t="str">
            <v>fb151737</v>
          </cell>
          <cell r="Y2874" t="str">
            <v>0[物品]，079，055，51，68，51，55，68，</v>
          </cell>
          <cell r="Z2874" t="str">
            <v/>
          </cell>
          <cell r="AA2874" t="str">
            <v/>
          </cell>
          <cell r="AB2874" t="str">
            <v/>
          </cell>
          <cell r="AC2874" t="str">
            <v/>
          </cell>
          <cell r="AD2874" t="str">
            <v/>
          </cell>
          <cell r="AE2874" t="str">
            <v>１；２；３；４；</v>
          </cell>
          <cell r="AF2874" t="str">
            <v>当社は多くの直系の作業員にも恵まれ最新式の多くの機械を保有している為、いかなる場所におきましても迅速な作業を行うことができます。</v>
          </cell>
        </row>
        <row r="2875">
          <cell r="B2875">
            <v>11564</v>
          </cell>
          <cell r="C2875" t="str">
            <v>(株)ニック</v>
          </cell>
          <cell r="D2875" t="str">
            <v>06-6334-2981</v>
          </cell>
          <cell r="E2875" t="str">
            <v>561-0841</v>
          </cell>
          <cell r="F2875" t="str">
            <v>大阪府豊中市名神口3-7-14</v>
          </cell>
          <cell r="G2875" t="str">
            <v>豊中市</v>
          </cell>
          <cell r="H2875" t="str">
            <v/>
          </cell>
          <cell r="I2875" t="str">
            <v>代表取締役　 松井　資宗</v>
          </cell>
          <cell r="J2875" t="str">
            <v>本店</v>
          </cell>
          <cell r="K2875" t="str">
            <v>06-6334-0460</v>
          </cell>
          <cell r="L2875" t="str">
            <v>info@nic-ing.co.jp</v>
          </cell>
          <cell r="M2875" t="str">
            <v>ﾆﾂｸ</v>
          </cell>
          <cell r="N2875" t="str">
            <v>無</v>
          </cell>
          <cell r="O2875">
            <v>60</v>
          </cell>
          <cell r="P2875">
            <v>60</v>
          </cell>
          <cell r="Q2875">
            <v>3120900000000</v>
          </cell>
          <cell r="R2875">
            <v>84000</v>
          </cell>
          <cell r="S2875">
            <v>1774245</v>
          </cell>
          <cell r="T2875">
            <v>7278640</v>
          </cell>
          <cell r="V2875" t="str">
            <v>vr466483</v>
          </cell>
          <cell r="W2875" t="str">
            <v>dt156999</v>
          </cell>
          <cell r="Y2875" t="str">
            <v>3.5.6.9.28.62</v>
          </cell>
          <cell r="Z2875">
            <v>9</v>
          </cell>
          <cell r="AA2875">
            <v>62</v>
          </cell>
          <cell r="AB2875" t="str">
            <v/>
          </cell>
          <cell r="AC2875" t="str">
            <v/>
          </cell>
          <cell r="AD2875" t="str">
            <v/>
          </cell>
          <cell r="AE2875" t="str">
            <v>１；２；カミ商事株式会社３；株式会社ニック４；</v>
          </cell>
          <cell r="AF2875" t="str">
            <v>環境に配慮した製品です。人々に優しい製品、環境を守る製品です。</v>
          </cell>
        </row>
        <row r="2876">
          <cell r="B2876">
            <v>11568</v>
          </cell>
          <cell r="C2876" t="str">
            <v>伸和サービス(株)</v>
          </cell>
          <cell r="D2876" t="str">
            <v>06-6351-0065</v>
          </cell>
          <cell r="E2876" t="str">
            <v>531-0041</v>
          </cell>
          <cell r="F2876" t="str">
            <v>大阪府大阪市北区天神橋7-7-5</v>
          </cell>
          <cell r="G2876" t="str">
            <v>大阪市</v>
          </cell>
          <cell r="H2876" t="str">
            <v/>
          </cell>
          <cell r="I2876" t="str">
            <v>代表取締役 高石　寧夫</v>
          </cell>
          <cell r="J2876" t="str">
            <v>本店</v>
          </cell>
          <cell r="K2876" t="str">
            <v>06-6882-0010</v>
          </cell>
          <cell r="L2876" t="str">
            <v>info@shinwa-service.co.jp</v>
          </cell>
          <cell r="M2876" t="str">
            <v>ｼﾝﾜｻｰﾋﾞｽ</v>
          </cell>
          <cell r="N2876" t="str">
            <v>無</v>
          </cell>
          <cell r="O2876">
            <v>53</v>
          </cell>
          <cell r="P2876">
            <v>305</v>
          </cell>
          <cell r="Q2876">
            <v>8120001065650</v>
          </cell>
          <cell r="R2876">
            <v>70000</v>
          </cell>
          <cell r="S2876">
            <v>862854</v>
          </cell>
          <cell r="T2876">
            <v>2224227</v>
          </cell>
          <cell r="V2876" t="str">
            <v>fv387992</v>
          </cell>
          <cell r="W2876" t="str">
            <v>ad171139</v>
          </cell>
          <cell r="Y2876" t="str">
            <v>054，02，45，46，47，48，49，50，52，53，54，55，</v>
          </cell>
          <cell r="Z2876">
            <v>46</v>
          </cell>
          <cell r="AA2876">
            <v>45</v>
          </cell>
          <cell r="AB2876">
            <v>48</v>
          </cell>
          <cell r="AC2876">
            <v>54</v>
          </cell>
          <cell r="AD2876" t="str">
            <v/>
          </cell>
          <cell r="AE2876" t="str">
            <v>１；設備管理、警備、清掃等を一括して行う建物総合管理業務に重点。資格：一般建設業、建築物環境衛生総合管理業、警備業、建築物飲料水貯水槽清掃業、建築物ねずみ昆虫等防除業２；庁舎・事務所・病院等の施設警備、機械警備、交通誘導業務、雑踏警備。資格：警備業、機械警備業務開始届３；庁舎・事務所・病院等における空調機器等機械設備の保守点検管理業務。４；庁舎・事務所・病院等における日常清掃及び定期清掃業務外。資格：建築物環境衛生総合管理業、医療関連サービスマーク（院内清掃）。</v>
          </cell>
          <cell r="AF2876" t="str">
            <v>建物・施設における設備管理、警備、清掃、環境衛生管理等の業務を一括して行う総合管理業務に注力しており、各業務の業務改善・効率化等を進めるべく努力しております。</v>
          </cell>
        </row>
        <row r="2877">
          <cell r="B2877">
            <v>11569</v>
          </cell>
          <cell r="C2877" t="str">
            <v>(有)大阪金剛</v>
          </cell>
          <cell r="D2877" t="str">
            <v>06-6427-2621</v>
          </cell>
          <cell r="E2877" t="str">
            <v>661-0025</v>
          </cell>
          <cell r="F2877" t="str">
            <v>兵庫県尼崎市立花町2-14-9-2</v>
          </cell>
          <cell r="G2877" t="str">
            <v>尼崎市</v>
          </cell>
          <cell r="H2877" t="str">
            <v/>
          </cell>
          <cell r="I2877" t="str">
            <v>取締役 古川　剛</v>
          </cell>
          <cell r="J2877" t="str">
            <v>本店</v>
          </cell>
          <cell r="K2877" t="str">
            <v>06-6427-2622</v>
          </cell>
          <cell r="L2877" t="str">
            <v>customer@osaka-kongo.co.jp</v>
          </cell>
          <cell r="M2877" t="str">
            <v>ｵｵｻｶｺﾝｺﾞｳ</v>
          </cell>
          <cell r="N2877" t="str">
            <v>無</v>
          </cell>
          <cell r="O2877">
            <v>32</v>
          </cell>
          <cell r="P2877">
            <v>6</v>
          </cell>
          <cell r="Q2877">
            <v>2140002040227</v>
          </cell>
          <cell r="R2877">
            <v>6000</v>
          </cell>
          <cell r="S2877">
            <v>842</v>
          </cell>
          <cell r="T2877">
            <v>96756</v>
          </cell>
          <cell r="V2877" t="str">
            <v>kn750881</v>
          </cell>
          <cell r="W2877" t="str">
            <v>ln179713</v>
          </cell>
          <cell r="Y2877" t="str">
            <v>041，36，41，42，</v>
          </cell>
          <cell r="Z2877">
            <v>42</v>
          </cell>
          <cell r="AA2877">
            <v>80</v>
          </cell>
          <cell r="AB2877">
            <v>36</v>
          </cell>
          <cell r="AC2877">
            <v>41</v>
          </cell>
          <cell r="AD2877" t="str">
            <v/>
          </cell>
          <cell r="AE2877" t="str">
            <v>１；測量機器　特）（株）ニコン・トリンブル　騒音振動計・ガス検知器・水質測定器・ＰＨ計・測量用品２；官民境界明示品・基準点鋲　代）（株）コノエ３；無線機４；実験機材　温度計</v>
          </cell>
          <cell r="AF2877" t="str">
            <v>創業以来（株）ニコン・トリンブル兵庫県の測量機器の代理店をしております。ここ最近は、伊丹市様を始めとして官民境界明示関連商品を近畿圏の各市町村に納入しております。</v>
          </cell>
        </row>
        <row r="2878">
          <cell r="B2878">
            <v>11571</v>
          </cell>
          <cell r="C2878" t="str">
            <v>(株)セゾンパーソナルプラス</v>
          </cell>
          <cell r="D2878" t="str">
            <v>03-3988-2123</v>
          </cell>
          <cell r="E2878" t="str">
            <v>170-0013</v>
          </cell>
          <cell r="F2878" t="str">
            <v>東京都豊島区東池袋1-33-8</v>
          </cell>
          <cell r="G2878" t="str">
            <v>東京都</v>
          </cell>
          <cell r="H2878" t="str">
            <v/>
          </cell>
          <cell r="I2878" t="str">
            <v>代表取締役 能城　成一郎</v>
          </cell>
          <cell r="J2878" t="str">
            <v>本店</v>
          </cell>
          <cell r="K2878" t="str">
            <v>03-3988-2084</v>
          </cell>
          <cell r="L2878" t="str">
            <v>koukyo@saison-psp.co.jp</v>
          </cell>
          <cell r="M2878" t="str">
            <v>ｾｿﾞﾝﾊﾟｰｿﾅﾙﾌﾟﾗｽ</v>
          </cell>
          <cell r="N2878" t="str">
            <v>無</v>
          </cell>
          <cell r="O2878">
            <v>17</v>
          </cell>
          <cell r="P2878">
            <v>653</v>
          </cell>
          <cell r="Q2878">
            <v>1013301028815</v>
          </cell>
          <cell r="R2878">
            <v>82119</v>
          </cell>
          <cell r="S2878">
            <v>4725</v>
          </cell>
          <cell r="T2878">
            <v>3914262</v>
          </cell>
          <cell r="V2878" t="str">
            <v>ph953838</v>
          </cell>
          <cell r="W2878" t="str">
            <v>iw197959</v>
          </cell>
          <cell r="Y2878" t="str">
            <v>56，57，</v>
          </cell>
          <cell r="Z2878">
            <v>80</v>
          </cell>
          <cell r="AA2878">
            <v>56</v>
          </cell>
          <cell r="AB2878">
            <v>57</v>
          </cell>
          <cell r="AC2878" t="str">
            <v/>
          </cell>
          <cell r="AD2878" t="str">
            <v/>
          </cell>
          <cell r="AE2878" t="str">
            <v>１；納付案内業務、窓口受付業務２；一般事務、封入封緘３；データ入力４；</v>
          </cell>
          <cell r="AF2878" t="str">
            <v>債権回収業務を経験したカウセリング能力、コンプライアンス遵守を基本に官公庁での納付案内業務実績が多くございます。また、近年は窓口業務の委託も始めており、お客様より評価をいただいております。</v>
          </cell>
        </row>
        <row r="2879">
          <cell r="B2879">
            <v>11574</v>
          </cell>
          <cell r="C2879" t="str">
            <v>ユタカ交通(株)</v>
          </cell>
          <cell r="D2879" t="str">
            <v>072-762-5600</v>
          </cell>
          <cell r="E2879" t="str">
            <v>530-0028</v>
          </cell>
          <cell r="F2879" t="str">
            <v>大阪府池田市住吉2-1-24</v>
          </cell>
          <cell r="G2879" t="str">
            <v>池田市</v>
          </cell>
          <cell r="H2879" t="str">
            <v/>
          </cell>
          <cell r="I2879" t="str">
            <v>代表取締役　 末永　政敏</v>
          </cell>
          <cell r="J2879" t="str">
            <v>本店</v>
          </cell>
          <cell r="K2879" t="str">
            <v>072-762-6155</v>
          </cell>
          <cell r="L2879" t="str">
            <v/>
          </cell>
          <cell r="M2879" t="str">
            <v>ﾕﾀｶｺｳﾂｳｶﾌﾞｼｷｶﾞｲｼﾔ</v>
          </cell>
          <cell r="N2879" t="str">
            <v>無</v>
          </cell>
          <cell r="O2879">
            <v>24</v>
          </cell>
          <cell r="P2879">
            <v>112</v>
          </cell>
          <cell r="Q2879">
            <v>9120900000000</v>
          </cell>
          <cell r="R2879">
            <v>40000</v>
          </cell>
          <cell r="S2879">
            <v>462363</v>
          </cell>
          <cell r="T2879">
            <v>1651934</v>
          </cell>
          <cell r="V2879" t="str">
            <v>qg109273</v>
          </cell>
          <cell r="W2879" t="str">
            <v>zt199933</v>
          </cell>
          <cell r="Y2879">
            <v>67</v>
          </cell>
          <cell r="Z2879" t="str">
            <v/>
          </cell>
          <cell r="AA2879" t="str">
            <v/>
          </cell>
          <cell r="AB2879" t="str">
            <v/>
          </cell>
          <cell r="AC2879" t="str">
            <v/>
          </cell>
          <cell r="AD2879" t="str">
            <v/>
          </cell>
          <cell r="AE2879" t="str">
            <v>１；２；貸切バス３；４；</v>
          </cell>
          <cell r="AF2879" t="str">
            <v>一般団体、学校関係の校外学習などの貸切バスを運行している。また、旅行業者との連携で観光ツアーへのバス提供も行っている。高速夜行バスを「ユタカライナー」の名称で日々３２便、自社運行しており関東⇔関西、関西⇔九州をつないでいる。</v>
          </cell>
        </row>
        <row r="2880">
          <cell r="B2880">
            <v>11579</v>
          </cell>
          <cell r="C2880" t="str">
            <v>阪神スポーツ</v>
          </cell>
          <cell r="D2880" t="str">
            <v>772-2802</v>
          </cell>
          <cell r="E2880" t="str">
            <v>532-0011</v>
          </cell>
          <cell r="F2880" t="str">
            <v>伊丹市西台3丁目9番17号</v>
          </cell>
          <cell r="G2880" t="str">
            <v>伊丹市</v>
          </cell>
          <cell r="H2880" t="str">
            <v/>
          </cell>
          <cell r="I2880" t="str">
            <v>田村　 滋</v>
          </cell>
          <cell r="J2880" t="str">
            <v>本店</v>
          </cell>
          <cell r="K2880" t="str">
            <v>782-2316</v>
          </cell>
          <cell r="L2880" t="str">
            <v/>
          </cell>
          <cell r="M2880" t="str">
            <v>ﾊﾝｼﾝ</v>
          </cell>
          <cell r="N2880" t="str">
            <v>無</v>
          </cell>
          <cell r="O2880">
            <v>52</v>
          </cell>
          <cell r="P2880">
            <v>5</v>
          </cell>
          <cell r="Q2880" t="str">
            <v/>
          </cell>
          <cell r="R2880" t="str">
            <v/>
          </cell>
          <cell r="S2880" t="str">
            <v/>
          </cell>
          <cell r="T2880" t="str">
            <v/>
          </cell>
          <cell r="V2880" t="str">
            <v>we396701</v>
          </cell>
          <cell r="W2880" t="str">
            <v>tz177195</v>
          </cell>
          <cell r="Y2880" t="str">
            <v>7.8.12.17.20</v>
          </cell>
          <cell r="Z2880">
            <v>20</v>
          </cell>
          <cell r="AA2880">
            <v>7</v>
          </cell>
          <cell r="AB2880">
            <v>8</v>
          </cell>
          <cell r="AC2880">
            <v>12</v>
          </cell>
          <cell r="AD2880" t="str">
            <v/>
          </cell>
          <cell r="AE2880" t="str">
            <v>１；２；スポーツ用品３；旗・幕４；記念品</v>
          </cell>
          <cell r="AF2880" t="str">
            <v>小さな店　大きい信用</v>
          </cell>
        </row>
        <row r="2881">
          <cell r="B2881">
            <v>11580</v>
          </cell>
          <cell r="C2881" t="str">
            <v>(有)ハーモニー楽器</v>
          </cell>
          <cell r="D2881" t="str">
            <v>06-6416-8896</v>
          </cell>
          <cell r="E2881" t="str">
            <v>660-0052</v>
          </cell>
          <cell r="F2881" t="str">
            <v>尼崎市七松町1丁目10番29号</v>
          </cell>
          <cell r="G2881" t="str">
            <v>尼崎市</v>
          </cell>
          <cell r="H2881" t="str">
            <v/>
          </cell>
          <cell r="I2881" t="str">
            <v>代表取締役　 福永　一矢</v>
          </cell>
          <cell r="J2881" t="str">
            <v>本店</v>
          </cell>
          <cell r="K2881" t="str">
            <v>06-7500-5672</v>
          </cell>
          <cell r="L2881" t="str">
            <v/>
          </cell>
          <cell r="M2881" t="str">
            <v>ﾕ)ﾊ-ﾓﾆ-ｶﾞﾂｷ</v>
          </cell>
          <cell r="N2881" t="str">
            <v>無</v>
          </cell>
          <cell r="O2881">
            <v>19</v>
          </cell>
          <cell r="P2881">
            <v>3</v>
          </cell>
          <cell r="Q2881">
            <v>5140002042105</v>
          </cell>
          <cell r="R2881">
            <v>300</v>
          </cell>
          <cell r="S2881" t="str">
            <v/>
          </cell>
          <cell r="T2881">
            <v>138983000</v>
          </cell>
          <cell r="V2881" t="str">
            <v>xy469771</v>
          </cell>
          <cell r="W2881" t="str">
            <v>fq139275</v>
          </cell>
          <cell r="Y2881">
            <v>18</v>
          </cell>
          <cell r="Z2881">
            <v>18</v>
          </cell>
          <cell r="AA2881" t="str">
            <v/>
          </cell>
          <cell r="AB2881" t="str">
            <v/>
          </cell>
          <cell r="AC2881" t="str">
            <v/>
          </cell>
          <cell r="AD2881" t="str">
            <v/>
          </cell>
          <cell r="AE2881" t="str">
            <v>１；２；学校教育楽器３；４；</v>
          </cell>
          <cell r="AF2881" t="str">
            <v>幼、小、中、高校などの音楽授業、吹奏楽部などに使う楽器、修理、その他音楽に関するものを納入させていただいています。少子化の中、いろいろと考え、前むきに子供達のためにやっていきたいと思います。</v>
          </cell>
        </row>
        <row r="2882">
          <cell r="B2882">
            <v>11581</v>
          </cell>
          <cell r="C2882" t="str">
            <v>シンレキ工業(株)</v>
          </cell>
          <cell r="D2882" t="str">
            <v>0743-84-0971</v>
          </cell>
          <cell r="E2882" t="str">
            <v>632-0112</v>
          </cell>
          <cell r="F2882" t="str">
            <v>奈良県奈良市針ヶ別所町147-1</v>
          </cell>
          <cell r="G2882" t="str">
            <v>奈良市</v>
          </cell>
          <cell r="H2882" t="str">
            <v>関西事業所</v>
          </cell>
          <cell r="I2882" t="str">
            <v>所長 茂呂　康輝</v>
          </cell>
          <cell r="J2882" t="str">
            <v>東京都</v>
          </cell>
          <cell r="K2882" t="str">
            <v>0743-84-0973</v>
          </cell>
          <cell r="L2882" t="str">
            <v>kansai@shinreki.co.jp</v>
          </cell>
          <cell r="M2882" t="str">
            <v>ｼﾝﾚｷｺｳｷﾞｮｳ</v>
          </cell>
          <cell r="N2882" t="str">
            <v>有</v>
          </cell>
          <cell r="O2882">
            <v>62</v>
          </cell>
          <cell r="P2882">
            <v>115</v>
          </cell>
          <cell r="Q2882">
            <v>6010801005785</v>
          </cell>
          <cell r="R2882">
            <v>250000</v>
          </cell>
          <cell r="S2882">
            <v>1395211</v>
          </cell>
          <cell r="T2882">
            <v>2293930</v>
          </cell>
          <cell r="V2882" t="str">
            <v>ku993066</v>
          </cell>
          <cell r="W2882" t="str">
            <v>mz177583</v>
          </cell>
          <cell r="Y2882" t="str">
            <v>33，</v>
          </cell>
          <cell r="Z2882" t="str">
            <v/>
          </cell>
          <cell r="AA2882" t="str">
            <v/>
          </cell>
          <cell r="AB2882" t="str">
            <v/>
          </cell>
          <cell r="AC2882" t="str">
            <v/>
          </cell>
          <cell r="AD2882" t="str">
            <v/>
          </cell>
          <cell r="AE2882" t="str">
            <v>１；全天候型常温合材２；３；４；</v>
          </cell>
          <cell r="AF2882" t="str">
            <v>道路舗装の補修材の製造及び販売</v>
          </cell>
        </row>
        <row r="2883">
          <cell r="B2883">
            <v>11582</v>
          </cell>
          <cell r="C2883" t="str">
            <v>(株)セーフティーアイランド</v>
          </cell>
          <cell r="D2883" t="str">
            <v>078-412-4477</v>
          </cell>
          <cell r="E2883" t="str">
            <v>658-0024</v>
          </cell>
          <cell r="F2883" t="str">
            <v>兵庫県神戸市東灘区魚崎浜町16-7</v>
          </cell>
          <cell r="G2883" t="str">
            <v>神戸市</v>
          </cell>
          <cell r="H2883" t="str">
            <v/>
          </cell>
          <cell r="I2883" t="str">
            <v>代表取締役 滝谷　繁</v>
          </cell>
          <cell r="J2883" t="str">
            <v>本店</v>
          </cell>
          <cell r="K2883" t="str">
            <v>078-412-1980</v>
          </cell>
          <cell r="L2883" t="str">
            <v>si-takitani@golila.co.jp</v>
          </cell>
          <cell r="M2883" t="str">
            <v>ｾｰﾌﾃｨｰｱｲﾗﾝﾄﾞ</v>
          </cell>
          <cell r="N2883" t="str">
            <v>無</v>
          </cell>
          <cell r="O2883">
            <v>16</v>
          </cell>
          <cell r="P2883">
            <v>25</v>
          </cell>
          <cell r="Q2883">
            <v>7140001021561</v>
          </cell>
          <cell r="R2883">
            <v>21000</v>
          </cell>
          <cell r="S2883">
            <v>453542</v>
          </cell>
          <cell r="T2883">
            <v>2582073</v>
          </cell>
          <cell r="V2883" t="str">
            <v>uh458928</v>
          </cell>
          <cell r="W2883" t="str">
            <v>qk169937</v>
          </cell>
          <cell r="Y2883" t="str">
            <v>31，68，</v>
          </cell>
          <cell r="Z2883">
            <v>68</v>
          </cell>
          <cell r="AA2883">
            <v>80</v>
          </cell>
          <cell r="AB2883">
            <v>31</v>
          </cell>
          <cell r="AC2883" t="str">
            <v/>
          </cell>
          <cell r="AD2883" t="str">
            <v/>
          </cell>
          <cell r="AE2883" t="str">
            <v>１；産業廃棄物中間処理施設を所有しており、産業廃棄物及び不法投棄物、災害瓦礫は収集・運搬・処分・リサイクルを一貫して行うことが可能です。災害ゴミは集積場所で選別し、品目毎に処理をします。２；【汚染土壌処理・調査】神戸市東灘区に汚染土壌浄化プラント・洗浄水浄化プラントを所有しており、汚染土壌の調査・浄化に関する様々な許可及び実績があります。３；土石・骨材は再生路盤材（ＲＣ－４０）を製造、販売します。４；</v>
          </cell>
          <cell r="AF2883" t="str">
            <v>産業廃棄物の取り扱いや汚染土壌処理に関して豊富な知識と実績があります。神戸市内に建設廃材中間処理施設と汚染土壌浄化システムを所有しており、天然資源のリサイクルを通して地域社会の環境に配慮した事業活動を展開し、環境と調和した豊かな社会の実現を目指します。</v>
          </cell>
        </row>
        <row r="2884">
          <cell r="B2884">
            <v>11585</v>
          </cell>
          <cell r="C2884" t="str">
            <v>オギノスポーツ</v>
          </cell>
          <cell r="D2884" t="str">
            <v>072-782-5246</v>
          </cell>
          <cell r="E2884" t="str">
            <v>541-0053</v>
          </cell>
          <cell r="F2884" t="str">
            <v>伊丹市宮ﾉ前3丁目4-25</v>
          </cell>
          <cell r="G2884" t="str">
            <v>伊丹市</v>
          </cell>
          <cell r="H2884" t="str">
            <v/>
          </cell>
          <cell r="I2884" t="str">
            <v>荻野　 治郎</v>
          </cell>
          <cell r="J2884" t="str">
            <v>本店</v>
          </cell>
          <cell r="K2884" t="str">
            <v>072-782-5246</v>
          </cell>
          <cell r="L2884" t="str">
            <v/>
          </cell>
          <cell r="M2884" t="str">
            <v/>
          </cell>
          <cell r="N2884" t="str">
            <v>無</v>
          </cell>
          <cell r="O2884">
            <v>30</v>
          </cell>
          <cell r="P2884">
            <v>2</v>
          </cell>
          <cell r="Q2884" t="str">
            <v/>
          </cell>
          <cell r="R2884" t="str">
            <v/>
          </cell>
          <cell r="S2884" t="str">
            <v/>
          </cell>
          <cell r="T2884" t="str">
            <v/>
          </cell>
          <cell r="V2884" t="str">
            <v>xq637313</v>
          </cell>
          <cell r="W2884" t="str">
            <v>on187851</v>
          </cell>
          <cell r="Y2884">
            <v>20</v>
          </cell>
          <cell r="Z2884">
            <v>20</v>
          </cell>
          <cell r="AA2884" t="str">
            <v/>
          </cell>
          <cell r="AB2884" t="str">
            <v/>
          </cell>
          <cell r="AC2884" t="str">
            <v/>
          </cell>
          <cell r="AD2884" t="str">
            <v/>
          </cell>
          <cell r="AE2884" t="str">
            <v>１；２；スポーツ用品３；４；</v>
          </cell>
          <cell r="AF2884" t="str">
            <v>スポーツ用品</v>
          </cell>
        </row>
        <row r="2885">
          <cell r="B2885">
            <v>11587</v>
          </cell>
          <cell r="C2885" t="str">
            <v>三井住友トラスト・パナソニックファイナンス(株)</v>
          </cell>
          <cell r="D2885" t="str">
            <v>03-6858-9203</v>
          </cell>
          <cell r="E2885" t="str">
            <v>105-0023</v>
          </cell>
          <cell r="F2885" t="str">
            <v>東京都港区芝浦1-2-3</v>
          </cell>
          <cell r="G2885" t="str">
            <v>東京都</v>
          </cell>
          <cell r="H2885" t="str">
            <v/>
          </cell>
          <cell r="I2885" t="str">
            <v>代表取締役 西野　敏哉</v>
          </cell>
          <cell r="J2885" t="str">
            <v>本店</v>
          </cell>
          <cell r="K2885" t="str">
            <v>03-6858-9172</v>
          </cell>
          <cell r="L2885" t="str">
            <v>ohontenpanakankocho@smtpfc.jp</v>
          </cell>
          <cell r="M2885" t="str">
            <v>ﾐﾂｲｽﾐﾄﾓﾄﾗｽﾄ･ﾊﾟﾅｿﾆｯｸﾌｧｲﾅﾝｽ</v>
          </cell>
          <cell r="N2885" t="str">
            <v>無</v>
          </cell>
          <cell r="O2885">
            <v>67</v>
          </cell>
          <cell r="P2885">
            <v>1041</v>
          </cell>
          <cell r="Q2885">
            <v>1010001146146</v>
          </cell>
          <cell r="R2885">
            <v>25584462</v>
          </cell>
          <cell r="S2885">
            <v>164183000</v>
          </cell>
          <cell r="T2885">
            <v>217422000</v>
          </cell>
          <cell r="V2885" t="str">
            <v>qz575460</v>
          </cell>
          <cell r="W2885" t="str">
            <v>wa187799</v>
          </cell>
          <cell r="Y2885" t="str">
            <v>44，</v>
          </cell>
          <cell r="Z2885" t="str">
            <v/>
          </cell>
          <cell r="AA2885" t="str">
            <v/>
          </cell>
          <cell r="AB2885" t="str">
            <v/>
          </cell>
          <cell r="AC2885" t="str">
            <v/>
          </cell>
          <cell r="AD2885" t="str">
            <v/>
          </cell>
          <cell r="AE2885" t="str">
            <v>１；情報通信機器、事務用機器、道路照明灯、商業機器、医療機器、建設機械等のリース　高度管理医療機器等販売業・賃貸業許可証　第４５０１０３１３０００４５号２；３；４；</v>
          </cell>
          <cell r="AF2885" t="str">
            <v>三井住友トラスト・グループとパナソニックグループを基盤とした大企業、中小企業から個人まで幅広いお客様に対し、リース・クレジット・カード・ファイナンス等、多彩で高度な金融商品を提供する総合ファイナンス会社です。</v>
          </cell>
        </row>
        <row r="2886">
          <cell r="B2886">
            <v>11588</v>
          </cell>
          <cell r="C2886" t="str">
            <v>日立グローバルライフソリューションズ(株)</v>
          </cell>
          <cell r="D2886" t="str">
            <v>050-3174-8976</v>
          </cell>
          <cell r="E2886" t="str">
            <v>532-0022</v>
          </cell>
          <cell r="F2886" t="str">
            <v>大阪府大阪市淀川区野中南2-11-27</v>
          </cell>
          <cell r="G2886" t="str">
            <v>大阪市</v>
          </cell>
          <cell r="H2886" t="str">
            <v>関西サービスエンジニアリングセンタ</v>
          </cell>
          <cell r="I2886" t="str">
            <v>センタ長 渡辺　光正</v>
          </cell>
          <cell r="J2886" t="str">
            <v>東京都</v>
          </cell>
          <cell r="K2886" t="str">
            <v>050-3174-8978</v>
          </cell>
          <cell r="L2886" t="str">
            <v>chihiro.ohnogi.wj@hitachi.com</v>
          </cell>
          <cell r="M2886" t="str">
            <v>ﾋﾀﾁｱﾌﾟﾗｲｱﾝｽ</v>
          </cell>
          <cell r="N2886" t="str">
            <v>有</v>
          </cell>
          <cell r="O2886">
            <v>18</v>
          </cell>
          <cell r="P2886">
            <v>3868</v>
          </cell>
          <cell r="Q2886">
            <v>8010401057011</v>
          </cell>
          <cell r="R2886">
            <v>20000000</v>
          </cell>
          <cell r="S2886">
            <v>60495097</v>
          </cell>
          <cell r="T2886">
            <v>338889002</v>
          </cell>
          <cell r="V2886" t="str">
            <v>zc877857</v>
          </cell>
          <cell r="W2886" t="str">
            <v>ah135365</v>
          </cell>
          <cell r="Y2886" t="str">
            <v>35，46，48，</v>
          </cell>
          <cell r="Z2886">
            <v>48</v>
          </cell>
          <cell r="AA2886">
            <v>46</v>
          </cell>
          <cell r="AB2886">
            <v>35</v>
          </cell>
          <cell r="AC2886" t="str">
            <v/>
          </cell>
          <cell r="AD2886" t="str">
            <v/>
          </cell>
          <cell r="AE2886" t="str">
            <v>１；空調設備保守点検２；空調設備保守点検３；パッケージエアコン、チラーユニット、冷凍機器４；</v>
          </cell>
          <cell r="AF2886" t="str">
            <v>空調機器・冷凍機器等製造販売、工事、サービス</v>
          </cell>
        </row>
        <row r="2887">
          <cell r="B2887">
            <v>11590</v>
          </cell>
          <cell r="C2887" t="str">
            <v>日本写真判定(株)</v>
          </cell>
          <cell r="D2887" t="str">
            <v>03-3265-4851</v>
          </cell>
          <cell r="E2887" t="str">
            <v>102-0071</v>
          </cell>
          <cell r="F2887" t="str">
            <v>東京都千代田区富士見2-4-11</v>
          </cell>
          <cell r="G2887" t="str">
            <v>東京都</v>
          </cell>
          <cell r="H2887" t="str">
            <v/>
          </cell>
          <cell r="I2887" t="str">
            <v>代表取締役 渡辺　俊太郎</v>
          </cell>
          <cell r="J2887" t="str">
            <v>本店</v>
          </cell>
          <cell r="K2887" t="str">
            <v>03-3239-4685</v>
          </cell>
          <cell r="L2887" t="str">
            <v>soumu@shashin-hantei.co.jp</v>
          </cell>
          <cell r="M2887" t="str">
            <v>ﾆﾎﾝｼｬｼﾝﾊﾝﾃｲ</v>
          </cell>
          <cell r="N2887" t="str">
            <v>無</v>
          </cell>
          <cell r="O2887">
            <v>39</v>
          </cell>
          <cell r="P2887">
            <v>168</v>
          </cell>
          <cell r="Q2887">
            <v>1010001033237</v>
          </cell>
          <cell r="R2887">
            <v>30000</v>
          </cell>
          <cell r="S2887">
            <v>8371963</v>
          </cell>
          <cell r="T2887">
            <v>7124065</v>
          </cell>
          <cell r="V2887" t="str">
            <v>ed478907</v>
          </cell>
          <cell r="W2887" t="str">
            <v>ox159151</v>
          </cell>
          <cell r="Y2887" t="str">
            <v>065，35，44，45，50，63，64，65，66，</v>
          </cell>
          <cell r="Z2887">
            <v>80</v>
          </cell>
          <cell r="AA2887">
            <v>44</v>
          </cell>
          <cell r="AB2887">
            <v>35</v>
          </cell>
          <cell r="AC2887">
            <v>65</v>
          </cell>
          <cell r="AD2887" t="str">
            <v/>
          </cell>
          <cell r="AE2887" t="str">
            <v>１；モーターボート競走場内実況テレビ、大型映像、監視テレビ等の放映業務２；公営競技場関連機器、視聴覚機器、放送用機器のリース　ＪＶＣケンウッド、パナソニック、池上通信機、日立国際電気３；テレビカメラ、監視カメラ、モニターテレビ、ＶＴＲ等の放送用機器　ＪＶＣケンウッド、パナソニック、池上通信機、日立国際電気４；モーターボート尼崎におけるＰＲ業務</v>
          </cell>
          <cell r="AF2887" t="str">
            <v>主に公営競技全般における着順判定写真の撮影、場内ファンサービス用テレビ・監視テレビ等の放映における、多年の実績を持ちます。</v>
          </cell>
        </row>
        <row r="2888">
          <cell r="B2888">
            <v>11592</v>
          </cell>
          <cell r="C2888" t="str">
            <v>兵庫日産自動車(株)</v>
          </cell>
          <cell r="D2888" t="str">
            <v>078-251-5524</v>
          </cell>
          <cell r="E2888" t="str">
            <v>653-0012</v>
          </cell>
          <cell r="F2888" t="str">
            <v>兵庫県神戸市長田区2番町4-50</v>
          </cell>
          <cell r="G2888" t="str">
            <v>神戸市</v>
          </cell>
          <cell r="H2888" t="str">
            <v>法人営業部</v>
          </cell>
          <cell r="I2888" t="str">
            <v>理事 中村　寛</v>
          </cell>
          <cell r="J2888" t="str">
            <v>兵庫県神戸市</v>
          </cell>
          <cell r="K2888" t="str">
            <v>078-251-5090</v>
          </cell>
          <cell r="L2888" t="str">
            <v>ueda-hirokazu@hyogo-nissan.co.jp</v>
          </cell>
          <cell r="M2888" t="str">
            <v>ﾋｮｳｺﾞﾆｯｻﾝｼﾞﾄﾞｳｼｬ</v>
          </cell>
          <cell r="N2888" t="str">
            <v>有</v>
          </cell>
          <cell r="O2888">
            <v>74</v>
          </cell>
          <cell r="P2888">
            <v>1082</v>
          </cell>
          <cell r="Q2888">
            <v>6140001024862</v>
          </cell>
          <cell r="R2888">
            <v>90000</v>
          </cell>
          <cell r="S2888">
            <v>6817971</v>
          </cell>
          <cell r="T2888">
            <v>50255886</v>
          </cell>
          <cell r="V2888" t="str">
            <v>gr733813</v>
          </cell>
          <cell r="W2888" t="str">
            <v>hx199996</v>
          </cell>
          <cell r="Y2888" t="str">
            <v>23，24，26，</v>
          </cell>
          <cell r="Z2888" t="str">
            <v/>
          </cell>
          <cell r="AA2888" t="str">
            <v/>
          </cell>
          <cell r="AB2888" t="str">
            <v/>
          </cell>
          <cell r="AC2888" t="str">
            <v/>
          </cell>
          <cell r="AD2888" t="str">
            <v/>
          </cell>
          <cell r="AE2888" t="str">
            <v>１；２；３；４；</v>
          </cell>
          <cell r="AF2888" t="str">
            <v>日産車の新車販売　中古車販売　点検整備　用品販売　保険代理店業務</v>
          </cell>
        </row>
        <row r="2889">
          <cell r="B2889">
            <v>11595</v>
          </cell>
          <cell r="C2889" t="str">
            <v>ナカバヤシ(株)</v>
          </cell>
          <cell r="D2889" t="str">
            <v>06-6943-5555</v>
          </cell>
          <cell r="E2889" t="str">
            <v>540-0031</v>
          </cell>
          <cell r="F2889" t="str">
            <v>大阪府大阪市中央区北浜東1-20</v>
          </cell>
          <cell r="G2889" t="str">
            <v>大阪市</v>
          </cell>
          <cell r="H2889" t="str">
            <v>大阪本社</v>
          </cell>
          <cell r="I2889" t="str">
            <v>本社長 長井　俊介</v>
          </cell>
          <cell r="J2889" t="str">
            <v>大阪府大阪市</v>
          </cell>
          <cell r="K2889" t="str">
            <v>06-6943-1868</v>
          </cell>
          <cell r="L2889" t="str">
            <v>tyao@nakabayashi.co.jp</v>
          </cell>
          <cell r="M2889" t="str">
            <v>ﾅｶﾊﾞﾔｼ</v>
          </cell>
          <cell r="N2889" t="str">
            <v>有</v>
          </cell>
          <cell r="O2889">
            <v>94</v>
          </cell>
          <cell r="P2889">
            <v>721</v>
          </cell>
          <cell r="Q2889">
            <v>4120001086023</v>
          </cell>
          <cell r="R2889">
            <v>6666277</v>
          </cell>
          <cell r="S2889">
            <v>20589646</v>
          </cell>
          <cell r="T2889">
            <v>38310351</v>
          </cell>
          <cell r="V2889" t="str">
            <v>nb320740</v>
          </cell>
          <cell r="W2889" t="str">
            <v>kb179399</v>
          </cell>
          <cell r="Y2889" t="str">
            <v>057，14，15，27，36，57，73，74，76，</v>
          </cell>
          <cell r="Z2889">
            <v>80</v>
          </cell>
          <cell r="AA2889">
            <v>73</v>
          </cell>
          <cell r="AB2889">
            <v>74</v>
          </cell>
          <cell r="AC2889">
            <v>57</v>
          </cell>
          <cell r="AD2889" t="str">
            <v/>
          </cell>
          <cell r="AE2889" t="str">
            <v>１；図書装備、蔵書管理、蔵書点検、書籍移動、ＩＣ貼付、カウンター業務２；和洋雑誌合本、図書修理、パンフレット、ポスター、カレンダー、封筒印刷、手帳３；電算連続帳票、デザインフォーム、ＯＣＲ、通知書類４；データ入力、出力印字、封入封緘・発送</v>
          </cell>
          <cell r="AF2889" t="str">
            <v>ソフト・ハードの両面から図書館を支えられる様に業務の効率化、図書館サービスの向上に取組んでいます。図書の装備・受入・整理や図書館の移転に伴う書籍配架・移動、また貴重資料のデジタルコンテンツの作成等も行っております。</v>
          </cell>
        </row>
        <row r="2890">
          <cell r="B2890">
            <v>11597</v>
          </cell>
          <cell r="C2890" t="str">
            <v>(株)阪神月星</v>
          </cell>
          <cell r="D2890" t="str">
            <v>072-781-0331</v>
          </cell>
          <cell r="E2890" t="str">
            <v>664-0846</v>
          </cell>
          <cell r="F2890" t="str">
            <v>兵庫県伊丹市伊丹5丁目3-23</v>
          </cell>
          <cell r="G2890" t="str">
            <v>伊丹市</v>
          </cell>
          <cell r="H2890" t="str">
            <v/>
          </cell>
          <cell r="I2890" t="str">
            <v>代表取締役 尾仲　謙一</v>
          </cell>
          <cell r="J2890" t="str">
            <v>本店</v>
          </cell>
          <cell r="K2890" t="str">
            <v>072-783-5489</v>
          </cell>
          <cell r="L2890" t="str">
            <v>hantuki@nifty.com</v>
          </cell>
          <cell r="M2890" t="str">
            <v>ﾊﾝｼﾝﾂｷﾎﾞｼ</v>
          </cell>
          <cell r="N2890" t="str">
            <v>無</v>
          </cell>
          <cell r="O2890">
            <v>69</v>
          </cell>
          <cell r="P2890">
            <v>14</v>
          </cell>
          <cell r="Q2890">
            <v>5140001078793</v>
          </cell>
          <cell r="R2890">
            <v>10000</v>
          </cell>
          <cell r="S2890">
            <v>10000</v>
          </cell>
          <cell r="T2890">
            <v>670000</v>
          </cell>
          <cell r="V2890" t="str">
            <v>bd905789</v>
          </cell>
          <cell r="W2890" t="str">
            <v>sk130987</v>
          </cell>
          <cell r="Y2890" t="str">
            <v>03，05，</v>
          </cell>
          <cell r="Z2890" t="str">
            <v/>
          </cell>
          <cell r="AA2890" t="str">
            <v/>
          </cell>
          <cell r="AB2890" t="str">
            <v/>
          </cell>
          <cell r="AC2890" t="str">
            <v/>
          </cell>
          <cell r="AD2890" t="str">
            <v/>
          </cell>
          <cell r="AE2890" t="str">
            <v>１；日用雑貨、ビニール袋、トイレットペーパー、ほうき等日用雑貨全般２；シューズ類（スポーツシューズ、ニューバランス、コンバース、ムーンスター）３；作業靴４；</v>
          </cell>
          <cell r="AF2890" t="str">
            <v>日用品雑貨卸業でスタートして長年雑貨販売を続けており、現在は靴を主体にしております。兵庫県を中心にムーンスター、ニューバランス、コンバース等を販売しています。</v>
          </cell>
        </row>
        <row r="2891">
          <cell r="B2891">
            <v>11598</v>
          </cell>
          <cell r="C2891" t="str">
            <v>(有)ヤマイチ文具</v>
          </cell>
          <cell r="D2891" t="str">
            <v>072-775-1212</v>
          </cell>
          <cell r="E2891" t="str">
            <v>664-0842</v>
          </cell>
          <cell r="F2891" t="str">
            <v>兵庫県伊丹市森本2ｰ56-20</v>
          </cell>
          <cell r="G2891" t="str">
            <v>伊丹市</v>
          </cell>
          <cell r="H2891" t="str">
            <v/>
          </cell>
          <cell r="I2891" t="str">
            <v>代表取締役 家門　耕平</v>
          </cell>
          <cell r="J2891" t="str">
            <v>本店</v>
          </cell>
          <cell r="K2891" t="str">
            <v>072-775-1655</v>
          </cell>
          <cell r="L2891" t="str">
            <v>yamaichi@poporo.ne.jp</v>
          </cell>
          <cell r="M2891" t="str">
            <v>ﾔﾏｲﾁﾌﾞﾝｸﾞ</v>
          </cell>
          <cell r="N2891" t="str">
            <v>無</v>
          </cell>
          <cell r="O2891">
            <v>48</v>
          </cell>
          <cell r="P2891">
            <v>3</v>
          </cell>
          <cell r="Q2891">
            <v>5140002064132</v>
          </cell>
          <cell r="R2891">
            <v>3000</v>
          </cell>
          <cell r="S2891">
            <v>3000</v>
          </cell>
          <cell r="T2891">
            <v>225000</v>
          </cell>
          <cell r="V2891" t="str">
            <v>zg779058</v>
          </cell>
          <cell r="W2891" t="str">
            <v>oi161778</v>
          </cell>
          <cell r="Y2891" t="str">
            <v>036，07，08，12，14，15，36，76，</v>
          </cell>
          <cell r="Z2891">
            <v>14</v>
          </cell>
          <cell r="AA2891">
            <v>12</v>
          </cell>
          <cell r="AB2891">
            <v>8</v>
          </cell>
          <cell r="AC2891">
            <v>36</v>
          </cell>
          <cell r="AD2891" t="str">
            <v/>
          </cell>
          <cell r="AE2891" t="str">
            <v>１；オフィス用品全般　オフィス通販アスクル　スマートオフィス取り扱い　オフィス用品短納期でお届け２；学校用品各種取り扱い３；記念品各種　名入れ賜ります４；パソコン　ＦＡＸ　電話機　各種情報機器取扱</v>
          </cell>
          <cell r="AF2891" t="str">
            <v>オフィス通販アスクル　スマートオフィス取り扱い　オフィス用品短納期でお届け</v>
          </cell>
        </row>
        <row r="2892">
          <cell r="B2892">
            <v>11599</v>
          </cell>
          <cell r="C2892" t="str">
            <v>(株)高電社</v>
          </cell>
          <cell r="D2892" t="str">
            <v>03-6705-5720</v>
          </cell>
          <cell r="E2892" t="str">
            <v>102-0092</v>
          </cell>
          <cell r="F2892" t="str">
            <v>東京都千代田区隼町2-13ﾌﾟﾗｲﾑﾋﾞﾙ3F</v>
          </cell>
          <cell r="G2892" t="str">
            <v>東京都</v>
          </cell>
          <cell r="H2892" t="str">
            <v/>
          </cell>
          <cell r="I2892" t="str">
            <v>代表取締役 岩城　陽子</v>
          </cell>
          <cell r="J2892" t="str">
            <v>本店</v>
          </cell>
          <cell r="K2892" t="str">
            <v>03-6705-5719</v>
          </cell>
          <cell r="L2892" t="str">
            <v>kdswest-bid@kodensha.jp</v>
          </cell>
          <cell r="M2892" t="str">
            <v>ｺｳﾃﾞﾝｼｬ</v>
          </cell>
          <cell r="N2892" t="str">
            <v>無</v>
          </cell>
          <cell r="O2892">
            <v>39</v>
          </cell>
          <cell r="P2892">
            <v>45</v>
          </cell>
          <cell r="Q2892">
            <v>3120001005297</v>
          </cell>
          <cell r="R2892">
            <v>50000</v>
          </cell>
          <cell r="S2892">
            <v>621886</v>
          </cell>
          <cell r="T2892">
            <v>500003</v>
          </cell>
          <cell r="V2892" t="str">
            <v>cn697770</v>
          </cell>
          <cell r="W2892" t="str">
            <v>bo139617</v>
          </cell>
          <cell r="Y2892" t="str">
            <v>58，59，</v>
          </cell>
          <cell r="Z2892">
            <v>58</v>
          </cell>
          <cell r="AA2892">
            <v>59</v>
          </cell>
          <cell r="AB2892">
            <v>80</v>
          </cell>
          <cell r="AC2892" t="str">
            <v/>
          </cell>
          <cell r="AD2892" t="str">
            <v/>
          </cell>
          <cell r="AE2892" t="str">
            <v>１；ホームページの自動翻訳サービス。多言語自動翻訳音声合成システム（防災など屋外用）。２；人力（人の手による）翻訳・通訳サービス。３；多言語翻訳パッケージソフト／スマホアプリの販売（学校など教育用を含む）。４；</v>
          </cell>
          <cell r="AF2892" t="str">
            <v>言語に関するソフトウエア開発販売。言語に関するＡＳＰサービスの販売と提供。人力（人の手による）翻訳・通訳。</v>
          </cell>
        </row>
        <row r="2893">
          <cell r="B2893">
            <v>11601</v>
          </cell>
          <cell r="C2893" t="str">
            <v>(株)ふれあい警備保障</v>
          </cell>
          <cell r="D2893" t="str">
            <v>06-6422-2776</v>
          </cell>
          <cell r="E2893" t="str">
            <v>661-0022</v>
          </cell>
          <cell r="F2893" t="str">
            <v>兵庫県尼崎市尾浜町1‐30‐16</v>
          </cell>
          <cell r="G2893" t="str">
            <v>尼崎市</v>
          </cell>
          <cell r="H2893" t="str">
            <v/>
          </cell>
          <cell r="I2893" t="str">
            <v>代表取締役 浅井　利之</v>
          </cell>
          <cell r="J2893" t="str">
            <v>本店</v>
          </cell>
          <cell r="K2893" t="str">
            <v>06-6422-2183</v>
          </cell>
          <cell r="L2893" t="str">
            <v>fureai@smile.odn.ne.jp</v>
          </cell>
          <cell r="M2893" t="str">
            <v>ﾌﾚｱｲｹｲﾋﾞﾎｼｮｳ</v>
          </cell>
          <cell r="N2893" t="str">
            <v>無</v>
          </cell>
          <cell r="O2893">
            <v>7</v>
          </cell>
          <cell r="P2893">
            <v>120</v>
          </cell>
          <cell r="Q2893">
            <v>9140001055748</v>
          </cell>
          <cell r="R2893">
            <v>5000</v>
          </cell>
          <cell r="S2893">
            <v>17299</v>
          </cell>
          <cell r="T2893">
            <v>395688</v>
          </cell>
          <cell r="V2893" t="str">
            <v>ee667108</v>
          </cell>
          <cell r="W2893" t="str">
            <v>mｒ137913</v>
          </cell>
          <cell r="Y2893" t="str">
            <v>45，</v>
          </cell>
          <cell r="Z2893" t="str">
            <v/>
          </cell>
          <cell r="AA2893" t="str">
            <v/>
          </cell>
          <cell r="AB2893" t="str">
            <v/>
          </cell>
          <cell r="AC2893" t="str">
            <v/>
          </cell>
          <cell r="AD2893" t="str">
            <v/>
          </cell>
          <cell r="AE2893" t="str">
            <v>１；警備業認定証番号（兵庫県公安委員会）第６３００１３２６号（１号　施設警備業務、２号　雑踏、交通誘導警備業務）２；３；４；</v>
          </cell>
          <cell r="AF2893" t="str">
            <v>当社は、交通誘導警備を専門に行っており、その他、一部、雑踏警備・施設警備を行っております。お客様の思いを何より大切に受け止め、安心してお任せいただけることを第一として、皆様の要望に心をこめてお応えできる警備の提供に努めております。</v>
          </cell>
        </row>
        <row r="2894">
          <cell r="B2894">
            <v>11602</v>
          </cell>
          <cell r="C2894" t="str">
            <v>日本通運(株)</v>
          </cell>
          <cell r="D2894" t="str">
            <v>072-759-1551</v>
          </cell>
          <cell r="E2894" t="str">
            <v>666-0024</v>
          </cell>
          <cell r="F2894" t="str">
            <v>兵庫県神戸市中央区浜辺通4-1-21</v>
          </cell>
          <cell r="G2894" t="str">
            <v>神戸市</v>
          </cell>
          <cell r="H2894" t="str">
            <v>神戸支店</v>
          </cell>
          <cell r="I2894" t="str">
            <v>支店長 田中　旬</v>
          </cell>
          <cell r="J2894" t="str">
            <v>東京都</v>
          </cell>
          <cell r="K2894" t="str">
            <v/>
          </cell>
          <cell r="L2894" t="str">
            <v>so-kawase@nittsu.co.jp</v>
          </cell>
          <cell r="M2894" t="str">
            <v>ﾆｯﾎﾟﾝﾂｳｳﾝ</v>
          </cell>
          <cell r="N2894" t="str">
            <v>有</v>
          </cell>
          <cell r="O2894">
            <v>81</v>
          </cell>
          <cell r="P2894">
            <v>32094</v>
          </cell>
          <cell r="Q2894">
            <v>4010401022860</v>
          </cell>
          <cell r="R2894">
            <v>70175000</v>
          </cell>
          <cell r="S2894">
            <v>27859585</v>
          </cell>
          <cell r="T2894">
            <v>1094549</v>
          </cell>
          <cell r="V2894" t="str">
            <v>cf678359</v>
          </cell>
          <cell r="W2894" t="str">
            <v>ｒa169919</v>
          </cell>
          <cell r="Y2894" t="str">
            <v>67，68，</v>
          </cell>
          <cell r="Z2894" t="str">
            <v/>
          </cell>
          <cell r="AA2894" t="str">
            <v/>
          </cell>
          <cell r="AB2894" t="str">
            <v/>
          </cell>
          <cell r="AC2894" t="str">
            <v/>
          </cell>
          <cell r="AD2894" t="str">
            <v/>
          </cell>
          <cell r="AE2894" t="str">
            <v>１；２；３；４；</v>
          </cell>
          <cell r="AF2894" t="str">
            <v>移転、引越、貨物運送、保管他物流全般</v>
          </cell>
        </row>
        <row r="2895">
          <cell r="B2895">
            <v>11603</v>
          </cell>
          <cell r="C2895" t="str">
            <v>(株)島津アクセス</v>
          </cell>
          <cell r="D2895" t="str">
            <v>06-6367-5130</v>
          </cell>
          <cell r="E2895" t="str">
            <v>530-0047</v>
          </cell>
          <cell r="F2895" t="str">
            <v>大阪府大阪市北区西天満5丁目14-10</v>
          </cell>
          <cell r="G2895" t="str">
            <v>大阪市</v>
          </cell>
          <cell r="H2895" t="str">
            <v>大阪支店</v>
          </cell>
          <cell r="I2895" t="str">
            <v>支店長 岡島　満</v>
          </cell>
          <cell r="J2895" t="str">
            <v>東京都</v>
          </cell>
          <cell r="K2895" t="str">
            <v>06-6367-5176</v>
          </cell>
          <cell r="L2895" t="str">
            <v/>
          </cell>
          <cell r="M2895" t="str">
            <v>ｼﾏﾂﾞｱｸｾｽ</v>
          </cell>
          <cell r="N2895" t="str">
            <v>有</v>
          </cell>
          <cell r="O2895">
            <v>50</v>
          </cell>
          <cell r="P2895">
            <v>790</v>
          </cell>
          <cell r="Q2895">
            <v>7010501009474</v>
          </cell>
          <cell r="R2895">
            <v>55000</v>
          </cell>
          <cell r="S2895">
            <v>6713125</v>
          </cell>
          <cell r="T2895">
            <v>21393794</v>
          </cell>
          <cell r="V2895" t="str">
            <v>fh989611</v>
          </cell>
          <cell r="W2895" t="str">
            <v>eg189999</v>
          </cell>
          <cell r="Y2895" t="str">
            <v>41，42，</v>
          </cell>
          <cell r="Z2895">
            <v>41</v>
          </cell>
          <cell r="AA2895">
            <v>42</v>
          </cell>
          <cell r="AB2895" t="str">
            <v/>
          </cell>
          <cell r="AC2895" t="str">
            <v/>
          </cell>
          <cell r="AD2895" t="str">
            <v/>
          </cell>
          <cell r="AE2895" t="str">
            <v>１；２；３；４；</v>
          </cell>
          <cell r="AF2895" t="str">
            <v>株式会社島津製作所のグループ会社で、分析機器や試験機器などの据付・保守・修理など、エンジニアリングサービスを行っています。</v>
          </cell>
        </row>
        <row r="2896">
          <cell r="B2896">
            <v>11605</v>
          </cell>
          <cell r="C2896" t="str">
            <v>オリンパスメディカルサイエンス販売(株)</v>
          </cell>
          <cell r="D2896" t="str">
            <v>06-6150-0118</v>
          </cell>
          <cell r="E2896" t="str">
            <v>532-0003</v>
          </cell>
          <cell r="F2896" t="str">
            <v>大阪府大阪市淀川区宮原1-6-1</v>
          </cell>
          <cell r="G2896" t="str">
            <v>大阪市</v>
          </cell>
          <cell r="H2896" t="str">
            <v>大阪支店</v>
          </cell>
          <cell r="I2896" t="str">
            <v>支店長 渡辺　忠勝</v>
          </cell>
          <cell r="J2896" t="str">
            <v>東京都</v>
          </cell>
          <cell r="K2896" t="str">
            <v>06-6150-0119</v>
          </cell>
          <cell r="L2896" t="str">
            <v>omsj-nyusatsu@ot.olympus.co.jp</v>
          </cell>
          <cell r="M2896" t="str">
            <v>ｵﾘﾝﾊﾟｽﾒﾃﾞｨｶﾙｻｲｴﾝｽﾊﾝﾊﾞｲ</v>
          </cell>
          <cell r="N2896" t="str">
            <v>有</v>
          </cell>
          <cell r="O2896">
            <v>71</v>
          </cell>
          <cell r="P2896">
            <v>956</v>
          </cell>
          <cell r="Q2896">
            <v>2011101037845</v>
          </cell>
          <cell r="R2896">
            <v>95999</v>
          </cell>
          <cell r="S2896">
            <v>7173663</v>
          </cell>
          <cell r="T2896">
            <v>68194848</v>
          </cell>
          <cell r="V2896" t="str">
            <v>ye929566</v>
          </cell>
          <cell r="W2896" t="str">
            <v>wh186563</v>
          </cell>
          <cell r="Y2896" t="str">
            <v>080，9，39，41，</v>
          </cell>
          <cell r="Z2896">
            <v>39</v>
          </cell>
          <cell r="AA2896">
            <v>9</v>
          </cell>
          <cell r="AB2896">
            <v>41</v>
          </cell>
          <cell r="AC2896">
            <v>80</v>
          </cell>
          <cell r="AD2896" t="str">
            <v/>
          </cell>
          <cell r="AE2896" t="str">
            <v>１；（代）取扱製品：内視鏡・外科製品、内視鏡処置具製品等　許可：高度管理医療機器等販売業賃貸業許可（第Ｎ０６２５８号）２；（代）取扱製品：内視鏡消毒液等　許可：医薬品販売業許可（第０３０４０４００２７号）３；（代）取扱製品：顕微鏡製品、工業用内視鏡製品等４；（代）取扱製品：医療機器保守点検業務　許可：医療機器修理業許可（２７ＢＳ２００３７３）</v>
          </cell>
          <cell r="AF2896" t="str">
            <v>当社はオリンパス（株）の関連会社としてオリンパスが生産する光学機器、医療機器を販売。大学及び病院・試験研究機関・一般企業等に直接販売する事を主業としており、オリンパス製品が９０％の専売店であり、代理店です。</v>
          </cell>
        </row>
        <row r="2897">
          <cell r="B2897">
            <v>11606</v>
          </cell>
          <cell r="C2897" t="str">
            <v>(株)今里三合園</v>
          </cell>
          <cell r="D2897" t="str">
            <v>06-6436-3500</v>
          </cell>
          <cell r="E2897" t="str">
            <v>661-0035</v>
          </cell>
          <cell r="F2897" t="str">
            <v>兵庫県尼崎市武庫之荘2-20-12</v>
          </cell>
          <cell r="G2897" t="str">
            <v>尼崎市</v>
          </cell>
          <cell r="H2897" t="str">
            <v/>
          </cell>
          <cell r="I2897" t="str">
            <v>代表取締役 今里　泰夫</v>
          </cell>
          <cell r="J2897" t="str">
            <v>本店</v>
          </cell>
          <cell r="K2897" t="str">
            <v>06-6436-1670</v>
          </cell>
          <cell r="L2897" t="str">
            <v>chi0035ky@yahoo.co.jp</v>
          </cell>
          <cell r="M2897" t="str">
            <v>ｲﾏｻﾞﾄｻﾝｺﾞｳｴﾝ</v>
          </cell>
          <cell r="N2897" t="str">
            <v>無</v>
          </cell>
          <cell r="O2897">
            <v>49</v>
          </cell>
          <cell r="P2897">
            <v>7</v>
          </cell>
          <cell r="Q2897">
            <v>3140001047734</v>
          </cell>
          <cell r="R2897">
            <v>20000</v>
          </cell>
          <cell r="S2897">
            <v>34396</v>
          </cell>
          <cell r="T2897">
            <v>91639</v>
          </cell>
          <cell r="V2897" t="str">
            <v>tu645496</v>
          </cell>
          <cell r="W2897" t="str">
            <v>rr137933</v>
          </cell>
          <cell r="Y2897" t="str">
            <v>53，</v>
          </cell>
          <cell r="Z2897" t="str">
            <v/>
          </cell>
          <cell r="AA2897" t="str">
            <v/>
          </cell>
          <cell r="AB2897" t="str">
            <v/>
          </cell>
          <cell r="AC2897" t="str">
            <v/>
          </cell>
          <cell r="AD2897" t="str">
            <v/>
          </cell>
          <cell r="AE2897" t="str">
            <v>１；２；３；４；</v>
          </cell>
          <cell r="AF2897" t="str">
            <v/>
          </cell>
        </row>
        <row r="2898">
          <cell r="B2898">
            <v>11608</v>
          </cell>
          <cell r="C2898" t="str">
            <v>奥アンツーカ(株)</v>
          </cell>
          <cell r="D2898" t="str">
            <v>06-6743-3366</v>
          </cell>
          <cell r="E2898" t="str">
            <v>530-0003</v>
          </cell>
          <cell r="F2898" t="str">
            <v>大阪府東大阪市長田東3-2-7</v>
          </cell>
          <cell r="G2898" t="str">
            <v>東大阪市</v>
          </cell>
          <cell r="H2898" t="str">
            <v>近畿支店</v>
          </cell>
          <cell r="I2898" t="str">
            <v>支店長　 松井　欣也</v>
          </cell>
          <cell r="J2898" t="str">
            <v>大阪府東大阪市</v>
          </cell>
          <cell r="K2898" t="str">
            <v>06-6743-3360</v>
          </cell>
          <cell r="L2898" t="str">
            <v>kinkisiten@oku.co.jp</v>
          </cell>
          <cell r="M2898" t="str">
            <v>ｵｸｱﾝﾂ-ｶ</v>
          </cell>
          <cell r="N2898" t="str">
            <v>有</v>
          </cell>
          <cell r="O2898">
            <v>69</v>
          </cell>
          <cell r="P2898">
            <v>105</v>
          </cell>
          <cell r="Q2898">
            <v>2122001014758</v>
          </cell>
          <cell r="R2898">
            <v>55000</v>
          </cell>
          <cell r="S2898">
            <v>2736566</v>
          </cell>
          <cell r="T2898">
            <v>5319833</v>
          </cell>
          <cell r="V2898" t="str">
            <v>ps902952</v>
          </cell>
          <cell r="W2898" t="str">
            <v>aｒ167999</v>
          </cell>
          <cell r="Y2898" t="str">
            <v>20.22.31.53</v>
          </cell>
          <cell r="Z2898">
            <v>20</v>
          </cell>
          <cell r="AA2898">
            <v>31</v>
          </cell>
          <cell r="AB2898">
            <v>22</v>
          </cell>
          <cell r="AC2898">
            <v>53</v>
          </cell>
          <cell r="AD2898" t="str">
            <v/>
          </cell>
          <cell r="AE2898" t="str">
            <v>１；２；各種スポーツ用具・用品全般、人工芝（ルイ高、森六ケミカルズ、自社）３；真砂土、砂、黒土、各種アンツーカ、グランドバインダー（原商店、鳴門塩業、自社）４；芝生、土壌改良剤、園芸資材（タキイ種苗、自社）</v>
          </cell>
          <cell r="AF2898" t="str">
            <v>各種スポーツ施設、ゴルフ場の企画測量設計施工及びコンサルタント業務。スポーツ施設の運営・管理の受託。人工芝、各種アンツーカの製造、運動場維持用材料の販売。園芸用品の生産販売。</v>
          </cell>
        </row>
        <row r="2899">
          <cell r="B2899">
            <v>11609</v>
          </cell>
          <cell r="C2899" t="str">
            <v>(株)ナースパワー人材センター</v>
          </cell>
          <cell r="D2899" t="str">
            <v>06-6345-0100</v>
          </cell>
          <cell r="E2899" t="str">
            <v>660-0805</v>
          </cell>
          <cell r="F2899" t="str">
            <v>大阪府大阪市北区堂島1-6-20 堂島ｱﾊﾞﾝｻﾞ6階</v>
          </cell>
          <cell r="G2899" t="str">
            <v>大阪市</v>
          </cell>
          <cell r="H2899" t="str">
            <v>ナースパワー大阪</v>
          </cell>
          <cell r="I2899" t="str">
            <v>大阪支店長 佐野　和之</v>
          </cell>
          <cell r="J2899" t="str">
            <v>熊本県熊本市</v>
          </cell>
          <cell r="K2899" t="str">
            <v>06-6345-0700</v>
          </cell>
          <cell r="L2899" t="str">
            <v>osaka@nursepower.co.jp</v>
          </cell>
          <cell r="M2899" t="str">
            <v>ﾅ-ｽﾊﾟﾜ-ｼﾞﾝｻﾞｲｾﾝﾀ-</v>
          </cell>
          <cell r="N2899" t="str">
            <v>有</v>
          </cell>
          <cell r="O2899">
            <v>33</v>
          </cell>
          <cell r="P2899">
            <v>99</v>
          </cell>
          <cell r="Q2899">
            <v>2330000000000</v>
          </cell>
          <cell r="R2899">
            <v>50000</v>
          </cell>
          <cell r="S2899">
            <v>2399044</v>
          </cell>
          <cell r="T2899">
            <v>3553387</v>
          </cell>
          <cell r="V2899" t="str">
            <v>ht936995</v>
          </cell>
          <cell r="W2899" t="str">
            <v>oq191997</v>
          </cell>
          <cell r="Y2899" t="str">
            <v>56.60.80</v>
          </cell>
          <cell r="Z2899">
            <v>56</v>
          </cell>
          <cell r="AA2899">
            <v>60</v>
          </cell>
          <cell r="AB2899">
            <v>80</v>
          </cell>
          <cell r="AC2899" t="str">
            <v/>
          </cell>
          <cell r="AD2899" t="str">
            <v/>
          </cell>
          <cell r="AE2899" t="str">
            <v>１；２；看護師・助産師・保健師等の人材派遣及び人材紹介３；看護師・助産師・保健師等の人材派遣及び人材紹介４；看護師・助産師・保健師等の人材派遣及び人材紹介</v>
          </cell>
          <cell r="AF2899" t="str">
            <v>看護師・助産師・保健師等の人材派遣及び人材紹介事業</v>
          </cell>
        </row>
        <row r="2900">
          <cell r="B2900">
            <v>11610</v>
          </cell>
          <cell r="C2900" t="str">
            <v>尼崎印刷(株)</v>
          </cell>
          <cell r="D2900" t="str">
            <v>06-6494-1122</v>
          </cell>
          <cell r="E2900" t="str">
            <v>661-0975</v>
          </cell>
          <cell r="F2900" t="str">
            <v>兵庫県尼崎市下坂部3-9ｰ20</v>
          </cell>
          <cell r="G2900" t="str">
            <v>尼崎市</v>
          </cell>
          <cell r="H2900" t="str">
            <v/>
          </cell>
          <cell r="I2900" t="str">
            <v>代表取締役 田治　宏敬</v>
          </cell>
          <cell r="J2900" t="str">
            <v>本店</v>
          </cell>
          <cell r="K2900" t="str">
            <v>06-6495-2360</v>
          </cell>
          <cell r="L2900" t="str">
            <v>somu@amain.co.jp</v>
          </cell>
          <cell r="M2900" t="str">
            <v>ｱﾏｶﾞｻｷｲﾝｻﾂ</v>
          </cell>
          <cell r="N2900" t="str">
            <v>無</v>
          </cell>
          <cell r="O2900">
            <v>75</v>
          </cell>
          <cell r="P2900">
            <v>40</v>
          </cell>
          <cell r="Q2900">
            <v>6140001047277</v>
          </cell>
          <cell r="R2900">
            <v>50000</v>
          </cell>
          <cell r="S2900">
            <v>211778</v>
          </cell>
          <cell r="T2900">
            <v>409958</v>
          </cell>
          <cell r="V2900" t="str">
            <v>he844708</v>
          </cell>
          <cell r="W2900" t="str">
            <v>wt191197</v>
          </cell>
          <cell r="Y2900" t="str">
            <v>73，74，</v>
          </cell>
          <cell r="Z2900" t="str">
            <v/>
          </cell>
          <cell r="AA2900" t="str">
            <v/>
          </cell>
          <cell r="AB2900" t="str">
            <v/>
          </cell>
          <cell r="AC2900" t="str">
            <v/>
          </cell>
          <cell r="AD2900" t="str">
            <v/>
          </cell>
          <cell r="AE2900" t="str">
            <v>１；出走表　帳票　伝票　冊子　ポスター　封筒２；フォーム印刷　連続帳票３；４；</v>
          </cell>
          <cell r="AF2900" t="str">
            <v>書籍・雑誌を中心に、冊子・帳票・ハガキまで幅広く扱う。</v>
          </cell>
        </row>
        <row r="2901">
          <cell r="B2901">
            <v>11612</v>
          </cell>
          <cell r="C2901" t="str">
            <v>セコムクレジット(株)</v>
          </cell>
          <cell r="D2901" t="str">
            <v>03-5325-6881</v>
          </cell>
          <cell r="E2901" t="str">
            <v>531-0076</v>
          </cell>
          <cell r="F2901" t="str">
            <v>東京都新宿区西新宿6‐5‐1 新宿ｱｲﾗﾝﾄﾞﾀﾜｰ12階</v>
          </cell>
          <cell r="G2901" t="str">
            <v>東京都</v>
          </cell>
          <cell r="H2901" t="str">
            <v/>
          </cell>
          <cell r="I2901" t="str">
            <v>代表取締役　 長尾　誠也</v>
          </cell>
          <cell r="J2901" t="str">
            <v>本店</v>
          </cell>
          <cell r="K2901" t="str">
            <v>03-5321-3075</v>
          </cell>
          <cell r="L2901" t="str">
            <v>secom-credit@secom.co.jp</v>
          </cell>
          <cell r="M2901" t="str">
            <v>ｾｺﾑｸﾚｼﾞﾂﾄ</v>
          </cell>
          <cell r="N2901" t="str">
            <v>無</v>
          </cell>
          <cell r="O2901">
            <v>37</v>
          </cell>
          <cell r="P2901">
            <v>12</v>
          </cell>
          <cell r="Q2901">
            <v>4011000000000</v>
          </cell>
          <cell r="R2901">
            <v>400000</v>
          </cell>
          <cell r="S2901">
            <v>3485666</v>
          </cell>
          <cell r="T2901">
            <v>12503703</v>
          </cell>
          <cell r="V2901" t="str">
            <v>ka880700</v>
          </cell>
          <cell r="W2901" t="str">
            <v>gｒ185939</v>
          </cell>
          <cell r="Y2901">
            <v>44</v>
          </cell>
          <cell r="Z2901">
            <v>44</v>
          </cell>
          <cell r="AA2901" t="str">
            <v/>
          </cell>
          <cell r="AB2901" t="str">
            <v/>
          </cell>
          <cell r="AC2901" t="str">
            <v/>
          </cell>
          <cell r="AD2901" t="str">
            <v/>
          </cell>
          <cell r="AE2901" t="str">
            <v>１；２；カメラシステム等の防犯機器、入退規制を行う出入管理システム等のファイナンスリース契約を取り扱いしています。３；４；</v>
          </cell>
          <cell r="AF2901" t="str">
            <v>セコムの防犯・安全商品についてファイナンスリース事業を行っております。</v>
          </cell>
        </row>
        <row r="2902">
          <cell r="B2902">
            <v>11613</v>
          </cell>
          <cell r="C2902" t="str">
            <v>(株)工房レストア</v>
          </cell>
          <cell r="D2902" t="str">
            <v>06-4394-7421</v>
          </cell>
          <cell r="E2902" t="str">
            <v>551-0031</v>
          </cell>
          <cell r="F2902" t="str">
            <v>大阪府大阪市大正区6-2-29</v>
          </cell>
          <cell r="G2902" t="str">
            <v>大阪市</v>
          </cell>
          <cell r="H2902" t="str">
            <v/>
          </cell>
          <cell r="I2902" t="str">
            <v>代表取締役 平田　正和</v>
          </cell>
          <cell r="J2902" t="str">
            <v>本店</v>
          </cell>
          <cell r="K2902" t="str">
            <v>06-4394-7422</v>
          </cell>
          <cell r="L2902" t="str">
            <v>kobo-restore@hop.ocn.ne.jp</v>
          </cell>
          <cell r="M2902" t="str">
            <v>ｺｳﾎﾞｳﾚｽﾄｱ</v>
          </cell>
          <cell r="N2902" t="str">
            <v>無</v>
          </cell>
          <cell r="O2902">
            <v>10</v>
          </cell>
          <cell r="P2902">
            <v>7</v>
          </cell>
          <cell r="Q2902">
            <v>3120001134641</v>
          </cell>
          <cell r="R2902">
            <v>2500</v>
          </cell>
          <cell r="S2902">
            <v>8260</v>
          </cell>
          <cell r="T2902">
            <v>54645</v>
          </cell>
          <cell r="V2902" t="str">
            <v>ds591726</v>
          </cell>
          <cell r="W2902" t="str">
            <v>bq199156</v>
          </cell>
          <cell r="Y2902" t="str">
            <v/>
          </cell>
          <cell r="Z2902" t="str">
            <v/>
          </cell>
          <cell r="AA2902" t="str">
            <v/>
          </cell>
          <cell r="AB2902" t="str">
            <v/>
          </cell>
          <cell r="AC2902" t="str">
            <v/>
          </cell>
          <cell r="AD2902" t="str">
            <v/>
          </cell>
          <cell r="AE2902" t="str">
            <v>１；古文書・古地図・掛軸・巻子・額・屏風・ポスターなどの紙資料修復を専門として仕事を行っています。２；３；４；</v>
          </cell>
          <cell r="AF2902" t="str">
            <v>弊社は、文化財の修復を行っています。主に古文書・古地図・掛軸・巻子・額・屏風・ポスターなどの紙資料修復を専門として評価を頂いております。　又、展示物資料のレプリカ製作も手掛けています。従来の業者にはない適性価格適性利益と迅速な納品を目標として取り組んでいます。　</v>
          </cell>
        </row>
        <row r="2903">
          <cell r="B2903">
            <v>11614</v>
          </cell>
          <cell r="C2903" t="str">
            <v>(株)データホライゾン</v>
          </cell>
          <cell r="D2903" t="str">
            <v>082-279-5550</v>
          </cell>
          <cell r="E2903" t="str">
            <v>733-0834</v>
          </cell>
          <cell r="F2903" t="str">
            <v>広島県広島市西区草津新町1-21-35</v>
          </cell>
          <cell r="G2903" t="str">
            <v>広島市</v>
          </cell>
          <cell r="H2903" t="str">
            <v/>
          </cell>
          <cell r="I2903" t="str">
            <v>代表取締役 内海　良夫</v>
          </cell>
          <cell r="J2903" t="str">
            <v>本店</v>
          </cell>
          <cell r="K2903" t="str">
            <v>082-501-2276</v>
          </cell>
          <cell r="L2903" t="str">
            <v>gyosha_toroku@dhorizon.co.jp</v>
          </cell>
          <cell r="M2903" t="str">
            <v>ﾃﾞｰﾀﾎﾗｲｿﾞﾝ</v>
          </cell>
          <cell r="N2903" t="str">
            <v>無</v>
          </cell>
          <cell r="O2903">
            <v>36</v>
          </cell>
          <cell r="P2903">
            <v>168</v>
          </cell>
          <cell r="Q2903">
            <v>9240001012318</v>
          </cell>
          <cell r="R2903">
            <v>456600</v>
          </cell>
          <cell r="S2903">
            <v>1113732</v>
          </cell>
          <cell r="T2903">
            <v>2330899</v>
          </cell>
          <cell r="V2903" t="str">
            <v>wd221287</v>
          </cell>
          <cell r="W2903" t="str">
            <v>jt197699</v>
          </cell>
          <cell r="Y2903" t="str">
            <v>57，73，</v>
          </cell>
          <cell r="Z2903">
            <v>80</v>
          </cell>
          <cell r="AA2903">
            <v>57</v>
          </cell>
          <cell r="AB2903">
            <v>73</v>
          </cell>
          <cell r="AC2903" t="str">
            <v/>
          </cell>
          <cell r="AD2903" t="str">
            <v/>
          </cell>
          <cell r="AE2903" t="str">
            <v>１；データヘルス計画作成サービス、医療費分析サービス、糖尿病等重症化予防サービス、レセプト点検システム、保健事業支援システム、レセプト情報分析サービス２；レセプト、健診・検査データ化３；ジェネリック医薬品通知サービス、受診勧奨サービス４；</v>
          </cell>
          <cell r="AF2903" t="str">
            <v>特許技術による精度の高いレセプトデータ・特定健診データの分析、また分析結果を活用した各種保健事業により、医療費適正化と被保険者様のＱＯＬ向上をお手伝い致します。レセプトデータ・特定健診データを活用した、各種保健事業サービスの提供。</v>
          </cell>
        </row>
        <row r="2904">
          <cell r="B2904">
            <v>11616</v>
          </cell>
          <cell r="C2904" t="str">
            <v>ジャパンレントオール(株)</v>
          </cell>
          <cell r="D2904" t="str">
            <v>078-917-1050</v>
          </cell>
          <cell r="E2904" t="str">
            <v>651-2122</v>
          </cell>
          <cell r="F2904" t="str">
            <v>兵庫県神戸市玉津町高津橋467-1</v>
          </cell>
          <cell r="G2904" t="str">
            <v>神戸市</v>
          </cell>
          <cell r="H2904" t="str">
            <v/>
          </cell>
          <cell r="I2904" t="str">
            <v>代表取締役 加護　洋一</v>
          </cell>
          <cell r="J2904" t="str">
            <v>本店</v>
          </cell>
          <cell r="K2904" t="str">
            <v>078-917-1060</v>
          </cell>
          <cell r="L2904" t="str">
            <v>kobe@japan-rent-all.com</v>
          </cell>
          <cell r="M2904" t="str">
            <v>ｼﾞｬﾊﾟﾝﾚﾝﾄｵｰﾙ</v>
          </cell>
          <cell r="N2904" t="str">
            <v>無</v>
          </cell>
          <cell r="O2904">
            <v>42</v>
          </cell>
          <cell r="P2904">
            <v>84</v>
          </cell>
          <cell r="Q2904">
            <v>3140001027042</v>
          </cell>
          <cell r="R2904">
            <v>264122</v>
          </cell>
          <cell r="S2904">
            <v>439620</v>
          </cell>
          <cell r="T2904">
            <v>2128703</v>
          </cell>
          <cell r="V2904" t="str">
            <v>qc847848</v>
          </cell>
          <cell r="W2904" t="str">
            <v>qk193575</v>
          </cell>
          <cell r="Y2904" t="str">
            <v>63，</v>
          </cell>
          <cell r="Z2904">
            <v>63</v>
          </cell>
          <cell r="AA2904" t="str">
            <v/>
          </cell>
          <cell r="AB2904" t="str">
            <v/>
          </cell>
          <cell r="AC2904" t="str">
            <v/>
          </cell>
          <cell r="AD2904" t="str">
            <v/>
          </cell>
          <cell r="AE2904" t="str">
            <v>１；屋内屋外問わずイベントの会場設営及び什器備品類レンタル２；３；４；</v>
          </cell>
          <cell r="AF2904" t="str">
            <v/>
          </cell>
        </row>
        <row r="2905">
          <cell r="B2905">
            <v>11621</v>
          </cell>
          <cell r="C2905" t="str">
            <v>国際文化財(株)</v>
          </cell>
          <cell r="D2905" t="str">
            <v>078-591-8223</v>
          </cell>
          <cell r="E2905" t="str">
            <v>651-1101</v>
          </cell>
          <cell r="F2905" t="str">
            <v>兵庫県神戸市北区山田町小部字妙賀10-8</v>
          </cell>
          <cell r="G2905" t="str">
            <v>神戸市</v>
          </cell>
          <cell r="H2905" t="str">
            <v>神戸営業所</v>
          </cell>
          <cell r="I2905" t="str">
            <v>所長 川井　健士</v>
          </cell>
          <cell r="J2905" t="str">
            <v>東京都</v>
          </cell>
          <cell r="K2905" t="str">
            <v>078-596-6771</v>
          </cell>
          <cell r="L2905" t="str">
            <v>kbc-nishinihon@kk-grp.jp</v>
          </cell>
          <cell r="M2905" t="str">
            <v>ｺｸｻｲﾌﾞﾝｶｻﾞｲ</v>
          </cell>
          <cell r="N2905" t="str">
            <v>有</v>
          </cell>
          <cell r="O2905">
            <v>11</v>
          </cell>
          <cell r="P2905">
            <v>66</v>
          </cell>
          <cell r="Q2905">
            <v>2010001114184</v>
          </cell>
          <cell r="R2905">
            <v>100000</v>
          </cell>
          <cell r="S2905">
            <v>679926</v>
          </cell>
          <cell r="T2905">
            <v>1941829</v>
          </cell>
          <cell r="V2905" t="str">
            <v>mx318554</v>
          </cell>
          <cell r="W2905" t="str">
            <v>be199597</v>
          </cell>
          <cell r="Y2905" t="str">
            <v>58，72，</v>
          </cell>
          <cell r="Z2905">
            <v>80</v>
          </cell>
          <cell r="AA2905">
            <v>72</v>
          </cell>
          <cell r="AB2905">
            <v>58</v>
          </cell>
          <cell r="AC2905" t="str">
            <v/>
          </cell>
          <cell r="AD2905" t="str">
            <v/>
          </cell>
          <cell r="AE2905" t="str">
            <v>１；埋蔵文化財発掘調査及び調査業務２；航空写真図化３；ＧＩＳシステム開発・保守４；</v>
          </cell>
          <cell r="AF2905" t="str">
            <v>分割前会社国際航業（株）の、航空写真測量から始まり、４０年以上の実績があります。本登録申請においては、特に埋蔵文化財発掘調査、測量、計測技術の提供、調査から整理・報告書作成までの一連の業務において、貴市との取引を希望致します。</v>
          </cell>
        </row>
        <row r="2906">
          <cell r="B2906">
            <v>11623</v>
          </cell>
          <cell r="C2906" t="str">
            <v>タカギ産業株式会社</v>
          </cell>
          <cell r="D2906" t="str">
            <v>072-362-3281</v>
          </cell>
          <cell r="E2906" t="str">
            <v>587-0061</v>
          </cell>
          <cell r="F2906" t="str">
            <v>大阪府堺市美原区今井399ｰ6</v>
          </cell>
          <cell r="G2906" t="str">
            <v>堺市</v>
          </cell>
          <cell r="H2906" t="str">
            <v/>
          </cell>
          <cell r="I2906" t="str">
            <v>代表取締役社長 高木　雅之</v>
          </cell>
          <cell r="J2906" t="str">
            <v>本店</v>
          </cell>
          <cell r="K2906" t="str">
            <v>072-362-5662</v>
          </cell>
          <cell r="L2906" t="str">
            <v>mctakagi@mc-takagi.co.jp</v>
          </cell>
          <cell r="M2906" t="str">
            <v>ﾀｶｷﾞｻﾝｷﾞｮｳ</v>
          </cell>
          <cell r="N2906" t="str">
            <v>無</v>
          </cell>
          <cell r="O2906">
            <v>45</v>
          </cell>
          <cell r="P2906">
            <v>60</v>
          </cell>
          <cell r="Q2906" t="str">
            <v/>
          </cell>
          <cell r="R2906">
            <v>10000</v>
          </cell>
          <cell r="S2906">
            <v>1094919</v>
          </cell>
          <cell r="T2906">
            <v>2897786</v>
          </cell>
          <cell r="V2906" t="str">
            <v>bp940459</v>
          </cell>
          <cell r="W2906" t="str">
            <v>ig166574</v>
          </cell>
          <cell r="Y2906" t="str">
            <v>05，37，</v>
          </cell>
          <cell r="Z2906">
            <v>5</v>
          </cell>
          <cell r="AA2906">
            <v>37</v>
          </cell>
          <cell r="AB2906" t="str">
            <v/>
          </cell>
          <cell r="AC2906" t="str">
            <v/>
          </cell>
          <cell r="AD2906" t="str">
            <v/>
          </cell>
          <cell r="AE2906" t="str">
            <v>１；業務用弁当箱（ＰＰ）・メラミン容器（スリーライン株式会社・国際化工株式会社２；電子ジャー（象印マホービン株式会社）シャトルドラム（サーモス株式会社）・厨房機器（遠藤商事株式会社・江部松商事株式会社）３；４；</v>
          </cell>
          <cell r="AF2906" t="str">
            <v>業務用弁当箱（ＰＰ）・使い捨て弁当箱・メラミン容器・漆器・コンテナ・厨房用品など仕出し弁当業界の食べるもの以外全て。</v>
          </cell>
        </row>
        <row r="2907">
          <cell r="B2907">
            <v>11624</v>
          </cell>
          <cell r="C2907" t="str">
            <v>大都美装(株)</v>
          </cell>
          <cell r="D2907" t="str">
            <v>06-6451-0137</v>
          </cell>
          <cell r="E2907" t="str">
            <v>531-0075</v>
          </cell>
          <cell r="F2907" t="str">
            <v>大阪府大阪市北区大淀南1-11-16</v>
          </cell>
          <cell r="G2907" t="str">
            <v>大阪市</v>
          </cell>
          <cell r="H2907" t="str">
            <v/>
          </cell>
          <cell r="I2907" t="str">
            <v>代表取締役 兒玉　雅夫</v>
          </cell>
          <cell r="J2907" t="str">
            <v>本店</v>
          </cell>
          <cell r="K2907" t="str">
            <v>06-6451-0138</v>
          </cell>
          <cell r="L2907" t="str">
            <v>daito@d5.dion.ne.jp</v>
          </cell>
          <cell r="M2907" t="str">
            <v>ﾀﾞｲﾄﾋﾞｿｳ</v>
          </cell>
          <cell r="N2907" t="str">
            <v>無</v>
          </cell>
          <cell r="O2907">
            <v>64</v>
          </cell>
          <cell r="P2907">
            <v>317</v>
          </cell>
          <cell r="Q2907">
            <v>5120001035516</v>
          </cell>
          <cell r="R2907">
            <v>50000</v>
          </cell>
          <cell r="S2907">
            <v>690220</v>
          </cell>
          <cell r="T2907">
            <v>1512168</v>
          </cell>
          <cell r="V2907" t="str">
            <v>xj151534</v>
          </cell>
          <cell r="W2907" t="str">
            <v>lg169793</v>
          </cell>
          <cell r="Y2907" t="str">
            <v>051，05，45，46，47，48，49，51，52，53，54，55，60，63，</v>
          </cell>
          <cell r="Z2907">
            <v>54</v>
          </cell>
          <cell r="AA2907">
            <v>45</v>
          </cell>
          <cell r="AB2907">
            <v>47</v>
          </cell>
          <cell r="AC2907">
            <v>51</v>
          </cell>
          <cell r="AD2907" t="str">
            <v/>
          </cell>
          <cell r="AE2907" t="str">
            <v>１；建築物環境衛生総合管理業、医療関連サービスマーク認定２；警備業認定（施設警備、駐車場管理）３；４；建築物飲料水貯水槽清掃業</v>
          </cell>
          <cell r="AF2907" t="str">
            <v>当社のビルメンテナンス事業は、ビルの機能・環境保全を中心に、清掃、警備、設備保守管理、マンション管理、環境衛生管理、介護支援事業等幅広いメンテナンスサービスを提供する事で、ランニングコストの低減等の経済性に富んだ快適環境を実現します。</v>
          </cell>
        </row>
        <row r="2908">
          <cell r="B2908">
            <v>11627</v>
          </cell>
          <cell r="C2908" t="str">
            <v>(株)レゾナント・システムズ</v>
          </cell>
          <cell r="D2908" t="str">
            <v>045-503-3121</v>
          </cell>
          <cell r="E2908" t="str">
            <v>230-0051</v>
          </cell>
          <cell r="F2908" t="str">
            <v>神奈川県横浜市鶴見区鶴見中央4-34-26</v>
          </cell>
          <cell r="G2908" t="str">
            <v>横浜市</v>
          </cell>
          <cell r="H2908" t="str">
            <v/>
          </cell>
          <cell r="I2908" t="str">
            <v>代表取締役 近藤　真子</v>
          </cell>
          <cell r="J2908" t="str">
            <v>本店</v>
          </cell>
          <cell r="K2908" t="str">
            <v>045-503-3149</v>
          </cell>
          <cell r="L2908" t="str">
            <v>koutsuu@resonant-systems.com</v>
          </cell>
          <cell r="M2908" t="str">
            <v>ﾚｿﾞﾅﾝﾄ･ｼｽﾃﾑｽﾞ</v>
          </cell>
          <cell r="N2908" t="str">
            <v>無</v>
          </cell>
          <cell r="O2908">
            <v>66</v>
          </cell>
          <cell r="P2908">
            <v>135</v>
          </cell>
          <cell r="Q2908">
            <v>2020001018500</v>
          </cell>
          <cell r="R2908">
            <v>25000</v>
          </cell>
          <cell r="S2908">
            <v>602773</v>
          </cell>
          <cell r="T2908">
            <v>1959744</v>
          </cell>
          <cell r="V2908" t="str">
            <v>at192976</v>
          </cell>
          <cell r="W2908" t="str">
            <v>ｒg161765</v>
          </cell>
          <cell r="Y2908" t="str">
            <v>036，26，36，57，58，</v>
          </cell>
          <cell r="Z2908">
            <v>26</v>
          </cell>
          <cell r="AA2908">
            <v>58</v>
          </cell>
          <cell r="AB2908">
            <v>57</v>
          </cell>
          <cell r="AC2908">
            <v>36</v>
          </cell>
          <cell r="AD2908" t="str">
            <v/>
          </cell>
          <cell r="AE2908" t="str">
            <v>１；車載用音声合成放送装置、ドライブレコーダー、乗降客計測装置、ＥＭＳ用機器、バスロケーションシステム、乗務員用マイクロホン、車内案内用放送ソフト・映像ソフト、車載用各種表示装置２；３；４；</v>
          </cell>
          <cell r="AF2908" t="str">
            <v>昭和３７年日本最初のワンマンバス用テープ放送装置を開発し、ワンマンバスの普及発展に貢献してきました。平成１９年４月（株）富士急情報システムを吸収合併し、ソフトウェアの分野の技術力を高め、各交通機関の「安全」「エコ」の商品開発に取り組んでいます。</v>
          </cell>
        </row>
        <row r="2909">
          <cell r="B2909">
            <v>11630</v>
          </cell>
          <cell r="C2909" t="str">
            <v>株式会社東久</v>
          </cell>
          <cell r="D2909" t="str">
            <v>072-251-4785</v>
          </cell>
          <cell r="E2909" t="str">
            <v>530-0057</v>
          </cell>
          <cell r="F2909" t="str">
            <v>堺市北区北花田町4丁99番地</v>
          </cell>
          <cell r="G2909" t="str">
            <v/>
          </cell>
          <cell r="H2909" t="str">
            <v/>
          </cell>
          <cell r="I2909" t="str">
            <v>代表取締役　 久保　惇</v>
          </cell>
          <cell r="J2909" t="str">
            <v>本店</v>
          </cell>
          <cell r="K2909" t="str">
            <v>072-255-7222</v>
          </cell>
          <cell r="L2909" t="str">
            <v/>
          </cell>
          <cell r="M2909" t="str">
            <v>ﾄｳｷﾕｳ</v>
          </cell>
          <cell r="N2909" t="str">
            <v>無</v>
          </cell>
          <cell r="O2909">
            <v>40</v>
          </cell>
          <cell r="P2909">
            <v>36</v>
          </cell>
          <cell r="Q2909">
            <v>2120101004605</v>
          </cell>
          <cell r="R2909">
            <v>10000</v>
          </cell>
          <cell r="S2909">
            <v>602479</v>
          </cell>
          <cell r="T2909">
            <v>1335131</v>
          </cell>
          <cell r="V2909" t="str">
            <v>cx799171</v>
          </cell>
          <cell r="W2909" t="str">
            <v>vn195339</v>
          </cell>
          <cell r="Y2909">
            <v>2</v>
          </cell>
          <cell r="Z2909" t="str">
            <v/>
          </cell>
          <cell r="AA2909" t="str">
            <v/>
          </cell>
          <cell r="AB2909" t="str">
            <v/>
          </cell>
          <cell r="AC2909" t="str">
            <v/>
          </cell>
          <cell r="AD2909" t="str">
            <v/>
          </cell>
          <cell r="AE2909" t="str">
            <v>１；２；３；４；</v>
          </cell>
          <cell r="AF2909" t="str">
            <v>食料品卸</v>
          </cell>
        </row>
        <row r="2910">
          <cell r="B2910">
            <v>11631</v>
          </cell>
          <cell r="C2910" t="str">
            <v>(株)アイ・エヌ・ジー・ドットコム</v>
          </cell>
          <cell r="D2910" t="str">
            <v>06-4706-3440</v>
          </cell>
          <cell r="E2910" t="str">
            <v>578-0905</v>
          </cell>
          <cell r="F2910" t="str">
            <v>大阪府大阪市中央区瓦町2丁目4番7号</v>
          </cell>
          <cell r="G2910" t="str">
            <v>大阪市</v>
          </cell>
          <cell r="H2910" t="str">
            <v/>
          </cell>
          <cell r="I2910" t="str">
            <v>代表取締役 牛原　良三</v>
          </cell>
          <cell r="J2910" t="str">
            <v>本店</v>
          </cell>
          <cell r="K2910" t="str">
            <v>06-4706-3442</v>
          </cell>
          <cell r="L2910" t="str">
            <v>yamaguchi.j@ingjp.com</v>
          </cell>
          <cell r="M2910" t="str">
            <v>ｱｲｴﾇｼﾞｰﾄﾞｯﾄｺﾑ</v>
          </cell>
          <cell r="N2910" t="str">
            <v>有</v>
          </cell>
          <cell r="O2910">
            <v>18</v>
          </cell>
          <cell r="P2910">
            <v>45</v>
          </cell>
          <cell r="Q2910">
            <v>1120001095555</v>
          </cell>
          <cell r="R2910">
            <v>60000</v>
          </cell>
          <cell r="S2910">
            <v>75196</v>
          </cell>
          <cell r="T2910">
            <v>977743</v>
          </cell>
          <cell r="V2910" t="str">
            <v>vq620224</v>
          </cell>
          <cell r="W2910" t="str">
            <v>wd196893</v>
          </cell>
          <cell r="Y2910" t="str">
            <v>057，56，57，77，</v>
          </cell>
          <cell r="Z2910">
            <v>80</v>
          </cell>
          <cell r="AA2910">
            <v>56</v>
          </cell>
          <cell r="AB2910">
            <v>77</v>
          </cell>
          <cell r="AC2910">
            <v>57</v>
          </cell>
          <cell r="AD2910" t="str">
            <v/>
          </cell>
          <cell r="AE2910" t="str">
            <v>１；コールセンター業務（粗大ごみ受付、特定健診勧奨）２；電話交換業務、窓口受付業務３；４；</v>
          </cell>
          <cell r="AF2910" t="str">
            <v>自治体における業務を得意としており。コールセンター業務では、粗大ごみ・水道局の電話受付などの業務実績があります。人材派遣では、事務およびイベントスタッフ派遣、調査では、データ入力から分析・集計等トータルでの業務が可能です。</v>
          </cell>
        </row>
        <row r="2911">
          <cell r="B2911">
            <v>11632</v>
          </cell>
          <cell r="C2911" t="str">
            <v>(株)東光コンサルタンツ</v>
          </cell>
          <cell r="D2911" t="str">
            <v>078-531-1210</v>
          </cell>
          <cell r="E2911" t="str">
            <v>652-0802</v>
          </cell>
          <cell r="F2911" t="str">
            <v>兵庫県神戸市兵庫区水木通4-1-11</v>
          </cell>
          <cell r="G2911" t="str">
            <v>神戸市</v>
          </cell>
          <cell r="H2911" t="str">
            <v>神戸営業所</v>
          </cell>
          <cell r="I2911" t="str">
            <v>所長 後藤　明</v>
          </cell>
          <cell r="J2911" t="str">
            <v>東京都</v>
          </cell>
          <cell r="K2911" t="str">
            <v>078-531-1220</v>
          </cell>
          <cell r="L2911" t="str">
            <v>o-eigyo@tokoc.co.jp</v>
          </cell>
          <cell r="M2911" t="str">
            <v>ﾄｳｺｳｺﾝｻﾙﾀﾝﾂ</v>
          </cell>
          <cell r="N2911" t="str">
            <v>有</v>
          </cell>
          <cell r="O2911">
            <v>58</v>
          </cell>
          <cell r="P2911">
            <v>166</v>
          </cell>
          <cell r="Q2911">
            <v>1010501029809</v>
          </cell>
          <cell r="R2911">
            <v>100000</v>
          </cell>
          <cell r="S2911">
            <v>814926</v>
          </cell>
          <cell r="T2911">
            <v>2664019.4920000001</v>
          </cell>
          <cell r="V2911" t="str">
            <v>yx665408</v>
          </cell>
          <cell r="W2911" t="str">
            <v>it191999</v>
          </cell>
          <cell r="Y2911" t="str">
            <v>77，79，</v>
          </cell>
          <cell r="Z2911">
            <v>79</v>
          </cell>
          <cell r="AA2911">
            <v>77</v>
          </cell>
          <cell r="AB2911" t="str">
            <v/>
          </cell>
          <cell r="AC2911" t="str">
            <v/>
          </cell>
          <cell r="AD2911" t="str">
            <v/>
          </cell>
          <cell r="AE2911" t="str">
            <v>１；管内ＴＶカメラ調査等２；市場・世論調査・アンケート調査等３；４；</v>
          </cell>
          <cell r="AF2911" t="str">
            <v>当社は、建設コンサルタントとして各種土木設計に携わっております。近年の長寿命化計画策定及び維持管理という概念において橋梁、その他土木構造物の点検、及び耐震、補修等の設計など、注力しております。又、減災を目的とした、河川、砂防事業等に広く携わっております。</v>
          </cell>
        </row>
        <row r="2912">
          <cell r="B2912">
            <v>11634</v>
          </cell>
          <cell r="C2912" t="str">
            <v>(株)ヤマト</v>
          </cell>
          <cell r="D2912" t="str">
            <v>06-6649-6901</v>
          </cell>
          <cell r="E2912" t="str">
            <v>556-0011</v>
          </cell>
          <cell r="F2912" t="str">
            <v>大阪府大阪市浪速区難波中1-10-4</v>
          </cell>
          <cell r="G2912" t="str">
            <v>大阪市</v>
          </cell>
          <cell r="H2912" t="str">
            <v/>
          </cell>
          <cell r="I2912" t="str">
            <v>代表取締役 田中　征男</v>
          </cell>
          <cell r="J2912" t="str">
            <v>本店</v>
          </cell>
          <cell r="K2912" t="str">
            <v>06-6649-6910</v>
          </cell>
          <cell r="L2912" t="str">
            <v>S.kobayasi@yamatocorporation.jp</v>
          </cell>
          <cell r="M2912" t="str">
            <v>ﾔﾏﾄ</v>
          </cell>
          <cell r="N2912" t="str">
            <v>無</v>
          </cell>
          <cell r="O2912">
            <v>46</v>
          </cell>
          <cell r="P2912">
            <v>518</v>
          </cell>
          <cell r="Q2912">
            <v>8120001040281</v>
          </cell>
          <cell r="R2912">
            <v>20000</v>
          </cell>
          <cell r="S2912">
            <v>1140415</v>
          </cell>
          <cell r="T2912">
            <v>1770467</v>
          </cell>
          <cell r="V2912" t="str">
            <v>sh510329</v>
          </cell>
          <cell r="W2912" t="str">
            <v>zb167937</v>
          </cell>
          <cell r="Y2912" t="str">
            <v>45，56，63，</v>
          </cell>
          <cell r="Z2912" t="str">
            <v/>
          </cell>
          <cell r="AA2912" t="str">
            <v/>
          </cell>
          <cell r="AB2912" t="str">
            <v/>
          </cell>
          <cell r="AC2912" t="str">
            <v/>
          </cell>
          <cell r="AD2912" t="str">
            <v/>
          </cell>
          <cell r="AE2912" t="str">
            <v>１；２；３；４；</v>
          </cell>
          <cell r="AF2912" t="str">
            <v>主に住之江競艇場の場内外警備業務を実施。雑踏警備を得意としており、過去に花博等大規模イベント雑踏警備、サッカーワールドカップに伴うＪＲ駅構内の雑踏警備の実績がある。ボートピア梅田、新開地等の人材派遣、案内業務の新規分野業務に積極的に進出し新たな業務展開も行っている。</v>
          </cell>
        </row>
        <row r="2913">
          <cell r="B2913">
            <v>11635</v>
          </cell>
          <cell r="C2913" t="str">
            <v>(株)京伸</v>
          </cell>
          <cell r="D2913" t="str">
            <v>06-6764-6236</v>
          </cell>
          <cell r="E2913" t="str">
            <v>540-0017</v>
          </cell>
          <cell r="F2913" t="str">
            <v>大阪府大阪市中央区松屋町住吉6-16</v>
          </cell>
          <cell r="G2913" t="str">
            <v>大阪市</v>
          </cell>
          <cell r="H2913" t="str">
            <v/>
          </cell>
          <cell r="I2913" t="str">
            <v>代表取締役 京屋　直樹</v>
          </cell>
          <cell r="J2913" t="str">
            <v>本店</v>
          </cell>
          <cell r="K2913" t="str">
            <v>06-6761-3447</v>
          </cell>
          <cell r="L2913" t="str">
            <v>k.fujinaka@keishin-bm.com</v>
          </cell>
          <cell r="M2913" t="str">
            <v>ｹｲｼﾝ</v>
          </cell>
          <cell r="N2913" t="str">
            <v>無</v>
          </cell>
          <cell r="O2913">
            <v>42</v>
          </cell>
          <cell r="P2913">
            <v>503</v>
          </cell>
          <cell r="Q2913">
            <v>5120001078069</v>
          </cell>
          <cell r="R2913">
            <v>10000</v>
          </cell>
          <cell r="S2913">
            <v>50228</v>
          </cell>
          <cell r="T2913">
            <v>754290</v>
          </cell>
          <cell r="V2913" t="str">
            <v>wh225074</v>
          </cell>
          <cell r="W2913" t="str">
            <v>sr169973</v>
          </cell>
          <cell r="Y2913" t="str">
            <v>056，45，46，47，48，49，54，56，</v>
          </cell>
          <cell r="Z2913">
            <v>54</v>
          </cell>
          <cell r="AA2913">
            <v>45</v>
          </cell>
          <cell r="AB2913">
            <v>46</v>
          </cell>
          <cell r="AC2913">
            <v>56</v>
          </cell>
          <cell r="AD2913" t="str">
            <v/>
          </cell>
          <cell r="AE2913" t="str">
            <v>１；建築物清掃業（大阪府３０清第７－３３号）、建築物飲料水貯水槽清掃業（大阪府２８貯第４－１４号）、医療関連サービスマーク（Ｇ（８）－１８０６２７０８６５）２；警備業認定証（第６２０００７７０号）３；建築物環境衛生総合管理業（大阪府３０総第２－１号）４；一般労働者派遣事業許可証（般２７－３００９９０）</v>
          </cell>
          <cell r="AF2913" t="str">
            <v>当社の営業主体は清掃、警備、設備運転管理です。サービス業として従業員教育や研修に重点を置き、お客様に満足して頂けるサービスを提供致します。さらに平成２８年８月にＩＳＯ１４００１を取得し、環境の保護、順守義務を果たし快適環境を提供できる企業を目指しております。</v>
          </cell>
        </row>
        <row r="2914">
          <cell r="B2914">
            <v>11637</v>
          </cell>
          <cell r="C2914" t="str">
            <v>日鉄テクノロジー(株)</v>
          </cell>
          <cell r="D2914" t="str">
            <v>073-451-2407</v>
          </cell>
          <cell r="E2914" t="str">
            <v>640-8555</v>
          </cell>
          <cell r="F2914" t="str">
            <v>和歌山県和歌山市湊1850</v>
          </cell>
          <cell r="G2914" t="str">
            <v>和歌山市</v>
          </cell>
          <cell r="H2914" t="str">
            <v>和歌山事業所</v>
          </cell>
          <cell r="I2914" t="str">
            <v>事業所長 近藤　邦夫</v>
          </cell>
          <cell r="J2914" t="str">
            <v>東京都</v>
          </cell>
          <cell r="K2914" t="str">
            <v>073-454-2145</v>
          </cell>
          <cell r="L2914" t="str">
            <v>hirami-souichiro@nsst.jp</v>
          </cell>
          <cell r="M2914" t="str">
            <v>ﾆｯﾃﾂｽﾐｷﾝﾃｸﾉﾛｼﾞｰ</v>
          </cell>
          <cell r="N2914" t="str">
            <v>有</v>
          </cell>
          <cell r="O2914">
            <v>31</v>
          </cell>
          <cell r="P2914">
            <v>3458</v>
          </cell>
          <cell r="Q2914">
            <v>5140001049415</v>
          </cell>
          <cell r="R2914">
            <v>100000</v>
          </cell>
          <cell r="S2914">
            <v>9797735</v>
          </cell>
          <cell r="T2914">
            <v>37548632</v>
          </cell>
          <cell r="V2914" t="str">
            <v>nv828888</v>
          </cell>
          <cell r="W2914" t="str">
            <v>nj118399</v>
          </cell>
          <cell r="Y2914" t="str">
            <v/>
          </cell>
          <cell r="Z2914">
            <v>80</v>
          </cell>
          <cell r="AA2914" t="str">
            <v/>
          </cell>
          <cell r="AB2914" t="str">
            <v/>
          </cell>
          <cell r="AC2914" t="str">
            <v/>
          </cell>
          <cell r="AD2914" t="str">
            <v/>
          </cell>
          <cell r="AE2914" t="str">
            <v>１；調査・分析業務（水質、排ガス、大気、土壌、ダイオキシン、作業環境、臭気、騒音、振動）２；３；４；</v>
          </cell>
          <cell r="AF2914" t="str">
            <v>調査・分析業務（水質、排ガス、大気、土壌、ダイオキシン、作業環境、臭気、騒音、振動）</v>
          </cell>
        </row>
        <row r="2915">
          <cell r="B2915">
            <v>11643</v>
          </cell>
          <cell r="C2915" t="str">
            <v>(株)イボキン</v>
          </cell>
          <cell r="D2915" t="str">
            <v>0791-72-3531</v>
          </cell>
          <cell r="E2915" t="str">
            <v>671-1621</v>
          </cell>
          <cell r="F2915" t="str">
            <v>兵庫県たつの市揖保川町正條379</v>
          </cell>
          <cell r="G2915" t="str">
            <v>たつの市</v>
          </cell>
          <cell r="H2915" t="str">
            <v/>
          </cell>
          <cell r="I2915" t="str">
            <v>代表取締役　 高橋　克実</v>
          </cell>
          <cell r="J2915" t="str">
            <v>本店</v>
          </cell>
          <cell r="K2915" t="str">
            <v>0791-72-2639</v>
          </cell>
          <cell r="L2915" t="str">
            <v>kmuratani@ibokin.co.jp</v>
          </cell>
          <cell r="M2915" t="str">
            <v>ｲﾎﾞｷﾝ</v>
          </cell>
          <cell r="N2915" t="str">
            <v>無</v>
          </cell>
          <cell r="O2915">
            <v>23</v>
          </cell>
          <cell r="P2915" t="str">
            <v/>
          </cell>
          <cell r="Q2915">
            <v>1140000000000</v>
          </cell>
          <cell r="R2915">
            <v>47500</v>
          </cell>
          <cell r="S2915">
            <v>1366886</v>
          </cell>
          <cell r="T2915">
            <v>5332376</v>
          </cell>
          <cell r="V2915" t="str">
            <v>ta743709</v>
          </cell>
          <cell r="W2915" t="str">
            <v>ej197839</v>
          </cell>
          <cell r="Y2915">
            <v>68.69</v>
          </cell>
          <cell r="Z2915">
            <v>69</v>
          </cell>
          <cell r="AA2915">
            <v>68</v>
          </cell>
          <cell r="AB2915" t="str">
            <v/>
          </cell>
          <cell r="AC2915" t="str">
            <v/>
          </cell>
          <cell r="AD2915" t="str">
            <v/>
          </cell>
          <cell r="AE2915" t="str">
            <v>１；２；金属くず商、古物商、廃棄物再生事業登録、自リ法（フロン回収業、引取業、解体業、破砕業）３；一般廃棄物処理施設設置、一般廃棄物処理業（収運業）、小型家電リサイクル法認定、産業廃棄物処分業、産業廃棄物収集運搬業、特別管理産業廃棄物収集運搬業、第一種フロン類回収業４；</v>
          </cell>
          <cell r="AF2915" t="str">
            <v>建築物解体・機械設備の解体等収集運搬から中間処理・最終処分まで自社で完結し廃棄物のトレーサビリティ、コンプライアンスにおいて高品質のワンストップサービスを提供させていただきます。</v>
          </cell>
        </row>
        <row r="2916">
          <cell r="B2916">
            <v>11652</v>
          </cell>
          <cell r="C2916" t="str">
            <v>(有)マーキュリー衛研</v>
          </cell>
          <cell r="D2916" t="str">
            <v>06-6436-5840</v>
          </cell>
          <cell r="E2916" t="str">
            <v>661-0003</v>
          </cell>
          <cell r="F2916" t="str">
            <v>兵庫県尼崎市富松町4-35-22</v>
          </cell>
          <cell r="G2916" t="str">
            <v>尼崎市</v>
          </cell>
          <cell r="H2916" t="str">
            <v/>
          </cell>
          <cell r="I2916" t="str">
            <v>代表取締役 楊田　寛明</v>
          </cell>
          <cell r="J2916" t="str">
            <v>本店</v>
          </cell>
          <cell r="K2916" t="str">
            <v>06-6427-3316</v>
          </cell>
          <cell r="L2916" t="str">
            <v>hiromakikoko@gmail.com</v>
          </cell>
          <cell r="M2916" t="str">
            <v>ﾏｰｷｭﾘｰｴｲｹﾝ</v>
          </cell>
          <cell r="N2916" t="str">
            <v>無</v>
          </cell>
          <cell r="O2916">
            <v>46</v>
          </cell>
          <cell r="P2916">
            <v>7</v>
          </cell>
          <cell r="Q2916">
            <v>5140002042559</v>
          </cell>
          <cell r="R2916">
            <v>3000</v>
          </cell>
          <cell r="S2916">
            <v>739</v>
          </cell>
          <cell r="T2916">
            <v>56510</v>
          </cell>
          <cell r="V2916" t="str">
            <v>zj806715</v>
          </cell>
          <cell r="W2916" t="str">
            <v>bg179989</v>
          </cell>
          <cell r="Y2916" t="str">
            <v>52，</v>
          </cell>
          <cell r="Z2916" t="str">
            <v/>
          </cell>
          <cell r="AA2916" t="str">
            <v/>
          </cell>
          <cell r="AB2916" t="str">
            <v/>
          </cell>
          <cell r="AC2916" t="str">
            <v/>
          </cell>
          <cell r="AD2916" t="str">
            <v/>
          </cell>
          <cell r="AE2916" t="str">
            <v>１；２；３；４；</v>
          </cell>
          <cell r="AF2916" t="str">
            <v>昭和４６年、神戸市灘区で創業開始。昭和５２年に法人登記し、現在に至る。一般住宅・ビル・マンション・病院・飲食店・食品工場等の環境衛生の改善と向上に貢献し、生活環境の良好な街作りを目指します。</v>
          </cell>
        </row>
        <row r="2917">
          <cell r="B2917">
            <v>11654</v>
          </cell>
          <cell r="C2917" t="str">
            <v>ミズノスポーツサービス(株)</v>
          </cell>
          <cell r="D2917" t="str">
            <v>06-6614-8136</v>
          </cell>
          <cell r="E2917" t="str">
            <v>559-8510</v>
          </cell>
          <cell r="F2917" t="str">
            <v>大阪府大阪市住之江区南港北1-12-35</v>
          </cell>
          <cell r="G2917" t="str">
            <v>大阪市</v>
          </cell>
          <cell r="H2917" t="str">
            <v/>
          </cell>
          <cell r="I2917" t="str">
            <v>代表取締役 篠村　嘉将</v>
          </cell>
          <cell r="J2917" t="str">
            <v>本店</v>
          </cell>
          <cell r="K2917" t="str">
            <v>06-6614-8381</v>
          </cell>
          <cell r="L2917" t="str">
            <v>wtaiiku@mizuno.co.jp</v>
          </cell>
          <cell r="M2917" t="str">
            <v>ﾐｽﾞﾉｽﾎﾟｰﾂｻｰﾋﾞｽ</v>
          </cell>
          <cell r="N2917" t="str">
            <v>無</v>
          </cell>
          <cell r="O2917">
            <v>29</v>
          </cell>
          <cell r="P2917">
            <v>1829</v>
          </cell>
          <cell r="Q2917">
            <v>1120001090341</v>
          </cell>
          <cell r="R2917">
            <v>10000</v>
          </cell>
          <cell r="S2917">
            <v>619648</v>
          </cell>
          <cell r="T2917">
            <v>5334822</v>
          </cell>
          <cell r="V2917" t="str">
            <v>wi765499</v>
          </cell>
          <cell r="W2917" t="str">
            <v>eg195361</v>
          </cell>
          <cell r="Y2917" t="str">
            <v>20，63，</v>
          </cell>
          <cell r="Z2917">
            <v>80</v>
          </cell>
          <cell r="AA2917">
            <v>63</v>
          </cell>
          <cell r="AB2917">
            <v>20</v>
          </cell>
          <cell r="AC2917" t="str">
            <v/>
          </cell>
          <cell r="AD2917" t="str">
            <v/>
          </cell>
          <cell r="AE2917" t="str">
            <v>１；介護予防事業２；スポーツ施設３；４；</v>
          </cell>
          <cell r="AF2917" t="str">
            <v>ミズノグループでは全国で約１６０件のスポーツ施設の運営実績があり、幅広い年齢層の方々のニーズに応じた多種多様なプログラムを提供いたします。介護予防事業については、現在１６自治体との取組や弊社オリジナル高齢者プログラムなどを展開しております。</v>
          </cell>
        </row>
        <row r="2918">
          <cell r="B2918">
            <v>11655</v>
          </cell>
          <cell r="C2918" t="str">
            <v>山中育樹園(株)</v>
          </cell>
          <cell r="D2918" t="str">
            <v>072-782-8031</v>
          </cell>
          <cell r="E2918" t="str">
            <v>664-0003</v>
          </cell>
          <cell r="F2918" t="str">
            <v>兵庫県伊丹市大野3-26</v>
          </cell>
          <cell r="G2918" t="str">
            <v>伊丹市</v>
          </cell>
          <cell r="H2918" t="str">
            <v/>
          </cell>
          <cell r="I2918" t="str">
            <v>代表取締役 山中　セイジ</v>
          </cell>
          <cell r="J2918" t="str">
            <v>本店</v>
          </cell>
          <cell r="K2918" t="str">
            <v>072-770-7710</v>
          </cell>
          <cell r="L2918" t="str">
            <v>info@ikujyuen.com</v>
          </cell>
          <cell r="M2918" t="str">
            <v>ﾔﾏﾅｶｲｸｼﾞｭｴﾝ</v>
          </cell>
          <cell r="N2918" t="str">
            <v>有</v>
          </cell>
          <cell r="O2918">
            <v>31</v>
          </cell>
          <cell r="P2918">
            <v>12</v>
          </cell>
          <cell r="Q2918">
            <v>1140001079052</v>
          </cell>
          <cell r="R2918">
            <v>20000</v>
          </cell>
          <cell r="S2918">
            <v>68261</v>
          </cell>
          <cell r="T2918">
            <v>233972</v>
          </cell>
          <cell r="V2918" t="str">
            <v>bj694405</v>
          </cell>
          <cell r="W2918" t="str">
            <v>qm133881</v>
          </cell>
          <cell r="Y2918" t="str">
            <v>22，28，53，</v>
          </cell>
          <cell r="Z2918">
            <v>53</v>
          </cell>
          <cell r="AA2918">
            <v>22</v>
          </cell>
          <cell r="AB2918">
            <v>28</v>
          </cell>
          <cell r="AC2918" t="str">
            <v/>
          </cell>
          <cell r="AD2918" t="str">
            <v/>
          </cell>
          <cell r="AE2918" t="str">
            <v>１；樹木医２；３；４；</v>
          </cell>
          <cell r="AF2918" t="str">
            <v>建設工事得意分野：公園・植栽・遊具・外構・樹木管理、物品得意分野：樹木・花鉢・花苗・観葉植物・造園資材・園芸資材</v>
          </cell>
        </row>
        <row r="2919">
          <cell r="B2919">
            <v>11659</v>
          </cell>
          <cell r="C2919" t="str">
            <v>阪神青果(株)</v>
          </cell>
          <cell r="D2919" t="str">
            <v>072-784-1868</v>
          </cell>
          <cell r="E2919" t="str">
            <v>664-0836</v>
          </cell>
          <cell r="F2919" t="str">
            <v>兵庫県伊丹市北本町3丁目50番地</v>
          </cell>
          <cell r="G2919" t="str">
            <v>伊丹市</v>
          </cell>
          <cell r="H2919" t="str">
            <v/>
          </cell>
          <cell r="I2919" t="str">
            <v>代表取締役 北中　武司</v>
          </cell>
          <cell r="J2919" t="str">
            <v>本店</v>
          </cell>
          <cell r="K2919" t="str">
            <v>072-770-1109</v>
          </cell>
          <cell r="L2919" t="str">
            <v/>
          </cell>
          <cell r="M2919" t="str">
            <v>ﾊﾝｼﾝｾｲｶ</v>
          </cell>
          <cell r="N2919" t="str">
            <v>無</v>
          </cell>
          <cell r="O2919">
            <v>43</v>
          </cell>
          <cell r="P2919">
            <v>6</v>
          </cell>
          <cell r="Q2919">
            <v>5140001078785</v>
          </cell>
          <cell r="R2919">
            <v>10000</v>
          </cell>
          <cell r="S2919">
            <v>0</v>
          </cell>
          <cell r="T2919">
            <v>200000</v>
          </cell>
          <cell r="V2919" t="str">
            <v>hs321267</v>
          </cell>
          <cell r="W2919" t="str">
            <v>bd116998</v>
          </cell>
          <cell r="Y2919" t="str">
            <v>02，</v>
          </cell>
          <cell r="Z2919" t="str">
            <v/>
          </cell>
          <cell r="AA2919" t="str">
            <v/>
          </cell>
          <cell r="AB2919" t="str">
            <v/>
          </cell>
          <cell r="AC2919" t="str">
            <v/>
          </cell>
          <cell r="AD2919" t="str">
            <v/>
          </cell>
          <cell r="AE2919" t="str">
            <v>１；２；３；４；</v>
          </cell>
          <cell r="AF2919" t="str">
            <v>野菜・果物の販売</v>
          </cell>
        </row>
        <row r="2920">
          <cell r="B2920">
            <v>11665</v>
          </cell>
          <cell r="C2920" t="str">
            <v>(株)読売新聞大阪本社</v>
          </cell>
          <cell r="D2920" t="str">
            <v>06-7732-0101</v>
          </cell>
          <cell r="E2920" t="str">
            <v>530-8551</v>
          </cell>
          <cell r="F2920" t="str">
            <v>大阪府大阪市北区野崎町5-9</v>
          </cell>
          <cell r="G2920" t="str">
            <v>大阪市</v>
          </cell>
          <cell r="H2920" t="str">
            <v>役員室メディアグループ</v>
          </cell>
          <cell r="I2920" t="str">
            <v>役員室メディアグループ部長 向野　晋</v>
          </cell>
          <cell r="J2920" t="str">
            <v>大阪府大阪市</v>
          </cell>
          <cell r="K2920" t="str">
            <v>06-6315-0921</v>
          </cell>
          <cell r="L2920" t="str">
            <v>ichi7141@yomiuri.com</v>
          </cell>
          <cell r="M2920" t="str">
            <v>ﾖﾐｳﾘｼﾝﾌﾞﾝｵｵｻｶﾎﾝｼｬ</v>
          </cell>
          <cell r="N2920" t="str">
            <v>有</v>
          </cell>
          <cell r="O2920">
            <v>67</v>
          </cell>
          <cell r="P2920">
            <v>1205</v>
          </cell>
          <cell r="Q2920">
            <v>3120001059624</v>
          </cell>
          <cell r="R2920">
            <v>100000</v>
          </cell>
          <cell r="S2920" t="str">
            <v/>
          </cell>
          <cell r="T2920">
            <v>83063000</v>
          </cell>
          <cell r="V2920" t="str">
            <v>cn519393</v>
          </cell>
          <cell r="W2920" t="str">
            <v>df193653</v>
          </cell>
          <cell r="Y2920" t="str">
            <v>13，71，</v>
          </cell>
          <cell r="Z2920">
            <v>13</v>
          </cell>
          <cell r="AA2920">
            <v>71</v>
          </cell>
          <cell r="AB2920" t="str">
            <v/>
          </cell>
          <cell r="AC2920" t="str">
            <v/>
          </cell>
          <cell r="AD2920" t="str">
            <v/>
          </cell>
          <cell r="AE2920" t="str">
            <v>１；読売新聞オンラインデータベース「ヨミダス歴史館」２；読売新聞記事マイクロフィルム３；４；</v>
          </cell>
          <cell r="AF2920" t="str">
            <v>読売新聞記事データベースやマイクロフィルムの販売</v>
          </cell>
        </row>
        <row r="2921">
          <cell r="B2921">
            <v>11673</v>
          </cell>
          <cell r="C2921" t="str">
            <v>名鉄観光サービス(株)</v>
          </cell>
          <cell r="D2921" t="str">
            <v>078-321-5005</v>
          </cell>
          <cell r="E2921" t="str">
            <v>650-0038</v>
          </cell>
          <cell r="F2921" t="str">
            <v>兵庫県神戸市中央区西町35</v>
          </cell>
          <cell r="G2921" t="str">
            <v>神戸市</v>
          </cell>
          <cell r="H2921" t="str">
            <v>神戸支店</v>
          </cell>
          <cell r="I2921" t="str">
            <v>支店長 近藤　誠司</v>
          </cell>
          <cell r="J2921" t="str">
            <v>愛知県名古屋市</v>
          </cell>
          <cell r="K2921" t="str">
            <v>078-321-5019</v>
          </cell>
          <cell r="L2921" t="str">
            <v>yoji.fukumoto@mwt.co.jp</v>
          </cell>
          <cell r="M2921" t="str">
            <v>ﾒｲﾃﾂｶﾝｺｳｻｰﾋﾞｽ</v>
          </cell>
          <cell r="N2921" t="str">
            <v>有</v>
          </cell>
          <cell r="O2921">
            <v>58</v>
          </cell>
          <cell r="P2921">
            <v>1461</v>
          </cell>
          <cell r="Q2921" t="str">
            <v/>
          </cell>
          <cell r="R2921">
            <v>300000</v>
          </cell>
          <cell r="S2921">
            <v>3328328</v>
          </cell>
          <cell r="T2921">
            <v>18118041</v>
          </cell>
          <cell r="V2921" t="str">
            <v>gp821269</v>
          </cell>
          <cell r="W2921" t="str">
            <v>uj120822</v>
          </cell>
          <cell r="Y2921" t="str">
            <v>67，</v>
          </cell>
          <cell r="Z2921" t="str">
            <v/>
          </cell>
          <cell r="AA2921" t="str">
            <v/>
          </cell>
          <cell r="AB2921" t="str">
            <v/>
          </cell>
          <cell r="AC2921" t="str">
            <v/>
          </cell>
          <cell r="AD2921" t="str">
            <v/>
          </cell>
          <cell r="AE2921" t="str">
            <v>１；２；３；４；</v>
          </cell>
          <cell r="AF2921" t="str">
            <v>総合旅行業社として安心・安全をモットーに旅行商品を通じて地域貢献のお役に立てるような業務を心がけております。</v>
          </cell>
        </row>
        <row r="2922">
          <cell r="B2922">
            <v>11675</v>
          </cell>
          <cell r="C2922" t="str">
            <v>(株)キョウエイアドインターナショナル</v>
          </cell>
          <cell r="D2922" t="str">
            <v>078-231-1722</v>
          </cell>
          <cell r="E2922" t="str">
            <v>651-0084</v>
          </cell>
          <cell r="F2922" t="str">
            <v>兵庫県神戸市中央区磯辺通4-2-8</v>
          </cell>
          <cell r="G2922" t="str">
            <v>神戸市</v>
          </cell>
          <cell r="H2922" t="str">
            <v>神戸営業所</v>
          </cell>
          <cell r="I2922" t="str">
            <v>所長 篠田　幸弘</v>
          </cell>
          <cell r="J2922" t="str">
            <v>東京都</v>
          </cell>
          <cell r="K2922" t="str">
            <v>078-231-1733</v>
          </cell>
          <cell r="L2922" t="str">
            <v>k.okamoto@kyoeiad.co.jp</v>
          </cell>
          <cell r="M2922" t="str">
            <v>ｷｮｳｴｲｱﾄﾞｲﾝﾀｰﾅｼｮﾅﾙ</v>
          </cell>
          <cell r="N2922" t="str">
            <v>有</v>
          </cell>
          <cell r="O2922">
            <v>55</v>
          </cell>
          <cell r="P2922">
            <v>250</v>
          </cell>
          <cell r="Q2922">
            <v>4011101005486</v>
          </cell>
          <cell r="R2922">
            <v>50000</v>
          </cell>
          <cell r="S2922">
            <v>339452</v>
          </cell>
          <cell r="T2922">
            <v>7053556</v>
          </cell>
          <cell r="V2922" t="str">
            <v>yb198239</v>
          </cell>
          <cell r="W2922" t="str">
            <v>nu195599</v>
          </cell>
          <cell r="Y2922" t="str">
            <v>65，66，73，</v>
          </cell>
          <cell r="Z2922" t="str">
            <v/>
          </cell>
          <cell r="AA2922" t="str">
            <v/>
          </cell>
          <cell r="AB2922" t="str">
            <v/>
          </cell>
          <cell r="AC2922" t="str">
            <v/>
          </cell>
          <cell r="AD2922" t="str">
            <v/>
          </cell>
          <cell r="AE2922" t="str">
            <v>１；２；３；４；</v>
          </cell>
          <cell r="AF2922" t="str">
            <v>全国２８支社・営業所にて、主に交通広告（電車・バス広告）の営業を展開。全国規模のネットワークで、クライアントの多様なニーズにお答えしていきます。</v>
          </cell>
        </row>
        <row r="2923">
          <cell r="B2923">
            <v>11683</v>
          </cell>
          <cell r="C2923" t="str">
            <v>ＳＰ(株)</v>
          </cell>
          <cell r="D2923" t="str">
            <v>0798-68-0055</v>
          </cell>
          <cell r="E2923" t="str">
            <v>663-8121</v>
          </cell>
          <cell r="F2923" t="str">
            <v>兵庫県西宮市戸崎町6-4</v>
          </cell>
          <cell r="G2923" t="str">
            <v>西宮市</v>
          </cell>
          <cell r="H2923" t="str">
            <v/>
          </cell>
          <cell r="I2923" t="str">
            <v>代表取締役 尾迫　弘明</v>
          </cell>
          <cell r="J2923" t="str">
            <v>本店</v>
          </cell>
          <cell r="K2923" t="str">
            <v>0798-68-0057</v>
          </cell>
          <cell r="L2923" t="str">
            <v>sp-net@rj8.so-net.ne.jp</v>
          </cell>
          <cell r="M2923" t="str">
            <v>ｴｽﾋﾟｰ</v>
          </cell>
          <cell r="N2923" t="str">
            <v>無</v>
          </cell>
          <cell r="O2923">
            <v>8</v>
          </cell>
          <cell r="P2923">
            <v>165</v>
          </cell>
          <cell r="Q2923" t="str">
            <v/>
          </cell>
          <cell r="R2923">
            <v>1000</v>
          </cell>
          <cell r="S2923" t="str">
            <v/>
          </cell>
          <cell r="T2923" t="str">
            <v/>
          </cell>
          <cell r="V2923" t="str">
            <v>zx840510</v>
          </cell>
          <cell r="W2923" t="str">
            <v>pl152886</v>
          </cell>
          <cell r="Y2923" t="str">
            <v>054，45，46，47，48，49，50，51，53，54，55，63，</v>
          </cell>
          <cell r="Z2923">
            <v>45</v>
          </cell>
          <cell r="AA2923">
            <v>46</v>
          </cell>
          <cell r="AB2923">
            <v>53</v>
          </cell>
          <cell r="AC2923">
            <v>54</v>
          </cell>
          <cell r="AD2923" t="str">
            <v>警備業協会加盟・災害時等における阪神間の幹事会社</v>
          </cell>
          <cell r="AE2923" t="str">
            <v>１；西宮本庁舎他５施設常駐警備及び施設宿直・日直業務の元請実績２；ビル管理及び神戸逓信病院・甲南病院での受付・管理・警備業務実績３；尼崎上坂部西公園・元浜緑地公園の元請実績４；商業施設での清掃業務実績</v>
          </cell>
          <cell r="AF2923" t="str">
            <v>道路・建築・高速道路・オフィスビル・駅ビル・官公庁・商業施設・スーパー・学校・病院・機械警備・ホームセキュリティ・各種イベント（企画立案、実地運営）・受付、案内業務・ボディーガード（身辺警護）等　警備業法上の全ての業務に対応可能。業務範囲は兵庫県・大阪府・京都府全域</v>
          </cell>
        </row>
        <row r="2924">
          <cell r="B2924">
            <v>11688</v>
          </cell>
          <cell r="C2924" t="str">
            <v>アースサポート(株)</v>
          </cell>
          <cell r="D2924" t="str">
            <v>03-3377-1100</v>
          </cell>
          <cell r="E2924" t="str">
            <v>577-0015</v>
          </cell>
          <cell r="F2924" t="str">
            <v>東京都渋谷区本町1-4-14</v>
          </cell>
          <cell r="G2924" t="str">
            <v>渋谷区本町</v>
          </cell>
          <cell r="H2924" t="str">
            <v/>
          </cell>
          <cell r="I2924" t="str">
            <v>代表取締役　 森山　典明</v>
          </cell>
          <cell r="J2924" t="str">
            <v>本店</v>
          </cell>
          <cell r="K2924" t="str">
            <v>03-3377-1772</v>
          </cell>
          <cell r="L2924" t="str">
            <v>eigyo-nishi@earthsupport.co.jp</v>
          </cell>
          <cell r="M2924" t="str">
            <v>ｱ-ｽｻﾎﾟ-ﾄ</v>
          </cell>
          <cell r="N2924" t="str">
            <v>無</v>
          </cell>
          <cell r="O2924">
            <v>22</v>
          </cell>
          <cell r="P2924">
            <v>7500</v>
          </cell>
          <cell r="Q2924">
            <v>2011000000000</v>
          </cell>
          <cell r="R2924">
            <v>52000</v>
          </cell>
          <cell r="S2924">
            <v>3026014</v>
          </cell>
          <cell r="T2924">
            <v>17756634</v>
          </cell>
          <cell r="V2924" t="str">
            <v>gd432349</v>
          </cell>
          <cell r="W2924" t="str">
            <v>mf153769</v>
          </cell>
          <cell r="Y2924">
            <v>60</v>
          </cell>
          <cell r="Z2924">
            <v>60</v>
          </cell>
          <cell r="AA2924" t="str">
            <v/>
          </cell>
          <cell r="AB2924" t="str">
            <v/>
          </cell>
          <cell r="AC2924" t="str">
            <v/>
          </cell>
          <cell r="AD2924" t="str">
            <v/>
          </cell>
          <cell r="AE2924" t="str">
            <v>１；２；訪問入浴サービス、施設入浴サービス、訪問介護サービス、デイサービス、福祉用具レンタル・販売サービス、地域包括支援センターの運営３；４；</v>
          </cell>
          <cell r="AF2924" t="str">
            <v>訪問入浴サービス、施設入浴サービス、訪問介護サービス、デイサービス、福祉用具レンタル・販売サービス、地域包括支援センターの運営</v>
          </cell>
        </row>
        <row r="2925">
          <cell r="B2925">
            <v>11689</v>
          </cell>
          <cell r="C2925" t="str">
            <v>(株)荏原製作所</v>
          </cell>
          <cell r="D2925" t="str">
            <v>06-6452-6624</v>
          </cell>
          <cell r="E2925" t="str">
            <v>530-0003</v>
          </cell>
          <cell r="F2925" t="str">
            <v>大阪府大阪市北区堂島1-6-20</v>
          </cell>
          <cell r="G2925" t="str">
            <v>大阪市</v>
          </cell>
          <cell r="H2925" t="str">
            <v>大阪支社</v>
          </cell>
          <cell r="I2925" t="str">
            <v>支社長 窪田　浩</v>
          </cell>
          <cell r="J2925" t="str">
            <v>東京都</v>
          </cell>
          <cell r="K2925" t="str">
            <v>06-6440-4882</v>
          </cell>
          <cell r="L2925" t="str">
            <v>shimeiosaka@ebara.com</v>
          </cell>
          <cell r="M2925" t="str">
            <v>ｴﾊﾞﾗｾｲｻｸｼｮ</v>
          </cell>
          <cell r="N2925" t="str">
            <v>有</v>
          </cell>
          <cell r="O2925">
            <v>64</v>
          </cell>
          <cell r="P2925">
            <v>3913</v>
          </cell>
          <cell r="Q2925">
            <v>1010801001748</v>
          </cell>
          <cell r="R2925">
            <v>78815720</v>
          </cell>
          <cell r="S2925">
            <v>258886025</v>
          </cell>
          <cell r="T2925">
            <v>501019000</v>
          </cell>
          <cell r="V2925" t="str">
            <v>tt297133</v>
          </cell>
          <cell r="W2925" t="str">
            <v>zz186893</v>
          </cell>
          <cell r="Y2925" t="str">
            <v>22，24，48，</v>
          </cell>
          <cell r="Z2925">
            <v>48</v>
          </cell>
          <cell r="AA2925">
            <v>22</v>
          </cell>
          <cell r="AB2925">
            <v>24</v>
          </cell>
          <cell r="AC2925" t="str">
            <v/>
          </cell>
          <cell r="AD2925" t="str">
            <v/>
          </cell>
          <cell r="AE2925" t="str">
            <v>１；ポンプ設備保守２；ポンプ・送風機３；排水ポンプ車４；</v>
          </cell>
          <cell r="AF2925" t="str">
            <v>各種ポンプの設計、製作、施工並びに関連装置および機械器具の製造販売を主な業務としております。特にポンプ設備工事は非常に多くの実績があり、強く希望します。</v>
          </cell>
        </row>
        <row r="2926">
          <cell r="B2926">
            <v>11690</v>
          </cell>
          <cell r="C2926" t="str">
            <v>(株)高浄</v>
          </cell>
          <cell r="D2926" t="str">
            <v>072-675-5449</v>
          </cell>
          <cell r="E2926" t="str">
            <v>569-0022</v>
          </cell>
          <cell r="F2926" t="str">
            <v>大阪府高槻市須賀町47-19</v>
          </cell>
          <cell r="G2926" t="str">
            <v>高槻市</v>
          </cell>
          <cell r="H2926" t="str">
            <v/>
          </cell>
          <cell r="I2926" t="str">
            <v>代表取締役 長井　正樹</v>
          </cell>
          <cell r="J2926" t="str">
            <v>本店</v>
          </cell>
          <cell r="K2926" t="str">
            <v>072-675-5479</v>
          </cell>
          <cell r="L2926" t="str">
            <v>takajyo@takajyo.co.jp</v>
          </cell>
          <cell r="M2926" t="str">
            <v>ﾀｶｼﾞｮｳ</v>
          </cell>
          <cell r="N2926" t="str">
            <v>無</v>
          </cell>
          <cell r="O2926">
            <v>49</v>
          </cell>
          <cell r="P2926">
            <v>158</v>
          </cell>
          <cell r="Q2926">
            <v>2120901011263</v>
          </cell>
          <cell r="R2926">
            <v>50000</v>
          </cell>
          <cell r="S2926">
            <v>299159</v>
          </cell>
          <cell r="T2926">
            <v>1678516</v>
          </cell>
          <cell r="V2926" t="str">
            <v>ps354249</v>
          </cell>
          <cell r="W2926" t="str">
            <v>to169699</v>
          </cell>
          <cell r="Y2926" t="str">
            <v>045，45，46，48，54，</v>
          </cell>
          <cell r="Z2926">
            <v>48</v>
          </cell>
          <cell r="AA2926">
            <v>54</v>
          </cell>
          <cell r="AB2926">
            <v>46</v>
          </cell>
          <cell r="AC2926">
            <v>45</v>
          </cell>
          <cell r="AD2926" t="str">
            <v/>
          </cell>
          <cell r="AE2926" t="str">
            <v>１；下水道処理施設、ポンプ場等の運転管理及び保守点検（下水道処理施設維持管理業者登録）、し尿処理施設及びごみ処理施設の運転管理及び保守点検２；庁舎の日常及び定期清掃（建築物環境衛生総合管理業）３；庁舎の保守管理４；機械警備（警備業）</v>
          </cell>
          <cell r="AF2926" t="str">
            <v>下水道処理施設、ポンプ場等の運転管理及び保守管理、ごみ処理施設及びし尿処理施設の運転管理及び保守管理</v>
          </cell>
        </row>
        <row r="2927">
          <cell r="B2927">
            <v>11692</v>
          </cell>
          <cell r="C2927" t="str">
            <v>(株)ぎじろくセンター</v>
          </cell>
          <cell r="D2927" t="str">
            <v>0836-51-6191</v>
          </cell>
          <cell r="E2927" t="str">
            <v>755-0192</v>
          </cell>
          <cell r="F2927" t="str">
            <v>山口県宇部市大字西岐波1540-12</v>
          </cell>
          <cell r="G2927" t="str">
            <v>宇部市</v>
          </cell>
          <cell r="H2927" t="str">
            <v/>
          </cell>
          <cell r="I2927" t="str">
            <v>代表取締役 白井　義美</v>
          </cell>
          <cell r="J2927" t="str">
            <v>本店</v>
          </cell>
          <cell r="K2927" t="str">
            <v>0836-54-0001</v>
          </cell>
          <cell r="L2927" t="str">
            <v>info@gijiroku-center.co.jp</v>
          </cell>
          <cell r="M2927" t="str">
            <v>ｷﾞｼﾞﾛｸｾﾝﾀｰ</v>
          </cell>
          <cell r="N2927" t="str">
            <v>無</v>
          </cell>
          <cell r="O2927">
            <v>39</v>
          </cell>
          <cell r="P2927">
            <v>25</v>
          </cell>
          <cell r="Q2927">
            <v>4250001003147</v>
          </cell>
          <cell r="R2927">
            <v>10000</v>
          </cell>
          <cell r="S2927">
            <v>60636</v>
          </cell>
          <cell r="T2927">
            <v>275428</v>
          </cell>
          <cell r="V2927" t="str">
            <v>ky798628</v>
          </cell>
          <cell r="W2927" t="str">
            <v>gs163953</v>
          </cell>
          <cell r="Y2927" t="str">
            <v>057，35，36，44，57，58，59，</v>
          </cell>
          <cell r="Z2927">
            <v>80</v>
          </cell>
          <cell r="AA2927">
            <v>59</v>
          </cell>
          <cell r="AB2927">
            <v>58</v>
          </cell>
          <cell r="AC2927">
            <v>57</v>
          </cell>
          <cell r="AD2927" t="str">
            <v>議場音響録音機器、映像配信機器等販売・リース</v>
          </cell>
          <cell r="AE2927" t="str">
            <v>１；議会会議録作成、各種会議等録音反訳２；速記３；議会会議録検索システム・議会映像配信システム・議会資料共有システム・会議録作成支援システムの運用、保守４；議会会議録検索システム・議会映像配信システム・議会資料共有システム・会議録作成支援システムの運用、保守、データ加工</v>
          </cell>
          <cell r="AF2927" t="str">
            <v>テープ起こし（反訳）、議事録・会議録作成の専門会社。会議録検索システムや議会映像配信システムである「ディスカスシリーズ」の運用・保守・データ加工を取扱。議場録音設備機器や議会映像配信設備機器の販売・リース・保守も取扱。</v>
          </cell>
        </row>
        <row r="2928">
          <cell r="B2928">
            <v>11695</v>
          </cell>
          <cell r="C2928" t="str">
            <v>墨東化成工業(株)</v>
          </cell>
          <cell r="D2928" t="str">
            <v>03-3635-1111</v>
          </cell>
          <cell r="E2928" t="str">
            <v>130-0025</v>
          </cell>
          <cell r="F2928" t="str">
            <v>東京都墨田区千歳1-8-14</v>
          </cell>
          <cell r="G2928" t="str">
            <v>東京都</v>
          </cell>
          <cell r="H2928" t="str">
            <v/>
          </cell>
          <cell r="I2928" t="str">
            <v>取締役社長 老田　勝</v>
          </cell>
          <cell r="J2928" t="str">
            <v>本店</v>
          </cell>
          <cell r="K2928" t="str">
            <v>03-3635-1119</v>
          </cell>
          <cell r="L2928" t="str">
            <v>kobayashi@bkk.co.jp</v>
          </cell>
          <cell r="M2928" t="str">
            <v>ﾎﾞｸﾄｳｶｾｲｺｳｷﾞｮｳ</v>
          </cell>
          <cell r="N2928" t="str">
            <v>無</v>
          </cell>
          <cell r="O2928">
            <v>108</v>
          </cell>
          <cell r="P2928">
            <v>49</v>
          </cell>
          <cell r="Q2928">
            <v>9010601015271</v>
          </cell>
          <cell r="R2928">
            <v>45000</v>
          </cell>
          <cell r="S2928">
            <v>1700751</v>
          </cell>
          <cell r="T2928">
            <v>4397321</v>
          </cell>
          <cell r="V2928" t="str">
            <v>pn213426</v>
          </cell>
          <cell r="W2928" t="str">
            <v>di199393</v>
          </cell>
          <cell r="Y2928" t="str">
            <v>33，</v>
          </cell>
          <cell r="Z2928">
            <v>33</v>
          </cell>
          <cell r="AA2928" t="str">
            <v/>
          </cell>
          <cell r="AB2928" t="str">
            <v/>
          </cell>
          <cell r="AC2928" t="str">
            <v/>
          </cell>
          <cell r="AD2928" t="str">
            <v/>
          </cell>
          <cell r="AE2928" t="str">
            <v>１；舗装用のアスファルトの中でも特に、常温合材は昭和３８年から独自に研究・開発に取り組み、全季節、気候、天候に対応した安定度の高い商品を揃えております。２；３；４；</v>
          </cell>
          <cell r="AF2928" t="str">
            <v>物品：３３建材（道路）常温合材、乳剤</v>
          </cell>
        </row>
        <row r="2929">
          <cell r="B2929">
            <v>11697</v>
          </cell>
          <cell r="C2929" t="str">
            <v>(株)エムズジャパンセキュリティ</v>
          </cell>
          <cell r="D2929" t="str">
            <v>06-6537-3939</v>
          </cell>
          <cell r="E2929" t="str">
            <v>550-0011</v>
          </cell>
          <cell r="F2929" t="str">
            <v>大阪府大阪市大阪市西区阿波座1-13-11</v>
          </cell>
          <cell r="G2929" t="str">
            <v>大阪市</v>
          </cell>
          <cell r="H2929" t="str">
            <v/>
          </cell>
          <cell r="I2929" t="str">
            <v>代表取締役 明石　光正</v>
          </cell>
          <cell r="J2929" t="str">
            <v>本店</v>
          </cell>
          <cell r="K2929" t="str">
            <v>06-6537-3434</v>
          </cell>
          <cell r="L2929" t="str">
            <v>info@msjapan.biz</v>
          </cell>
          <cell r="M2929" t="str">
            <v>ｴﾑｽﾞｼﾞｬﾊﾟﾝｾｷｭﾘﾃｨ</v>
          </cell>
          <cell r="N2929" t="str">
            <v>無</v>
          </cell>
          <cell r="O2929">
            <v>24</v>
          </cell>
          <cell r="P2929">
            <v>157</v>
          </cell>
          <cell r="Q2929">
            <v>5120001037512</v>
          </cell>
          <cell r="R2929">
            <v>10000</v>
          </cell>
          <cell r="S2929">
            <v>105682922</v>
          </cell>
          <cell r="T2929">
            <v>480987137</v>
          </cell>
          <cell r="V2929" t="str">
            <v>wy469094</v>
          </cell>
          <cell r="W2929" t="str">
            <v>ie185673</v>
          </cell>
          <cell r="Y2929" t="str">
            <v>077，45，54，55，56，57，59，77，</v>
          </cell>
          <cell r="Z2929">
            <v>45</v>
          </cell>
          <cell r="AA2929">
            <v>56</v>
          </cell>
          <cell r="AB2929">
            <v>80</v>
          </cell>
          <cell r="AC2929">
            <v>77</v>
          </cell>
          <cell r="AD2929" t="str">
            <v/>
          </cell>
          <cell r="AE2929" t="str">
            <v>１；施設警備、巡回警備、イベント警備、交通誘導警備等の人的警備２；受付案内、一般事務３；市民マナー等啓発業務、駐車場・駐輪場管理業務、受付案内・電話交換業務、放置自転車対策等人的役務４；世論調査、市場調査、意識調査、違法駐車・違法駐輪等台数調査、交通量・通行量調査</v>
          </cell>
          <cell r="AF2929" t="str">
            <v>公共施設、医療施設、研究施設、民間企業、商業施設等様々な業界においての警備経歴を駆使し、施設警備の経験と技術を生かして施設を利用される方々の安全を守って安心を提供させていただいております。特に病院警備が得意な会社です。</v>
          </cell>
        </row>
        <row r="2930">
          <cell r="B2930">
            <v>11702</v>
          </cell>
          <cell r="C2930" t="str">
            <v>ＮＤネットサービス(有)</v>
          </cell>
          <cell r="D2930" t="str">
            <v>072-229-5252</v>
          </cell>
          <cell r="E2930" t="str">
            <v>590-0984</v>
          </cell>
          <cell r="F2930" t="str">
            <v>大阪府堺市堺区神南辺町2-90-5</v>
          </cell>
          <cell r="G2930" t="str">
            <v>堺市</v>
          </cell>
          <cell r="H2930" t="str">
            <v/>
          </cell>
          <cell r="I2930" t="str">
            <v>代表取締役 鈴木　宏隆</v>
          </cell>
          <cell r="J2930" t="str">
            <v>本店</v>
          </cell>
          <cell r="K2930" t="str">
            <v>072-229-7171</v>
          </cell>
          <cell r="L2930" t="str">
            <v>info@nd-net.co.jp</v>
          </cell>
          <cell r="M2930" t="str">
            <v>ｴﾇﾃﾞｨﾈｯﾄｻｰﾋﾞｽ</v>
          </cell>
          <cell r="N2930" t="str">
            <v>無</v>
          </cell>
          <cell r="O2930">
            <v>19</v>
          </cell>
          <cell r="P2930">
            <v>14</v>
          </cell>
          <cell r="Q2930">
            <v>9120002041377</v>
          </cell>
          <cell r="R2930">
            <v>3000</v>
          </cell>
          <cell r="S2930">
            <v>12993</v>
          </cell>
          <cell r="T2930">
            <v>235100</v>
          </cell>
          <cell r="V2930" t="str">
            <v>um937715</v>
          </cell>
          <cell r="W2930" t="str">
            <v>oｒ159916</v>
          </cell>
          <cell r="Y2930" t="str">
            <v/>
          </cell>
          <cell r="Z2930" t="str">
            <v/>
          </cell>
          <cell r="AA2930" t="str">
            <v/>
          </cell>
          <cell r="AB2930" t="str">
            <v/>
          </cell>
          <cell r="AC2930" t="str">
            <v/>
          </cell>
          <cell r="AD2930" t="str">
            <v/>
          </cell>
          <cell r="AE2930" t="str">
            <v>１；水道施設（取水施設、浄水施設等）内での潜水作業を得意としています。具体的には、配水池の清掃、点検、メンテナンス等を不断水で行っています。２；３；４；</v>
          </cell>
          <cell r="AF2930" t="str">
            <v>特に水道施設（取水施設、浄水施設）内での潜水作業を得意としています。具体的には、配水池の清掃、点検、メンテナンス等を不断水で行っています。</v>
          </cell>
        </row>
        <row r="2931">
          <cell r="B2931">
            <v>11709</v>
          </cell>
          <cell r="C2931" t="str">
            <v>タニコー(株)</v>
          </cell>
          <cell r="D2931" t="str">
            <v>078-821-8620</v>
          </cell>
          <cell r="E2931" t="str">
            <v>658-0046</v>
          </cell>
          <cell r="F2931" t="str">
            <v>兵庫県神戸市東灘区御影本町2-4-5</v>
          </cell>
          <cell r="G2931" t="str">
            <v>神戸市</v>
          </cell>
          <cell r="H2931" t="str">
            <v>神戸営業所</v>
          </cell>
          <cell r="I2931" t="str">
            <v>所長 佐藤　慎次郎</v>
          </cell>
          <cell r="J2931" t="str">
            <v>東京都</v>
          </cell>
          <cell r="K2931" t="str">
            <v>078-821-8626</v>
          </cell>
          <cell r="L2931" t="str">
            <v>hr-oosaki@tanico.co.jp</v>
          </cell>
          <cell r="M2931" t="str">
            <v>ﾀﾆｺｰ</v>
          </cell>
          <cell r="N2931" t="str">
            <v>有</v>
          </cell>
          <cell r="O2931">
            <v>54</v>
          </cell>
          <cell r="P2931">
            <v>1490</v>
          </cell>
          <cell r="Q2931">
            <v>2010701005897</v>
          </cell>
          <cell r="R2931">
            <v>520000</v>
          </cell>
          <cell r="S2931">
            <v>19642036</v>
          </cell>
          <cell r="T2931">
            <v>52471082</v>
          </cell>
          <cell r="V2931" t="str">
            <v>su968149</v>
          </cell>
          <cell r="W2931" t="str">
            <v>sb131963</v>
          </cell>
          <cell r="Y2931" t="str">
            <v>37，</v>
          </cell>
          <cell r="Z2931">
            <v>37</v>
          </cell>
          <cell r="AA2931" t="str">
            <v/>
          </cell>
          <cell r="AB2931" t="str">
            <v/>
          </cell>
          <cell r="AC2931" t="str">
            <v/>
          </cell>
          <cell r="AD2931" t="str">
            <v/>
          </cell>
          <cell r="AE2931" t="str">
            <v>１；２；３；４；</v>
          </cell>
          <cell r="AF2931" t="str">
            <v>業務用厨房機器及び関連機器各種、移動型・据置型ステンレスタンクポルカプレート、排水桝・溝側、システムキッチンの製造、販売、設計、施工、及び海外厨房機器の輸入販売。その他、上記に付帯する業務。</v>
          </cell>
        </row>
        <row r="2932">
          <cell r="B2932">
            <v>11710</v>
          </cell>
          <cell r="C2932" t="str">
            <v>関西レコードマネジメント(株)</v>
          </cell>
          <cell r="D2932" t="str">
            <v>06-7506-9714</v>
          </cell>
          <cell r="E2932" t="str">
            <v>530-0004</v>
          </cell>
          <cell r="F2932" t="str">
            <v>大阪府大阪市北区堂島浜1-4-4</v>
          </cell>
          <cell r="G2932" t="str">
            <v>大阪市</v>
          </cell>
          <cell r="H2932" t="str">
            <v/>
          </cell>
          <cell r="I2932" t="str">
            <v>代表取締役 池田　彰</v>
          </cell>
          <cell r="J2932" t="str">
            <v>本店</v>
          </cell>
          <cell r="K2932" t="str">
            <v>06-7506-9715</v>
          </cell>
          <cell r="L2932" t="str">
            <v>r-nitta@krm.co.jp</v>
          </cell>
          <cell r="M2932" t="str">
            <v>ｶﾝｻｲﾚｺｰﾄﾞﾏﾈｼﾞﾒﾝﾄ</v>
          </cell>
          <cell r="N2932" t="str">
            <v>無</v>
          </cell>
          <cell r="O2932">
            <v>36</v>
          </cell>
          <cell r="P2932">
            <v>278</v>
          </cell>
          <cell r="Q2932">
            <v>6140001068315</v>
          </cell>
          <cell r="R2932">
            <v>10000</v>
          </cell>
          <cell r="S2932">
            <v>2721642</v>
          </cell>
          <cell r="T2932">
            <v>1613296</v>
          </cell>
          <cell r="V2932" t="str">
            <v>nc800530</v>
          </cell>
          <cell r="W2932" t="str">
            <v>jv181313</v>
          </cell>
          <cell r="Y2932" t="str">
            <v>14，58，</v>
          </cell>
          <cell r="Z2932">
            <v>80</v>
          </cell>
          <cell r="AA2932">
            <v>58</v>
          </cell>
          <cell r="AB2932">
            <v>14</v>
          </cell>
          <cell r="AC2932" t="str">
            <v/>
          </cell>
          <cell r="AD2932" t="str">
            <v/>
          </cell>
          <cell r="AE2932" t="str">
            <v>１；文書管理業務・電子化業務・倉庫業２；文書管理システムの開発・保守３；文書管理用品（文書保存箱・図面ケース・フォルダーなど）４；</v>
          </cell>
          <cell r="AF2932" t="str">
            <v>文書管理業務・電子化業務・情報処理関係（ソフト開発保守）・倉庫業・物品販売（文書保存箱・筒図面ケース等）</v>
          </cell>
        </row>
        <row r="2933">
          <cell r="B2933">
            <v>11713</v>
          </cell>
          <cell r="C2933" t="str">
            <v>中田電気設備管理事務所</v>
          </cell>
          <cell r="D2933" t="str">
            <v>0798-51-5576</v>
          </cell>
          <cell r="E2933" t="str">
            <v>541-0053</v>
          </cell>
          <cell r="F2933" t="str">
            <v>兵庫県西宮市上ヶ原山手町3-4</v>
          </cell>
          <cell r="G2933" t="str">
            <v>西宮市</v>
          </cell>
          <cell r="H2933" t="str">
            <v/>
          </cell>
          <cell r="I2933" t="str">
            <v>電気管理技術者　 中田　信也</v>
          </cell>
          <cell r="J2933" t="str">
            <v>本店</v>
          </cell>
          <cell r="K2933" t="str">
            <v>0798-51-5576</v>
          </cell>
          <cell r="L2933" t="str">
            <v>nakata02s@bca.bai.ne.jp</v>
          </cell>
          <cell r="M2933" t="str">
            <v>ﾅｶﾀﾃﾞﾝｷｾﾂﾋﾞｶﾝﾘｼﾞﾑｼﾖ</v>
          </cell>
          <cell r="N2933" t="str">
            <v>無</v>
          </cell>
          <cell r="O2933">
            <v>7</v>
          </cell>
          <cell r="P2933">
            <v>1</v>
          </cell>
          <cell r="Q2933" t="str">
            <v/>
          </cell>
          <cell r="R2933">
            <v>2400</v>
          </cell>
          <cell r="S2933" t="str">
            <v/>
          </cell>
          <cell r="T2933">
            <v>6800</v>
          </cell>
          <cell r="V2933" t="str">
            <v>fk960307</v>
          </cell>
          <cell r="W2933" t="str">
            <v>bg139866</v>
          </cell>
          <cell r="Y2933">
            <v>47</v>
          </cell>
          <cell r="Z2933" t="str">
            <v/>
          </cell>
          <cell r="AA2933" t="str">
            <v/>
          </cell>
          <cell r="AB2933" t="str">
            <v/>
          </cell>
          <cell r="AC2933" t="str">
            <v/>
          </cell>
          <cell r="AD2933" t="str">
            <v/>
          </cell>
          <cell r="AE2933" t="str">
            <v>１；２；自家用電気工作物保守管理３；４；</v>
          </cell>
          <cell r="AF2933" t="str">
            <v>経済産業局許可　電気管理技術者　第３種電気主任術者免状取得</v>
          </cell>
        </row>
        <row r="2934">
          <cell r="B2934">
            <v>11716</v>
          </cell>
          <cell r="C2934" t="str">
            <v>(株)エディオン</v>
          </cell>
          <cell r="D2934" t="str">
            <v>06-4868-5117</v>
          </cell>
          <cell r="E2934" t="str">
            <v>660-8540</v>
          </cell>
          <cell r="F2934" t="str">
            <v>兵庫県尼崎市潮江1-1-50</v>
          </cell>
          <cell r="G2934" t="str">
            <v>尼崎市</v>
          </cell>
          <cell r="H2934" t="str">
            <v>法人営業部近畿支店</v>
          </cell>
          <cell r="I2934" t="str">
            <v>支店長 比嘉　武志</v>
          </cell>
          <cell r="J2934" t="str">
            <v>広島県広島市</v>
          </cell>
          <cell r="K2934" t="str">
            <v>06-4868-5129</v>
          </cell>
          <cell r="L2934" t="str">
            <v>k_yamamoto_mb@edion.co.jp</v>
          </cell>
          <cell r="M2934" t="str">
            <v>ｴﾃﾞｨｵﾝ</v>
          </cell>
          <cell r="N2934" t="str">
            <v>有</v>
          </cell>
          <cell r="O2934">
            <v>16</v>
          </cell>
          <cell r="P2934">
            <v>15496</v>
          </cell>
          <cell r="Q2934">
            <v>3240001041231</v>
          </cell>
          <cell r="R2934">
            <v>11940000</v>
          </cell>
          <cell r="S2934">
            <v>169005000</v>
          </cell>
          <cell r="T2934">
            <v>686284000</v>
          </cell>
          <cell r="V2934" t="str">
            <v>eu957498</v>
          </cell>
          <cell r="W2934" t="str">
            <v>tk791793</v>
          </cell>
          <cell r="Y2934" t="str">
            <v>35，36，</v>
          </cell>
          <cell r="Z2934" t="str">
            <v/>
          </cell>
          <cell r="AA2934" t="str">
            <v/>
          </cell>
          <cell r="AB2934" t="str">
            <v/>
          </cell>
          <cell r="AC2934" t="str">
            <v/>
          </cell>
          <cell r="AD2934" t="str">
            <v/>
          </cell>
          <cell r="AE2934" t="str">
            <v>１；２；３；４；</v>
          </cell>
          <cell r="AF2934" t="str">
            <v>テレビや冷蔵庫、エアコンなどの大型家電商品から、電池・管球などの最寄品まで、家電製品全般を取り扱っております。</v>
          </cell>
        </row>
        <row r="2935">
          <cell r="B2935">
            <v>11717</v>
          </cell>
          <cell r="C2935" t="str">
            <v>(株)カンサイ</v>
          </cell>
          <cell r="D2935" t="str">
            <v>078-781-1159</v>
          </cell>
          <cell r="E2935" t="str">
            <v>655-0038</v>
          </cell>
          <cell r="F2935" t="str">
            <v>兵庫県神戸市垂水区星陵台2-2-21</v>
          </cell>
          <cell r="G2935" t="str">
            <v>神戸市</v>
          </cell>
          <cell r="H2935" t="str">
            <v/>
          </cell>
          <cell r="I2935" t="str">
            <v>代表取締役 東田　方夫</v>
          </cell>
          <cell r="J2935" t="str">
            <v>本店</v>
          </cell>
          <cell r="K2935" t="str">
            <v>078-783-6547</v>
          </cell>
          <cell r="L2935" t="str">
            <v>kobe-h@net-kansai.co.jp</v>
          </cell>
          <cell r="M2935" t="str">
            <v>ｶﾝｻｲ</v>
          </cell>
          <cell r="N2935" t="str">
            <v>無</v>
          </cell>
          <cell r="O2935">
            <v>50</v>
          </cell>
          <cell r="P2935">
            <v>17</v>
          </cell>
          <cell r="Q2935">
            <v>6140001018278</v>
          </cell>
          <cell r="R2935">
            <v>10000</v>
          </cell>
          <cell r="S2935">
            <v>150588</v>
          </cell>
          <cell r="T2935">
            <v>598777</v>
          </cell>
          <cell r="V2935" t="str">
            <v>sa873764</v>
          </cell>
          <cell r="W2935" t="str">
            <v>mo189567</v>
          </cell>
          <cell r="Y2935" t="str">
            <v>020，12，20，27，66，</v>
          </cell>
          <cell r="Z2935">
            <v>12</v>
          </cell>
          <cell r="AA2935">
            <v>27</v>
          </cell>
          <cell r="AB2935">
            <v>66</v>
          </cell>
          <cell r="AC2935">
            <v>20</v>
          </cell>
          <cell r="AD2935" t="str">
            <v/>
          </cell>
          <cell r="AE2935" t="str">
            <v>１；黒板・掲示板・スクリーン２；木製家具・調理台・実験台・スチール家具３；室名札・案内板・箱文字・各種サイン４；体育器具・椅子収納台車</v>
          </cell>
          <cell r="AF2935" t="str">
            <v>黒板・掲示板・木製家具・調理台・実験台・各種サイン・体育器具を取扱いしています。</v>
          </cell>
        </row>
        <row r="2936">
          <cell r="B2936">
            <v>11720</v>
          </cell>
          <cell r="C2936" t="str">
            <v>(株)エレベーターテクノス</v>
          </cell>
          <cell r="D2936" t="str">
            <v>06-6471-6800</v>
          </cell>
          <cell r="E2936" t="str">
            <v>555-0024</v>
          </cell>
          <cell r="F2936" t="str">
            <v>大阪府大阪市西淀川区野里2-20-7</v>
          </cell>
          <cell r="G2936" t="str">
            <v>大阪市</v>
          </cell>
          <cell r="H2936" t="str">
            <v/>
          </cell>
          <cell r="I2936" t="str">
            <v>代表取締役 平田　康宏</v>
          </cell>
          <cell r="J2936" t="str">
            <v>本店</v>
          </cell>
          <cell r="K2936" t="str">
            <v>06-6471-7800</v>
          </cell>
          <cell r="L2936" t="str">
            <v>naruse@ev-technos.jp</v>
          </cell>
          <cell r="M2936" t="str">
            <v>ｴﾚﾍﾞｰﾀｰﾃｸﾉｽ</v>
          </cell>
          <cell r="N2936" t="str">
            <v>無</v>
          </cell>
          <cell r="O2936">
            <v>15</v>
          </cell>
          <cell r="P2936">
            <v>14</v>
          </cell>
          <cell r="Q2936">
            <v>6120001108469</v>
          </cell>
          <cell r="R2936">
            <v>10000</v>
          </cell>
          <cell r="S2936">
            <v>8136</v>
          </cell>
          <cell r="T2936">
            <v>200659</v>
          </cell>
          <cell r="V2936" t="str">
            <v>hz733900</v>
          </cell>
          <cell r="W2936" t="str">
            <v>aj137397</v>
          </cell>
          <cell r="Y2936" t="str">
            <v>48，</v>
          </cell>
          <cell r="Z2936" t="str">
            <v/>
          </cell>
          <cell r="AA2936" t="str">
            <v/>
          </cell>
          <cell r="AB2936" t="str">
            <v/>
          </cell>
          <cell r="AC2936" t="str">
            <v/>
          </cell>
          <cell r="AD2936" t="str">
            <v/>
          </cell>
          <cell r="AE2936" t="str">
            <v>１；エレベーター保守管理２；３；４；</v>
          </cell>
          <cell r="AF2936" t="str">
            <v>エレベーター設備保守点検業務</v>
          </cell>
        </row>
        <row r="2937">
          <cell r="B2937">
            <v>11723</v>
          </cell>
          <cell r="C2937" t="str">
            <v>(株)トヨタレンタリース兵庫</v>
          </cell>
          <cell r="D2937" t="str">
            <v>078-576-6155</v>
          </cell>
          <cell r="E2937" t="str">
            <v>653-0016</v>
          </cell>
          <cell r="F2937" t="str">
            <v>兵庫県神戸市長田区北町2-5</v>
          </cell>
          <cell r="G2937" t="str">
            <v>神戸市</v>
          </cell>
          <cell r="H2937" t="str">
            <v/>
          </cell>
          <cell r="I2937" t="str">
            <v>代表取締役 瀧川　高章</v>
          </cell>
          <cell r="J2937" t="str">
            <v>本店</v>
          </cell>
          <cell r="K2937" t="str">
            <v>078-577-6974</v>
          </cell>
          <cell r="L2937" t="str">
            <v>f-yamamoto@r-hyogo.jp</v>
          </cell>
          <cell r="M2937" t="str">
            <v>ﾄﾖﾀﾚﾝﾀﾘｰｽﾋｮｳｺﾞ</v>
          </cell>
          <cell r="N2937" t="str">
            <v>無</v>
          </cell>
          <cell r="O2937">
            <v>51</v>
          </cell>
          <cell r="P2937">
            <v>220</v>
          </cell>
          <cell r="Q2937">
            <v>1140001016534</v>
          </cell>
          <cell r="R2937">
            <v>90000</v>
          </cell>
          <cell r="S2937">
            <v>939130</v>
          </cell>
          <cell r="T2937">
            <v>8125747</v>
          </cell>
          <cell r="V2937" t="str">
            <v>hv944572</v>
          </cell>
          <cell r="W2937" t="str">
            <v>nw199957</v>
          </cell>
          <cell r="Y2937" t="str">
            <v>44，</v>
          </cell>
          <cell r="Z2937">
            <v>44</v>
          </cell>
          <cell r="AA2937">
            <v>80</v>
          </cell>
          <cell r="AB2937" t="str">
            <v/>
          </cell>
          <cell r="AC2937" t="str">
            <v/>
          </cell>
          <cell r="AD2937" t="str">
            <v/>
          </cell>
          <cell r="AE2937" t="str">
            <v>１；自家用自動車有償貸渡（現在は随時増車届出）トヨタ、ダイハツ、その他メーカー取扱２；自動車保険、その他各種損害保険、東京海上日動、あいおいニッセイ同和、三井住友海上、損保ジャパン日本興亜３；４；</v>
          </cell>
          <cell r="AF2937" t="str">
            <v>トヨタ自動車のフランチャイズ企業として昭和４２年の創業以来、カーリースとレンタカーを通して兵庫県地域のお客様に貢献できる企業として発展、成長をし続けています。全国トヨタ自動車ネットワークでお客様の安心と安全をご提供します。</v>
          </cell>
        </row>
        <row r="2938">
          <cell r="B2938">
            <v>11725</v>
          </cell>
          <cell r="C2938" t="str">
            <v>バイザー(株)</v>
          </cell>
          <cell r="D2938" t="str">
            <v>052-485-7870</v>
          </cell>
          <cell r="E2938" t="str">
            <v>450-0003</v>
          </cell>
          <cell r="F2938" t="str">
            <v>愛知県名古屋市中村区名駅南2-14-19</v>
          </cell>
          <cell r="G2938" t="str">
            <v>名古屋市</v>
          </cell>
          <cell r="H2938" t="str">
            <v/>
          </cell>
          <cell r="I2938" t="str">
            <v>代表取締役 井上　正巳</v>
          </cell>
          <cell r="J2938" t="str">
            <v>本店</v>
          </cell>
          <cell r="K2938" t="str">
            <v>052-485-7873</v>
          </cell>
          <cell r="L2938" t="str">
            <v>nss@visor.co.jp</v>
          </cell>
          <cell r="M2938" t="str">
            <v>ﾊﾞｲｻﾞｰ</v>
          </cell>
          <cell r="N2938" t="str">
            <v>無</v>
          </cell>
          <cell r="O2938">
            <v>11</v>
          </cell>
          <cell r="P2938">
            <v>52</v>
          </cell>
          <cell r="Q2938">
            <v>6200001016390</v>
          </cell>
          <cell r="R2938">
            <v>40000</v>
          </cell>
          <cell r="S2938">
            <v>393145</v>
          </cell>
          <cell r="T2938">
            <v>583968</v>
          </cell>
          <cell r="V2938" t="str">
            <v>ji487379</v>
          </cell>
          <cell r="W2938" t="str">
            <v>dq115979</v>
          </cell>
          <cell r="Y2938" t="str">
            <v>059，57，58，59，</v>
          </cell>
          <cell r="Z2938">
            <v>80</v>
          </cell>
          <cell r="AA2938">
            <v>58</v>
          </cell>
          <cell r="AB2938">
            <v>57</v>
          </cell>
          <cell r="AC2938">
            <v>59</v>
          </cell>
          <cell r="AD2938" t="str">
            <v/>
          </cell>
          <cell r="AE2938" t="str">
            <v>１；高速一斉メール配信サービス「すぐメール」２；システム開発・保守、ホームページ作成３；電算業務４；翻訳業務</v>
          </cell>
          <cell r="AF2938" t="str">
            <v>弊社が提供するＡＳＰサービス高速一斉メール「すぐメール」は、県警でのシェアトップ、３００以上の市町村でのご契約実績があり、安全性や高速性などのご評価頂いてあります。市町村様毎の個別ニーズにも柔軟にご対応致します。</v>
          </cell>
        </row>
        <row r="2939">
          <cell r="B2939">
            <v>11726</v>
          </cell>
          <cell r="C2939" t="str">
            <v>コスモ工機(株)</v>
          </cell>
          <cell r="D2939" t="str">
            <v>06-6392-8111</v>
          </cell>
          <cell r="E2939" t="str">
            <v>532-0004</v>
          </cell>
          <cell r="F2939" t="str">
            <v>大阪府大阪市淀川区西宮原2-7-38</v>
          </cell>
          <cell r="G2939" t="str">
            <v>大阪市</v>
          </cell>
          <cell r="H2939" t="str">
            <v>大阪支店</v>
          </cell>
          <cell r="I2939" t="str">
            <v>支店長 杉田　充</v>
          </cell>
          <cell r="J2939" t="str">
            <v>東京都</v>
          </cell>
          <cell r="K2939" t="str">
            <v>06-6392-8333</v>
          </cell>
          <cell r="L2939" t="str">
            <v>JYoshida@cosmo-koki.co.jp</v>
          </cell>
          <cell r="M2939" t="str">
            <v>ｺｽﾓｺｳｷ</v>
          </cell>
          <cell r="N2939" t="str">
            <v>有</v>
          </cell>
          <cell r="O2939">
            <v>43</v>
          </cell>
          <cell r="P2939">
            <v>417</v>
          </cell>
          <cell r="Q2939">
            <v>2010401040149</v>
          </cell>
          <cell r="R2939">
            <v>498000</v>
          </cell>
          <cell r="S2939">
            <v>15962129</v>
          </cell>
          <cell r="T2939">
            <v>16170600</v>
          </cell>
          <cell r="V2939" t="str">
            <v>cu322354</v>
          </cell>
          <cell r="W2939" t="str">
            <v>qm799391</v>
          </cell>
          <cell r="Y2939" t="str">
            <v>30，33，</v>
          </cell>
          <cell r="Z2939" t="str">
            <v/>
          </cell>
          <cell r="AA2939" t="str">
            <v/>
          </cell>
          <cell r="AB2939" t="str">
            <v/>
          </cell>
          <cell r="AC2939" t="str">
            <v/>
          </cell>
          <cell r="AD2939" t="str">
            <v/>
          </cell>
          <cell r="AE2939" t="str">
            <v>１；２；３；４；</v>
          </cell>
          <cell r="AF2939" t="str">
            <v>不断水工事及びその他継ぎ手等水道用資材の製造販売</v>
          </cell>
        </row>
        <row r="2940">
          <cell r="B2940">
            <v>11727</v>
          </cell>
          <cell r="C2940" t="str">
            <v>(株)カワサキマシンシステムズ</v>
          </cell>
          <cell r="D2940" t="str">
            <v>078-921-8581</v>
          </cell>
          <cell r="E2940" t="str">
            <v>673-8666</v>
          </cell>
          <cell r="F2940" t="str">
            <v>兵庫県明石市川崎町1-1</v>
          </cell>
          <cell r="G2940" t="str">
            <v>明石市</v>
          </cell>
          <cell r="H2940" t="str">
            <v>統括本部ガスタービンサービス本部西部事業所</v>
          </cell>
          <cell r="I2940" t="str">
            <v>所長 藤井　義弘</v>
          </cell>
          <cell r="J2940" t="str">
            <v>大阪府大阪市</v>
          </cell>
          <cell r="K2940" t="str">
            <v>350000</v>
          </cell>
          <cell r="L2940" t="str">
            <v>hirose_motomi@corp.khi.co.jp</v>
          </cell>
          <cell r="M2940" t="str">
            <v>ｶﾜｻｷﾏｼﾝｼｽﾃﾑｽﾞ</v>
          </cell>
          <cell r="N2940" t="str">
            <v>有</v>
          </cell>
          <cell r="O2940">
            <v>10</v>
          </cell>
          <cell r="P2940">
            <v>46</v>
          </cell>
          <cell r="Q2940">
            <v>3120001096320</v>
          </cell>
          <cell r="R2940">
            <v>5046387</v>
          </cell>
          <cell r="S2940">
            <v>29953792</v>
          </cell>
          <cell r="T2940">
            <v>239</v>
          </cell>
          <cell r="V2940" t="str">
            <v>bw638176</v>
          </cell>
          <cell r="W2940" t="str">
            <v>qq163635</v>
          </cell>
          <cell r="Y2940" t="str">
            <v>47，</v>
          </cell>
          <cell r="Z2940" t="str">
            <v/>
          </cell>
          <cell r="AA2940" t="str">
            <v/>
          </cell>
          <cell r="AB2940" t="str">
            <v/>
          </cell>
          <cell r="AC2940" t="str">
            <v/>
          </cell>
          <cell r="AD2940" t="str">
            <v/>
          </cell>
          <cell r="AE2940" t="str">
            <v>１；ガスタービン発電設備保守点検２；３；４；</v>
          </cell>
          <cell r="AF2940" t="str">
            <v>ガスタービン、ガスタービン駆動による電熱供給システム機器・装置及び非常用発電設備機器・装置の販売、点検・修理・工事、部品販売、技術指導・教育、運転請負を手掛けています。</v>
          </cell>
        </row>
        <row r="2941">
          <cell r="B2941">
            <v>11728</v>
          </cell>
          <cell r="C2941" t="str">
            <v>開発エンジニアリング(株)</v>
          </cell>
          <cell r="D2941" t="str">
            <v>06-6271-7366</v>
          </cell>
          <cell r="E2941" t="str">
            <v>541-0057</v>
          </cell>
          <cell r="F2941" t="str">
            <v>大阪府大阪市中央区北久宝寺町1-7-9</v>
          </cell>
          <cell r="G2941" t="str">
            <v>大阪市</v>
          </cell>
          <cell r="H2941" t="str">
            <v>大阪事務所</v>
          </cell>
          <cell r="I2941" t="str">
            <v>所長 江口　淳司　</v>
          </cell>
          <cell r="J2941" t="str">
            <v>東京都台東</v>
          </cell>
          <cell r="K2941" t="str">
            <v>06-6271-7366</v>
          </cell>
          <cell r="L2941" t="str">
            <v>eigyo@kaihatsu-eng.co.jp</v>
          </cell>
          <cell r="M2941" t="str">
            <v>ｶｲﾊﾂｴﾝｼﾞﾆｱﾘﾝｸﾞ</v>
          </cell>
          <cell r="N2941" t="str">
            <v>有</v>
          </cell>
          <cell r="O2941">
            <v>44</v>
          </cell>
          <cell r="P2941">
            <v>23</v>
          </cell>
          <cell r="Q2941">
            <v>7010501005845</v>
          </cell>
          <cell r="R2941">
            <v>20000</v>
          </cell>
          <cell r="S2941">
            <v>52768</v>
          </cell>
          <cell r="T2941">
            <v>274184</v>
          </cell>
          <cell r="V2941" t="str">
            <v>ls897873</v>
          </cell>
          <cell r="W2941" t="str">
            <v>qw137991</v>
          </cell>
          <cell r="Y2941" t="str">
            <v>57，58，</v>
          </cell>
          <cell r="Z2941" t="str">
            <v/>
          </cell>
          <cell r="AA2941" t="str">
            <v/>
          </cell>
          <cell r="AB2941" t="str">
            <v/>
          </cell>
          <cell r="AC2941" t="str">
            <v/>
          </cell>
          <cell r="AD2941" t="str">
            <v/>
          </cell>
          <cell r="AE2941" t="str">
            <v>１；２；３；４；</v>
          </cell>
          <cell r="AF2941" t="str">
            <v>複合技術（土木、ソフト＆ハード、コンピュータ＆エンジニアリング）を特徴とするコンサルタント</v>
          </cell>
        </row>
        <row r="2942">
          <cell r="B2942">
            <v>11731</v>
          </cell>
          <cell r="C2942" t="str">
            <v>八光海運(株)</v>
          </cell>
          <cell r="D2942" t="str">
            <v>0721-93-2222</v>
          </cell>
          <cell r="E2942" t="str">
            <v>585-0002</v>
          </cell>
          <cell r="F2942" t="str">
            <v>大阪府南河内郡河南町大字一須賀453-1</v>
          </cell>
          <cell r="G2942" t="str">
            <v>大阪府</v>
          </cell>
          <cell r="H2942" t="str">
            <v/>
          </cell>
          <cell r="I2942" t="str">
            <v>代表取締役　 足立　敏己</v>
          </cell>
          <cell r="J2942" t="str">
            <v>本店</v>
          </cell>
          <cell r="K2942" t="str">
            <v>0721-93-5610</v>
          </cell>
          <cell r="L2942" t="str">
            <v>hakko@oregano.ocn.ne.jp</v>
          </cell>
          <cell r="M2942" t="str">
            <v>ﾊﾂｺｳｶｲｳﾝ</v>
          </cell>
          <cell r="N2942" t="str">
            <v>無</v>
          </cell>
          <cell r="O2942">
            <v>44</v>
          </cell>
          <cell r="P2942">
            <v>69</v>
          </cell>
          <cell r="Q2942">
            <v>2120101031426</v>
          </cell>
          <cell r="R2942">
            <v>100000</v>
          </cell>
          <cell r="S2942">
            <v>3841272</v>
          </cell>
          <cell r="T2942">
            <v>1655018</v>
          </cell>
          <cell r="V2942" t="str">
            <v>tc659189</v>
          </cell>
          <cell r="W2942" t="str">
            <v>zo169869</v>
          </cell>
          <cell r="Y2942">
            <v>68.8</v>
          </cell>
          <cell r="Z2942">
            <v>80</v>
          </cell>
          <cell r="AA2942">
            <v>68</v>
          </cell>
          <cell r="AB2942" t="str">
            <v/>
          </cell>
          <cell r="AC2942" t="str">
            <v/>
          </cell>
          <cell r="AD2942" t="str">
            <v/>
          </cell>
          <cell r="AE2942" t="str">
            <v>１；２；一般廃棄物収集運搬及び処分　し尿処理施設等清掃３；産業廃棄物収集運搬及び処分４；</v>
          </cell>
          <cell r="AF2942" t="str">
            <v>廃棄物処理には、強烈な悪臭や大量の廃水が伴い、膨大な設備とコストがかかっていました。弊社は新方式の産業廃棄物総合処理システムを導入。悪臭は排水を全く出さず無公害。短期間、低コスト処理を実現しました。</v>
          </cell>
        </row>
        <row r="2943">
          <cell r="B2943">
            <v>11734</v>
          </cell>
          <cell r="C2943" t="str">
            <v>ソーダニッカ(株)</v>
          </cell>
          <cell r="D2943" t="str">
            <v>06-6446-5615</v>
          </cell>
          <cell r="E2943" t="str">
            <v>530-0005</v>
          </cell>
          <cell r="F2943" t="str">
            <v>大阪府大阪市北区中之島3-3-3 中之島三井ﾋﾞﾙ</v>
          </cell>
          <cell r="G2943" t="str">
            <v>大阪市</v>
          </cell>
          <cell r="H2943" t="str">
            <v>大阪支店</v>
          </cell>
          <cell r="I2943" t="str">
            <v>大阪支店長　 目崎　龍二</v>
          </cell>
          <cell r="J2943" t="str">
            <v>東京都</v>
          </cell>
          <cell r="K2943" t="str">
            <v>06-6446-5759</v>
          </cell>
          <cell r="L2943" t="str">
            <v>t-nakazawa@sodanikka.co.jp</v>
          </cell>
          <cell r="M2943" t="str">
            <v>ｿ-ﾀﾞﾆﾂｶ</v>
          </cell>
          <cell r="N2943" t="str">
            <v>有</v>
          </cell>
          <cell r="O2943">
            <v>71</v>
          </cell>
          <cell r="P2943">
            <v>246</v>
          </cell>
          <cell r="Q2943">
            <v>9010000000000</v>
          </cell>
          <cell r="R2943">
            <v>3762500</v>
          </cell>
          <cell r="S2943">
            <v>24032000</v>
          </cell>
          <cell r="T2943">
            <v>95800000</v>
          </cell>
          <cell r="V2943" t="str">
            <v>as588244</v>
          </cell>
          <cell r="W2943" t="str">
            <v>bn166593</v>
          </cell>
          <cell r="Y2943" t="str">
            <v>5.10.38</v>
          </cell>
          <cell r="Z2943">
            <v>5</v>
          </cell>
          <cell r="AA2943">
            <v>38</v>
          </cell>
          <cell r="AB2943" t="str">
            <v/>
          </cell>
          <cell r="AC2943" t="str">
            <v/>
          </cell>
          <cell r="AD2943" t="str">
            <v/>
          </cell>
          <cell r="AE2943" t="str">
            <v>１；２；家庭用ゴミ袋３；応急給水用コンテナ４；</v>
          </cell>
          <cell r="AF2943" t="str">
            <v>応急給水用のコンテナ及び家庭用、業務用ゴミ袋等販売を行っております。また各種工業薬品の販売も行っております。</v>
          </cell>
        </row>
        <row r="2944">
          <cell r="B2944">
            <v>11739</v>
          </cell>
          <cell r="C2944" t="str">
            <v>日本ビルコン(株)</v>
          </cell>
          <cell r="D2944" t="str">
            <v>06-6472-5511</v>
          </cell>
          <cell r="E2944" t="str">
            <v>555-0012</v>
          </cell>
          <cell r="F2944" t="str">
            <v>大阪府大阪市西淀川区御幣島1-10-8</v>
          </cell>
          <cell r="G2944" t="str">
            <v>大阪市</v>
          </cell>
          <cell r="H2944" t="str">
            <v>近畿支社</v>
          </cell>
          <cell r="I2944" t="str">
            <v>支社長 大柿　耕一</v>
          </cell>
          <cell r="J2944" t="str">
            <v>東京都</v>
          </cell>
          <cell r="K2944" t="str">
            <v>06-6472-6611</v>
          </cell>
          <cell r="L2944" t="str">
            <v>okuno-m@totech.co.jp</v>
          </cell>
          <cell r="M2944" t="str">
            <v>ﾆｯﾎﾟﾝﾋﾞﾙｺﾝ</v>
          </cell>
          <cell r="N2944" t="str">
            <v>有</v>
          </cell>
          <cell r="O2944">
            <v>40</v>
          </cell>
          <cell r="P2944">
            <v>626</v>
          </cell>
          <cell r="Q2944">
            <v>9010601024883</v>
          </cell>
          <cell r="R2944">
            <v>100000</v>
          </cell>
          <cell r="S2944">
            <v>4715355</v>
          </cell>
          <cell r="T2944">
            <v>14912391</v>
          </cell>
          <cell r="V2944" t="str">
            <v>bp698860</v>
          </cell>
          <cell r="W2944" t="str">
            <v>ad175624</v>
          </cell>
          <cell r="Y2944" t="str">
            <v>35，48，</v>
          </cell>
          <cell r="Z2944">
            <v>48</v>
          </cell>
          <cell r="AA2944" t="str">
            <v/>
          </cell>
          <cell r="AB2944" t="str">
            <v/>
          </cell>
          <cell r="AC2944" t="str">
            <v/>
          </cell>
          <cell r="AD2944" t="str">
            <v/>
          </cell>
          <cell r="AE2944" t="str">
            <v>１；２；３；４；</v>
          </cell>
          <cell r="AF2944" t="str">
            <v>東証一部上場「東テク株式会社」のグループ会社。事業内容は、空調設備機器を中心とした設備機器全般の販売並びに設備工事、修理、点検、保守となります。</v>
          </cell>
        </row>
        <row r="2945">
          <cell r="B2945">
            <v>11741</v>
          </cell>
          <cell r="C2945" t="str">
            <v>(株)リクチ漏水調査</v>
          </cell>
          <cell r="D2945" t="str">
            <v>03-3954-9225</v>
          </cell>
          <cell r="E2945" t="str">
            <v>161-0032</v>
          </cell>
          <cell r="F2945" t="str">
            <v>東京都新宿区中落合3-21-2</v>
          </cell>
          <cell r="G2945" t="str">
            <v>東京都</v>
          </cell>
          <cell r="H2945" t="str">
            <v/>
          </cell>
          <cell r="I2945" t="str">
            <v>代表取締役 天野　智</v>
          </cell>
          <cell r="J2945" t="str">
            <v>本店</v>
          </cell>
          <cell r="K2945" t="str">
            <v>03-3954-9158</v>
          </cell>
          <cell r="L2945" t="str">
            <v>rikuchi@pop12.odn.ne.jp</v>
          </cell>
          <cell r="M2945" t="str">
            <v>ﾘｸﾁﾛｳｽｲﾁｮｳｻ</v>
          </cell>
          <cell r="N2945" t="str">
            <v>無</v>
          </cell>
          <cell r="O2945">
            <v>39</v>
          </cell>
          <cell r="P2945">
            <v>24</v>
          </cell>
          <cell r="Q2945">
            <v>2011101022608</v>
          </cell>
          <cell r="R2945">
            <v>22000</v>
          </cell>
          <cell r="S2945">
            <v>60684</v>
          </cell>
          <cell r="T2945">
            <v>244044</v>
          </cell>
          <cell r="V2945" t="str">
            <v>sq876804</v>
          </cell>
          <cell r="W2945" t="str">
            <v>zl168756</v>
          </cell>
          <cell r="Y2945" t="str">
            <v>79，</v>
          </cell>
          <cell r="Z2945">
            <v>79</v>
          </cell>
          <cell r="AA2945">
            <v>80</v>
          </cell>
          <cell r="AB2945" t="str">
            <v/>
          </cell>
          <cell r="AC2945" t="str">
            <v/>
          </cell>
          <cell r="AD2945" t="str">
            <v/>
          </cell>
          <cell r="AE2945" t="str">
            <v>１；上水道漏水調査（公道及び学校敷地内等）２；漏水監視機器：常設型自動配水管監視装置（漏水）名称：エルサイン（Ｌ－Ｓｉｇｎ）　節水泡沫キャップ・名称：アワ～る３；４；</v>
          </cell>
          <cell r="AF2945" t="str">
            <v>上水道（一般公道等・学校等敷地内）の漏水調査、漏水監視装置（自社開発）使用による漏水監視システムの提案、上水道施設・設備に関する情報調査・管理システムの提案、各種上水道等関連図面作成。</v>
          </cell>
        </row>
        <row r="2946">
          <cell r="B2946">
            <v>11745</v>
          </cell>
          <cell r="C2946" t="str">
            <v>(株)メディテクノサービス</v>
          </cell>
          <cell r="D2946" t="str">
            <v>06-6944-5997</v>
          </cell>
          <cell r="E2946" t="str">
            <v>540-0025</v>
          </cell>
          <cell r="F2946" t="str">
            <v>大阪府大阪市中央区大手通1-3-5</v>
          </cell>
          <cell r="G2946" t="str">
            <v>大阪市</v>
          </cell>
          <cell r="H2946" t="str">
            <v/>
          </cell>
          <cell r="I2946" t="str">
            <v>代表取締役 中　隆廣</v>
          </cell>
          <cell r="J2946" t="str">
            <v>本店</v>
          </cell>
          <cell r="K2946" t="str">
            <v>06-6944-7103</v>
          </cell>
          <cell r="L2946" t="str">
            <v>info@medi-ts.com</v>
          </cell>
          <cell r="M2946" t="str">
            <v>ﾒﾃﾞｨﾃｸﾉｻｰﾋﾞｽ</v>
          </cell>
          <cell r="N2946" t="str">
            <v>無</v>
          </cell>
          <cell r="O2946">
            <v>9</v>
          </cell>
          <cell r="P2946">
            <v>30</v>
          </cell>
          <cell r="Q2946">
            <v>6120001663811</v>
          </cell>
          <cell r="R2946">
            <v>8000</v>
          </cell>
          <cell r="S2946">
            <v>43211</v>
          </cell>
          <cell r="T2946">
            <v>62605</v>
          </cell>
          <cell r="V2946" t="str">
            <v>pa287396</v>
          </cell>
          <cell r="W2946" t="str">
            <v>ｒq163589</v>
          </cell>
          <cell r="Y2946" t="str">
            <v>058，57，58，60，77，</v>
          </cell>
          <cell r="Z2946">
            <v>60</v>
          </cell>
          <cell r="AA2946">
            <v>57</v>
          </cell>
          <cell r="AB2946">
            <v>77</v>
          </cell>
          <cell r="AC2946">
            <v>58</v>
          </cell>
          <cell r="AD2946" t="str">
            <v/>
          </cell>
          <cell r="AE2946" t="str">
            <v>１；柔整レセプト点検２；データ入力・処理３；アンケート調査４；システム開発・保守</v>
          </cell>
          <cell r="AF2946" t="str">
            <v>柔整レセプト点検、データ入力業務、アンケート調査業務、システム開発・保守業務を主に請け負っています。</v>
          </cell>
        </row>
        <row r="2947">
          <cell r="B2947">
            <v>11750</v>
          </cell>
          <cell r="C2947" t="str">
            <v>日本電技(株)</v>
          </cell>
          <cell r="D2947" t="str">
            <v>06-6447-0721</v>
          </cell>
          <cell r="E2947" t="str">
            <v>530-0005</v>
          </cell>
          <cell r="F2947" t="str">
            <v>大阪府大阪市北区中之島6-2-40</v>
          </cell>
          <cell r="G2947" t="str">
            <v>大阪市</v>
          </cell>
          <cell r="H2947" t="str">
            <v>大阪支店</v>
          </cell>
          <cell r="I2947" t="str">
            <v>支店長　 高見　裕一</v>
          </cell>
          <cell r="J2947" t="str">
            <v>東京都</v>
          </cell>
          <cell r="K2947" t="str">
            <v>06-6447-5400</v>
          </cell>
          <cell r="L2947" t="str">
            <v>sol.osk@nihondengi.co.jp</v>
          </cell>
          <cell r="M2947" t="str">
            <v>ﾆﾎﾝﾃﾞﾝｷﾞ</v>
          </cell>
          <cell r="N2947" t="str">
            <v>有</v>
          </cell>
          <cell r="O2947">
            <v>46</v>
          </cell>
          <cell r="P2947">
            <v>784</v>
          </cell>
          <cell r="Q2947">
            <v>1010600000000</v>
          </cell>
          <cell r="R2947">
            <v>470494</v>
          </cell>
          <cell r="S2947">
            <v>19927145</v>
          </cell>
          <cell r="T2947">
            <v>27160615</v>
          </cell>
          <cell r="V2947" t="str">
            <v>ew208017</v>
          </cell>
          <cell r="W2947" t="str">
            <v>vu173363</v>
          </cell>
          <cell r="Y2947" t="str">
            <v>36.42.43.47</v>
          </cell>
          <cell r="Z2947">
            <v>47</v>
          </cell>
          <cell r="AA2947">
            <v>36</v>
          </cell>
          <cell r="AB2947">
            <v>42</v>
          </cell>
          <cell r="AC2947">
            <v>43</v>
          </cell>
          <cell r="AD2947" t="str">
            <v/>
          </cell>
          <cell r="AE2947" t="str">
            <v>１；２；自動制御機器及び自動制御盤　特　アズビル（株）ビルシステムカンパニー、アズビル（株）特　アドバンスオートメーションカンパニー３；４；</v>
          </cell>
          <cell r="AF2947" t="str">
            <v>空調の自動制御（空調計装）を専業とし、設計・機器の納入、施工、保守まで一貫して担います。また、その技術を空調以外の計装分野にも展開し、１社単独でＢＡビルディングオートメーション、ＦＡファクトリーオートメーション、ＰＡプロセスオートメーションを行います。</v>
          </cell>
        </row>
        <row r="2948">
          <cell r="B2948">
            <v>11753</v>
          </cell>
          <cell r="C2948" t="str">
            <v>協和技研メンテナンス(株)</v>
          </cell>
          <cell r="D2948" t="str">
            <v>0797-82-1811</v>
          </cell>
          <cell r="E2948" t="str">
            <v>665-0875</v>
          </cell>
          <cell r="F2948" t="str">
            <v>兵庫県宝塚市中筋山手1-14-4</v>
          </cell>
          <cell r="G2948" t="str">
            <v>宝塚市</v>
          </cell>
          <cell r="H2948" t="str">
            <v/>
          </cell>
          <cell r="I2948" t="str">
            <v>代表取締役 古谷　知彦</v>
          </cell>
          <cell r="J2948" t="str">
            <v>本店</v>
          </cell>
          <cell r="K2948" t="str">
            <v>0797-82-1810</v>
          </cell>
          <cell r="L2948" t="str">
            <v>asai@kyouwagiken.com</v>
          </cell>
          <cell r="M2948" t="str">
            <v>ｷｮｳﾜｷﾞｹﾝﾒﾝﾃﾅﾝｽ</v>
          </cell>
          <cell r="N2948" t="str">
            <v>無</v>
          </cell>
          <cell r="O2948">
            <v>26</v>
          </cell>
          <cell r="P2948">
            <v>7</v>
          </cell>
          <cell r="Q2948">
            <v>7140001081424</v>
          </cell>
          <cell r="R2948">
            <v>10000</v>
          </cell>
          <cell r="S2948">
            <v>-13377</v>
          </cell>
          <cell r="T2948">
            <v>111865</v>
          </cell>
          <cell r="V2948" t="str">
            <v>cp839174</v>
          </cell>
          <cell r="W2948" t="str">
            <v>qb173995</v>
          </cell>
          <cell r="Y2948" t="str">
            <v>05，37，</v>
          </cell>
          <cell r="Z2948">
            <v>37</v>
          </cell>
          <cell r="AA2948">
            <v>5</v>
          </cell>
          <cell r="AB2948" t="str">
            <v/>
          </cell>
          <cell r="AC2948" t="str">
            <v/>
          </cell>
          <cell r="AD2948" t="str">
            <v/>
          </cell>
          <cell r="AE2948" t="str">
            <v>１；ステンレス板金、洗浄機、回転釜、フライヤー、冷蔵庫、移動台、保管庫２；食器３；４；</v>
          </cell>
          <cell r="AF2948" t="str">
            <v>ステンレス板金、給食備品、洗浄機、回転釜、冷蔵庫、保管庫シンク、厨房機器の修理</v>
          </cell>
        </row>
        <row r="2949">
          <cell r="B2949">
            <v>11755</v>
          </cell>
          <cell r="C2949" t="str">
            <v>三和システムウォール(株)</v>
          </cell>
          <cell r="D2949" t="str">
            <v>06-6499-1756</v>
          </cell>
          <cell r="E2949" t="str">
            <v>661-0951</v>
          </cell>
          <cell r="F2949" t="str">
            <v>兵庫県尼崎市田能6-10-1</v>
          </cell>
          <cell r="G2949" t="str">
            <v>尼崎市</v>
          </cell>
          <cell r="H2949" t="str">
            <v/>
          </cell>
          <cell r="I2949" t="str">
            <v>代表取締役 楓井　進</v>
          </cell>
          <cell r="J2949" t="str">
            <v>本店</v>
          </cell>
          <cell r="K2949" t="str">
            <v>06-6499-8847</v>
          </cell>
          <cell r="L2949" t="str">
            <v>satous@sip.sanwa-ss.co.jp</v>
          </cell>
          <cell r="M2949" t="str">
            <v>ｻﾝﾜｼｽﾃﾑｳｫｰﾙｶﾌﾞｼｷｶﾞｲｼｬ</v>
          </cell>
          <cell r="N2949" t="str">
            <v>無</v>
          </cell>
          <cell r="O2949">
            <v>29</v>
          </cell>
          <cell r="P2949">
            <v>72</v>
          </cell>
          <cell r="Q2949">
            <v>5140001052377</v>
          </cell>
          <cell r="R2949">
            <v>10000</v>
          </cell>
          <cell r="S2949">
            <v>-158907</v>
          </cell>
          <cell r="T2949">
            <v>1634104</v>
          </cell>
          <cell r="V2949" t="str">
            <v>ki875774</v>
          </cell>
          <cell r="W2949" t="str">
            <v>vq199797</v>
          </cell>
          <cell r="Y2949" t="str">
            <v>34，</v>
          </cell>
          <cell r="Z2949">
            <v>34</v>
          </cell>
          <cell r="AA2949">
            <v>80</v>
          </cell>
          <cell r="AB2949" t="str">
            <v/>
          </cell>
          <cell r="AC2949" t="str">
            <v/>
          </cell>
          <cell r="AD2949" t="str">
            <v/>
          </cell>
          <cell r="AE2949" t="str">
            <v>１；学校間仕切・建具の販売及び修理２；学校間仕切・建具に付属する金物の販売及び修理３；４；</v>
          </cell>
          <cell r="AF2949" t="str">
            <v>学校間仕切・建具の販売及び修理、付属する金物の販売及び修理</v>
          </cell>
        </row>
        <row r="2950">
          <cell r="B2950">
            <v>11756</v>
          </cell>
          <cell r="C2950" t="str">
            <v>コスモエンジニアリング(株)</v>
          </cell>
          <cell r="D2950" t="str">
            <v>06-6147-3080</v>
          </cell>
          <cell r="E2950" t="str">
            <v>530-0001</v>
          </cell>
          <cell r="F2950" t="str">
            <v>大阪府大阪市北区梅田1-1-3</v>
          </cell>
          <cell r="G2950" t="str">
            <v>大阪市</v>
          </cell>
          <cell r="H2950" t="str">
            <v/>
          </cell>
          <cell r="I2950" t="str">
            <v>代表取締役 大中　孝二</v>
          </cell>
          <cell r="J2950" t="str">
            <v>本店</v>
          </cell>
          <cell r="K2950" t="str">
            <v>06-6147-3081</v>
          </cell>
          <cell r="L2950" t="str">
            <v>info@kosmo-e.co.jp</v>
          </cell>
          <cell r="M2950" t="str">
            <v>ｺｽﾓｴﾝｼﾞﾆｱﾘﾝｸﾞ</v>
          </cell>
          <cell r="N2950" t="str">
            <v>無</v>
          </cell>
          <cell r="O2950">
            <v>46</v>
          </cell>
          <cell r="P2950">
            <v>221</v>
          </cell>
          <cell r="Q2950">
            <v>2120001079383</v>
          </cell>
          <cell r="R2950">
            <v>50000</v>
          </cell>
          <cell r="S2950">
            <v>724479</v>
          </cell>
          <cell r="T2950">
            <v>1868706</v>
          </cell>
          <cell r="V2950" t="str">
            <v>jj540993</v>
          </cell>
          <cell r="W2950" t="str">
            <v>xi191311</v>
          </cell>
          <cell r="Y2950" t="str">
            <v>049，46，47，48，49，</v>
          </cell>
          <cell r="Z2950">
            <v>46</v>
          </cell>
          <cell r="AA2950">
            <v>47</v>
          </cell>
          <cell r="AB2950">
            <v>48</v>
          </cell>
          <cell r="AC2950">
            <v>49</v>
          </cell>
          <cell r="AD2950" t="str">
            <v/>
          </cell>
          <cell r="AE2950" t="str">
            <v>１；建築物空気環境測定業登録　建築物飲料水貯水槽清掃業登録２；建設業許可（電気）（管）（電気通信）（消防施設）３；建設業許可（電気）（管）（電気通信）（消防施設）４；消防設備業・消防設備点検業届出</v>
          </cell>
          <cell r="AF2950" t="str">
            <v>★建物ならびに各種付帯設備の電気・冷暖房空調・給排水衛生関係設備・防災設備等の運転保守管理業務の請負★建築物及び各種設備の営繕ならびに電気、冷暖房、空気調和、給排水関係工事の請負★建築物空気環境測定業務の請負★建築物飲料水貯水槽清掃業務の請負★消防設備点検業務の請負</v>
          </cell>
        </row>
        <row r="2951">
          <cell r="B2951">
            <v>11758</v>
          </cell>
          <cell r="C2951" t="str">
            <v>大日警備(株）</v>
          </cell>
          <cell r="D2951" t="str">
            <v>072-778-3539</v>
          </cell>
          <cell r="E2951" t="str">
            <v>664-0854</v>
          </cell>
          <cell r="F2951" t="str">
            <v>兵庫県伊丹市南町4-5-16</v>
          </cell>
          <cell r="G2951" t="str">
            <v>伊丹市</v>
          </cell>
          <cell r="H2951" t="str">
            <v/>
          </cell>
          <cell r="I2951" t="str">
            <v>代表取締役 中村　朱李</v>
          </cell>
          <cell r="J2951" t="str">
            <v>本店</v>
          </cell>
          <cell r="K2951" t="str">
            <v>072-778-3561</v>
          </cell>
          <cell r="L2951" t="str">
            <v/>
          </cell>
          <cell r="M2951" t="str">
            <v>ﾀﾞｲﾆﾁｹｲﾋﾞ</v>
          </cell>
          <cell r="N2951" t="str">
            <v>無</v>
          </cell>
          <cell r="O2951">
            <v>14</v>
          </cell>
          <cell r="P2951">
            <v>160</v>
          </cell>
          <cell r="Q2951">
            <v>9140001070977</v>
          </cell>
          <cell r="R2951">
            <v>10000</v>
          </cell>
          <cell r="S2951">
            <v>80217</v>
          </cell>
          <cell r="T2951">
            <v>414681</v>
          </cell>
          <cell r="V2951" t="str">
            <v>gj347931</v>
          </cell>
          <cell r="W2951" t="str">
            <v>vt104823</v>
          </cell>
          <cell r="Y2951" t="str">
            <v>45，</v>
          </cell>
          <cell r="Z2951">
            <v>45</v>
          </cell>
          <cell r="AA2951" t="str">
            <v/>
          </cell>
          <cell r="AB2951" t="str">
            <v/>
          </cell>
          <cell r="AC2951" t="str">
            <v/>
          </cell>
          <cell r="AD2951" t="str">
            <v/>
          </cell>
          <cell r="AE2951" t="str">
            <v>１；交通誘導警備・雑踏警備・施設警備</v>
          </cell>
          <cell r="AF2951" t="str">
            <v>安全・安心・信頼のセキュリティーを合言葉に品質の向上を目指し全社一丸となり取り組んでおります。</v>
          </cell>
        </row>
        <row r="2952">
          <cell r="B2952">
            <v>11765</v>
          </cell>
          <cell r="C2952" t="str">
            <v>(株)ジェイ・エス・エイ</v>
          </cell>
          <cell r="D2952" t="str">
            <v>072-235-0122</v>
          </cell>
          <cell r="E2952" t="str">
            <v>599-8253</v>
          </cell>
          <cell r="F2952" t="str">
            <v>大阪府堺市中区深阪2-9-11</v>
          </cell>
          <cell r="G2952" t="str">
            <v>堺市</v>
          </cell>
          <cell r="H2952" t="str">
            <v/>
          </cell>
          <cell r="I2952" t="str">
            <v>代表取締役 奥山　耕司</v>
          </cell>
          <cell r="J2952" t="str">
            <v>本店</v>
          </cell>
          <cell r="K2952" t="str">
            <v>072-235-0235</v>
          </cell>
          <cell r="L2952" t="str">
            <v>jsa_food@yahoo.co.jp</v>
          </cell>
          <cell r="M2952" t="str">
            <v>ｼﾞｪｲ ｴｽ ｴｲ</v>
          </cell>
          <cell r="N2952" t="str">
            <v>無</v>
          </cell>
          <cell r="O2952">
            <v>15</v>
          </cell>
          <cell r="P2952">
            <v>135</v>
          </cell>
          <cell r="Q2952">
            <v>4120101021268</v>
          </cell>
          <cell r="R2952">
            <v>10000</v>
          </cell>
          <cell r="S2952">
            <v>103398</v>
          </cell>
          <cell r="T2952">
            <v>201794</v>
          </cell>
          <cell r="V2952" t="str">
            <v>fq202542</v>
          </cell>
          <cell r="W2952" t="str">
            <v>kl193898</v>
          </cell>
          <cell r="Y2952" t="str">
            <v/>
          </cell>
          <cell r="Z2952">
            <v>80</v>
          </cell>
          <cell r="AA2952" t="str">
            <v/>
          </cell>
          <cell r="AB2952" t="str">
            <v/>
          </cell>
          <cell r="AC2952" t="str">
            <v/>
          </cell>
          <cell r="AD2952" t="str">
            <v/>
          </cell>
          <cell r="AE2952" t="str">
            <v>１；学校給食調理等業務委託２；３；４；</v>
          </cell>
          <cell r="AF2952" t="str">
            <v>学校給食を主としている会社です。</v>
          </cell>
        </row>
        <row r="2953">
          <cell r="B2953">
            <v>11766</v>
          </cell>
          <cell r="C2953" t="str">
            <v>朝日給食(株)</v>
          </cell>
          <cell r="D2953" t="str">
            <v>072-235-6000</v>
          </cell>
          <cell r="E2953" t="str">
            <v>599-8253</v>
          </cell>
          <cell r="F2953" t="str">
            <v>大阪府堺市中区深阪2-9-11</v>
          </cell>
          <cell r="G2953" t="str">
            <v>堺市</v>
          </cell>
          <cell r="H2953" t="str">
            <v/>
          </cell>
          <cell r="I2953" t="str">
            <v>代表取締役 奥山　耕司</v>
          </cell>
          <cell r="J2953" t="str">
            <v>本店</v>
          </cell>
          <cell r="K2953" t="str">
            <v>072-235-6022</v>
          </cell>
          <cell r="L2953" t="str">
            <v>asahikyuusyoku@salsa.ocn.ne.jp</v>
          </cell>
          <cell r="M2953" t="str">
            <v>ｱｻﾋｷｭｳｼｮｸ</v>
          </cell>
          <cell r="N2953" t="str">
            <v>無</v>
          </cell>
          <cell r="O2953">
            <v>36</v>
          </cell>
          <cell r="P2953">
            <v>372</v>
          </cell>
          <cell r="Q2953">
            <v>2120101000819</v>
          </cell>
          <cell r="R2953">
            <v>10000</v>
          </cell>
          <cell r="S2953">
            <v>499002</v>
          </cell>
          <cell r="T2953">
            <v>746422</v>
          </cell>
          <cell r="V2953" t="str">
            <v>qw613902</v>
          </cell>
          <cell r="W2953" t="str">
            <v>bj136361</v>
          </cell>
          <cell r="Y2953" t="str">
            <v/>
          </cell>
          <cell r="Z2953">
            <v>80</v>
          </cell>
          <cell r="AA2953" t="str">
            <v/>
          </cell>
          <cell r="AB2953" t="str">
            <v/>
          </cell>
          <cell r="AC2953" t="str">
            <v/>
          </cell>
          <cell r="AD2953" t="str">
            <v/>
          </cell>
          <cell r="AE2953" t="str">
            <v>１；学校給食調理等業務委託２；３；４；</v>
          </cell>
          <cell r="AF2953" t="str">
            <v>学校給食専門の会社です。</v>
          </cell>
        </row>
        <row r="2954">
          <cell r="B2954">
            <v>11770</v>
          </cell>
          <cell r="C2954" t="str">
            <v>(株)塚口ガスの店</v>
          </cell>
          <cell r="D2954" t="str">
            <v>072-744-0460</v>
          </cell>
          <cell r="E2954" t="str">
            <v>664-0873</v>
          </cell>
          <cell r="F2954" t="str">
            <v>兵庫県伊丹市野間1-7-16</v>
          </cell>
          <cell r="G2954" t="str">
            <v>伊丹市</v>
          </cell>
          <cell r="H2954" t="str">
            <v/>
          </cell>
          <cell r="I2954" t="str">
            <v>代表取締役 浦上　有美子</v>
          </cell>
          <cell r="J2954" t="str">
            <v>本店</v>
          </cell>
          <cell r="K2954" t="str">
            <v>072-744-0461</v>
          </cell>
          <cell r="L2954" t="str">
            <v>tsukaguchi-gas@apricot.ocn.ne.jp</v>
          </cell>
          <cell r="M2954" t="str">
            <v>ﾂｶｸﾞﾁｶﾞｽﾉﾐｾ</v>
          </cell>
          <cell r="N2954" t="str">
            <v>無</v>
          </cell>
          <cell r="O2954">
            <v>56</v>
          </cell>
          <cell r="P2954">
            <v>17</v>
          </cell>
          <cell r="Q2954">
            <v>4140001050027</v>
          </cell>
          <cell r="R2954">
            <v>10000</v>
          </cell>
          <cell r="S2954">
            <v>277108</v>
          </cell>
          <cell r="T2954">
            <v>233180</v>
          </cell>
          <cell r="V2954" t="str">
            <v>uu489991</v>
          </cell>
          <cell r="W2954" t="str">
            <v>tt379973</v>
          </cell>
          <cell r="Y2954" t="str">
            <v>038，29，35，37，38，</v>
          </cell>
          <cell r="Z2954">
            <v>37</v>
          </cell>
          <cell r="AA2954">
            <v>35</v>
          </cell>
          <cell r="AB2954">
            <v>29</v>
          </cell>
          <cell r="AC2954">
            <v>38</v>
          </cell>
          <cell r="AD2954" t="str">
            <v/>
          </cell>
          <cell r="AE2954" t="str">
            <v>１；代　大阪ガス株式会社２；代　大阪ガス株式会社３；代　大阪ガス株式会社４；代　大阪ガス株式会社</v>
          </cell>
          <cell r="AF2954" t="str">
            <v>コンロ・オーブン・炊飯器・食器洗い機等の厨房器具及びガスファンヒーター・ガスストーブ等の暖房器具、その他ガス給湯器・ボイラー等のガス器具のすべてを取り扱います。</v>
          </cell>
        </row>
        <row r="2955">
          <cell r="B2955">
            <v>11771</v>
          </cell>
          <cell r="C2955" t="str">
            <v>(株)タメゴエンジニアリング</v>
          </cell>
          <cell r="D2955" t="str">
            <v>06-6305-3517</v>
          </cell>
          <cell r="E2955" t="str">
            <v>532-0012</v>
          </cell>
          <cell r="F2955" t="str">
            <v>大阪府大阪市淀川区木川東3-1-4</v>
          </cell>
          <cell r="G2955" t="str">
            <v>大阪市</v>
          </cell>
          <cell r="H2955" t="str">
            <v/>
          </cell>
          <cell r="I2955" t="str">
            <v>代表取締役 山本　浩一</v>
          </cell>
          <cell r="J2955" t="str">
            <v>本店</v>
          </cell>
          <cell r="K2955" t="str">
            <v>06-6305-3294</v>
          </cell>
          <cell r="L2955" t="str">
            <v>hueda@tamego.co.jp</v>
          </cell>
          <cell r="M2955" t="str">
            <v>ﾀﾒｺﾞｴﾝｼﾞﾆｱﾘﾝｸﾞ</v>
          </cell>
          <cell r="N2955" t="str">
            <v>無</v>
          </cell>
          <cell r="O2955">
            <v>38</v>
          </cell>
          <cell r="P2955">
            <v>42</v>
          </cell>
          <cell r="Q2955">
            <v>1120001056805</v>
          </cell>
          <cell r="R2955">
            <v>50000</v>
          </cell>
          <cell r="S2955">
            <v>95362</v>
          </cell>
          <cell r="T2955">
            <v>648432</v>
          </cell>
          <cell r="V2955" t="str">
            <v>mw364762</v>
          </cell>
          <cell r="W2955" t="str">
            <v>vr199339</v>
          </cell>
          <cell r="Y2955" t="str">
            <v>48，</v>
          </cell>
          <cell r="Z2955" t="str">
            <v/>
          </cell>
          <cell r="AA2955" t="str">
            <v/>
          </cell>
          <cell r="AB2955" t="str">
            <v/>
          </cell>
          <cell r="AC2955" t="str">
            <v/>
          </cell>
          <cell r="AD2955" t="str">
            <v/>
          </cell>
          <cell r="AE2955" t="str">
            <v>１；空調・冷暖房設備機器保守業務２；３；４；</v>
          </cell>
          <cell r="AF2955" t="str">
            <v>自動制御設備設計・施工・保守業務　空調・衛生・電気設備・設計・施工業務　総合ビルメンテナンス業務</v>
          </cell>
        </row>
        <row r="2956">
          <cell r="B2956">
            <v>11772</v>
          </cell>
          <cell r="C2956" t="str">
            <v>(有)豊和</v>
          </cell>
          <cell r="D2956" t="str">
            <v>06-6416-4343</v>
          </cell>
          <cell r="E2956" t="str">
            <v>660-0077</v>
          </cell>
          <cell r="F2956" t="str">
            <v>兵庫県尼崎市大庄西町1-2-3</v>
          </cell>
          <cell r="G2956" t="str">
            <v>尼崎市</v>
          </cell>
          <cell r="H2956" t="str">
            <v/>
          </cell>
          <cell r="I2956" t="str">
            <v>代表取締役 嵯峨山　公昭</v>
          </cell>
          <cell r="J2956" t="str">
            <v>本店</v>
          </cell>
          <cell r="K2956" t="str">
            <v>06-6416-4384</v>
          </cell>
          <cell r="L2956" t="str">
            <v>houwa@chive.ocn.ne.jp</v>
          </cell>
          <cell r="M2956" t="str">
            <v>ﾎｳﾜ</v>
          </cell>
          <cell r="N2956" t="str">
            <v>無</v>
          </cell>
          <cell r="O2956">
            <v>31</v>
          </cell>
          <cell r="P2956">
            <v>50</v>
          </cell>
          <cell r="Q2956">
            <v>8140002042515</v>
          </cell>
          <cell r="R2956">
            <v>3000</v>
          </cell>
          <cell r="S2956">
            <v>-9747</v>
          </cell>
          <cell r="T2956">
            <v>60857</v>
          </cell>
          <cell r="V2956" t="str">
            <v>rb660070</v>
          </cell>
          <cell r="W2956" t="str">
            <v>du156353</v>
          </cell>
          <cell r="Y2956" t="str">
            <v>54，</v>
          </cell>
          <cell r="Z2956">
            <v>54</v>
          </cell>
          <cell r="AA2956" t="str">
            <v/>
          </cell>
          <cell r="AB2956" t="str">
            <v/>
          </cell>
          <cell r="AC2956" t="str">
            <v/>
          </cell>
          <cell r="AD2956" t="str">
            <v/>
          </cell>
          <cell r="AE2956" t="str">
            <v>１；２；３；４；</v>
          </cell>
          <cell r="AF2956" t="str">
            <v>「地域社会との密着」を会社方針に昭和６２年１０月尼崎市内に会社設立。建物の常駐清掃管理及び床面洗浄・ガラス清拭・外壁清掃（高所作業）を含めた『建物の総合清掃管理』を行っております。</v>
          </cell>
        </row>
        <row r="2957">
          <cell r="B2957">
            <v>11773</v>
          </cell>
          <cell r="C2957" t="str">
            <v>尼崎商業事業(株)</v>
          </cell>
          <cell r="D2957" t="str">
            <v>06-6409-1005</v>
          </cell>
          <cell r="E2957" t="str">
            <v>660-0843</v>
          </cell>
          <cell r="F2957" t="str">
            <v>兵庫県尼崎市東海岸町1-52</v>
          </cell>
          <cell r="G2957" t="str">
            <v>尼崎市</v>
          </cell>
          <cell r="H2957" t="str">
            <v/>
          </cell>
          <cell r="I2957" t="str">
            <v>代表取締役 秋元　宏</v>
          </cell>
          <cell r="J2957" t="str">
            <v>本店</v>
          </cell>
          <cell r="K2957" t="str">
            <v>06-6409-1006</v>
          </cell>
          <cell r="L2957" t="str">
            <v>takahashi@amasyo.com</v>
          </cell>
          <cell r="M2957" t="str">
            <v>ｱﾏｶﾞｻｷｼｮｳｷﾞｮｳｼﾞｷﾞｮｳ</v>
          </cell>
          <cell r="N2957" t="str">
            <v>無</v>
          </cell>
          <cell r="O2957">
            <v>52</v>
          </cell>
          <cell r="P2957">
            <v>23</v>
          </cell>
          <cell r="Q2957">
            <v>9140001054411</v>
          </cell>
          <cell r="R2957">
            <v>10000</v>
          </cell>
          <cell r="S2957">
            <v>25510</v>
          </cell>
          <cell r="T2957">
            <v>335300</v>
          </cell>
          <cell r="V2957" t="str">
            <v>pr999105</v>
          </cell>
          <cell r="W2957" t="str">
            <v>kv159373</v>
          </cell>
          <cell r="Y2957" t="str">
            <v>069，54，55，68，69，</v>
          </cell>
          <cell r="Z2957">
            <v>54</v>
          </cell>
          <cell r="AA2957">
            <v>55</v>
          </cell>
          <cell r="AB2957">
            <v>68</v>
          </cell>
          <cell r="AC2957">
            <v>69</v>
          </cell>
          <cell r="AD2957" t="str">
            <v/>
          </cell>
          <cell r="AE2957" t="str">
            <v>１；２；３；一般廃棄物収集運搬業許可（尼崎市）産業廃棄物収集運搬業許可（兵庫県・大阪府）４；古物商許可（兵庫県公安委員会）</v>
          </cell>
          <cell r="AF2957" t="str">
            <v>弊社は昭和４１年に創業し、産業廃棄物サービスを行ってまいりました。現在は一般廃棄物処理、産業廃棄物処理、建物清掃等、環境衛生の維持管理をしております。また、エコアクション２１を認証しており、環境に配慮した地域社会造りに貢献している会社です。</v>
          </cell>
        </row>
        <row r="2958">
          <cell r="B2958">
            <v>11775</v>
          </cell>
          <cell r="C2958" t="str">
            <v>(有)大平技研</v>
          </cell>
          <cell r="D2958" t="str">
            <v>044-976-1318</v>
          </cell>
          <cell r="E2958" t="str">
            <v>214-0036</v>
          </cell>
          <cell r="F2958" t="str">
            <v>神奈川県川崎市多摩区南生田2-18-25</v>
          </cell>
          <cell r="G2958" t="str">
            <v>川崎市</v>
          </cell>
          <cell r="H2958" t="str">
            <v/>
          </cell>
          <cell r="I2958" t="str">
            <v>代表取締役 大平　貴之</v>
          </cell>
          <cell r="J2958" t="str">
            <v>本店</v>
          </cell>
          <cell r="K2958" t="str">
            <v>044-976-1318</v>
          </cell>
          <cell r="L2958" t="str">
            <v>purchase@megastar.jp</v>
          </cell>
          <cell r="M2958" t="str">
            <v>ｵｵﾋﾗｷﾞｹﾝ</v>
          </cell>
          <cell r="N2958" t="str">
            <v>無</v>
          </cell>
          <cell r="O2958">
            <v>14</v>
          </cell>
          <cell r="P2958">
            <v>15</v>
          </cell>
          <cell r="Q2958">
            <v>4020002104066</v>
          </cell>
          <cell r="R2958">
            <v>10000</v>
          </cell>
          <cell r="S2958">
            <v>69619</v>
          </cell>
          <cell r="T2958">
            <v>243304</v>
          </cell>
          <cell r="V2958" t="str">
            <v>sy985278</v>
          </cell>
          <cell r="W2958" t="str">
            <v>fk873395</v>
          </cell>
          <cell r="Y2958" t="str">
            <v>42，48，58，63，64，</v>
          </cell>
          <cell r="Z2958" t="str">
            <v/>
          </cell>
          <cell r="AA2958" t="str">
            <v/>
          </cell>
          <cell r="AB2958" t="str">
            <v/>
          </cell>
          <cell r="AC2958" t="str">
            <v/>
          </cell>
          <cell r="AD2958" t="str">
            <v/>
          </cell>
          <cell r="AE2958" t="str">
            <v>１；プラネタリウム投影機「МＥＧＡＳＴＡＲ」（商標登録済）の製造・設置請負２；プラネタリウム投影機「МＥＧＡＳＴＡＲ」の保守業務請負３；プラネタリウム用投影コンテンツの制作請負４；イベント等におけるプラネタリウム投影請負</v>
          </cell>
          <cell r="AF2958" t="str">
            <v>プラネタリウム投影機一式の開発・設計・製造・販売・保守、イベント企画・製作、上映番組の企画・製作、プラネタリウム上映移動公演、各種講演活動</v>
          </cell>
        </row>
        <row r="2959">
          <cell r="B2959">
            <v>11779</v>
          </cell>
          <cell r="C2959" t="str">
            <v>(株)ブロードリンク</v>
          </cell>
          <cell r="D2959" t="str">
            <v>03-3516-8777</v>
          </cell>
          <cell r="E2959" t="str">
            <v>103-0022</v>
          </cell>
          <cell r="F2959" t="str">
            <v>東京都中央区日本橋室町4‐3‐18</v>
          </cell>
          <cell r="G2959" t="str">
            <v>東京都</v>
          </cell>
          <cell r="H2959" t="str">
            <v/>
          </cell>
          <cell r="I2959" t="str">
            <v>代表取締役 榊　彰一</v>
          </cell>
          <cell r="J2959" t="str">
            <v>本店</v>
          </cell>
          <cell r="K2959" t="str">
            <v>03-3516-8778</v>
          </cell>
          <cell r="L2959" t="str">
            <v>nyuusatsu@broadlink.co.jp</v>
          </cell>
          <cell r="M2959" t="str">
            <v>ﾌﾞﾛｰﾄﾞﾘﾝｸ</v>
          </cell>
          <cell r="N2959" t="str">
            <v>無</v>
          </cell>
          <cell r="O2959">
            <v>18</v>
          </cell>
          <cell r="P2959">
            <v>179</v>
          </cell>
          <cell r="Q2959">
            <v>5010001122597</v>
          </cell>
          <cell r="R2959">
            <v>266437</v>
          </cell>
          <cell r="S2959">
            <v>550806</v>
          </cell>
          <cell r="T2959">
            <v>5012658</v>
          </cell>
          <cell r="V2959" t="str">
            <v>cn357440</v>
          </cell>
          <cell r="W2959" t="str">
            <v>aj198988</v>
          </cell>
          <cell r="Y2959" t="str">
            <v>57，69，</v>
          </cell>
          <cell r="Z2959">
            <v>69</v>
          </cell>
          <cell r="AA2959">
            <v>57</v>
          </cell>
          <cell r="AB2959" t="str">
            <v/>
          </cell>
          <cell r="AC2959" t="str">
            <v/>
          </cell>
          <cell r="AD2959" t="str">
            <v/>
          </cell>
          <cell r="AE2959" t="str">
            <v>１；古物商許可証２；３；４；</v>
          </cell>
          <cell r="AF2959" t="str">
            <v>全国の官公庁・企業より不用パソコンの買受と買受時のパソコンのデータ消去を行っております。</v>
          </cell>
        </row>
        <row r="2960">
          <cell r="B2960">
            <v>11782</v>
          </cell>
          <cell r="C2960" t="str">
            <v>アビームコンサルティング(株)</v>
          </cell>
          <cell r="D2960" t="str">
            <v>03-6700-8800</v>
          </cell>
          <cell r="E2960" t="str">
            <v>100-0005</v>
          </cell>
          <cell r="F2960" t="str">
            <v>東京都千代田区丸の内1-4-1</v>
          </cell>
          <cell r="G2960" t="str">
            <v>東京都</v>
          </cell>
          <cell r="H2960" t="str">
            <v/>
          </cell>
          <cell r="I2960" t="str">
            <v>代表取締役社長 岩澤　俊典</v>
          </cell>
          <cell r="J2960" t="str">
            <v>本店</v>
          </cell>
          <cell r="K2960" t="str">
            <v>03-6700-8801</v>
          </cell>
          <cell r="L2960" t="str">
            <v>jpabsispublic@abeam.com</v>
          </cell>
          <cell r="M2960" t="str">
            <v>ｱﾋﾞｰﾑｺﾝｻﾙﾃｨﾝｸﾞ</v>
          </cell>
          <cell r="N2960" t="str">
            <v>無</v>
          </cell>
          <cell r="O2960">
            <v>37</v>
          </cell>
          <cell r="P2960">
            <v>3459</v>
          </cell>
          <cell r="Q2960">
            <v>8010001085296</v>
          </cell>
          <cell r="R2960">
            <v>6200157</v>
          </cell>
          <cell r="S2960">
            <v>25984477</v>
          </cell>
          <cell r="T2960">
            <v>60980894</v>
          </cell>
          <cell r="V2960" t="str">
            <v>hf211652</v>
          </cell>
          <cell r="W2960" t="str">
            <v>db199613</v>
          </cell>
          <cell r="Y2960" t="str">
            <v>58，77，</v>
          </cell>
          <cell r="Z2960">
            <v>58</v>
          </cell>
          <cell r="AA2960">
            <v>77</v>
          </cell>
          <cell r="AB2960">
            <v>80</v>
          </cell>
          <cell r="AC2960" t="str">
            <v/>
          </cell>
          <cell r="AD2960" t="str">
            <v/>
          </cell>
          <cell r="AE2960" t="str">
            <v>１；ＩＴコンサルティング、システム監査、システム開発・保守２；経営調査、市場調査３；経営コンサルティング、計画策定４；</v>
          </cell>
          <cell r="AF2960" t="str">
            <v>経営・ＩＴコンサルティング、計画策定、システム開発・保守、システム監査、経営調査、市場調査</v>
          </cell>
        </row>
        <row r="2961">
          <cell r="B2961">
            <v>11784</v>
          </cell>
          <cell r="C2961" t="str">
            <v>(株)電通西日本</v>
          </cell>
          <cell r="D2961" t="str">
            <v>078-392-9131</v>
          </cell>
          <cell r="E2961" t="str">
            <v>650-0034</v>
          </cell>
          <cell r="F2961" t="str">
            <v>兵庫県神戸市中央区京町69</v>
          </cell>
          <cell r="G2961" t="str">
            <v>神戸市</v>
          </cell>
          <cell r="H2961" t="str">
            <v>神戸支社</v>
          </cell>
          <cell r="I2961" t="str">
            <v>支社長 筒井　直子</v>
          </cell>
          <cell r="J2961" t="str">
            <v>大阪府大阪市</v>
          </cell>
          <cell r="K2961" t="str">
            <v>078-325-2019</v>
          </cell>
          <cell r="L2961" t="str">
            <v/>
          </cell>
          <cell r="M2961" t="str">
            <v>ﾃﾞﾝﾂｳﾆｼﾆﾎﾝ</v>
          </cell>
          <cell r="N2961" t="str">
            <v>有</v>
          </cell>
          <cell r="O2961">
            <v>23</v>
          </cell>
          <cell r="P2961">
            <v>166</v>
          </cell>
          <cell r="Q2961">
            <v>7120001067524</v>
          </cell>
          <cell r="R2961">
            <v>300000</v>
          </cell>
          <cell r="S2961">
            <v>1949070</v>
          </cell>
          <cell r="T2961">
            <v>30136602</v>
          </cell>
          <cell r="V2961" t="str">
            <v>dy656169</v>
          </cell>
          <cell r="W2961" t="str">
            <v>ja186656</v>
          </cell>
          <cell r="Y2961" t="str">
            <v>073，63，64，65，73，</v>
          </cell>
          <cell r="Z2961">
            <v>65</v>
          </cell>
          <cell r="AA2961">
            <v>64</v>
          </cell>
          <cell r="AB2961">
            <v>63</v>
          </cell>
          <cell r="AC2961">
            <v>73</v>
          </cell>
          <cell r="AD2961" t="str">
            <v/>
          </cell>
          <cell r="AE2961" t="str">
            <v>１；広告の企画制作、新聞、雑誌、ＴＶ、ラジオ、ＷＥＢ、交通広告、ＰＶ制作２；イベントの企画・運営（タレント・スタッフ手配含む）３；各種調査、市場調査等各種マーケティング４；モノクロ、カラー印刷、はがき、ＤＭ印刷、冊子制作・印刷</v>
          </cell>
          <cell r="AF2961" t="str">
            <v>・新聞・雑誌・ラジオ・テレビなどの媒体出稿・広告制作　・マスメディア以外の屋外・インターネット広告関連とそのクリエーティブ作業　・イベントの運営・プロモーション活動と各種制作物の制作　・パンフレット・ＰＲビデオ等の印刷・撮影等制作　・各種マーケティング調査</v>
          </cell>
        </row>
        <row r="2962">
          <cell r="B2962">
            <v>11786</v>
          </cell>
          <cell r="C2962" t="str">
            <v>オリエントハウス(株)</v>
          </cell>
          <cell r="D2962" t="str">
            <v>078-926-0870</v>
          </cell>
          <cell r="E2962" t="str">
            <v>651-2147</v>
          </cell>
          <cell r="F2962" t="str">
            <v>兵庫県神戸市西区玉津町田中593-3</v>
          </cell>
          <cell r="G2962" t="str">
            <v>神戸市</v>
          </cell>
          <cell r="H2962" t="str">
            <v>神戸支店</v>
          </cell>
          <cell r="I2962" t="str">
            <v>支店長 井上　大</v>
          </cell>
          <cell r="J2962" t="str">
            <v>京都府京都市</v>
          </cell>
          <cell r="K2962" t="str">
            <v>078-926-0872</v>
          </cell>
          <cell r="L2962" t="str">
            <v>honsya@orient-house.com</v>
          </cell>
          <cell r="M2962" t="str">
            <v>ｵﾘｴﾝﾄﾊｳｽ</v>
          </cell>
          <cell r="N2962" t="str">
            <v>有</v>
          </cell>
          <cell r="O2962">
            <v>43</v>
          </cell>
          <cell r="P2962">
            <v>85</v>
          </cell>
          <cell r="Q2962">
            <v>5120001147567</v>
          </cell>
          <cell r="R2962">
            <v>40000</v>
          </cell>
          <cell r="S2962">
            <v>1946423</v>
          </cell>
          <cell r="T2962">
            <v>4050710</v>
          </cell>
          <cell r="V2962" t="str">
            <v>xy596393</v>
          </cell>
          <cell r="W2962" t="str">
            <v>ou173991</v>
          </cell>
          <cell r="Y2962" t="str">
            <v>40，44，</v>
          </cell>
          <cell r="Z2962">
            <v>44</v>
          </cell>
          <cell r="AA2962">
            <v>40</v>
          </cell>
          <cell r="AB2962" t="str">
            <v/>
          </cell>
          <cell r="AC2962" t="str">
            <v/>
          </cell>
          <cell r="AD2962" t="str">
            <v>仮設建物・プレハブのリースを希望します。</v>
          </cell>
          <cell r="AE2962" t="str">
            <v>１；仮設建物・プレハブ、仮設ハウス・仮設トイレ、組立物置２；仮設ハウス、仮設トイレ、組立物置３；４；</v>
          </cell>
          <cell r="AF2962" t="str">
            <v>建築士事務所の併設と資材製造工場の保有により、設計、資材の製造、直営による施工を経て引渡まで、一貫して当会社の管理下で製造するため、高品質の商品を迅速・安価に提供することができます。</v>
          </cell>
        </row>
        <row r="2963">
          <cell r="B2963">
            <v>11787</v>
          </cell>
          <cell r="C2963" t="str">
            <v>(株)今村化学工業白蟻研究所</v>
          </cell>
          <cell r="D2963" t="str">
            <v>072-771-8771</v>
          </cell>
          <cell r="E2963" t="str">
            <v>664-0028</v>
          </cell>
          <cell r="F2963" t="str">
            <v>兵庫県伊丹市西野五丁目三百十九</v>
          </cell>
          <cell r="G2963" t="str">
            <v>伊丹市</v>
          </cell>
          <cell r="H2963" t="str">
            <v>神戸東支店</v>
          </cell>
          <cell r="I2963" t="str">
            <v>支店長 上林　光春</v>
          </cell>
          <cell r="J2963" t="str">
            <v>兵庫県神戸市</v>
          </cell>
          <cell r="K2963" t="str">
            <v>072-771-8772</v>
          </cell>
          <cell r="L2963" t="str">
            <v>imamura.kobehigasi@ares.eonet.ne.jp</v>
          </cell>
          <cell r="M2963" t="str">
            <v>ｲﾏﾑﾗｶｶﾞｸｺｳｷﾞｮｳｼﾛｱﾘｹﾝｷｭｳｼｮ</v>
          </cell>
          <cell r="N2963" t="str">
            <v>有</v>
          </cell>
          <cell r="O2963">
            <v>104</v>
          </cell>
          <cell r="P2963">
            <v>19</v>
          </cell>
          <cell r="Q2963">
            <v>2140001006220</v>
          </cell>
          <cell r="R2963">
            <v>10000</v>
          </cell>
          <cell r="S2963">
            <v>10000</v>
          </cell>
          <cell r="T2963">
            <v>190000</v>
          </cell>
          <cell r="V2963" t="str">
            <v>tn118333</v>
          </cell>
          <cell r="W2963" t="str">
            <v>eo139365</v>
          </cell>
          <cell r="Y2963" t="str">
            <v>52，</v>
          </cell>
          <cell r="Z2963" t="str">
            <v/>
          </cell>
          <cell r="AA2963" t="str">
            <v/>
          </cell>
          <cell r="AB2963" t="str">
            <v/>
          </cell>
          <cell r="AC2963" t="str">
            <v/>
          </cell>
          <cell r="AD2963" t="str">
            <v/>
          </cell>
          <cell r="AE2963" t="str">
            <v>１；２；３；４；</v>
          </cell>
          <cell r="AF2963" t="str">
            <v>百年以上の営業のよる、多くの信頼と実績を重ねていました。また、シロアリ専門業種では、唯一研究部門を保有しています。</v>
          </cell>
        </row>
        <row r="2964">
          <cell r="B2964">
            <v>11789</v>
          </cell>
          <cell r="C2964" t="str">
            <v>(公財)尼崎健康医療財団</v>
          </cell>
          <cell r="D2964" t="str">
            <v>06-6426-6121</v>
          </cell>
          <cell r="E2964" t="str">
            <v>661-0012</v>
          </cell>
          <cell r="F2964" t="str">
            <v>兵庫県尼崎市南塚口町4-4-8</v>
          </cell>
          <cell r="G2964" t="str">
            <v>尼崎市</v>
          </cell>
          <cell r="H2964" t="str">
            <v>尼崎健康医療財団</v>
          </cell>
          <cell r="I2964" t="str">
            <v>理事長 江川　隆生</v>
          </cell>
          <cell r="J2964" t="str">
            <v>兵庫県尼崎市</v>
          </cell>
          <cell r="K2964" t="str">
            <v>06-6428-2010</v>
          </cell>
          <cell r="L2964" t="str">
            <v>hearty21-eigyo@hcc5.bai.ne.jp</v>
          </cell>
          <cell r="M2964" t="str">
            <v>ｱﾏｶﾞｻｷｹﾝｺｳｲﾘｮｳｻﾞｲﾀﾞﾝ</v>
          </cell>
          <cell r="N2964" t="str">
            <v>有</v>
          </cell>
          <cell r="O2964">
            <v>46</v>
          </cell>
          <cell r="P2964">
            <v>112</v>
          </cell>
          <cell r="Q2964">
            <v>5140005010876</v>
          </cell>
          <cell r="R2964">
            <v>295000</v>
          </cell>
          <cell r="S2964">
            <v>949599</v>
          </cell>
          <cell r="T2964">
            <v>2322808</v>
          </cell>
          <cell r="V2964" t="str">
            <v>rh994651</v>
          </cell>
          <cell r="W2964" t="str">
            <v>ji119339</v>
          </cell>
          <cell r="Y2964" t="str">
            <v>78，</v>
          </cell>
          <cell r="Z2964" t="str">
            <v/>
          </cell>
          <cell r="AA2964" t="str">
            <v/>
          </cell>
          <cell r="AB2964" t="str">
            <v/>
          </cell>
          <cell r="AC2964" t="str">
            <v/>
          </cell>
          <cell r="AD2964" t="str">
            <v/>
          </cell>
          <cell r="AE2964" t="str">
            <v>１；２；３；４；</v>
          </cell>
          <cell r="AF2964" t="str">
            <v>尼崎市と尼崎市医師会が共同出資して設立いたしました。その公共性に鑑みプライバシーの保護に最重要点を置いています。また、医師会の医師会員のバックアップによる高度な精度管理により、貴職員様に質の高い健康結果を提供出来ます。</v>
          </cell>
        </row>
        <row r="2965">
          <cell r="B2965">
            <v>11794</v>
          </cell>
          <cell r="C2965" t="str">
            <v>(株)大軌</v>
          </cell>
          <cell r="D2965" t="str">
            <v>072-982-4181</v>
          </cell>
          <cell r="E2965" t="str">
            <v>579-8038</v>
          </cell>
          <cell r="F2965" t="str">
            <v>大阪府東大阪市箱殿町5-8</v>
          </cell>
          <cell r="H2965" t="str">
            <v/>
          </cell>
          <cell r="I2965" t="str">
            <v>代表取締役 齋藤　昭</v>
          </cell>
          <cell r="J2965" t="str">
            <v>本店</v>
          </cell>
          <cell r="K2965" t="str">
            <v>072-982-6900</v>
          </cell>
          <cell r="L2965" t="str">
            <v>kk.daiki@kk-daiki.com</v>
          </cell>
          <cell r="M2965" t="str">
            <v>ﾀﾞｲｷ</v>
          </cell>
          <cell r="N2965" t="str">
            <v>無</v>
          </cell>
          <cell r="O2965">
            <v>95</v>
          </cell>
          <cell r="P2965">
            <v>126</v>
          </cell>
          <cell r="Q2965">
            <v>6122001003897</v>
          </cell>
          <cell r="R2965">
            <v>15000</v>
          </cell>
          <cell r="S2965">
            <v>4821</v>
          </cell>
          <cell r="T2965">
            <v>241458</v>
          </cell>
          <cell r="V2965" t="str">
            <v>zv285287</v>
          </cell>
          <cell r="W2965" t="str">
            <v>wr178559</v>
          </cell>
          <cell r="Y2965" t="str">
            <v/>
          </cell>
          <cell r="Z2965">
            <v>46</v>
          </cell>
          <cell r="AA2965">
            <v>54</v>
          </cell>
          <cell r="AB2965">
            <v>45</v>
          </cell>
          <cell r="AC2965">
            <v>62</v>
          </cell>
          <cell r="AD2965" t="str">
            <v>許可登録　建築物飲料水貯水槽清掃業、建築物ねずみ昆虫等防除業　資格者　貯水槽清掃作業監督者、防除作業監督者</v>
          </cell>
          <cell r="AE2965" t="str">
            <v>045，062，45，46，47，48，49，51，52，54，62，</v>
          </cell>
          <cell r="AF2965" t="str">
            <v>建物総合管理（建物施設清掃、有人警備、機械警備、施設設備運転監視、保守点検、環境衛生管理業務、受付案内業務、電話交換業務）　クリーニング（衣類、制服、作業服、カーテン、ジュータン、リネン関係）</v>
          </cell>
        </row>
        <row r="2966">
          <cell r="B2966">
            <v>11798</v>
          </cell>
          <cell r="C2966" t="str">
            <v>(株)株式会社オークス</v>
          </cell>
          <cell r="D2966" t="str">
            <v>03-3320-4880</v>
          </cell>
          <cell r="E2966" t="str">
            <v>151-0053</v>
          </cell>
          <cell r="F2966" t="str">
            <v>東京都渋谷区代々木2-7-7</v>
          </cell>
          <cell r="G2966" t="str">
            <v>東京都</v>
          </cell>
          <cell r="H2966" t="str">
            <v/>
          </cell>
          <cell r="I2966" t="str">
            <v>代表取締役 三邊　長昭</v>
          </cell>
          <cell r="J2966" t="str">
            <v>本店</v>
          </cell>
          <cell r="K2966" t="str">
            <v>03-3320-5975</v>
          </cell>
          <cell r="L2966" t="str">
            <v>oacs@ap.wakwak.com</v>
          </cell>
          <cell r="M2966" t="str">
            <v>ｵｰｸｽ</v>
          </cell>
          <cell r="N2966" t="str">
            <v>無</v>
          </cell>
          <cell r="O2966">
            <v>34</v>
          </cell>
          <cell r="P2966">
            <v>45</v>
          </cell>
          <cell r="Q2966">
            <v>1011001004657</v>
          </cell>
          <cell r="R2966">
            <v>10000</v>
          </cell>
          <cell r="S2966">
            <v>312047</v>
          </cell>
          <cell r="T2966">
            <v>1499974</v>
          </cell>
          <cell r="V2966" t="str">
            <v>nm402355</v>
          </cell>
          <cell r="W2966" t="str">
            <v>sb189366</v>
          </cell>
          <cell r="Y2966" t="str">
            <v>60，</v>
          </cell>
          <cell r="Z2966">
            <v>60</v>
          </cell>
          <cell r="AA2966" t="str">
            <v/>
          </cell>
          <cell r="AB2966" t="str">
            <v/>
          </cell>
          <cell r="AC2966" t="str">
            <v/>
          </cell>
          <cell r="AD2966" t="str">
            <v/>
          </cell>
          <cell r="AE2966" t="str">
            <v>１；・診療報酬明細書内容点検業務　・柔道整復療養費支給申請書点検業務　・ジェネリック医薬品利用促進通知サービス等２；３；４；</v>
          </cell>
          <cell r="AF2966" t="str">
            <v>・診療報酬明細書内容点検業務・柔道整復療養費支給申請書点検業務・ジェネリック医薬品利用促進通知サービス等</v>
          </cell>
        </row>
        <row r="2967">
          <cell r="B2967">
            <v>11800</v>
          </cell>
          <cell r="C2967" t="str">
            <v>(株)プチスポーツ</v>
          </cell>
          <cell r="D2967" t="str">
            <v>075-431-0118</v>
          </cell>
          <cell r="E2967" t="str">
            <v>602-8376</v>
          </cell>
          <cell r="F2967" t="str">
            <v>京都府京都市上京区一条通御前通西入大東町99</v>
          </cell>
          <cell r="G2967" t="str">
            <v>京都市</v>
          </cell>
          <cell r="H2967" t="str">
            <v/>
          </cell>
          <cell r="I2967" t="str">
            <v>代表取締役 前谷　修</v>
          </cell>
          <cell r="J2967" t="str">
            <v>本店</v>
          </cell>
          <cell r="K2967" t="str">
            <v>075-431-0121</v>
          </cell>
          <cell r="L2967" t="str">
            <v>petitsports@deluxe.ocn.ne.jp</v>
          </cell>
          <cell r="M2967" t="str">
            <v>ﾌﾟﾁｽﾎﾟｰﾂ</v>
          </cell>
          <cell r="N2967" t="str">
            <v>無</v>
          </cell>
          <cell r="O2967">
            <v>32</v>
          </cell>
          <cell r="P2967">
            <v>10</v>
          </cell>
          <cell r="Q2967">
            <v>3130001003738</v>
          </cell>
          <cell r="R2967">
            <v>10000</v>
          </cell>
          <cell r="S2967">
            <v>28900</v>
          </cell>
          <cell r="T2967">
            <v>499250</v>
          </cell>
          <cell r="V2967" t="str">
            <v>ad701566</v>
          </cell>
          <cell r="W2967" t="str">
            <v>qx167936</v>
          </cell>
          <cell r="Y2967" t="str">
            <v>05，03，05，07，20，</v>
          </cell>
          <cell r="Z2967">
            <v>20</v>
          </cell>
          <cell r="AA2967">
            <v>3</v>
          </cell>
          <cell r="AB2967">
            <v>7</v>
          </cell>
          <cell r="AC2967">
            <v>5</v>
          </cell>
          <cell r="AD2967" t="str">
            <v/>
          </cell>
          <cell r="AE2967" t="str">
            <v>１；美津濃（株）、ゼット（株）、（株）エスエスケイ、（株）ザナックス、（株）モンベル、（株）ミカサ、（株）モルテン、（株）ミツボシ、（株）クレーマージャパン、正春武道具（株）、（株）早川繊維工業２；美津濃（株）、明石スクールユニフォームカンパニー、ギャレックス（株）、ユニチカメイト（株）他３；日新工芸（株）４；（株）テラモト　他</v>
          </cell>
          <cell r="AF2967" t="str">
            <v>官公庁・学校などを中心に営業しております。学校指定体操服から体育用品・器具、スポーツ用品はもちろんグランド工事（ネット）体育館工事（ライン引き替え）なども行っております。</v>
          </cell>
        </row>
        <row r="2968">
          <cell r="B2968">
            <v>11801</v>
          </cell>
          <cell r="C2968" t="str">
            <v>ユーユートラスト(株)</v>
          </cell>
          <cell r="D2968" t="str">
            <v>0798-36-3268</v>
          </cell>
          <cell r="E2968" t="str">
            <v>662-0914</v>
          </cell>
          <cell r="F2968" t="str">
            <v>兵庫県西宮市本町8-18</v>
          </cell>
          <cell r="G2968" t="str">
            <v>西宮市</v>
          </cell>
          <cell r="H2968" t="str">
            <v/>
          </cell>
          <cell r="I2968" t="str">
            <v>代表取締役　 鈴木　敏紀</v>
          </cell>
          <cell r="J2968" t="str">
            <v>本店</v>
          </cell>
          <cell r="K2968" t="str">
            <v>0798-36-5543</v>
          </cell>
          <cell r="L2968" t="str">
            <v>info@yuyu-trust.co.jp</v>
          </cell>
          <cell r="M2968" t="str">
            <v>ﾕｰﾕｰﾄﾗｽﾄ</v>
          </cell>
          <cell r="N2968" t="str">
            <v>無</v>
          </cell>
          <cell r="O2968">
            <v>47</v>
          </cell>
          <cell r="P2968">
            <v>224</v>
          </cell>
          <cell r="Q2968">
            <v>4140001070677</v>
          </cell>
          <cell r="R2968">
            <v>10000</v>
          </cell>
          <cell r="S2968">
            <v>36407</v>
          </cell>
          <cell r="T2968">
            <v>322574</v>
          </cell>
          <cell r="V2968" t="str">
            <v>jk438490</v>
          </cell>
          <cell r="W2968" t="str">
            <v>fr167683</v>
          </cell>
          <cell r="Y2968" t="str">
            <v>46.52.54.56</v>
          </cell>
          <cell r="Z2968">
            <v>54</v>
          </cell>
          <cell r="AA2968">
            <v>56</v>
          </cell>
          <cell r="AB2968">
            <v>52</v>
          </cell>
          <cell r="AC2968">
            <v>46</v>
          </cell>
          <cell r="AD2968" t="str">
            <v/>
          </cell>
          <cell r="AE2968" t="str">
            <v>１；２；３；４；</v>
          </cell>
          <cell r="AF2968" t="str">
            <v>全省統一資格、都市再生機構、阪神道路公団、兵庫県、神戸市、西宮市、芦屋市、宝塚市、尼崎市等競争入札参加資格を得、庁舎建物の清掃及びビル、マンション管理、日常・定期清掃、管理員業務、廃棄物処理業務、廃棄物処理業務、横断旗等管理業務をしています。</v>
          </cell>
        </row>
        <row r="2969">
          <cell r="B2969">
            <v>11808</v>
          </cell>
          <cell r="C2969" t="str">
            <v>(株)武揚堂</v>
          </cell>
          <cell r="D2969" t="str">
            <v>06-6941-4911</v>
          </cell>
          <cell r="E2969" t="str">
            <v>540-0026</v>
          </cell>
          <cell r="F2969" t="str">
            <v>大阪府大阪市中央区内本町1-2-13</v>
          </cell>
          <cell r="G2969" t="str">
            <v>大阪市</v>
          </cell>
          <cell r="H2969" t="str">
            <v>大阪支店</v>
          </cell>
          <cell r="I2969" t="str">
            <v>支店長 中石　正一</v>
          </cell>
          <cell r="J2969" t="str">
            <v>東京都</v>
          </cell>
          <cell r="K2969" t="str">
            <v>06-6941-3588</v>
          </cell>
          <cell r="L2969" t="str">
            <v>osaka@buyodo.co.jp</v>
          </cell>
          <cell r="M2969" t="str">
            <v>ﾌﾞﾖｳﾄﾞｳ</v>
          </cell>
          <cell r="N2969" t="str">
            <v>有</v>
          </cell>
          <cell r="O2969">
            <v>81</v>
          </cell>
          <cell r="P2969">
            <v>79</v>
          </cell>
          <cell r="Q2969">
            <v>6010001055739</v>
          </cell>
          <cell r="R2969">
            <v>40000</v>
          </cell>
          <cell r="S2969">
            <v>170265</v>
          </cell>
          <cell r="T2969">
            <v>1143157</v>
          </cell>
          <cell r="V2969" t="str">
            <v>wp175380</v>
          </cell>
          <cell r="W2969" t="str">
            <v>ut118139</v>
          </cell>
          <cell r="Y2969" t="str">
            <v>058，58，66，72，73，</v>
          </cell>
          <cell r="Z2969">
            <v>72</v>
          </cell>
          <cell r="AA2969">
            <v>73</v>
          </cell>
          <cell r="AB2969">
            <v>66</v>
          </cell>
          <cell r="AC2969">
            <v>58</v>
          </cell>
          <cell r="AD2969" t="str">
            <v>ＧＩＳ関係の調査・分析、地理情報調査（観光資源調査、各種施設の現況調査）</v>
          </cell>
          <cell r="AE2969" t="str">
            <v>１；◎各種地図調製・地図印刷　◎空中写真・航空写真撮影、オルソ画像処理２；一般印刷（パンフレット、リーフレット、ポスター、チラシ等企画デザイン製作）３；各種パネル、地図看板等企画製作４；地理情報システム開発（地図アプリ等）</v>
          </cell>
          <cell r="AF2969" t="str">
            <v>◎地図調製・地図印刷（ガイドマップ、防災マップ、管内図、道路網図、その他各種主題図作成）　◎観光マップ・パンフレット、ハイキング・ウォーキングマップ等の現地調査・写真撮影・企画製作（英語・韓国語・中国語（繁体字・簡体字）版等の実績あり）</v>
          </cell>
        </row>
        <row r="2970">
          <cell r="B2970">
            <v>11815</v>
          </cell>
          <cell r="C2970" t="str">
            <v>株式会社ジャパンメディカルネットワーク</v>
          </cell>
          <cell r="D2970" t="str">
            <v>072-224-3435</v>
          </cell>
          <cell r="E2970" t="str">
            <v>590-0959</v>
          </cell>
          <cell r="F2970" t="str">
            <v>大阪府堺市堺区大町西1丁1番20号</v>
          </cell>
          <cell r="G2970" t="str">
            <v/>
          </cell>
          <cell r="H2970" t="str">
            <v/>
          </cell>
          <cell r="I2970" t="str">
            <v>代表取締役　 西上　裕之</v>
          </cell>
          <cell r="J2970" t="str">
            <v>本店</v>
          </cell>
          <cell r="K2970" t="str">
            <v>072-224-3436</v>
          </cell>
          <cell r="L2970" t="str">
            <v>imn2010@wit.ocn.ne.jp</v>
          </cell>
          <cell r="M2970" t="str">
            <v>ｶﾌﾞｼｷｶｲｼﾔｼﾞﾔﾊﾟﾝﾒﾃﾞｲｶﾙﾈﾂﾄﾜ-ｸ</v>
          </cell>
          <cell r="N2970" t="str">
            <v>無</v>
          </cell>
          <cell r="O2970">
            <v>30</v>
          </cell>
          <cell r="P2970">
            <v>32</v>
          </cell>
          <cell r="Q2970">
            <v>8120100000000</v>
          </cell>
          <cell r="R2970">
            <v>10000</v>
          </cell>
          <cell r="S2970">
            <v>-4623</v>
          </cell>
          <cell r="T2970">
            <v>72539</v>
          </cell>
          <cell r="V2970" t="str">
            <v>aq834578</v>
          </cell>
          <cell r="W2970" t="str">
            <v>qz196719</v>
          </cell>
          <cell r="Y2970" t="str">
            <v/>
          </cell>
          <cell r="Z2970" t="str">
            <v/>
          </cell>
          <cell r="AA2970" t="str">
            <v/>
          </cell>
          <cell r="AB2970" t="str">
            <v/>
          </cell>
          <cell r="AC2970" t="str">
            <v/>
          </cell>
          <cell r="AD2970" t="str">
            <v/>
          </cell>
          <cell r="AE2970" t="str">
            <v>１；２；生活保護法、国民健康保険法に係るレセプト点検３；４；</v>
          </cell>
          <cell r="AF2970" t="str">
            <v>医療保険を取り巻く情報を活用しデータ分析、レセプト点検。データヘルス、メンタルヘルス、疾病予測等の得意分野を効率的に事業を提供する</v>
          </cell>
        </row>
        <row r="2971">
          <cell r="B2971">
            <v>11822</v>
          </cell>
          <cell r="C2971" t="str">
            <v>Ｈｏｂｂｉｔ</v>
          </cell>
          <cell r="D2971" t="str">
            <v>06-6437-2416</v>
          </cell>
          <cell r="E2971" t="str">
            <v>141-0031</v>
          </cell>
          <cell r="F2971" t="str">
            <v>兵庫県尼崎市南武庫之荘2-22-14</v>
          </cell>
          <cell r="G2971" t="str">
            <v>尼崎市</v>
          </cell>
          <cell r="H2971" t="str">
            <v/>
          </cell>
          <cell r="I2971" t="str">
            <v>樋口　 久子</v>
          </cell>
          <cell r="J2971" t="str">
            <v>本店</v>
          </cell>
          <cell r="K2971" t="str">
            <v>06-6437-2416</v>
          </cell>
          <cell r="L2971" t="str">
            <v>hobbit@d8.dion.ne.jp</v>
          </cell>
          <cell r="M2971" t="str">
            <v>ﾎﾋﾞﾂﾄ</v>
          </cell>
          <cell r="N2971" t="str">
            <v>無</v>
          </cell>
          <cell r="O2971">
            <v>43</v>
          </cell>
          <cell r="P2971">
            <v>2</v>
          </cell>
          <cell r="Q2971" t="str">
            <v/>
          </cell>
          <cell r="R2971" t="str">
            <v/>
          </cell>
          <cell r="S2971">
            <v>3267</v>
          </cell>
          <cell r="T2971">
            <v>35842</v>
          </cell>
          <cell r="V2971" t="str">
            <v>ab112148</v>
          </cell>
          <cell r="W2971" t="str">
            <v>ｒu179199</v>
          </cell>
          <cell r="Y2971" t="str">
            <v>12.13.80</v>
          </cell>
          <cell r="Z2971">
            <v>12</v>
          </cell>
          <cell r="AA2971">
            <v>13</v>
          </cell>
          <cell r="AB2971">
            <v>80</v>
          </cell>
          <cell r="AC2971" t="str">
            <v/>
          </cell>
          <cell r="AD2971" t="str">
            <v/>
          </cell>
          <cell r="AE2971" t="str">
            <v>１；２；保育室用木製家具・遊具・玩具類〔仕入先・（株）エルフ・（株）アトリエニキティキ・（株）ブラザージョルダン他〕３；児童図書・保育専門書〔仕入先・子どもの文化普及協会・エイデル研究所〕４；ＨＡＧＳ社オリジナル園庭遊具〔仕入先・（株）アネビー〕</v>
          </cell>
          <cell r="AF2971" t="str">
            <v>幼稚園・保育所・子育てセンター等へ保育室用木製家具・備品・玩具類を後日の部品補充等にも対応しつつ販売を行っている。子ども達にこそ本物を与えるべきだとの考えから、取扱品の殆どは、幼児教育の発達したヨーロッパ諸国からの輸入品となっており、耐久性、安全性に優れている事が最大の特徴です。</v>
          </cell>
        </row>
        <row r="2972">
          <cell r="B2972">
            <v>11825</v>
          </cell>
          <cell r="C2972" t="str">
            <v>(株)内藤ハウス</v>
          </cell>
          <cell r="D2972" t="str">
            <v>06-6941-7110</v>
          </cell>
          <cell r="E2972" t="str">
            <v>540-0031</v>
          </cell>
          <cell r="F2972" t="str">
            <v>大阪府大阪市中央区北浜東2-16 日刊工業新聞社ﾋﾞﾙ7階</v>
          </cell>
          <cell r="G2972" t="str">
            <v>大阪市</v>
          </cell>
          <cell r="H2972" t="str">
            <v>大阪支店</v>
          </cell>
          <cell r="I2972" t="str">
            <v>執行役員支店長　 古澤　一也</v>
          </cell>
          <cell r="J2972" t="str">
            <v>山梨県韮崎市</v>
          </cell>
          <cell r="K2972" t="str">
            <v>06-6941-7111</v>
          </cell>
          <cell r="L2972" t="str">
            <v>olib@naitohouse.co.jp</v>
          </cell>
          <cell r="M2972" t="str">
            <v>ﾅｲﾄｳﾊｳｽ</v>
          </cell>
          <cell r="N2972" t="str">
            <v>有</v>
          </cell>
          <cell r="O2972">
            <v>47</v>
          </cell>
          <cell r="P2972">
            <v>293</v>
          </cell>
          <cell r="Q2972">
            <v>8090000000000</v>
          </cell>
          <cell r="R2972">
            <v>100000</v>
          </cell>
          <cell r="S2972">
            <v>25389148</v>
          </cell>
          <cell r="T2972">
            <v>22471895</v>
          </cell>
          <cell r="V2972" t="str">
            <v>nj763844</v>
          </cell>
          <cell r="W2972" t="str">
            <v>xh156399</v>
          </cell>
          <cell r="Y2972">
            <v>44</v>
          </cell>
          <cell r="Z2972" t="str">
            <v/>
          </cell>
          <cell r="AA2972" t="str">
            <v/>
          </cell>
          <cell r="AB2972" t="str">
            <v/>
          </cell>
          <cell r="AC2972" t="str">
            <v/>
          </cell>
          <cell r="AD2972" t="str">
            <v/>
          </cell>
          <cell r="AE2972" t="str">
            <v>１；２；仮設建物リース・レンタル３；４；</v>
          </cell>
          <cell r="AF2972" t="str">
            <v>プレハブハウスの総合メーカーで、特に学校施設関係の施工実績が多い。また、災害復旧関連では、仮設住宅や仮設校舎、仮庁舎などにも対応できる。</v>
          </cell>
        </row>
        <row r="2973">
          <cell r="B2973">
            <v>11831</v>
          </cell>
          <cell r="C2973" t="str">
            <v>エヌ・ティ・ティ・スマートコネクト(株)</v>
          </cell>
          <cell r="D2973" t="str">
            <v>06-6147-5091</v>
          </cell>
          <cell r="E2973" t="str">
            <v>530-0011</v>
          </cell>
          <cell r="F2973" t="str">
            <v>大阪府大阪市北区大深町3-1</v>
          </cell>
          <cell r="G2973" t="str">
            <v>大阪市</v>
          </cell>
          <cell r="H2973" t="str">
            <v/>
          </cell>
          <cell r="I2973" t="str">
            <v>代表取締役 秋山　修二</v>
          </cell>
          <cell r="J2973" t="str">
            <v>本店</v>
          </cell>
          <cell r="K2973" t="str">
            <v>06-6376-3572</v>
          </cell>
          <cell r="L2973" t="str">
            <v>nss_work@nttsmc.com</v>
          </cell>
          <cell r="M2973" t="str">
            <v>ｴﾇﾃｨﾃｨｽﾏｰﾄｺﾈｸﾄ</v>
          </cell>
          <cell r="N2973" t="str">
            <v>無</v>
          </cell>
          <cell r="O2973">
            <v>18</v>
          </cell>
          <cell r="P2973">
            <v>155</v>
          </cell>
          <cell r="Q2973">
            <v>2120001094795</v>
          </cell>
          <cell r="R2973">
            <v>100000</v>
          </cell>
          <cell r="S2973">
            <v>2480039</v>
          </cell>
          <cell r="T2973">
            <v>7504322</v>
          </cell>
          <cell r="V2973" t="str">
            <v>uw537212</v>
          </cell>
          <cell r="W2973" t="str">
            <v>hf139973</v>
          </cell>
          <cell r="Y2973" t="str">
            <v>58，</v>
          </cell>
          <cell r="Z2973" t="str">
            <v/>
          </cell>
          <cell r="AA2973" t="str">
            <v/>
          </cell>
          <cell r="AB2973" t="str">
            <v/>
          </cell>
          <cell r="AC2973" t="str">
            <v/>
          </cell>
          <cell r="AD2973" t="str">
            <v/>
          </cell>
          <cell r="AE2973" t="str">
            <v>１；クラウドサービス、ハウジングサービス、ホスティングサービス、ストリーミングサービス２；３；４；</v>
          </cell>
          <cell r="AF2973" t="str">
            <v>クラウドサービス、ハウジングサービス、ホスティングサービス、ストリーミングサービス</v>
          </cell>
        </row>
        <row r="2974">
          <cell r="B2974">
            <v>11837</v>
          </cell>
          <cell r="C2974" t="str">
            <v>(株)気象工学研究所</v>
          </cell>
          <cell r="D2974" t="str">
            <v>06-6441-1022</v>
          </cell>
          <cell r="E2974" t="str">
            <v>530-0001</v>
          </cell>
          <cell r="F2974" t="str">
            <v>大阪府大阪市西区京町堀1-8-5</v>
          </cell>
          <cell r="G2974" t="str">
            <v>大阪市</v>
          </cell>
          <cell r="H2974" t="str">
            <v/>
          </cell>
          <cell r="I2974" t="str">
            <v>代表取締役社長　 小久保　鉄也</v>
          </cell>
          <cell r="J2974" t="str">
            <v>本店</v>
          </cell>
          <cell r="K2974" t="str">
            <v>06-6441-1050</v>
          </cell>
          <cell r="L2974" t="str">
            <v>mec.eigyou@meci.jp</v>
          </cell>
          <cell r="M2974" t="str">
            <v>ｷｼﾖｳｺｳｶﾞｸｹﾝｷﾕｳｼﾖ</v>
          </cell>
          <cell r="N2974" t="str">
            <v>無</v>
          </cell>
          <cell r="O2974">
            <v>14</v>
          </cell>
          <cell r="P2974">
            <v>40</v>
          </cell>
          <cell r="Q2974">
            <v>4120000000000</v>
          </cell>
          <cell r="R2974">
            <v>10000</v>
          </cell>
          <cell r="S2974">
            <v>489670</v>
          </cell>
          <cell r="T2974">
            <v>579058</v>
          </cell>
          <cell r="V2974" t="str">
            <v>ar670165</v>
          </cell>
          <cell r="W2974" t="str">
            <v>lf157963</v>
          </cell>
          <cell r="Y2974" t="str">
            <v>36.38.41.42.44.57.58.80</v>
          </cell>
          <cell r="Z2974">
            <v>58</v>
          </cell>
          <cell r="AA2974">
            <v>80</v>
          </cell>
          <cell r="AB2974">
            <v>57</v>
          </cell>
          <cell r="AC2974">
            <v>44</v>
          </cell>
          <cell r="AD2974" t="str">
            <v/>
          </cell>
          <cell r="AE2974" t="str">
            <v>１；２；災害監視カメラシステムやＡＳＰ安否確認システム等の防災気象関連システムの開発・保守・運用３；気象予報士による防災気象予測・解析や防災気象コンサルティング４；防災気象情報提供</v>
          </cell>
          <cell r="AF2974" t="str">
            <v>気象予報士による防災・気象予測情報提供や土砂流出による通行規制基準に関すること、また、流出予測システムや河川氾濫・土砂流出・道路冠水監視システム、ＡＳＰサービス等の実績を活用して、災害につよいまちづくりのお手伝いに貢献します。</v>
          </cell>
        </row>
        <row r="2975">
          <cell r="B2975">
            <v>11839</v>
          </cell>
          <cell r="C2975" t="str">
            <v>(株)ウォーターエージェンシー</v>
          </cell>
          <cell r="D2975" t="str">
            <v>06-6386-9701</v>
          </cell>
          <cell r="E2975" t="str">
            <v>564-0052</v>
          </cell>
          <cell r="F2975" t="str">
            <v>大阪府吹田市広芝町10-28</v>
          </cell>
          <cell r="G2975" t="str">
            <v>吹田市</v>
          </cell>
          <cell r="H2975" t="str">
            <v>大阪営業所</v>
          </cell>
          <cell r="I2975" t="str">
            <v>営業所長 深水　正孝</v>
          </cell>
          <cell r="J2975" t="str">
            <v>東京都</v>
          </cell>
          <cell r="K2975" t="str">
            <v>06-6386-9703</v>
          </cell>
          <cell r="L2975" t="str">
            <v>osaka@water-agency.com</v>
          </cell>
          <cell r="M2975" t="str">
            <v>ｳｫｰﾀｰｴｰｼﾞｪﾝｼｰ</v>
          </cell>
          <cell r="N2975" t="str">
            <v>有</v>
          </cell>
          <cell r="O2975">
            <v>61</v>
          </cell>
          <cell r="P2975">
            <v>2910</v>
          </cell>
          <cell r="Q2975">
            <v>5011101016763</v>
          </cell>
          <cell r="R2975">
            <v>200000</v>
          </cell>
          <cell r="S2975">
            <v>1687116</v>
          </cell>
          <cell r="T2975">
            <v>57727584</v>
          </cell>
          <cell r="V2975" t="str">
            <v>vm460921</v>
          </cell>
          <cell r="W2975" t="str">
            <v>nv179369</v>
          </cell>
          <cell r="Y2975" t="str">
            <v>080，42，47，48，</v>
          </cell>
          <cell r="Z2975">
            <v>48</v>
          </cell>
          <cell r="AA2975">
            <v>47</v>
          </cell>
          <cell r="AB2975">
            <v>42</v>
          </cell>
          <cell r="AC2975">
            <v>80</v>
          </cell>
          <cell r="AD2975" t="str">
            <v/>
          </cell>
          <cell r="AE2975" t="str">
            <v>１；上下水道施設・ごみ処理施設の運転管理　下水道処理施設維持管理業者登録２；上下水道施設・ごみ処理施設の運転管理　下水道処理施設維持管理業者登録３；水位計、流量計（代）、自動水質測定装置（代）４；水処理関連機器機材の販売</v>
          </cell>
          <cell r="AF2975" t="str">
            <v>弊社は下水道処理施設・上水道処理施設運転維持管理業を主要業務とする企業です。創業以来５０年以上に渡る維持管理の経験を生かしました施設の改良改造工事を得意としております。</v>
          </cell>
        </row>
        <row r="2976">
          <cell r="B2976">
            <v>11841</v>
          </cell>
          <cell r="C2976" t="str">
            <v>(株)公園マネジメント研究所</v>
          </cell>
          <cell r="D2976" t="str">
            <v>06-6947-6522</v>
          </cell>
          <cell r="E2976" t="str">
            <v>540-0012</v>
          </cell>
          <cell r="F2976" t="str">
            <v>大阪府大阪市中央区谷町2-2-22</v>
          </cell>
          <cell r="G2976" t="str">
            <v>大阪市</v>
          </cell>
          <cell r="H2976" t="str">
            <v/>
          </cell>
          <cell r="I2976" t="str">
            <v>代表取締役 小野　隆</v>
          </cell>
          <cell r="J2976" t="str">
            <v>本店</v>
          </cell>
          <cell r="K2976" t="str">
            <v>06-6947-6523</v>
          </cell>
          <cell r="L2976" t="str">
            <v>pml@go-park.net</v>
          </cell>
          <cell r="M2976" t="str">
            <v>ｺｳｴﾝﾏﾈｼﾞﾒﾝﾄｹﾝｷｭｳｼｮ</v>
          </cell>
          <cell r="N2976" t="str">
            <v>無</v>
          </cell>
          <cell r="O2976">
            <v>12</v>
          </cell>
          <cell r="P2976">
            <v>13</v>
          </cell>
          <cell r="Q2976">
            <v>3120001128131</v>
          </cell>
          <cell r="R2976">
            <v>10000</v>
          </cell>
          <cell r="S2976">
            <v>4838</v>
          </cell>
          <cell r="T2976">
            <v>60144</v>
          </cell>
          <cell r="V2976" t="str">
            <v>uk844653</v>
          </cell>
          <cell r="W2976" t="str">
            <v>ri140111</v>
          </cell>
          <cell r="Y2976" t="str">
            <v>063，57，58，63，77，</v>
          </cell>
          <cell r="Z2976">
            <v>58</v>
          </cell>
          <cell r="AA2976">
            <v>57</v>
          </cell>
          <cell r="AB2976">
            <v>77</v>
          </cell>
          <cell r="AC2976">
            <v>63</v>
          </cell>
          <cell r="AD2976" t="str">
            <v/>
          </cell>
          <cell r="AE2976" t="str">
            <v>１；公園管理・運営のためのクラウド型システムの開発と運用。スマートフォンを利用して公園管理情報を記録するアプリの開発。ホームページ作成。２；公園台帳情報を整理しデータ化する。公園地図入力作業。各種、データ入力。３；各種アンケート調査。４；公園を活用した健康サービス産業の集積のためのイベント開催。市民参加の健康促進イベント開催（スロージョギング等）</v>
          </cell>
          <cell r="AF2976" t="str">
            <v>公園マネジメントに関するコンサルテーション事業。主に公園の管理・運営・方針等のマネジメントを得意とする。公園管理・運営のためのクラウド型システムの開発と運用。また公園管理アプリの開発。公園台帳情報を整理しデータ化します。</v>
          </cell>
        </row>
        <row r="2977">
          <cell r="B2977">
            <v>11843</v>
          </cell>
          <cell r="C2977" t="str">
            <v>(株)関西衛生工業所</v>
          </cell>
          <cell r="D2977" t="str">
            <v>072-777-6966</v>
          </cell>
          <cell r="E2977" t="str">
            <v>664-0839</v>
          </cell>
          <cell r="F2977" t="str">
            <v>兵庫県伊丹市桑津1-1-12</v>
          </cell>
          <cell r="G2977" t="str">
            <v>伊丹市</v>
          </cell>
          <cell r="H2977" t="str">
            <v/>
          </cell>
          <cell r="I2977" t="str">
            <v>代表取締役 鈴木　みどり</v>
          </cell>
          <cell r="J2977" t="str">
            <v>本店</v>
          </cell>
          <cell r="K2977" t="str">
            <v>072-785-2832</v>
          </cell>
          <cell r="L2977" t="str">
            <v>kansaieisei@yahoo.co.jp</v>
          </cell>
          <cell r="M2977" t="str">
            <v>ｶﾝｻｲｴｲｾｲｺｳｷﾞｮｳｼｮ</v>
          </cell>
          <cell r="N2977" t="str">
            <v>無</v>
          </cell>
          <cell r="O2977">
            <v>33</v>
          </cell>
          <cell r="P2977">
            <v>10</v>
          </cell>
          <cell r="Q2977">
            <v>9140001078187</v>
          </cell>
          <cell r="R2977">
            <v>10000</v>
          </cell>
          <cell r="S2977">
            <v>20511</v>
          </cell>
          <cell r="T2977">
            <v>106710</v>
          </cell>
          <cell r="V2977" t="str">
            <v>at420523</v>
          </cell>
          <cell r="W2977" t="str">
            <v>tv159863</v>
          </cell>
          <cell r="Y2977" t="str">
            <v>055，46，51，55，68，</v>
          </cell>
          <cell r="Z2977">
            <v>51</v>
          </cell>
          <cell r="AA2977">
            <v>46</v>
          </cell>
          <cell r="AB2977">
            <v>68</v>
          </cell>
          <cell r="AC2977">
            <v>55</v>
          </cell>
          <cell r="AD2977" t="str">
            <v>建物保守管理の内、特にし尿処理施設維持管理業務を希望いたします。</v>
          </cell>
          <cell r="AE2977" t="str">
            <v>１；浄化槽保守点検（兵庫県浄化槽保守点検業者登録第２－２７－０６４号）　浄化槽清掃（浄化槽清掃業許可伊丹市指令第１０４号）　貯水槽清掃点検２；し尿処理施設維持管理業務　排水管清掃業務３；一般廃棄物収集運搬業（廃棄物処理業許可　伊丹市許可指令第４号）　産業廃棄物収集運搬業（兵庫県許可第０２８０３１６１７６２号）４；</v>
          </cell>
          <cell r="AF2977" t="str">
            <v>当社は、一般廃棄物処理業及び浄化槽維持管理業者として創業から４５年一貫して伊丹市内で営業して参りました。産業廃棄物収集運搬や貯水槽（貯衛士常勤）・排水管（産業洗浄技能士常勤）の清掃・維持管理業業務も鉄道会社・百貨店・他市行政機関等から受注し豊富な経験実績がございます。</v>
          </cell>
        </row>
        <row r="2978">
          <cell r="B2978">
            <v>11844</v>
          </cell>
          <cell r="C2978" t="str">
            <v>第一工業(株)</v>
          </cell>
          <cell r="D2978" t="str">
            <v>06-6384-2915</v>
          </cell>
          <cell r="E2978" t="str">
            <v>564-0063</v>
          </cell>
          <cell r="F2978" t="str">
            <v>大阪府吹田市江坂町1-12-1</v>
          </cell>
          <cell r="G2978" t="str">
            <v>吹田市</v>
          </cell>
          <cell r="H2978" t="str">
            <v>大阪営業所</v>
          </cell>
          <cell r="I2978" t="str">
            <v>所長 保田　剛</v>
          </cell>
          <cell r="J2978" t="str">
            <v>静岡県浜松市</v>
          </cell>
          <cell r="K2978" t="str">
            <v>06-6384-3052</v>
          </cell>
          <cell r="L2978" t="str">
            <v>j-osaka@daiichikogyo.co.jp</v>
          </cell>
          <cell r="M2978" t="str">
            <v>ﾀﾞｲｲﾁｺｳｷﾞｮｳ</v>
          </cell>
          <cell r="N2978" t="str">
            <v>有</v>
          </cell>
          <cell r="O2978">
            <v>71</v>
          </cell>
          <cell r="P2978">
            <v>479</v>
          </cell>
          <cell r="Q2978">
            <v>5080401002814</v>
          </cell>
          <cell r="R2978">
            <v>200000</v>
          </cell>
          <cell r="S2978">
            <v>5628404</v>
          </cell>
          <cell r="T2978">
            <v>22447044</v>
          </cell>
          <cell r="V2978" t="str">
            <v>hd721623</v>
          </cell>
          <cell r="W2978" t="str">
            <v>ｒe139963</v>
          </cell>
          <cell r="Y2978" t="str">
            <v>12，14，27，</v>
          </cell>
          <cell r="Z2978">
            <v>14</v>
          </cell>
          <cell r="AA2978">
            <v>27</v>
          </cell>
          <cell r="AB2978" t="str">
            <v/>
          </cell>
          <cell r="AC2978" t="str">
            <v/>
          </cell>
          <cell r="AD2978" t="str">
            <v/>
          </cell>
          <cell r="AE2978" t="str">
            <v>１；児童生徒用机椅子、美術机、音楽机、配膳台、教卓、特別支援学級用机イス、スツール、事務机、会議テーブル（自社製造）　ひな段（（株）ニード）　テント（（有）埼玉通商）　２；木製書架、工作台、実験台、調理台、演台、花台（自社製造）３；４；</v>
          </cell>
          <cell r="AF2978" t="str">
            <v>学校・教育機関向け家具全般。主に児童用・生徒用机・椅子。スチール製家具、配膳台、教卓。木製家具、工作台、実験台、調理台、書架、閲覧テーブル、木製イス、演台、花台。その他備品、テント、ひな段、折畳みイス、マット等。</v>
          </cell>
        </row>
        <row r="2979">
          <cell r="B2979">
            <v>11845</v>
          </cell>
          <cell r="C2979" t="str">
            <v>(有)立脇商店</v>
          </cell>
          <cell r="D2979" t="str">
            <v>078-682-9122</v>
          </cell>
          <cell r="E2979" t="str">
            <v>653-0033</v>
          </cell>
          <cell r="F2979" t="str">
            <v>兵庫県神戸市長田区苅藻島町1-1-51</v>
          </cell>
          <cell r="G2979" t="str">
            <v>神戸市</v>
          </cell>
          <cell r="H2979" t="str">
            <v/>
          </cell>
          <cell r="I2979" t="str">
            <v>代表取締役 堀川　博子</v>
          </cell>
          <cell r="J2979" t="str">
            <v>本店</v>
          </cell>
          <cell r="K2979" t="str">
            <v>078-682-9121</v>
          </cell>
          <cell r="L2979" t="str">
            <v>h-horikawa@msj.biglobe.ne.jp</v>
          </cell>
          <cell r="M2979" t="str">
            <v>ﾕｳｹﾞﾝｶﾞｲｼｬﾀﾃﾜｷｼｮｳﾃﾝ</v>
          </cell>
          <cell r="N2979" t="str">
            <v>無</v>
          </cell>
          <cell r="O2979">
            <v>29</v>
          </cell>
          <cell r="P2979">
            <v>10</v>
          </cell>
          <cell r="Q2979">
            <v>6140002011711</v>
          </cell>
          <cell r="R2979">
            <v>3000</v>
          </cell>
          <cell r="S2979">
            <v>36585</v>
          </cell>
          <cell r="T2979">
            <v>150607</v>
          </cell>
          <cell r="V2979" t="str">
            <v>nn370342</v>
          </cell>
          <cell r="W2979" t="str">
            <v>qv178399</v>
          </cell>
          <cell r="Y2979" t="str">
            <v>069，67，68，69，</v>
          </cell>
          <cell r="Z2979">
            <v>80</v>
          </cell>
          <cell r="AA2979">
            <v>68</v>
          </cell>
          <cell r="AB2979">
            <v>67</v>
          </cell>
          <cell r="AC2979">
            <v>69</v>
          </cell>
          <cell r="AD2979" t="str">
            <v/>
          </cell>
          <cell r="AE2979" t="str">
            <v>１；機密書類・オフィス古紙処理業務。プライバシーマークや一般貨物自動車運送業の許可も取得し、全ての溶解処理を施し再生紙の原料として再利用いたします。２；産業廃棄物収取運搬業務３；備品等の転送業務、レイアウト変更に伴う備品等の移動作業。４；書類・古物・金属くずの回収及び売払い業務</v>
          </cell>
          <cell r="AF2979" t="str">
            <v>昭和２０年創業時より古紙の収集運搬を生業とし本業に付随し産業廃棄物収集運搬業許可書の取得プライバシーマークの取得一般貨物自動車運送業の許可も取得しました。備品等に移設や組立解体作業も多く依頼頂いておりあらゆる点において柔軟に対応させて頂いております。</v>
          </cell>
        </row>
        <row r="2980">
          <cell r="B2980">
            <v>11846</v>
          </cell>
          <cell r="C2980" t="str">
            <v>ＪＢＣＣ(株)</v>
          </cell>
          <cell r="D2980" t="str">
            <v>06-6350-5001</v>
          </cell>
          <cell r="E2980" t="str">
            <v>532-0003</v>
          </cell>
          <cell r="F2980" t="str">
            <v>大阪府大阪市淀川区宮原3-5-36</v>
          </cell>
          <cell r="G2980" t="str">
            <v>大阪市</v>
          </cell>
          <cell r="H2980" t="str">
            <v>西日本事業部</v>
          </cell>
          <cell r="I2980" t="str">
            <v>執行役員西日本事業部長 北村　誉夫</v>
          </cell>
          <cell r="J2980" t="str">
            <v>東京都</v>
          </cell>
          <cell r="K2980" t="str">
            <v>06-6350-5040</v>
          </cell>
          <cell r="L2980" t="str">
            <v/>
          </cell>
          <cell r="M2980" t="str">
            <v>ｼﾞｪｲﾋﾞｰｼｰｼｰ</v>
          </cell>
          <cell r="N2980" t="str">
            <v>有</v>
          </cell>
          <cell r="O2980">
            <v>30</v>
          </cell>
          <cell r="P2980">
            <v>942</v>
          </cell>
          <cell r="Q2980">
            <v>5010801022245</v>
          </cell>
          <cell r="R2980">
            <v>480000</v>
          </cell>
          <cell r="S2980">
            <v>5707278</v>
          </cell>
          <cell r="T2980">
            <v>40332237</v>
          </cell>
          <cell r="V2980" t="str">
            <v>fd242628</v>
          </cell>
          <cell r="W2980" t="str">
            <v>jd198196</v>
          </cell>
          <cell r="Y2980" t="str">
            <v>36，58，</v>
          </cell>
          <cell r="Z2980">
            <v>36</v>
          </cell>
          <cell r="AA2980">
            <v>58</v>
          </cell>
          <cell r="AB2980" t="str">
            <v/>
          </cell>
          <cell r="AC2980" t="str">
            <v/>
          </cell>
          <cell r="AD2980" t="str">
            <v/>
          </cell>
          <cell r="AE2980" t="str">
            <v>１；日本アイビーエム（特）、レノボジャパン、東芝、ヒューレットパッカード、キヤノン、セイコーエプソン、シスコシステムズ、日本マイクロソフト、３Ｄシステムズ、ＪＢアドバンストテクノロジーほか２；システム開発・保守・運用支援３；４；</v>
          </cell>
          <cell r="AF2980" t="str">
            <v>お客様の課題を解決する統合ソリューションプロバイダーです。長年にわたりお客様と培ってきた豊富な知識と経験、高度なＩＴ技術を活かし、流通・製造・金融・公共公益・医療分野におけるお客様のビジネスの成功・成長に貢献します。</v>
          </cell>
        </row>
        <row r="2981">
          <cell r="B2981">
            <v>11847</v>
          </cell>
          <cell r="C2981" t="str">
            <v>不二電気工事(株)</v>
          </cell>
          <cell r="D2981" t="str">
            <v>06-6431-1131</v>
          </cell>
          <cell r="E2981" t="str">
            <v>661-0035</v>
          </cell>
          <cell r="F2981" t="str">
            <v>兵庫県尼崎市武庫之荘6-24-16</v>
          </cell>
          <cell r="G2981" t="str">
            <v>尼崎市</v>
          </cell>
          <cell r="H2981" t="str">
            <v/>
          </cell>
          <cell r="I2981" t="str">
            <v>代表取締役 藤田　文基</v>
          </cell>
          <cell r="J2981" t="str">
            <v>本店</v>
          </cell>
          <cell r="K2981" t="str">
            <v>06-6431-1425</v>
          </cell>
          <cell r="L2981" t="str">
            <v>hq@fews.co.jp</v>
          </cell>
          <cell r="M2981" t="str">
            <v>ﾌｼﾞﾃﾞﾝｷｺｳｼﾞ</v>
          </cell>
          <cell r="N2981" t="str">
            <v>無</v>
          </cell>
          <cell r="O2981">
            <v>48</v>
          </cell>
          <cell r="P2981">
            <v>28</v>
          </cell>
          <cell r="Q2981">
            <v>4140001051000</v>
          </cell>
          <cell r="R2981">
            <v>50000</v>
          </cell>
          <cell r="S2981">
            <v>99444</v>
          </cell>
          <cell r="T2981">
            <v>849779</v>
          </cell>
          <cell r="V2981" t="str">
            <v>rj674373</v>
          </cell>
          <cell r="W2981" t="str">
            <v>wt191975</v>
          </cell>
          <cell r="Y2981" t="str">
            <v>034，34，35，38，47，</v>
          </cell>
          <cell r="Z2981">
            <v>35</v>
          </cell>
          <cell r="AA2981">
            <v>47</v>
          </cell>
          <cell r="AB2981">
            <v>38</v>
          </cell>
          <cell r="AC2981">
            <v>34</v>
          </cell>
          <cell r="AD2981" t="str">
            <v/>
          </cell>
          <cell r="AE2981" t="str">
            <v>１；ＬＥＤ照明・その他省エネ照明・照明センサー及びそれらの付帯工事２；エネルギーの見える化・コントロールシステム導入及び管理３；火災報知器他防災システム全般の提供・導入４；建材全般・省エネ材料（断熱フィルム他）の提供及び付帯工事</v>
          </cell>
          <cell r="AF2981" t="str">
            <v>一般電気工事及び省エネ・再生可能エネルギー利用関連商品全般の提供及び付帯する設置工事・提案設計、効果検証が可能。</v>
          </cell>
        </row>
        <row r="2982">
          <cell r="B2982">
            <v>11849</v>
          </cell>
          <cell r="C2982" t="str">
            <v>(株)石川コンピュータ・センター</v>
          </cell>
          <cell r="D2982" t="str">
            <v>06-4801-7006</v>
          </cell>
          <cell r="E2982" t="str">
            <v>534-0024</v>
          </cell>
          <cell r="F2982" t="str">
            <v>大阪府大阪市都島区東野田町1-20-5 大阪京橋ﾋﾞﾙﾃﾞｨﾝｸﾞ3F</v>
          </cell>
          <cell r="G2982" t="str">
            <v>大阪市</v>
          </cell>
          <cell r="H2982" t="str">
            <v>大阪支店</v>
          </cell>
          <cell r="I2982" t="str">
            <v>支店長　 大石　裕之</v>
          </cell>
          <cell r="J2982" t="str">
            <v>石川県金沢市</v>
          </cell>
          <cell r="K2982" t="str">
            <v>06-4801-7308</v>
          </cell>
          <cell r="L2982" t="str">
            <v>icc_osaka@po.icc.co.jp</v>
          </cell>
          <cell r="M2982" t="str">
            <v>ｲｼｶﾜｺﾝﾋﾟﾕ-ﾀｾﾝﾀ-ｵｵｻｶｼﾃﾝ</v>
          </cell>
          <cell r="N2982" t="str">
            <v>有</v>
          </cell>
          <cell r="O2982">
            <v>46</v>
          </cell>
          <cell r="P2982">
            <v>407</v>
          </cell>
          <cell r="Q2982">
            <v>3220000000000</v>
          </cell>
          <cell r="R2982">
            <v>222000</v>
          </cell>
          <cell r="S2982">
            <v>3574503</v>
          </cell>
          <cell r="T2982">
            <v>11210534</v>
          </cell>
          <cell r="V2982" t="str">
            <v>hb128288</v>
          </cell>
          <cell r="W2982" t="str">
            <v>wa186981</v>
          </cell>
          <cell r="Y2982" t="str">
            <v>36.57.58</v>
          </cell>
          <cell r="Z2982" t="str">
            <v/>
          </cell>
          <cell r="AA2982" t="str">
            <v/>
          </cell>
          <cell r="AB2982" t="str">
            <v/>
          </cell>
          <cell r="AC2982" t="str">
            <v/>
          </cell>
          <cell r="AD2982" t="str">
            <v/>
          </cell>
          <cell r="AE2982" t="str">
            <v>１；２；３；４；</v>
          </cell>
          <cell r="AF2982" t="str">
            <v>ソフトウェア開発、システム構築・保守、電算処理、パソコン、プリンター、ＯＡサプライ用品</v>
          </cell>
        </row>
        <row r="2983">
          <cell r="B2983">
            <v>11850</v>
          </cell>
          <cell r="C2983" t="str">
            <v>(株)アイティフォー</v>
          </cell>
          <cell r="D2983" t="str">
            <v>03-5275-7841</v>
          </cell>
          <cell r="E2983" t="str">
            <v>102-0082</v>
          </cell>
          <cell r="F2983" t="str">
            <v>東京都千代田区一番町21番地</v>
          </cell>
          <cell r="G2983" t="str">
            <v>東京都</v>
          </cell>
          <cell r="H2983" t="str">
            <v/>
          </cell>
          <cell r="I2983" t="str">
            <v>代表取締役 佐藤　恒徳</v>
          </cell>
          <cell r="J2983" t="str">
            <v>本店</v>
          </cell>
          <cell r="K2983" t="str">
            <v>03-5275-7835</v>
          </cell>
          <cell r="L2983" t="str">
            <v>nyusatsu@itfor.co.jp</v>
          </cell>
          <cell r="M2983" t="str">
            <v>ｱｲﾃｨﾌｫｰ</v>
          </cell>
          <cell r="N2983" t="str">
            <v>無</v>
          </cell>
          <cell r="O2983">
            <v>59</v>
          </cell>
          <cell r="P2983">
            <v>522</v>
          </cell>
          <cell r="Q2983">
            <v>3010001022865</v>
          </cell>
          <cell r="R2983">
            <v>1124669</v>
          </cell>
          <cell r="S2983">
            <v>12103329</v>
          </cell>
          <cell r="T2983">
            <v>10749341</v>
          </cell>
          <cell r="V2983" t="str">
            <v>bq213453</v>
          </cell>
          <cell r="W2983" t="str">
            <v>vb166988</v>
          </cell>
          <cell r="Y2983" t="str">
            <v>044，36，44，56，57，58，</v>
          </cell>
          <cell r="Z2983">
            <v>36</v>
          </cell>
          <cell r="AA2983">
            <v>56</v>
          </cell>
          <cell r="AB2983">
            <v>58</v>
          </cell>
          <cell r="AC2983">
            <v>44</v>
          </cell>
          <cell r="AD2983" t="str">
            <v/>
          </cell>
          <cell r="AE2983" t="str">
            <v>１；日本ヒューレットパッカード富士通日本電気日本ＩＢＭ２；一般労働者派遣事業許可証３；自治体向けパッケージシステムの提供とカスタマイズ４；ＯＡ機器サーバパソコンＯＡ周辺機器</v>
          </cell>
          <cell r="AF2983" t="str">
            <v>自治体向け電話催告システム、滞納整理システムの提供、給食費管理・就学援助・就園奨励・学齢簿管理システムなどの学務支援システムの販売、運用、支援、保守を一括して提供</v>
          </cell>
        </row>
        <row r="2984">
          <cell r="B2984">
            <v>11852</v>
          </cell>
          <cell r="C2984" t="str">
            <v>(株)ピー・ディーシー</v>
          </cell>
          <cell r="D2984" t="str">
            <v>06-6961-1381</v>
          </cell>
          <cell r="E2984" t="str">
            <v>536-0022</v>
          </cell>
          <cell r="F2984" t="str">
            <v>大阪府大阪市城東区永田3-9-27</v>
          </cell>
          <cell r="G2984" t="str">
            <v>大阪市</v>
          </cell>
          <cell r="H2984" t="str">
            <v/>
          </cell>
          <cell r="I2984" t="str">
            <v>代表取締役 川瀬　博永</v>
          </cell>
          <cell r="J2984" t="str">
            <v>本店</v>
          </cell>
          <cell r="K2984" t="str">
            <v>06-6961-1855</v>
          </cell>
          <cell r="L2984" t="str">
            <v>yamamoto@pdc-paper.co.jp</v>
          </cell>
          <cell r="M2984" t="str">
            <v>ﾋﾟｰ･ﾃﾞｨｰｼｰ</v>
          </cell>
          <cell r="N2984" t="str">
            <v>無</v>
          </cell>
          <cell r="O2984">
            <v>40</v>
          </cell>
          <cell r="P2984">
            <v>39</v>
          </cell>
          <cell r="Q2984">
            <v>4120001013415</v>
          </cell>
          <cell r="R2984">
            <v>15000</v>
          </cell>
          <cell r="S2984">
            <v>362463</v>
          </cell>
          <cell r="T2984">
            <v>1674683</v>
          </cell>
          <cell r="V2984" t="str">
            <v>kf857545</v>
          </cell>
          <cell r="W2984" t="str">
            <v>ta195677</v>
          </cell>
          <cell r="Y2984" t="str">
            <v>15，</v>
          </cell>
          <cell r="Z2984">
            <v>15</v>
          </cell>
          <cell r="AA2984" t="str">
            <v/>
          </cell>
          <cell r="AB2984" t="str">
            <v/>
          </cell>
          <cell r="AC2984" t="str">
            <v/>
          </cell>
          <cell r="AD2984" t="str">
            <v/>
          </cell>
          <cell r="AE2984" t="str">
            <v>１；感熱ロール紙２；３；４；</v>
          </cell>
          <cell r="AF2984" t="str">
            <v>図書館などでご使用されている感熱ロール紙を製造・販売しております。</v>
          </cell>
        </row>
        <row r="2985">
          <cell r="B2985">
            <v>11854</v>
          </cell>
          <cell r="C2985" t="str">
            <v>(株)アクアテック</v>
          </cell>
          <cell r="D2985" t="str">
            <v>0798-67-5752</v>
          </cell>
          <cell r="E2985" t="str">
            <v>662-0834</v>
          </cell>
          <cell r="F2985" t="str">
            <v>兵庫県西宮市南昭和町7-28-103</v>
          </cell>
          <cell r="G2985" t="str">
            <v>西宮市</v>
          </cell>
          <cell r="H2985" t="str">
            <v>関西営業所</v>
          </cell>
          <cell r="I2985" t="str">
            <v>所長 竹本　孝</v>
          </cell>
          <cell r="J2985" t="str">
            <v>岐阜県揖斐郡池田町</v>
          </cell>
          <cell r="K2985" t="str">
            <v>0798-67-5753</v>
          </cell>
          <cell r="L2985" t="str">
            <v>info@aquatech-cp.co.jp</v>
          </cell>
          <cell r="M2985" t="str">
            <v>ｱｸｱﾃｯｸ</v>
          </cell>
          <cell r="N2985" t="str">
            <v>有</v>
          </cell>
          <cell r="O2985">
            <v>8</v>
          </cell>
          <cell r="P2985">
            <v>5</v>
          </cell>
          <cell r="Q2985">
            <v>1200001017047</v>
          </cell>
          <cell r="R2985">
            <v>3000</v>
          </cell>
          <cell r="S2985">
            <v>13881</v>
          </cell>
          <cell r="T2985">
            <v>49915</v>
          </cell>
          <cell r="V2985" t="str">
            <v>vr188983</v>
          </cell>
          <cell r="W2985" t="str">
            <v>qu161971</v>
          </cell>
          <cell r="Y2985" t="str">
            <v>51，79，</v>
          </cell>
          <cell r="Z2985">
            <v>51</v>
          </cell>
          <cell r="AA2985">
            <v>79</v>
          </cell>
          <cell r="AB2985">
            <v>80</v>
          </cell>
          <cell r="AC2985" t="str">
            <v/>
          </cell>
          <cell r="AD2985" t="str">
            <v/>
          </cell>
          <cell r="AE2985" t="str">
            <v>１；上水道施設（配水池・浄水池等）における潜水士・ロボットによる不断水清掃・点検・調査２；上水道管内調査、取水口調査３；上水道施設及び施設設備の修繕４；</v>
          </cell>
          <cell r="AF2985" t="str">
            <v>上水道施設（配水池・浄水池等）における潜水士・ロボットによる不断水清掃・点検・調査・修繕。上水道管内・取水口調査。上水道施設及び施設設備の修繕。</v>
          </cell>
        </row>
        <row r="2986">
          <cell r="B2986">
            <v>11856</v>
          </cell>
          <cell r="C2986" t="str">
            <v>テックス・カンポ(株)</v>
          </cell>
          <cell r="D2986" t="str">
            <v>075-933-1111</v>
          </cell>
          <cell r="E2986" t="str">
            <v>612-8486</v>
          </cell>
          <cell r="F2986" t="str">
            <v>京都府京都市伏見区羽束師古川町243</v>
          </cell>
          <cell r="G2986" t="str">
            <v>京都市</v>
          </cell>
          <cell r="H2986" t="str">
            <v/>
          </cell>
          <cell r="I2986" t="str">
            <v>代表取締役 後藤　宜志</v>
          </cell>
          <cell r="J2986" t="str">
            <v>本店</v>
          </cell>
          <cell r="K2986" t="str">
            <v>075-934-8686</v>
          </cell>
          <cell r="L2986" t="str">
            <v>tecs@campo.co.jp</v>
          </cell>
          <cell r="M2986" t="str">
            <v>ﾃｯｸｽ･ｶﾝﾎﾟｶﾌﾞｼｷｶｲｼｬ</v>
          </cell>
          <cell r="N2986" t="str">
            <v>無</v>
          </cell>
          <cell r="O2986">
            <v>50</v>
          </cell>
          <cell r="P2986">
            <v>25</v>
          </cell>
          <cell r="Q2986">
            <v>6130001029474</v>
          </cell>
          <cell r="R2986">
            <v>10000</v>
          </cell>
          <cell r="S2986">
            <v>229097</v>
          </cell>
          <cell r="T2986">
            <v>437562</v>
          </cell>
          <cell r="V2986" t="str">
            <v>fp140022</v>
          </cell>
          <cell r="W2986" t="str">
            <v>zx155976</v>
          </cell>
          <cell r="Y2986" t="str">
            <v>67，68，</v>
          </cell>
          <cell r="Z2986" t="str">
            <v/>
          </cell>
          <cell r="AA2986" t="str">
            <v/>
          </cell>
          <cell r="AB2986" t="str">
            <v/>
          </cell>
          <cell r="AC2986" t="str">
            <v/>
          </cell>
          <cell r="AD2986" t="str">
            <v/>
          </cell>
          <cell r="AE2986" t="str">
            <v>１；２；３；４；</v>
          </cell>
          <cell r="AF2986" t="str">
            <v>テックス・カンポ株式会社は、カンポグループの一員として、主に京都市内、大津市内の事業系一般廃棄物および産業廃棄物の収集運搬を行っています。産業廃棄物収集運搬では、兵庫県等他府県でも対応致します。</v>
          </cell>
        </row>
        <row r="2987">
          <cell r="B2987">
            <v>11857</v>
          </cell>
          <cell r="C2987" t="str">
            <v>(株)ベネフィット・ワン</v>
          </cell>
          <cell r="D2987" t="str">
            <v>03-6870-3800</v>
          </cell>
          <cell r="E2987" t="str">
            <v>100-0004</v>
          </cell>
          <cell r="F2987" t="str">
            <v>東京都千代田区大手町2-6-2</v>
          </cell>
          <cell r="G2987" t="str">
            <v>東京都</v>
          </cell>
          <cell r="H2987" t="str">
            <v/>
          </cell>
          <cell r="I2987" t="str">
            <v>代表取締役 白石　徳生</v>
          </cell>
          <cell r="J2987" t="str">
            <v>本店</v>
          </cell>
          <cell r="K2987" t="str">
            <v>03-6870-3801</v>
          </cell>
          <cell r="L2987" t="str">
            <v>jichitai_toroku@bohc.co.jp</v>
          </cell>
          <cell r="M2987" t="str">
            <v>ﾍﾞﾈﾌｨｯﾄﾜﾝﾍﾙｽｹｱ</v>
          </cell>
          <cell r="N2987" t="str">
            <v>有</v>
          </cell>
          <cell r="O2987">
            <v>28</v>
          </cell>
          <cell r="P2987">
            <v>158</v>
          </cell>
          <cell r="Q2987">
            <v>4010701025035</v>
          </cell>
          <cell r="R2987">
            <v>215950</v>
          </cell>
          <cell r="S2987">
            <v>1213165</v>
          </cell>
          <cell r="T2987">
            <v>7138577</v>
          </cell>
          <cell r="V2987" t="str">
            <v>pg469563</v>
          </cell>
          <cell r="W2987" t="str">
            <v>el153698</v>
          </cell>
          <cell r="Y2987" t="str">
            <v>39，</v>
          </cell>
          <cell r="Z2987">
            <v>80</v>
          </cell>
          <cell r="AA2987">
            <v>39</v>
          </cell>
          <cell r="AB2987" t="str">
            <v/>
          </cell>
          <cell r="AC2987" t="str">
            <v/>
          </cell>
          <cell r="AD2987" t="str">
            <v/>
          </cell>
          <cell r="AE2987" t="str">
            <v>１；保健指導、健診代行、糖尿病重症化予防、高齢者訪問指導、ストレスチェック、健康ポイント、健康ポータル、保健指導関連商品２；乳がんグラブ、メタボメジャー３；４；</v>
          </cell>
          <cell r="AF2987" t="str">
            <v>保健指導、健診代行、糖尿病重症化予防、高齢者訪問指導、ストレスチェック、健康ポイント、健康ポータル、保健指導関連商品</v>
          </cell>
        </row>
        <row r="2988">
          <cell r="B2988">
            <v>11858</v>
          </cell>
          <cell r="C2988" t="str">
            <v>荏原商事(株)</v>
          </cell>
          <cell r="D2988" t="str">
            <v>06-4805-8261</v>
          </cell>
          <cell r="E2988" t="str">
            <v>532-0011</v>
          </cell>
          <cell r="F2988" t="str">
            <v>大阪府大阪市淀川区西中島5-2-5</v>
          </cell>
          <cell r="G2988" t="str">
            <v>大阪市</v>
          </cell>
          <cell r="H2988" t="str">
            <v>大阪支店</v>
          </cell>
          <cell r="I2988" t="str">
            <v>支店長 鈴木　智尚</v>
          </cell>
          <cell r="J2988" t="str">
            <v>東京都</v>
          </cell>
          <cell r="K2988" t="str">
            <v>06-4805-8265</v>
          </cell>
          <cell r="L2988" t="str">
            <v>n3210@ebasho.co.jp</v>
          </cell>
          <cell r="M2988" t="str">
            <v>ｴﾊﾞﾗｼｮｳｼﾞ</v>
          </cell>
          <cell r="N2988" t="str">
            <v>有</v>
          </cell>
          <cell r="O2988">
            <v>63</v>
          </cell>
          <cell r="P2988">
            <v>506</v>
          </cell>
          <cell r="Q2988">
            <v>2010001062813</v>
          </cell>
          <cell r="R2988">
            <v>200000</v>
          </cell>
          <cell r="S2988">
            <v>6235789</v>
          </cell>
          <cell r="T2988">
            <v>23789726</v>
          </cell>
          <cell r="V2988" t="str">
            <v>jc236027</v>
          </cell>
          <cell r="W2988" t="str">
            <v>si193783</v>
          </cell>
          <cell r="Y2988" t="str">
            <v>038，38，40，47，48，</v>
          </cell>
          <cell r="Z2988">
            <v>48</v>
          </cell>
          <cell r="AA2988">
            <v>47</v>
          </cell>
          <cell r="AB2988">
            <v>40</v>
          </cell>
          <cell r="AC2988">
            <v>38</v>
          </cell>
          <cell r="AD2988" t="str">
            <v/>
          </cell>
          <cell r="AE2988" t="str">
            <v>１；上下水道施設等の配水、排水ポンプ等保守点検２；上下水道施設等の受変電設備、配電設備、計装設備、特殊電源等の保守点検３；上下水道施設等のポンプ、弁、配電盤、発電装置、計装機器、特殊電源装置、（代）株式会社荏原製作所４；消火ポンプ、（代）株式会社荏原製作所</v>
          </cell>
          <cell r="AF2988" t="str">
            <v>上下水道施設の新設・更新工事を特に希望します。中でもポンプ設備、電気設備を得意としております。施工実績も多く安心してお任せいただけるものと思います。また、上下水道施設の保守点検整備の実績も多くございます。</v>
          </cell>
        </row>
        <row r="2989">
          <cell r="B2989">
            <v>11859</v>
          </cell>
          <cell r="C2989" t="str">
            <v>(有)サイシン広告</v>
          </cell>
          <cell r="D2989" t="str">
            <v>0494-24-3995</v>
          </cell>
          <cell r="E2989" t="str">
            <v>369-1871</v>
          </cell>
          <cell r="F2989" t="str">
            <v>埼玉県秩父市下影森4057-11</v>
          </cell>
          <cell r="G2989" t="str">
            <v>秩父市</v>
          </cell>
          <cell r="H2989" t="str">
            <v/>
          </cell>
          <cell r="I2989" t="str">
            <v>代表取締役 岸本　穂</v>
          </cell>
          <cell r="J2989" t="str">
            <v>本店</v>
          </cell>
          <cell r="K2989" t="str">
            <v>0494-24-3982</v>
          </cell>
          <cell r="L2989" t="str">
            <v>info@saisin.net</v>
          </cell>
          <cell r="M2989" t="str">
            <v>ｻｲｼﾝｺｳｺｸ</v>
          </cell>
          <cell r="N2989" t="str">
            <v>無</v>
          </cell>
          <cell r="O2989">
            <v>45</v>
          </cell>
          <cell r="P2989">
            <v>5</v>
          </cell>
          <cell r="Q2989">
            <v>8030002121395</v>
          </cell>
          <cell r="R2989">
            <v>3000</v>
          </cell>
          <cell r="S2989">
            <v>-9765</v>
          </cell>
          <cell r="T2989">
            <v>45157</v>
          </cell>
          <cell r="V2989" t="str">
            <v>tx837323</v>
          </cell>
          <cell r="W2989" t="str">
            <v>dz119591</v>
          </cell>
          <cell r="Y2989" t="str">
            <v>14，65，73，</v>
          </cell>
          <cell r="Z2989">
            <v>14</v>
          </cell>
          <cell r="AA2989">
            <v>73</v>
          </cell>
          <cell r="AB2989">
            <v>65</v>
          </cell>
          <cell r="AC2989" t="str">
            <v/>
          </cell>
          <cell r="AD2989" t="str">
            <v/>
          </cell>
          <cell r="AE2989" t="str">
            <v>１；回覧板、オリジナルファイル、広報綴り、防犯啓発用電話貼付けカード２；パンフレット、チラシ、リーフレット、ポスター等３；印刷物の企画デザイン４；</v>
          </cell>
          <cell r="AF2989" t="str">
            <v>各種啓発用オリジナル・規格回覧板、広報綴り、ファイル、バインダーを取り扱っております。規格回覧板は常時２２種類を取り揃えており、様々な啓発内容のものがございますので、１部からでも購入できます。</v>
          </cell>
        </row>
        <row r="2990">
          <cell r="B2990">
            <v>11861</v>
          </cell>
          <cell r="C2990" t="str">
            <v>(株)ヒューマンアクティベーション</v>
          </cell>
          <cell r="D2990" t="str">
            <v>06-6314-6502</v>
          </cell>
          <cell r="E2990" t="str">
            <v>530-0047</v>
          </cell>
          <cell r="F2990" t="str">
            <v>大阪府大阪市北区西天満5-8-15</v>
          </cell>
          <cell r="G2990" t="str">
            <v>大阪市</v>
          </cell>
          <cell r="H2990" t="str">
            <v/>
          </cell>
          <cell r="I2990" t="str">
            <v>代表取締役 中尾　憲司</v>
          </cell>
          <cell r="J2990" t="str">
            <v>本店</v>
          </cell>
          <cell r="K2990" t="str">
            <v>06-6314-6503</v>
          </cell>
          <cell r="L2990" t="str">
            <v>info@hu-act.com</v>
          </cell>
          <cell r="M2990" t="str">
            <v>ﾋｭｰﾏﾝｱｸﾃｨﾍﾞｰｼｮﾝ</v>
          </cell>
          <cell r="N2990" t="str">
            <v>無</v>
          </cell>
          <cell r="O2990">
            <v>10</v>
          </cell>
          <cell r="P2990">
            <v>11</v>
          </cell>
          <cell r="Q2990">
            <v>6120001129705</v>
          </cell>
          <cell r="R2990">
            <v>3630</v>
          </cell>
          <cell r="S2990" t="str">
            <v/>
          </cell>
          <cell r="T2990">
            <v>56685</v>
          </cell>
          <cell r="V2990" t="str">
            <v>af657793</v>
          </cell>
          <cell r="W2990" t="str">
            <v>tx163198</v>
          </cell>
          <cell r="Y2990" t="str">
            <v>56，58，</v>
          </cell>
          <cell r="Z2990">
            <v>56</v>
          </cell>
          <cell r="AA2990">
            <v>80</v>
          </cell>
          <cell r="AB2990">
            <v>58</v>
          </cell>
          <cell r="AC2990" t="str">
            <v/>
          </cell>
          <cell r="AD2990" t="str">
            <v/>
          </cell>
          <cell r="AE2990" t="str">
            <v>１；研修講師派遣、採用面接官代行２；人事関連コンサルティング業務（人事評価制度構築、採用方法の改善等）３；e-learningソフトウェア開発４；</v>
          </cell>
          <cell r="AF2990" t="str">
            <v>京都の私立大学をはじめとする大学での就職支援・キャリア教育から自治体様・企業様への採用・教育研修サービスを提供しております。サービスをご提供する際は、ニーズヒアリングからコンテンツ作成、実行、アフターフォローまですべてお客様と一緒に創り上げております。</v>
          </cell>
        </row>
        <row r="2991">
          <cell r="B2991">
            <v>11863</v>
          </cell>
          <cell r="C2991" t="str">
            <v>三浦電工(株)</v>
          </cell>
          <cell r="D2991" t="str">
            <v>072-794-1539</v>
          </cell>
          <cell r="E2991" t="str">
            <v>666-0105</v>
          </cell>
          <cell r="F2991" t="str">
            <v>兵庫県川西市見野2-8-18</v>
          </cell>
          <cell r="G2991" t="str">
            <v>川西市</v>
          </cell>
          <cell r="H2991" t="str">
            <v/>
          </cell>
          <cell r="I2991" t="str">
            <v>代表取締役 三浦　雅人</v>
          </cell>
          <cell r="J2991" t="str">
            <v>本店</v>
          </cell>
          <cell r="K2991" t="str">
            <v>072-794-7543</v>
          </cell>
          <cell r="L2991" t="str">
            <v>miuradenkou_@ybb.ne.jp</v>
          </cell>
          <cell r="M2991" t="str">
            <v>ﾐｳﾗﾃﾞﾝｺｳ</v>
          </cell>
          <cell r="N2991" t="str">
            <v>無</v>
          </cell>
          <cell r="O2991">
            <v>19</v>
          </cell>
          <cell r="P2991">
            <v>3</v>
          </cell>
          <cell r="Q2991">
            <v>9140001080894</v>
          </cell>
          <cell r="R2991">
            <v>10000</v>
          </cell>
          <cell r="S2991">
            <v>8155</v>
          </cell>
          <cell r="T2991">
            <v>29246</v>
          </cell>
          <cell r="V2991" t="str">
            <v>un134643</v>
          </cell>
          <cell r="W2991" t="str">
            <v>nf199871</v>
          </cell>
          <cell r="Y2991" t="str">
            <v>049，35，37，38，49，</v>
          </cell>
          <cell r="Z2991">
            <v>35</v>
          </cell>
          <cell r="AA2991">
            <v>38</v>
          </cell>
          <cell r="AB2991">
            <v>37</v>
          </cell>
          <cell r="AC2991">
            <v>49</v>
          </cell>
          <cell r="AD2991" t="str">
            <v>音響設備や時計、コンセントの増設や取替え等修繕工事</v>
          </cell>
          <cell r="AE2991" t="str">
            <v>１；代パナソニック（株）、代三菱電機（株）、代ダイキン工業（株）他２；代パナソニック（株）、代（株）シバウラ、代能美防災（株）、他３；代パナソニック（株）、代（株）ホシザキ、他４；消防設備士（建設業許可　消防施設工事業）</v>
          </cell>
          <cell r="AF2991" t="str">
            <v>太陽光発電等の設備工事から小規模な修繕工事まで対応しています。　家電製品の納品時には電気に関する質問等にもきめ細かく対応しています。</v>
          </cell>
        </row>
        <row r="2992">
          <cell r="B2992">
            <v>11865</v>
          </cell>
          <cell r="C2992" t="str">
            <v>(株)郵宣企画</v>
          </cell>
          <cell r="D2992" t="str">
            <v>06-6305-2376</v>
          </cell>
          <cell r="E2992" t="str">
            <v>532-0011</v>
          </cell>
          <cell r="F2992" t="str">
            <v>大阪府大阪市淀川区西中島4-1-1</v>
          </cell>
          <cell r="G2992" t="str">
            <v>大阪市</v>
          </cell>
          <cell r="H2992" t="str">
            <v/>
          </cell>
          <cell r="I2992" t="str">
            <v>代表取締役 香山　一博</v>
          </cell>
          <cell r="J2992" t="str">
            <v>本店</v>
          </cell>
          <cell r="K2992" t="str">
            <v>06-6305-5389</v>
          </cell>
          <cell r="L2992" t="str">
            <v>webmaster@yusenkikaku.co.jp</v>
          </cell>
          <cell r="M2992" t="str">
            <v>ﾕｳｾﾝｷｶｸ</v>
          </cell>
          <cell r="N2992" t="str">
            <v>無</v>
          </cell>
          <cell r="O2992">
            <v>36</v>
          </cell>
          <cell r="P2992">
            <v>45</v>
          </cell>
          <cell r="Q2992">
            <v>6120001058945</v>
          </cell>
          <cell r="R2992">
            <v>10000</v>
          </cell>
          <cell r="S2992">
            <v>366689</v>
          </cell>
          <cell r="T2992">
            <v>1050039</v>
          </cell>
          <cell r="V2992" t="str">
            <v>wa707028</v>
          </cell>
          <cell r="W2992" t="str">
            <v>ud183365</v>
          </cell>
          <cell r="Y2992" t="str">
            <v>044，14，44，65，73，</v>
          </cell>
          <cell r="Z2992">
            <v>80</v>
          </cell>
          <cell r="AA2992">
            <v>65</v>
          </cell>
          <cell r="AB2992">
            <v>14</v>
          </cell>
          <cell r="AC2992">
            <v>44</v>
          </cell>
          <cell r="AD2992" t="str">
            <v/>
          </cell>
          <cell r="AE2992" t="str">
            <v>１；広告付き物品の提供及びリース２；自治体の窓口で使用する窓口封筒・番号表示機システムの広告作成３；広告付封筒・パンフレット等の提供４；番号表示機システムに関する機器のリース</v>
          </cell>
          <cell r="AF2992" t="str">
            <v>郵便局や地方自治体などで使用・配布される物品を主たる媒体とする広告を取り扱っています。</v>
          </cell>
        </row>
        <row r="2993">
          <cell r="B2993">
            <v>11876</v>
          </cell>
          <cell r="C2993" t="str">
            <v>(株)サンクス・レント</v>
          </cell>
          <cell r="D2993" t="str">
            <v>072-840-0125</v>
          </cell>
          <cell r="E2993" t="str">
            <v>573-1197</v>
          </cell>
          <cell r="F2993" t="str">
            <v>大阪府枚方市禁野本町1-16-1-203</v>
          </cell>
          <cell r="G2993" t="str">
            <v>枚方市</v>
          </cell>
          <cell r="H2993" t="str">
            <v/>
          </cell>
          <cell r="I2993" t="str">
            <v>代表取締役 甘水　幸男</v>
          </cell>
          <cell r="J2993" t="str">
            <v>本店</v>
          </cell>
          <cell r="K2993" t="str">
            <v>072-840-0233</v>
          </cell>
          <cell r="L2993" t="str">
            <v>hosono@thanks-rent.co.jp</v>
          </cell>
          <cell r="M2993" t="str">
            <v>ｻﾝｸｽ･ﾚﾝﾄ</v>
          </cell>
          <cell r="N2993" t="str">
            <v>無</v>
          </cell>
          <cell r="O2993">
            <v>8</v>
          </cell>
          <cell r="P2993">
            <v>11</v>
          </cell>
          <cell r="Q2993">
            <v>2120001154070</v>
          </cell>
          <cell r="R2993">
            <v>10000</v>
          </cell>
          <cell r="S2993">
            <v>20925</v>
          </cell>
          <cell r="T2993">
            <v>217779</v>
          </cell>
          <cell r="V2993" t="str">
            <v>st755782</v>
          </cell>
          <cell r="W2993" t="str">
            <v>wn199118</v>
          </cell>
          <cell r="Y2993" t="str">
            <v>35，44，</v>
          </cell>
          <cell r="Z2993">
            <v>44</v>
          </cell>
          <cell r="AA2993">
            <v>35</v>
          </cell>
          <cell r="AB2993" t="str">
            <v/>
          </cell>
          <cell r="AC2993" t="str">
            <v/>
          </cell>
          <cell r="AD2993" t="str">
            <v/>
          </cell>
          <cell r="AE2993" t="str">
            <v>１；カード式テレビシステム・コインランドリー等の設置運営、ＬＥＤ照明機器の所有権譲渡付レンタル２；ＬＥＤ照明機器の設置販売３；４；</v>
          </cell>
          <cell r="AF2993" t="str">
            <v>弊社は、病院や福祉施設向けにカード式テレビシステム、コインランドリー等の設置運営を含めたレンタルを行っております。また、ＬＥＤ照明機器の所有権譲渡付レンタルも取り扱っております。ＬＥＤ照明機器については、レンタル以外に設置販売も手掛けております。</v>
          </cell>
        </row>
        <row r="2994">
          <cell r="B2994">
            <v>11879</v>
          </cell>
          <cell r="C2994" t="str">
            <v>小西医療器(株)</v>
          </cell>
          <cell r="D2994" t="str">
            <v>06-4805-7350</v>
          </cell>
          <cell r="E2994" t="str">
            <v>532-0031</v>
          </cell>
          <cell r="F2994" t="str">
            <v>大阪府大阪市淀川区加島4-19-68</v>
          </cell>
          <cell r="G2994" t="str">
            <v>大阪市</v>
          </cell>
          <cell r="H2994" t="str">
            <v>大阪営業所</v>
          </cell>
          <cell r="I2994" t="str">
            <v>所長 緒方　健一</v>
          </cell>
          <cell r="J2994" t="str">
            <v>大阪府大阪市</v>
          </cell>
          <cell r="K2994" t="str">
            <v>06-4805-7351</v>
          </cell>
          <cell r="L2994" t="str">
            <v>s_kitaoka@kns-md.co.jp</v>
          </cell>
          <cell r="M2994" t="str">
            <v>ｺﾆｼｲﾘｮｳｷ</v>
          </cell>
          <cell r="N2994" t="str">
            <v>有</v>
          </cell>
          <cell r="O2994">
            <v>72</v>
          </cell>
          <cell r="P2994">
            <v>959</v>
          </cell>
          <cell r="Q2994">
            <v>1120001079483</v>
          </cell>
          <cell r="R2994">
            <v>50000</v>
          </cell>
          <cell r="S2994">
            <v>14146400</v>
          </cell>
          <cell r="T2994">
            <v>85891498</v>
          </cell>
          <cell r="V2994" t="str">
            <v>hj370253</v>
          </cell>
          <cell r="W2994" t="str">
            <v>qi179791</v>
          </cell>
          <cell r="Y2994" t="str">
            <v>9，39，41，78，</v>
          </cell>
          <cell r="Z2994">
            <v>39</v>
          </cell>
          <cell r="AA2994">
            <v>9</v>
          </cell>
          <cell r="AB2994" t="str">
            <v/>
          </cell>
          <cell r="AC2994" t="str">
            <v/>
          </cell>
          <cell r="AD2994" t="str">
            <v/>
          </cell>
          <cell r="AE2994" t="str">
            <v>１；(代）ミズホ（株）、（代）日本メドトロニック（株）、（代）テルモ（株）　他２；(代）ジョンソンエンドジョンソン（株）、（代）スリーエム（株）　他３；４；</v>
          </cell>
          <cell r="AF2994" t="str">
            <v>医療機器総合商社である当社は多様化する医療経営のニーズに対し営業部門と専門チームが相互に連携してサービスを展開。その専門チームは７チームに分かれており高度な専門知識をＤｒニーズに対応している。ＳＰＤは院内在庫の合理化・効率化を実現した運用をしています。</v>
          </cell>
        </row>
        <row r="2995">
          <cell r="B2995">
            <v>11882</v>
          </cell>
          <cell r="C2995" t="str">
            <v>(株)テクノスジャパン</v>
          </cell>
          <cell r="D2995" t="str">
            <v>06-4799-9308</v>
          </cell>
          <cell r="E2995" t="str">
            <v>530-0001</v>
          </cell>
          <cell r="F2995" t="str">
            <v>大阪府大阪市北区梅田1-11-4-1100-11-10</v>
          </cell>
          <cell r="G2995" t="str">
            <v>大阪市</v>
          </cell>
          <cell r="H2995" t="str">
            <v>関西支店</v>
          </cell>
          <cell r="I2995" t="str">
            <v>支店長 三小田　和則</v>
          </cell>
          <cell r="J2995" t="str">
            <v>福岡県福岡市</v>
          </cell>
          <cell r="K2995" t="str">
            <v>06-4799-9011</v>
          </cell>
          <cell r="L2995" t="str">
            <v>fukuoka1@technos-japan.jp</v>
          </cell>
          <cell r="M2995" t="str">
            <v>ﾃｸﾉｽｼﾞｬﾊﾟﾝ</v>
          </cell>
          <cell r="N2995" t="str">
            <v>有</v>
          </cell>
          <cell r="O2995">
            <v>15</v>
          </cell>
          <cell r="P2995">
            <v>28</v>
          </cell>
          <cell r="Q2995">
            <v>5290001023421</v>
          </cell>
          <cell r="R2995">
            <v>11000</v>
          </cell>
          <cell r="S2995">
            <v>42680</v>
          </cell>
          <cell r="T2995">
            <v>176190</v>
          </cell>
          <cell r="V2995" t="str">
            <v>bn220227</v>
          </cell>
          <cell r="W2995" t="str">
            <v>kg195193</v>
          </cell>
          <cell r="Y2995" t="str">
            <v>79，</v>
          </cell>
          <cell r="Z2995">
            <v>79</v>
          </cell>
          <cell r="AA2995" t="str">
            <v/>
          </cell>
          <cell r="AB2995" t="str">
            <v/>
          </cell>
          <cell r="AC2995" t="str">
            <v/>
          </cell>
          <cell r="AD2995" t="str">
            <v/>
          </cell>
          <cell r="AE2995" t="str">
            <v>１；上水道漏水調査業務２；３；４；</v>
          </cell>
          <cell r="AF2995" t="str">
            <v>上水道漏水調査業務</v>
          </cell>
        </row>
        <row r="2996">
          <cell r="B2996">
            <v>11883</v>
          </cell>
          <cell r="C2996" t="str">
            <v>大林ファシリティーズ(株)</v>
          </cell>
          <cell r="D2996" t="str">
            <v>06-4964-1642</v>
          </cell>
          <cell r="E2996" t="str">
            <v>541-0051</v>
          </cell>
          <cell r="F2996" t="str">
            <v>大阪府大阪市中央区備後町一丁目7番10号</v>
          </cell>
          <cell r="G2996" t="str">
            <v>大阪市</v>
          </cell>
          <cell r="H2996" t="str">
            <v>大阪支店</v>
          </cell>
          <cell r="I2996" t="str">
            <v>取締役専務執行役員　大阪支店長 森　良史</v>
          </cell>
          <cell r="J2996" t="str">
            <v>東京都</v>
          </cell>
          <cell r="K2996" t="str">
            <v>06-4964-1690</v>
          </cell>
          <cell r="L2996" t="str">
            <v>osaka_nyusatsu_obf@ml.obayashi.co.jp</v>
          </cell>
          <cell r="M2996" t="str">
            <v>ｵｵﾊﾞﾔｼﾌｧｼﾘﾃｨｰｽﾞ</v>
          </cell>
          <cell r="N2996" t="str">
            <v>有</v>
          </cell>
          <cell r="O2996">
            <v>56</v>
          </cell>
          <cell r="P2996">
            <v>855</v>
          </cell>
          <cell r="Q2996">
            <v>3120001085521</v>
          </cell>
          <cell r="R2996">
            <v>50000</v>
          </cell>
          <cell r="S2996">
            <v>7664135</v>
          </cell>
          <cell r="T2996">
            <v>26379347</v>
          </cell>
          <cell r="V2996" t="str">
            <v>mu965352</v>
          </cell>
          <cell r="W2996" t="str">
            <v>cw164520</v>
          </cell>
          <cell r="Y2996" t="str">
            <v>45，46，47，48，49，54，</v>
          </cell>
          <cell r="Z2996" t="str">
            <v/>
          </cell>
          <cell r="AA2996" t="str">
            <v/>
          </cell>
          <cell r="AB2996" t="str">
            <v/>
          </cell>
          <cell r="AC2996" t="str">
            <v/>
          </cell>
          <cell r="AD2996" t="str">
            <v/>
          </cell>
          <cell r="AE2996" t="str">
            <v>１；２；３；４；</v>
          </cell>
          <cell r="AF2996" t="str">
            <v>大林組グループのファシリティマネジメント会社として、各種建物の総合的な施設管理を行っております。近年の建物に求められる多様化するニーズに対し、技術の向上に努め、日常の維持管理から各種リニューアル工事まで最適なライフサイクルマネジメントによる施設管理を提供しております。</v>
          </cell>
        </row>
        <row r="2997">
          <cell r="B2997">
            <v>11884</v>
          </cell>
          <cell r="C2997" t="str">
            <v>日立建機日本(株)</v>
          </cell>
          <cell r="D2997" t="str">
            <v>06-6571-5600</v>
          </cell>
          <cell r="E2997" t="str">
            <v>552-0022</v>
          </cell>
          <cell r="F2997" t="str">
            <v>大阪府大阪市港区海岸通4-4-40</v>
          </cell>
          <cell r="G2997" t="str">
            <v>大阪市</v>
          </cell>
          <cell r="H2997" t="str">
            <v>大阪営業所</v>
          </cell>
          <cell r="I2997" t="str">
            <v>営業所長 橋本　浩典</v>
          </cell>
          <cell r="J2997" t="str">
            <v>埼玉県草加市</v>
          </cell>
          <cell r="K2997" t="str">
            <v>06-6571-5606</v>
          </cell>
          <cell r="L2997" t="str">
            <v>kansai@hitachi-kenki.com</v>
          </cell>
          <cell r="M2997" t="str">
            <v>ﾋﾀﾁｹﾝｷﾆｯﾎﾟﾝ</v>
          </cell>
          <cell r="N2997" t="str">
            <v>有</v>
          </cell>
          <cell r="O2997">
            <v>21</v>
          </cell>
          <cell r="P2997">
            <v>2825</v>
          </cell>
          <cell r="Q2997">
            <v>7030001037230</v>
          </cell>
          <cell r="R2997">
            <v>5000000</v>
          </cell>
          <cell r="S2997">
            <v>33206603</v>
          </cell>
          <cell r="T2997">
            <v>192430383</v>
          </cell>
          <cell r="V2997" t="str">
            <v>rb351468</v>
          </cell>
          <cell r="W2997" t="str">
            <v>lw139955</v>
          </cell>
          <cell r="Y2997" t="str">
            <v>044，22，26，40，44，</v>
          </cell>
          <cell r="Z2997">
            <v>40</v>
          </cell>
          <cell r="AA2997">
            <v>22</v>
          </cell>
          <cell r="AB2997">
            <v>26</v>
          </cell>
          <cell r="AC2997">
            <v>44</v>
          </cell>
          <cell r="AD2997" t="str">
            <v/>
          </cell>
          <cell r="AE2997" t="str">
            <v>１；油圧ショベル２；ホイルローダー３；建設機械・運搬機械・農業機械の修理４；建設機械・運搬機械・農業機械のリース・レンタル</v>
          </cell>
          <cell r="AF2997" t="str">
            <v>建設機械・運搬機械・農業機械及びこれらに関連する機械器具並びに　部品と賃貸借・リース・販売・修理・アフターサービス等</v>
          </cell>
        </row>
        <row r="2998">
          <cell r="B2998">
            <v>11886</v>
          </cell>
          <cell r="C2998" t="str">
            <v>三恒商事(株)</v>
          </cell>
          <cell r="D2998" t="str">
            <v>06-6538-0571</v>
          </cell>
          <cell r="E2998" t="str">
            <v>550-0013</v>
          </cell>
          <cell r="F2998" t="str">
            <v>大阪府大阪市西区新町1-10-2</v>
          </cell>
          <cell r="G2998" t="str">
            <v>大阪市</v>
          </cell>
          <cell r="H2998" t="str">
            <v/>
          </cell>
          <cell r="I2998" t="str">
            <v>代表取締役 里井　和行</v>
          </cell>
          <cell r="J2998" t="str">
            <v>本店</v>
          </cell>
          <cell r="K2998" t="str">
            <v>06-6535-1292</v>
          </cell>
          <cell r="L2998" t="str">
            <v>sanko@sanko-syoji.co.jp</v>
          </cell>
          <cell r="M2998" t="str">
            <v>ｻﾝｺｳｼｮｳｼﾞ</v>
          </cell>
          <cell r="N2998" t="str">
            <v>無</v>
          </cell>
          <cell r="O2998">
            <v>64</v>
          </cell>
          <cell r="P2998">
            <v>16</v>
          </cell>
          <cell r="Q2998">
            <v>5120001043642</v>
          </cell>
          <cell r="R2998">
            <v>10000</v>
          </cell>
          <cell r="S2998">
            <v>862783</v>
          </cell>
          <cell r="T2998">
            <v>3897660</v>
          </cell>
          <cell r="V2998" t="str">
            <v>gs405861</v>
          </cell>
          <cell r="W2998" t="str">
            <v>td117971</v>
          </cell>
          <cell r="Y2998" t="str">
            <v>05，05，9，10，32，39，40，41，42，</v>
          </cell>
          <cell r="Z2998">
            <v>10</v>
          </cell>
          <cell r="AA2998">
            <v>41</v>
          </cell>
          <cell r="AB2998">
            <v>40</v>
          </cell>
          <cell r="AC2998">
            <v>5</v>
          </cell>
          <cell r="AD2998" t="str">
            <v/>
          </cell>
          <cell r="AE2998" t="str">
            <v>１；文化財遺物保存処理用薬品（ポリエチレングリコール、ミルヘン、トレハロース、脱酸素剤、土器強化剤、石材強化剤、土層剥ぎ取り剤、エポキシ樹脂、アクリル樹脂　他）。毒物劇物一般販売業登録票。２；文化財遺物保存処理用装置（ＰＥＧ含浸装置、真空凍結乾燥機、樹脂減圧含浸装置、デシケーター、エアーブラシ、自動調湿窒素発生装置、軟Ｘ線撮影装置　他）３；電動工具４；プラスチックコンテナ</v>
          </cell>
          <cell r="AF2998" t="str">
            <v>各種化学工業の資材の販売を行っている会社で、全国に広がる遺跡及び出土遺物の保存処理の為の機材・薬品の販売も手掛けている。全国の教育委員会や埋蔵文化財センター棟と取引実績が多数有り。</v>
          </cell>
        </row>
        <row r="2999">
          <cell r="B2999">
            <v>11891</v>
          </cell>
          <cell r="C2999" t="str">
            <v>北山電気工事(株)</v>
          </cell>
          <cell r="D2999" t="str">
            <v>0721-53-7661</v>
          </cell>
          <cell r="E2999" t="str">
            <v>586-0011</v>
          </cell>
          <cell r="F2999" t="str">
            <v>大阪府河内長野市汐の宮町23-7</v>
          </cell>
          <cell r="G2999" t="str">
            <v>河内長野市</v>
          </cell>
          <cell r="H2999" t="str">
            <v/>
          </cell>
          <cell r="I2999" t="str">
            <v>代表取締役 北山　昇治</v>
          </cell>
          <cell r="J2999" t="str">
            <v>本店</v>
          </cell>
          <cell r="K2999" t="str">
            <v>0721-53-7685</v>
          </cell>
          <cell r="L2999" t="str">
            <v>ss331024@chive.ocn.ne.jp</v>
          </cell>
          <cell r="M2999" t="str">
            <v>ｷﾀﾔﾏﾃﾞﾝｷｺｳｼﾞ</v>
          </cell>
          <cell r="N2999" t="str">
            <v>無</v>
          </cell>
          <cell r="O2999">
            <v>18</v>
          </cell>
          <cell r="P2999">
            <v>5</v>
          </cell>
          <cell r="Q2999">
            <v>1120101034636</v>
          </cell>
          <cell r="R2999">
            <v>9000</v>
          </cell>
          <cell r="S2999">
            <v>57988</v>
          </cell>
          <cell r="T2999">
            <v>104703</v>
          </cell>
          <cell r="V2999" t="str">
            <v>zz510553</v>
          </cell>
          <cell r="W2999" t="str">
            <v>fq195357</v>
          </cell>
          <cell r="Y2999" t="str">
            <v>034，34，35，36，38，49，50，</v>
          </cell>
          <cell r="Z2999">
            <v>35</v>
          </cell>
          <cell r="AA2999">
            <v>38</v>
          </cell>
          <cell r="AB2999">
            <v>49</v>
          </cell>
          <cell r="AC2999">
            <v>34</v>
          </cell>
          <cell r="AD2999" t="str">
            <v/>
          </cell>
          <cell r="AE2999" t="str">
            <v>１；２；３；４；</v>
          </cell>
          <cell r="AF2999" t="str">
            <v>電気設備全般　新設・改修・修繕</v>
          </cell>
        </row>
        <row r="3000">
          <cell r="B3000">
            <v>11892</v>
          </cell>
          <cell r="C3000" t="str">
            <v>表示灯(株)</v>
          </cell>
          <cell r="D3000" t="str">
            <v>06-6202-2611</v>
          </cell>
          <cell r="E3000" t="str">
            <v>541-0051</v>
          </cell>
          <cell r="F3000" t="str">
            <v>大阪府大阪市中央区備後町4-2-10</v>
          </cell>
          <cell r="G3000" t="str">
            <v>大阪市</v>
          </cell>
          <cell r="H3000" t="str">
            <v>大阪支社</v>
          </cell>
          <cell r="I3000" t="str">
            <v>支社長 税所　直矢</v>
          </cell>
          <cell r="J3000" t="str">
            <v>愛知県名古屋市</v>
          </cell>
          <cell r="K3000" t="str">
            <v>06-6223-1480</v>
          </cell>
          <cell r="L3000" t="str">
            <v>osaka_nyusatsu@hyojito.co.jp</v>
          </cell>
          <cell r="M3000" t="str">
            <v>ﾋｮｳｼﾞﾄｳ</v>
          </cell>
          <cell r="N3000" t="str">
            <v>有</v>
          </cell>
          <cell r="O3000">
            <v>51</v>
          </cell>
          <cell r="P3000">
            <v>391</v>
          </cell>
          <cell r="Q3000">
            <v>7180001040070</v>
          </cell>
          <cell r="R3000">
            <v>153236</v>
          </cell>
          <cell r="S3000">
            <v>3942337</v>
          </cell>
          <cell r="T3000">
            <v>11003427</v>
          </cell>
          <cell r="V3000" t="str">
            <v>ss262831</v>
          </cell>
          <cell r="W3000" t="str">
            <v>ur136339</v>
          </cell>
          <cell r="Y3000" t="str">
            <v>038，38，65，66，</v>
          </cell>
          <cell r="Z3000">
            <v>80</v>
          </cell>
          <cell r="AA3000">
            <v>66</v>
          </cell>
          <cell r="AB3000">
            <v>65</v>
          </cell>
          <cell r="AC3000">
            <v>38</v>
          </cell>
          <cell r="AD3000" t="str">
            <v/>
          </cell>
          <cell r="AE3000" t="str">
            <v>１；自治体様向け案内板（地図、庁舎案内図等）２；各種案内サイン３；広告付周辺案内地図を媒体とする広告の募集及び製作・運営４；防災用品（避難誘導サイン等）</v>
          </cell>
          <cell r="AF3000" t="str">
            <v>弊社の歴史は地図・案内サインにその源流があり、ナビタ（案内図）、メディア、サインを３本柱としてます。近年は、自治体様向けのシティナビタ（案内図）の製作及び設置、案内図を媒体とした広告の募集及び製作で多数の実績がございます。</v>
          </cell>
        </row>
        <row r="3001">
          <cell r="B3001">
            <v>11896</v>
          </cell>
          <cell r="C3001" t="str">
            <v>ＩＴｂｏｏｋ(株)</v>
          </cell>
          <cell r="D3001" t="str">
            <v>03-6435-8711</v>
          </cell>
          <cell r="E3001" t="str">
            <v>105-0001</v>
          </cell>
          <cell r="F3001" t="str">
            <v>東京都港区虎ﾉ門3-1-1</v>
          </cell>
          <cell r="G3001" t="str">
            <v>東京都</v>
          </cell>
          <cell r="H3001" t="str">
            <v/>
          </cell>
          <cell r="I3001" t="str">
            <v>代表取締役 恩田　饒</v>
          </cell>
          <cell r="J3001" t="str">
            <v>本店</v>
          </cell>
          <cell r="K3001" t="str">
            <v>03-6435-8720</v>
          </cell>
          <cell r="L3001" t="str">
            <v>nyusatsu@itbook.co.jp</v>
          </cell>
          <cell r="M3001" t="str">
            <v>ｱｲﾃｨﾌﾞｯｸ</v>
          </cell>
          <cell r="N3001" t="str">
            <v>無</v>
          </cell>
          <cell r="O3001">
            <v>28</v>
          </cell>
          <cell r="P3001">
            <v>62</v>
          </cell>
          <cell r="Q3001">
            <v>2010001089484</v>
          </cell>
          <cell r="R3001">
            <v>1048673</v>
          </cell>
          <cell r="S3001">
            <v>861201</v>
          </cell>
          <cell r="T3001">
            <v>1242492</v>
          </cell>
          <cell r="V3001" t="str">
            <v>tq200914</v>
          </cell>
          <cell r="W3001" t="str">
            <v>jf195563</v>
          </cell>
          <cell r="Y3001" t="str">
            <v>058，36，56，57，58，77，</v>
          </cell>
          <cell r="Z3001">
            <v>80</v>
          </cell>
          <cell r="AA3001">
            <v>77</v>
          </cell>
          <cell r="AB3001">
            <v>57</v>
          </cell>
          <cell r="AC3001">
            <v>58</v>
          </cell>
          <cell r="AD3001" t="str">
            <v/>
          </cell>
          <cell r="AE3001" t="str">
            <v>１；社会保障・税番号制度（マイナンバー）対応支援、自治体クラウド活用推進支援、業務・システム最適化計画策定支援、ＣＩＯ補佐官、ＩＴ予算査定支援、ＩＴ調達支援、ＩＴスキル研修（人材育成）等２；ＩＴ関連調査等３；４；</v>
          </cell>
          <cell r="AF3001" t="str">
            <v>弊社は、業務・システム最適化に関するサービスを中核に、ＩＴガバナンス構築支援・プロジェクトマネジメント支援・ＩＴ人材育成支援等の総合的なコンサルティングサービスを提供し、組織のＩＴ戦略の実現と推進を強力にバックアップしています。</v>
          </cell>
        </row>
        <row r="3002">
          <cell r="B3002">
            <v>11897</v>
          </cell>
          <cell r="C3002" t="str">
            <v>大和中央製薬(株)</v>
          </cell>
          <cell r="D3002" t="str">
            <v>0744-22-2043</v>
          </cell>
          <cell r="E3002" t="str">
            <v>634-0005</v>
          </cell>
          <cell r="F3002" t="str">
            <v>奈良橿原北八木町1-6-16</v>
          </cell>
          <cell r="G3002" t="str">
            <v/>
          </cell>
          <cell r="H3002" t="str">
            <v/>
          </cell>
          <cell r="I3002" t="str">
            <v>代表取締役　 和田　英徳</v>
          </cell>
          <cell r="J3002" t="str">
            <v>本店</v>
          </cell>
          <cell r="K3002" t="str">
            <v>0744-25-8155</v>
          </cell>
          <cell r="L3002" t="str">
            <v>yamatochuosei@ybb.ne.jp</v>
          </cell>
          <cell r="M3002" t="str">
            <v>ﾔﾏﾄﾁﾕｳｵｳｾｲﾔｸ</v>
          </cell>
          <cell r="N3002" t="str">
            <v>無</v>
          </cell>
          <cell r="O3002">
            <v>75</v>
          </cell>
          <cell r="P3002">
            <v>8</v>
          </cell>
          <cell r="Q3002">
            <v>4150000000000</v>
          </cell>
          <cell r="R3002">
            <v>10000</v>
          </cell>
          <cell r="S3002">
            <v>-27558</v>
          </cell>
          <cell r="T3002">
            <v>121695</v>
          </cell>
          <cell r="V3002" t="str">
            <v>kc520089</v>
          </cell>
          <cell r="W3002" t="str">
            <v>rj198859</v>
          </cell>
          <cell r="Y3002" t="str">
            <v>2.3.8.9.10.38.39</v>
          </cell>
          <cell r="Z3002">
            <v>9</v>
          </cell>
          <cell r="AA3002">
            <v>38</v>
          </cell>
          <cell r="AB3002">
            <v>3</v>
          </cell>
          <cell r="AC3002">
            <v>8</v>
          </cell>
          <cell r="AD3002" t="str">
            <v/>
          </cell>
          <cell r="AE3002" t="str">
            <v>１；２；健栄製薬：消毒アルコール、うがい薬　消毒薬全般　大塚製薬：医療用医薬品　生理食塩注等　危機管理用備蓄や消防救急用医薬品等３；サタケ　保存米クリンスイ　保存水　缶入パン等災害備蓄全般　アイテックス　感染防止衣　ＡＥＤ　医療機器等　消防救急の消耗品４；アイテックス　感染防止衣　消防救急の不織布消耗品感染防止衣全般　制服作業着全般</v>
          </cell>
          <cell r="AF3002" t="str">
            <v>奈良県の製薬会社で医薬品を販売しています。奈良、京都、大阪、兵庫の各消防本部並び各市町村危機管理課に手指消毒薬、医薬品、感染防護衣、救急用消耗品、並びに防災備蓄食糧、保存水、防災資機材等以外に福祉課、子供支援室他医薬品、衛生用品取り扱い営業を行っております。</v>
          </cell>
        </row>
        <row r="3003">
          <cell r="B3003">
            <v>11898</v>
          </cell>
          <cell r="C3003" t="str">
            <v>(株)ミライト</v>
          </cell>
          <cell r="D3003" t="str">
            <v>06-4708-8039</v>
          </cell>
          <cell r="E3003" t="str">
            <v>550-0003</v>
          </cell>
          <cell r="F3003" t="str">
            <v>大阪府大阪市西区京町堀3-8-1</v>
          </cell>
          <cell r="G3003" t="str">
            <v>大阪市</v>
          </cell>
          <cell r="H3003" t="str">
            <v>関西支店</v>
          </cell>
          <cell r="I3003" t="str">
            <v>執行役員支店長 脇本　祐史</v>
          </cell>
          <cell r="J3003" t="str">
            <v>東京都</v>
          </cell>
          <cell r="K3003" t="str">
            <v>06-4708-8036</v>
          </cell>
          <cell r="L3003" t="str">
            <v>mirait01@titan.ocn.ne.jp</v>
          </cell>
          <cell r="M3003" t="str">
            <v>ﾐﾗｲﾄ</v>
          </cell>
          <cell r="N3003" t="str">
            <v>有</v>
          </cell>
          <cell r="O3003">
            <v>68</v>
          </cell>
          <cell r="P3003">
            <v>2572</v>
          </cell>
          <cell r="Q3003">
            <v>2010601040251</v>
          </cell>
          <cell r="R3003">
            <v>5610916</v>
          </cell>
          <cell r="S3003">
            <v>78958391</v>
          </cell>
          <cell r="T3003">
            <v>161240918</v>
          </cell>
          <cell r="V3003" t="str">
            <v>wt114778</v>
          </cell>
          <cell r="W3003" t="str">
            <v>ｒv163938</v>
          </cell>
          <cell r="Y3003" t="str">
            <v>35，36，50，</v>
          </cell>
          <cell r="Z3003">
            <v>36</v>
          </cell>
          <cell r="AA3003">
            <v>50</v>
          </cell>
          <cell r="AB3003">
            <v>35</v>
          </cell>
          <cell r="AC3003" t="str">
            <v/>
          </cell>
          <cell r="AD3003" t="str">
            <v/>
          </cell>
          <cell r="AE3003" t="str">
            <v>１；２；構内交換機（ＰＢＸ）について次の特約店契約がございます。日立情報通信エンジニアリング・ＮＥＣ３；４；</v>
          </cell>
          <cell r="AF3003" t="str">
            <v>道路照明設備、太陽光発電設備、電源・電灯等の営繕電気工事が得意分野です。また通信（光・メタル）ケーブル敷設工事、電話交換機設備・ＬＡＮ・無線機器、通信鉄塔設備工事等の電気通信工事や情報ＢＯＸ、電線共同溝、通信管路等の土木工事についても豊富な経験と多くの施工実績があります。</v>
          </cell>
        </row>
        <row r="3004">
          <cell r="B3004">
            <v>11904</v>
          </cell>
          <cell r="C3004" t="str">
            <v>ニチレキ株式会社</v>
          </cell>
          <cell r="D3004" t="str">
            <v>079-235-5051</v>
          </cell>
          <cell r="E3004" t="str">
            <v>555-0012</v>
          </cell>
          <cell r="F3004" t="str">
            <v>兵庫県姫路市飾磨区中島3059-1</v>
          </cell>
          <cell r="G3004" t="str">
            <v>姫路市</v>
          </cell>
          <cell r="H3004" t="str">
            <v>兵庫営業所</v>
          </cell>
          <cell r="I3004" t="str">
            <v>所長　 山川　和也</v>
          </cell>
          <cell r="J3004" t="str">
            <v>東京都</v>
          </cell>
          <cell r="K3004" t="str">
            <v>079-235-5053</v>
          </cell>
          <cell r="L3004" t="str">
            <v/>
          </cell>
          <cell r="M3004" t="str">
            <v>ﾆﾁﾚｷ</v>
          </cell>
          <cell r="N3004" t="str">
            <v>有</v>
          </cell>
          <cell r="O3004">
            <v>69</v>
          </cell>
          <cell r="P3004">
            <v>383</v>
          </cell>
          <cell r="Q3004">
            <v>7010001008737</v>
          </cell>
          <cell r="R3004">
            <v>2919681</v>
          </cell>
          <cell r="S3004">
            <v>50811000</v>
          </cell>
          <cell r="T3004">
            <v>60570000</v>
          </cell>
          <cell r="V3004" t="str">
            <v>xc927592</v>
          </cell>
          <cell r="W3004" t="str">
            <v>nq199339</v>
          </cell>
          <cell r="Y3004">
            <v>33</v>
          </cell>
          <cell r="Z3004">
            <v>33</v>
          </cell>
          <cell r="AA3004" t="str">
            <v/>
          </cell>
          <cell r="AB3004" t="str">
            <v/>
          </cell>
          <cell r="AC3004" t="str">
            <v/>
          </cell>
          <cell r="AD3004" t="str">
            <v/>
          </cell>
          <cell r="AE3004" t="str">
            <v>１；２；アスファルト応用製品３；４；</v>
          </cell>
          <cell r="AF3004" t="str">
            <v>アスファルト製品のトップメーカーです。</v>
          </cell>
        </row>
        <row r="3005">
          <cell r="B3005">
            <v>11906</v>
          </cell>
          <cell r="C3005" t="str">
            <v>(株)オーシスマップ</v>
          </cell>
          <cell r="D3005" t="str">
            <v>079-662-3156</v>
          </cell>
          <cell r="E3005" t="str">
            <v>667-0021</v>
          </cell>
          <cell r="F3005" t="str">
            <v>兵庫県養父市八鹿町八鹿1264-11</v>
          </cell>
          <cell r="G3005" t="str">
            <v>養父市</v>
          </cell>
          <cell r="H3005" t="str">
            <v/>
          </cell>
          <cell r="I3005" t="str">
            <v>代表取締役 魚本　崇</v>
          </cell>
          <cell r="J3005" t="str">
            <v>本店</v>
          </cell>
          <cell r="K3005" t="str">
            <v>079-662-4123</v>
          </cell>
          <cell r="L3005" t="str">
            <v>nyusatsu@osysmap.jp</v>
          </cell>
          <cell r="M3005" t="str">
            <v>ｵｰｼｽﾏｯﾌﾟ</v>
          </cell>
          <cell r="N3005" t="str">
            <v>無</v>
          </cell>
          <cell r="O3005">
            <v>17</v>
          </cell>
          <cell r="P3005">
            <v>52</v>
          </cell>
          <cell r="Q3005">
            <v>9140001046689</v>
          </cell>
          <cell r="R3005">
            <v>10000</v>
          </cell>
          <cell r="S3005">
            <v>45999</v>
          </cell>
          <cell r="T3005">
            <v>507726</v>
          </cell>
          <cell r="V3005" t="str">
            <v>wy882823</v>
          </cell>
          <cell r="W3005" t="str">
            <v>ｒm196171</v>
          </cell>
          <cell r="Y3005" t="str">
            <v>57，58，72，</v>
          </cell>
          <cell r="Z3005">
            <v>58</v>
          </cell>
          <cell r="AA3005">
            <v>72</v>
          </cell>
          <cell r="AB3005">
            <v>57</v>
          </cell>
          <cell r="AC3005" t="str">
            <v/>
          </cell>
          <cell r="AD3005" t="str">
            <v/>
          </cell>
          <cell r="AE3005" t="str">
            <v>１；代　ＥＳＲＩジャパン製　ＡｒｃＧＩＳ製品販売保守２；３；４；</v>
          </cell>
          <cell r="AF3005" t="str">
            <v>航空測量を得意とする会社です。空撮からデータ作成までを一貫して自社で行える体制を整えており、近年ではＵＡＶを活用しｉ－Ｃｏｎｓｔｒｕｃｔｉｏｎにも力を入れています。ＧＩＳに関連するデータ作成、システム開発やホームページ作成等も行っております。</v>
          </cell>
        </row>
        <row r="3006">
          <cell r="B3006">
            <v>11918</v>
          </cell>
          <cell r="C3006" t="str">
            <v>株式会社東和総合サービス</v>
          </cell>
          <cell r="D3006" t="str">
            <v>06-6110-1234</v>
          </cell>
          <cell r="E3006" t="str">
            <v>550-0011</v>
          </cell>
          <cell r="F3006" t="str">
            <v>大阪市西区新町1丁目28番3号</v>
          </cell>
          <cell r="G3006" t="str">
            <v>大阪市</v>
          </cell>
          <cell r="H3006" t="str">
            <v/>
          </cell>
          <cell r="I3006" t="str">
            <v>代表取締役　 和田　妙純</v>
          </cell>
          <cell r="J3006" t="str">
            <v>本店</v>
          </cell>
          <cell r="K3006" t="str">
            <v/>
          </cell>
          <cell r="L3006" t="str">
            <v>myoujun-w@to-wa.info</v>
          </cell>
          <cell r="M3006" t="str">
            <v>ﾄｳﾜｿｳｺﾞｳｻｰﾋﾞｽ</v>
          </cell>
          <cell r="N3006" t="str">
            <v>無</v>
          </cell>
          <cell r="O3006">
            <v>59</v>
          </cell>
          <cell r="P3006">
            <v>181</v>
          </cell>
          <cell r="Q3006">
            <v>9120000000000</v>
          </cell>
          <cell r="R3006">
            <v>50000</v>
          </cell>
          <cell r="S3006">
            <v>512423</v>
          </cell>
          <cell r="T3006">
            <v>668574</v>
          </cell>
          <cell r="V3006" t="str">
            <v>ua453667</v>
          </cell>
          <cell r="W3006" t="str">
            <v>em157998</v>
          </cell>
          <cell r="Y3006" t="str">
            <v>46.47.48.49.52.54.80</v>
          </cell>
          <cell r="Z3006">
            <v>47</v>
          </cell>
          <cell r="AA3006">
            <v>48</v>
          </cell>
          <cell r="AB3006">
            <v>46</v>
          </cell>
          <cell r="AC3006">
            <v>80</v>
          </cell>
          <cell r="AD3006" t="str">
            <v/>
          </cell>
          <cell r="AE3006" t="str">
            <v>１；２；３；４；</v>
          </cell>
          <cell r="AF3006" t="str">
            <v>空気環境測定、貯水槽清掃、建築基準法第１２条の定期方向業務、空調設備点検、消防設備点検、カーペット・ソファークリーニングなどを得意としています。</v>
          </cell>
        </row>
        <row r="3007">
          <cell r="B3007">
            <v>11920</v>
          </cell>
          <cell r="C3007" t="str">
            <v>新日本空調(株)</v>
          </cell>
          <cell r="D3007" t="str">
            <v>079-277-3209</v>
          </cell>
          <cell r="E3007" t="str">
            <v>671-1532</v>
          </cell>
          <cell r="F3007" t="str">
            <v>兵庫県揖保郡太子町糸井308-2ｼﾃｨｺｰﾄ</v>
          </cell>
          <cell r="G3007" t="str">
            <v/>
          </cell>
          <cell r="H3007" t="str">
            <v>姫路営業所</v>
          </cell>
          <cell r="I3007" t="str">
            <v>所長 松本　和也</v>
          </cell>
          <cell r="J3007" t="str">
            <v>東京都</v>
          </cell>
          <cell r="K3007" t="str">
            <v>079-277-3209</v>
          </cell>
          <cell r="L3007" t="str">
            <v>komorik@snk.co.jp</v>
          </cell>
          <cell r="M3007" t="str">
            <v>ｼﾝﾆｯﾎﾟﾝｸｳﾁｮｳ</v>
          </cell>
          <cell r="N3007" t="str">
            <v>有</v>
          </cell>
          <cell r="O3007">
            <v>68</v>
          </cell>
          <cell r="P3007">
            <v>1067</v>
          </cell>
          <cell r="Q3007">
            <v>2010001062912</v>
          </cell>
          <cell r="R3007">
            <v>5158600</v>
          </cell>
          <cell r="S3007">
            <v>41095761</v>
          </cell>
          <cell r="T3007">
            <v>111742000</v>
          </cell>
          <cell r="V3007" t="str">
            <v>pt787545</v>
          </cell>
          <cell r="W3007" t="str">
            <v>ja113989</v>
          </cell>
          <cell r="Y3007" t="str">
            <v/>
          </cell>
          <cell r="Z3007" t="str">
            <v/>
          </cell>
          <cell r="AA3007" t="str">
            <v/>
          </cell>
          <cell r="AB3007" t="str">
            <v/>
          </cell>
          <cell r="AC3007" t="str">
            <v/>
          </cell>
          <cell r="AD3007" t="str">
            <v/>
          </cell>
          <cell r="AE3007" t="str">
            <v>１；超音波風速計、高感度カメラ、臭気測定器。２；３；４；</v>
          </cell>
          <cell r="AF3007" t="str">
            <v>空気調和・給排水衛生・冷暖房設備の設計・施工監理。又、特許・特殊工事としてバイオクリーンの工事。</v>
          </cell>
        </row>
        <row r="3008">
          <cell r="B3008">
            <v>11921</v>
          </cell>
          <cell r="C3008" t="str">
            <v>(株)ベネッセコーポレーション</v>
          </cell>
          <cell r="D3008" t="str">
            <v>042-356-0127</v>
          </cell>
          <cell r="E3008" t="str">
            <v>700-8686</v>
          </cell>
          <cell r="F3008" t="str">
            <v>岡山県岡山市北区南方3-7-17</v>
          </cell>
          <cell r="G3008" t="str">
            <v>岡山市</v>
          </cell>
          <cell r="H3008" t="str">
            <v>営業本部</v>
          </cell>
          <cell r="I3008" t="str">
            <v>本部長 吉野　隆弘</v>
          </cell>
          <cell r="J3008" t="str">
            <v>岡山県岡山市</v>
          </cell>
          <cell r="K3008" t="str">
            <v>042-356-7120</v>
          </cell>
          <cell r="L3008" t="str">
            <v>nyusatsu_sinsei@mail.benesse.co.jp</v>
          </cell>
          <cell r="M3008" t="str">
            <v>ﾍﾞﾈｯｾｺｰﾎﾟﾚｰｼｮﾝ</v>
          </cell>
          <cell r="N3008" t="str">
            <v>有</v>
          </cell>
          <cell r="O3008">
            <v>63</v>
          </cell>
          <cell r="P3008">
            <v>3057</v>
          </cell>
          <cell r="Q3008">
            <v>1260001011820</v>
          </cell>
          <cell r="R3008">
            <v>3000000</v>
          </cell>
          <cell r="S3008">
            <v>42131000</v>
          </cell>
          <cell r="T3008">
            <v>176247000</v>
          </cell>
          <cell r="V3008" t="str">
            <v>zw767172</v>
          </cell>
          <cell r="W3008" t="str">
            <v>do133119</v>
          </cell>
          <cell r="Y3008" t="str">
            <v>12，</v>
          </cell>
          <cell r="Z3008">
            <v>80</v>
          </cell>
          <cell r="AA3008">
            <v>12</v>
          </cell>
          <cell r="AB3008" t="str">
            <v/>
          </cell>
          <cell r="AC3008" t="str">
            <v/>
          </cell>
          <cell r="AD3008" t="str">
            <v/>
          </cell>
          <cell r="AE3008" t="str">
            <v>１；小中学校向け総合学力調査、小中学校向けICT教育サポート、英語関連事業、研修・研究事業、各種調査・分析を請け負います。２；学校向け教育用ソフト、ドリルの物品販売をいたします。３；４；</v>
          </cell>
          <cell r="AF3008" t="str">
            <v>学力調査実施後、データを学力層別に分析し、より明確な指導改善のデータをご提供させていただき、学力アップに関する施策の検証や、これからの施策作りの指標としてお役にたてると考えております。また、各教科の教育用ソフトを製作しており、児童・生徒の学習効果向上をお手伝いします。</v>
          </cell>
        </row>
        <row r="3009">
          <cell r="B3009">
            <v>11922</v>
          </cell>
          <cell r="C3009" t="str">
            <v>プロメディカル(株)</v>
          </cell>
          <cell r="D3009" t="str">
            <v>0798-31-0888</v>
          </cell>
          <cell r="E3009" t="str">
            <v>663-8126</v>
          </cell>
          <cell r="F3009" t="str">
            <v>兵庫県西宮市小松北町1-1-30</v>
          </cell>
          <cell r="G3009" t="str">
            <v>西宮市</v>
          </cell>
          <cell r="H3009" t="str">
            <v>関西営業所</v>
          </cell>
          <cell r="I3009" t="str">
            <v>所長 水田　誠</v>
          </cell>
          <cell r="J3009" t="str">
            <v>石川県金沢市</v>
          </cell>
          <cell r="K3009" t="str">
            <v>0798-31-0884</v>
          </cell>
          <cell r="L3009" t="str">
            <v>mizuta002@promedi.co.jp</v>
          </cell>
          <cell r="M3009" t="str">
            <v>ﾌﾟﾛﾒﾃﾞｨｶﾙ</v>
          </cell>
          <cell r="N3009" t="str">
            <v>有</v>
          </cell>
          <cell r="O3009">
            <v>21</v>
          </cell>
          <cell r="P3009">
            <v>56</v>
          </cell>
          <cell r="Q3009">
            <v>3220001007060</v>
          </cell>
          <cell r="R3009">
            <v>10000</v>
          </cell>
          <cell r="S3009">
            <v>322314</v>
          </cell>
          <cell r="T3009">
            <v>4154627</v>
          </cell>
          <cell r="V3009" t="str">
            <v>hq897827</v>
          </cell>
          <cell r="W3009" t="str">
            <v>wv198581</v>
          </cell>
          <cell r="Y3009" t="str">
            <v>37，39，41，42，44，</v>
          </cell>
          <cell r="Z3009">
            <v>39</v>
          </cell>
          <cell r="AA3009">
            <v>42</v>
          </cell>
          <cell r="AB3009">
            <v>41</v>
          </cell>
          <cell r="AC3009" t="str">
            <v/>
          </cell>
          <cell r="AD3009" t="str">
            <v>高度管理医療機器等販売業／貸与業許可証</v>
          </cell>
          <cell r="AE3009" t="str">
            <v>１；ジンマー・バイオメット、ジョンソン・エンド・ジョンソン、日本ストライカー、メドトロニックソファモアダネック、日本エム・ディ・エム他２；タニタ、オムロン他３；アズワン他４；</v>
          </cell>
          <cell r="AF3009" t="str">
            <v>兵庫県に拠点をおいた関西エリアでは西宮市立中央病院等に、また石川・富山・福井に拠点をおいた北陸エリアでは金沢大学附属病院・金沢市立病院・済生会高岡病院等に医療器械を販売しています。</v>
          </cell>
        </row>
        <row r="3010">
          <cell r="B3010">
            <v>11923</v>
          </cell>
          <cell r="C3010" t="str">
            <v>(株)光明製作所</v>
          </cell>
          <cell r="D3010" t="str">
            <v>0725-51-3000</v>
          </cell>
          <cell r="E3010" t="str">
            <v>591-1144</v>
          </cell>
          <cell r="F3010" t="str">
            <v>大阪府和泉市ﾃｸﾉｽﾃｰｼﾞ1-4-20</v>
          </cell>
          <cell r="G3010" t="str">
            <v>和泉市</v>
          </cell>
          <cell r="H3010" t="str">
            <v/>
          </cell>
          <cell r="I3010" t="str">
            <v>代表取締役 金村　時喜</v>
          </cell>
          <cell r="J3010" t="str">
            <v>本店</v>
          </cell>
          <cell r="K3010" t="str">
            <v>0725-51-3100</v>
          </cell>
          <cell r="L3010" t="str">
            <v>info@komei-ss.co.jp</v>
          </cell>
          <cell r="M3010" t="str">
            <v>ｺｳﾒｲｾｲｻｸｼｮ</v>
          </cell>
          <cell r="N3010" t="str">
            <v>無</v>
          </cell>
          <cell r="O3010">
            <v>71</v>
          </cell>
          <cell r="P3010">
            <v>103</v>
          </cell>
          <cell r="Q3010">
            <v>5120001017448</v>
          </cell>
          <cell r="R3010">
            <v>20000</v>
          </cell>
          <cell r="S3010">
            <v>314624</v>
          </cell>
          <cell r="T3010">
            <v>1943370</v>
          </cell>
          <cell r="V3010" t="str">
            <v>eh257652</v>
          </cell>
          <cell r="W3010" t="str">
            <v>bm156818</v>
          </cell>
          <cell r="Y3010" t="str">
            <v>33，44，</v>
          </cell>
          <cell r="Z3010">
            <v>33</v>
          </cell>
          <cell r="AA3010">
            <v>44</v>
          </cell>
          <cell r="AB3010" t="str">
            <v/>
          </cell>
          <cell r="AC3010" t="str">
            <v/>
          </cell>
          <cell r="AD3010" t="str">
            <v/>
          </cell>
          <cell r="AE3010" t="str">
            <v>１；水道用給水器具　ＪＩＳマーク表示制度認証書(JQ0508193) 日本水道協会検査工場登録通知書(第Q-19号)２；仮設配水管レンタル（リユーズシステム）３；４；</v>
          </cell>
          <cell r="AF3010" t="str">
            <v>水道用給水器具(サドル分水栓・メーター止水栓・各種止水栓　ＰＰ管用金属継手・各種配管継手・応急給水栓・逆止弁付メーターパッキン等）製造販売、仮設配水管レンタル（リユーズシステム）事業を行っています。</v>
          </cell>
        </row>
        <row r="3011">
          <cell r="B3011">
            <v>11924</v>
          </cell>
          <cell r="C3011" t="str">
            <v>ソシオエンジニアリング(株)</v>
          </cell>
          <cell r="D3011" t="str">
            <v>06-6626-3070</v>
          </cell>
          <cell r="E3011" t="str">
            <v>545-0003</v>
          </cell>
          <cell r="F3011" t="str">
            <v>大阪府大阪市阿倍野区美章園1-8-20</v>
          </cell>
          <cell r="G3011" t="str">
            <v>大阪市</v>
          </cell>
          <cell r="H3011" t="str">
            <v/>
          </cell>
          <cell r="I3011" t="str">
            <v>代表取締役 平田　裕</v>
          </cell>
          <cell r="J3011" t="str">
            <v>本店</v>
          </cell>
          <cell r="K3011" t="str">
            <v>06-6626-3080</v>
          </cell>
          <cell r="L3011" t="str">
            <v>yuhirata@feel.ocn.ne.jp</v>
          </cell>
          <cell r="M3011" t="str">
            <v>ｿｼｵｴﾝｼﾞﾆｱﾘﾝｸﾞ</v>
          </cell>
          <cell r="N3011" t="str">
            <v>無</v>
          </cell>
          <cell r="O3011">
            <v>14</v>
          </cell>
          <cell r="P3011">
            <v>7</v>
          </cell>
          <cell r="Q3011">
            <v>2120001111154</v>
          </cell>
          <cell r="R3011">
            <v>9500</v>
          </cell>
          <cell r="S3011">
            <v>11009</v>
          </cell>
          <cell r="T3011">
            <v>78348</v>
          </cell>
          <cell r="V3011" t="str">
            <v>mx754499</v>
          </cell>
          <cell r="W3011" t="str">
            <v>dl167656</v>
          </cell>
          <cell r="Y3011" t="str">
            <v>072，57，63，72，77，</v>
          </cell>
          <cell r="Z3011">
            <v>77</v>
          </cell>
          <cell r="AA3011">
            <v>80</v>
          </cell>
          <cell r="AB3011">
            <v>57</v>
          </cell>
          <cell r="AC3011">
            <v>72</v>
          </cell>
          <cell r="AD3011" t="str">
            <v/>
          </cell>
          <cell r="AE3011" t="str">
            <v>１；アンケート調査２；大店立地法届出３；電算処理、データ入力４；航空写真、地図作成、ＧＩＳ</v>
          </cell>
          <cell r="AF3011" t="str">
            <v>大気汚染予測、騒音予測を中心とした環境影響評価全般、森林生態系に関する調査全般、公共事業評価全般、公共施設の維持管理計画策定、港湾計画、埋立申請、社会調査、ＧＩＳシステム、一般・産業廃棄物調査等。</v>
          </cell>
        </row>
        <row r="3012">
          <cell r="B3012">
            <v>11925</v>
          </cell>
          <cell r="C3012" t="str">
            <v>東洋印刷(株)</v>
          </cell>
          <cell r="D3012" t="str">
            <v>078-599-6623</v>
          </cell>
          <cell r="E3012" t="str">
            <v>650-0023</v>
          </cell>
          <cell r="F3012" t="str">
            <v>兵庫県神戸市中央区栄町通6-1-18</v>
          </cell>
          <cell r="G3012" t="str">
            <v>神戸市</v>
          </cell>
          <cell r="H3012" t="str">
            <v>神戸営業所</v>
          </cell>
          <cell r="I3012" t="str">
            <v>所長 小田　俊輔</v>
          </cell>
          <cell r="J3012" t="str">
            <v>京都府京都市</v>
          </cell>
          <cell r="K3012" t="str">
            <v>078-599-6638</v>
          </cell>
          <cell r="L3012" t="str">
            <v>info@toyo-print.co.jp</v>
          </cell>
          <cell r="M3012" t="str">
            <v>ﾄｳﾖｳｲﾝｻﾂ</v>
          </cell>
          <cell r="N3012" t="str">
            <v>有</v>
          </cell>
          <cell r="O3012">
            <v>57</v>
          </cell>
          <cell r="P3012">
            <v>75</v>
          </cell>
          <cell r="Q3012">
            <v>3130001021789</v>
          </cell>
          <cell r="R3012">
            <v>99000</v>
          </cell>
          <cell r="S3012">
            <v>459565</v>
          </cell>
          <cell r="T3012">
            <v>3133283</v>
          </cell>
          <cell r="V3012" t="str">
            <v>rv573913</v>
          </cell>
          <cell r="W3012" t="str">
            <v>og151693</v>
          </cell>
          <cell r="Y3012" t="str">
            <v>073，57，73，74，</v>
          </cell>
          <cell r="Z3012">
            <v>74</v>
          </cell>
          <cell r="AA3012">
            <v>80</v>
          </cell>
          <cell r="AB3012">
            <v>57</v>
          </cell>
          <cell r="AC3012">
            <v>73</v>
          </cell>
          <cell r="AD3012" t="str">
            <v/>
          </cell>
          <cell r="AE3012" t="str">
            <v>１；コンピューター関連帳票２；封入封緘　プライバシーマーク認証３；電算処理、データ入力　プライバシーマーク認証４；</v>
          </cell>
          <cell r="AF3012" t="str">
            <v>昭和３９年１０月１日、現在の京都市中京区壬生桧町２０に東洋印刷として営業を開始。プライバシーマーク及びＩＳＯ９００１を取得しＤＰＳ作業と封入封緘作業の確立。従来のフォーム印刷も含めＤＰＳ作業と封入封緘作業の業務を伊丹市様とこの分野でのお取引を特に希望します。</v>
          </cell>
        </row>
        <row r="3013">
          <cell r="B3013">
            <v>11927</v>
          </cell>
          <cell r="C3013" t="str">
            <v>(株)ライトテック</v>
          </cell>
          <cell r="D3013" t="str">
            <v>06-6535-8465</v>
          </cell>
          <cell r="E3013" t="str">
            <v>550-0015</v>
          </cell>
          <cell r="F3013" t="str">
            <v xml:space="preserve">大阪府大阪市西区南堀江1-12-19 </v>
          </cell>
          <cell r="G3013" t="str">
            <v>大阪市</v>
          </cell>
          <cell r="H3013" t="str">
            <v/>
          </cell>
          <cell r="I3013" t="str">
            <v>代表取締役 吉澤　馨</v>
          </cell>
          <cell r="J3013" t="str">
            <v>本店</v>
          </cell>
          <cell r="K3013" t="str">
            <v>06-6535-8461</v>
          </cell>
          <cell r="L3013" t="str">
            <v>lt-osaka@lighttec.jp</v>
          </cell>
          <cell r="M3013" t="str">
            <v>ﾗｲﾄﾃｯｸ</v>
          </cell>
          <cell r="N3013" t="str">
            <v>無</v>
          </cell>
          <cell r="O3013">
            <v>23</v>
          </cell>
          <cell r="P3013">
            <v>47</v>
          </cell>
          <cell r="Q3013">
            <v>2120001132687</v>
          </cell>
          <cell r="R3013">
            <v>100000</v>
          </cell>
          <cell r="S3013">
            <v>1349961</v>
          </cell>
          <cell r="T3013">
            <v>4916622</v>
          </cell>
          <cell r="V3013" t="str">
            <v>ec769030</v>
          </cell>
          <cell r="W3013" t="str">
            <v>ol188398</v>
          </cell>
          <cell r="Y3013" t="str">
            <v>39，41，</v>
          </cell>
          <cell r="Z3013">
            <v>39</v>
          </cell>
          <cell r="AA3013">
            <v>41</v>
          </cell>
          <cell r="AB3013" t="str">
            <v/>
          </cell>
          <cell r="AC3013" t="str">
            <v/>
          </cell>
          <cell r="AD3013" t="str">
            <v/>
          </cell>
          <cell r="AE3013" t="str">
            <v>１；高度管理医療機器等販売業賃貸業許可、古物商許可２；高度管理医療機器等販売業賃貸業許可、古物商許可３；４；</v>
          </cell>
          <cell r="AF3013" t="str">
            <v>弊社は循環器科で使用される医療機器の販売専門ディーラーです。特に心臓カテーテル治療・心臓ペースメーカー等の商品は数多く在庫がございます。また、いち早く商品を納品するべく２４時間体制の対応を行っております。</v>
          </cell>
        </row>
        <row r="3014">
          <cell r="B3014">
            <v>11928</v>
          </cell>
          <cell r="C3014" t="str">
            <v>(株)アルティアセントラル</v>
          </cell>
          <cell r="D3014" t="str">
            <v>052-229-1101</v>
          </cell>
          <cell r="E3014" t="str">
            <v>460-0008</v>
          </cell>
          <cell r="F3014" t="str">
            <v>愛知県名古屋市中区栄1-29-29</v>
          </cell>
          <cell r="G3014" t="str">
            <v>名古屋市</v>
          </cell>
          <cell r="H3014" t="str">
            <v/>
          </cell>
          <cell r="I3014" t="str">
            <v>代表取締役 大石　宇多野</v>
          </cell>
          <cell r="J3014" t="str">
            <v>本店</v>
          </cell>
          <cell r="K3014" t="str">
            <v>052-229-1102</v>
          </cell>
          <cell r="L3014" t="str">
            <v>yoichi@altiacentral.com</v>
          </cell>
          <cell r="M3014" t="str">
            <v>ｱﾙﾃｨｱｾﾝﾄﾗﾙ</v>
          </cell>
          <cell r="N3014" t="str">
            <v>無</v>
          </cell>
          <cell r="O3014">
            <v>19</v>
          </cell>
          <cell r="P3014">
            <v>287</v>
          </cell>
          <cell r="Q3014">
            <v>9180001051009</v>
          </cell>
          <cell r="R3014">
            <v>20000</v>
          </cell>
          <cell r="S3014">
            <v>288388</v>
          </cell>
          <cell r="T3014">
            <v>1522560</v>
          </cell>
          <cell r="V3014" t="str">
            <v>va812457</v>
          </cell>
          <cell r="W3014" t="str">
            <v>ji131769</v>
          </cell>
          <cell r="Y3014" t="str">
            <v>12，56，</v>
          </cell>
          <cell r="Z3014">
            <v>56</v>
          </cell>
          <cell r="AA3014">
            <v>80</v>
          </cell>
          <cell r="AB3014">
            <v>12</v>
          </cell>
          <cell r="AC3014" t="str">
            <v/>
          </cell>
          <cell r="AD3014" t="str">
            <v>労働者派遣事業許可証、有料職業紹介事業許可証、ＩＳＯ２９９９０：２０１０</v>
          </cell>
          <cell r="AE3014" t="str">
            <v>１；英語指導助手・外国人英語講師派遣業務２；英語指導助手・外国人英語講師委託業務３；小中学校用英語教育教材４；</v>
          </cell>
          <cell r="AF3014" t="str">
            <v>英語指導助手・外国人英語講師委託派遣を専門とする会社です。</v>
          </cell>
        </row>
        <row r="3015">
          <cell r="B3015">
            <v>11929</v>
          </cell>
          <cell r="C3015" t="str">
            <v>平凡社出版販売(株)</v>
          </cell>
          <cell r="D3015" t="str">
            <v>03-3265-5851</v>
          </cell>
          <cell r="E3015" t="str">
            <v>102-0074</v>
          </cell>
          <cell r="F3015" t="str">
            <v>東京都千代田区九段南3-1-1</v>
          </cell>
          <cell r="G3015" t="str">
            <v>東京都</v>
          </cell>
          <cell r="H3015" t="str">
            <v/>
          </cell>
          <cell r="I3015" t="str">
            <v>代表取締役 下中　直人</v>
          </cell>
          <cell r="J3015" t="str">
            <v>本店</v>
          </cell>
          <cell r="K3015" t="str">
            <v>03-3265-5859</v>
          </cell>
          <cell r="L3015" t="str">
            <v>mori@sh.heibonsha.co.jp</v>
          </cell>
          <cell r="M3015" t="str">
            <v>ﾍｲﾎﾞﾝｼｬｼｭﾊﾟﾝﾊﾝﾊﾞｲ</v>
          </cell>
          <cell r="N3015" t="str">
            <v>無</v>
          </cell>
          <cell r="O3015">
            <v>58</v>
          </cell>
          <cell r="P3015">
            <v>7</v>
          </cell>
          <cell r="Q3015">
            <v>2010001028822</v>
          </cell>
          <cell r="R3015">
            <v>62000</v>
          </cell>
          <cell r="S3015">
            <v>7573</v>
          </cell>
          <cell r="T3015">
            <v>144796</v>
          </cell>
          <cell r="V3015" t="str">
            <v>fr438027</v>
          </cell>
          <cell r="W3015" t="str">
            <v>ｒf199915</v>
          </cell>
          <cell r="Y3015" t="str">
            <v>13，</v>
          </cell>
          <cell r="Z3015" t="str">
            <v/>
          </cell>
          <cell r="AA3015" t="str">
            <v/>
          </cell>
          <cell r="AB3015" t="str">
            <v/>
          </cell>
          <cell r="AC3015" t="str">
            <v/>
          </cell>
          <cell r="AD3015" t="str">
            <v/>
          </cell>
          <cell r="AE3015" t="str">
            <v>１；２；３；４；</v>
          </cell>
          <cell r="AF3015" t="str">
            <v>日本で発売されているすべての書籍を取扱できます。</v>
          </cell>
        </row>
        <row r="3016">
          <cell r="B3016">
            <v>11931</v>
          </cell>
          <cell r="C3016" t="str">
            <v>(株)まんぼう</v>
          </cell>
          <cell r="D3016" t="str">
            <v>078-453-2899</v>
          </cell>
          <cell r="E3016" t="str">
            <v>658-0025</v>
          </cell>
          <cell r="F3016" t="str">
            <v>兵庫県神戸市東灘区魚崎南町3-2-3</v>
          </cell>
          <cell r="G3016" t="str">
            <v>神戸市</v>
          </cell>
          <cell r="H3016" t="str">
            <v/>
          </cell>
          <cell r="I3016" t="str">
            <v>代表取締役 岡野　洋太郎</v>
          </cell>
          <cell r="J3016" t="str">
            <v>本店</v>
          </cell>
          <cell r="K3016" t="str">
            <v>078-453-0085</v>
          </cell>
          <cell r="L3016" t="str">
            <v>generalaffairs@cs-manbou.co.jp</v>
          </cell>
          <cell r="M3016" t="str">
            <v>ﾏﾝﾎﾞｳ</v>
          </cell>
          <cell r="N3016" t="str">
            <v>無</v>
          </cell>
          <cell r="O3016">
            <v>66</v>
          </cell>
          <cell r="P3016">
            <v>39</v>
          </cell>
          <cell r="Q3016">
            <v>9140001001215</v>
          </cell>
          <cell r="R3016">
            <v>46800</v>
          </cell>
          <cell r="S3016">
            <v>123610</v>
          </cell>
          <cell r="T3016">
            <v>718255</v>
          </cell>
          <cell r="V3016" t="str">
            <v>sm442065</v>
          </cell>
          <cell r="W3016" t="str">
            <v>qz191916</v>
          </cell>
          <cell r="Y3016" t="str">
            <v>080，9，10，38，39，44，</v>
          </cell>
          <cell r="Z3016">
            <v>44</v>
          </cell>
          <cell r="AA3016">
            <v>9</v>
          </cell>
          <cell r="AB3016">
            <v>39</v>
          </cell>
          <cell r="AC3016">
            <v>80</v>
          </cell>
          <cell r="AD3016" t="str">
            <v/>
          </cell>
          <cell r="AE3016" t="str">
            <v>１；在宅酸素供給装置レンタル、携帯用酸素容器レンタル、人工呼吸器レンタル、福祉用具・介護用品レンタル（車椅子・ペット・杖等）２；日本薬局方酸素、日本薬局亜酸化窒素、その他医療ガス全般、医薬品全般・医薬品製造業許可、医薬品販売業許可（特例販売業）、高圧ガス販売業許可（代理店・岩谷産業・住友精化・日本エアリキード）３；在宅酸素療法用酸素供給装置（酸素濃縮器、携帯用ボンベ）、医療用吸引器・湿潤器、その他関連機器全般４；在宅酸素療法用酸素供給装置（酸素濃縮器、携帯用ボンベ）保守点検、介護用品・福祉用具も取り扱っております。</v>
          </cell>
          <cell r="AF3016" t="str">
            <v>医療関連サービスマーク認定業者（在宅酸素療法用酸素供給装置のガス供給から供給装置の定期保守点検まで行っております）医療ガス、関連機器納入と保守も安定供給し、非常時にも迅速な対応が可能。在宅酸素療法・福祉用具・介護用品等のサポートが難しい商品も体制を確保しております。</v>
          </cell>
        </row>
        <row r="3017">
          <cell r="B3017">
            <v>11938</v>
          </cell>
          <cell r="C3017" t="str">
            <v>コクヨマーケティング(株)</v>
          </cell>
          <cell r="D3017" t="str">
            <v>06-7633-5943</v>
          </cell>
          <cell r="E3017" t="str">
            <v>530-0011</v>
          </cell>
          <cell r="F3017" t="str">
            <v>大阪府大阪市北区大深町3-1</v>
          </cell>
          <cell r="G3017" t="str">
            <v>大阪府</v>
          </cell>
          <cell r="H3017" t="str">
            <v>関西支社</v>
          </cell>
          <cell r="I3017" t="str">
            <v>関西支社長 下辻　則仁</v>
          </cell>
          <cell r="J3017" t="str">
            <v>東京都</v>
          </cell>
          <cell r="K3017" t="str">
            <v>06-7633-5947</v>
          </cell>
          <cell r="L3017" t="str">
            <v>takuya_fukui@kokuyo.com</v>
          </cell>
          <cell r="M3017" t="str">
            <v>ｺｸﾖﾏｰｹﾃｲﾝｸﾞ</v>
          </cell>
          <cell r="N3017" t="str">
            <v>有</v>
          </cell>
          <cell r="O3017">
            <v>49</v>
          </cell>
          <cell r="P3017">
            <v>909</v>
          </cell>
          <cell r="Q3017">
            <v>4010401072162</v>
          </cell>
          <cell r="R3017">
            <v>530000</v>
          </cell>
          <cell r="S3017">
            <v>7172323</v>
          </cell>
          <cell r="T3017">
            <v>74923747</v>
          </cell>
          <cell r="V3017" t="str">
            <v>ss959763</v>
          </cell>
          <cell r="W3017" t="str">
            <v>ca184552</v>
          </cell>
          <cell r="Y3017" t="str">
            <v>14，</v>
          </cell>
          <cell r="Z3017" t="str">
            <v/>
          </cell>
          <cell r="AA3017" t="str">
            <v/>
          </cell>
          <cell r="AB3017" t="str">
            <v/>
          </cell>
          <cell r="AC3017" t="str">
            <v/>
          </cell>
          <cell r="AD3017" t="str">
            <v/>
          </cell>
          <cell r="AE3017" t="str">
            <v>１；２；３；４；</v>
          </cell>
          <cell r="AF3017" t="str">
            <v/>
          </cell>
        </row>
        <row r="3018">
          <cell r="B3018">
            <v>11941</v>
          </cell>
          <cell r="C3018" t="str">
            <v>日本郵便(株)</v>
          </cell>
          <cell r="D3018" t="str">
            <v>072-772-2300</v>
          </cell>
          <cell r="E3018" t="str">
            <v>664-8799</v>
          </cell>
          <cell r="F3018" t="str">
            <v>兵庫県伊丹市中央6-2-14</v>
          </cell>
          <cell r="G3018" t="str">
            <v>伊丹市</v>
          </cell>
          <cell r="H3018" t="str">
            <v>伊丹郵便局</v>
          </cell>
          <cell r="I3018" t="str">
            <v>郵便局長 小西　博文</v>
          </cell>
          <cell r="J3018" t="str">
            <v>東京都</v>
          </cell>
          <cell r="K3018" t="str">
            <v>072-773-2295</v>
          </cell>
          <cell r="L3018" t="str">
            <v>hidetaka.nishioka.rj@ymc.jp-post.jp</v>
          </cell>
          <cell r="M3018" t="str">
            <v>ﾆｯﾎﾟﾝﾕｳﾋﾞﾝ</v>
          </cell>
          <cell r="N3018" t="str">
            <v>有</v>
          </cell>
          <cell r="O3018">
            <v>11</v>
          </cell>
          <cell r="P3018">
            <v>193910</v>
          </cell>
          <cell r="Q3018">
            <v>1010001112577</v>
          </cell>
          <cell r="R3018">
            <v>400000000</v>
          </cell>
          <cell r="S3018">
            <v>601701000</v>
          </cell>
          <cell r="T3018">
            <v>1978339000</v>
          </cell>
          <cell r="V3018" t="str">
            <v>ur874180</v>
          </cell>
          <cell r="W3018" t="str">
            <v>uｒ139898</v>
          </cell>
          <cell r="Y3018" t="str">
            <v>56，67，</v>
          </cell>
          <cell r="Z3018">
            <v>67</v>
          </cell>
          <cell r="AA3018">
            <v>56</v>
          </cell>
          <cell r="AB3018" t="str">
            <v/>
          </cell>
          <cell r="AC3018" t="str">
            <v/>
          </cell>
          <cell r="AD3018" t="str">
            <v/>
          </cell>
          <cell r="AE3018" t="str">
            <v>１；宅配部門のみ入札参加が可能です。２；封入、封緘作業のみ入札参加が可能です。３；４；</v>
          </cell>
          <cell r="AF3018" t="str">
            <v>郵送・運送業務だけでなく、郵便局の局舎スペースを活用した、広告・宣伝・イベント開催も承ります。</v>
          </cell>
        </row>
        <row r="3019">
          <cell r="B3019">
            <v>11942</v>
          </cell>
          <cell r="C3019" t="str">
            <v>(有)大田建築事務所</v>
          </cell>
          <cell r="D3019" t="str">
            <v>06-6482-5708</v>
          </cell>
          <cell r="E3019" t="str">
            <v>660-0893</v>
          </cell>
          <cell r="F3019" t="str">
            <v>兵庫県尼崎市西難波町4-6-35</v>
          </cell>
          <cell r="G3019" t="str">
            <v>尼崎市</v>
          </cell>
          <cell r="H3019" t="str">
            <v/>
          </cell>
          <cell r="I3019" t="str">
            <v>代表取締役 大田　範幸</v>
          </cell>
          <cell r="J3019" t="str">
            <v>本店</v>
          </cell>
          <cell r="K3019" t="str">
            <v>06-6482-5709</v>
          </cell>
          <cell r="L3019" t="str">
            <v>eigyou@c-ohta.co.jp</v>
          </cell>
          <cell r="M3019" t="str">
            <v>ｵｵﾀｹﾝﾁｸｼﾞﾑｼｮ</v>
          </cell>
          <cell r="N3019" t="str">
            <v>無</v>
          </cell>
          <cell r="O3019">
            <v>28</v>
          </cell>
          <cell r="P3019">
            <v>12</v>
          </cell>
          <cell r="Q3019">
            <v>1140002040252</v>
          </cell>
          <cell r="R3019">
            <v>10000</v>
          </cell>
          <cell r="S3019">
            <v>22751</v>
          </cell>
          <cell r="T3019">
            <v>100216</v>
          </cell>
          <cell r="V3019" t="str">
            <v>pk741149</v>
          </cell>
          <cell r="W3019" t="str">
            <v>jz199563</v>
          </cell>
          <cell r="Y3019" t="str">
            <v/>
          </cell>
          <cell r="Z3019" t="str">
            <v/>
          </cell>
          <cell r="AA3019" t="str">
            <v/>
          </cell>
          <cell r="AB3019" t="str">
            <v/>
          </cell>
          <cell r="AC3019" t="str">
            <v/>
          </cell>
          <cell r="AD3019" t="str">
            <v/>
          </cell>
          <cell r="AE3019" t="str">
            <v>１；２；３；４；</v>
          </cell>
          <cell r="AF3019" t="str">
            <v>補償コサルタンと業務の資格登録は○物件○機械工作○営業補償○事業損失○補償関連○総合補償の６部門取得しています。物品は駐輪機および精算機システムの設計施工販売および施設機械の保守点検運営管理</v>
          </cell>
        </row>
        <row r="3020">
          <cell r="B3020">
            <v>11944</v>
          </cell>
          <cell r="C3020" t="str">
            <v>(株)ウェルクル</v>
          </cell>
          <cell r="D3020" t="str">
            <v>06-6484-7321</v>
          </cell>
          <cell r="E3020" t="str">
            <v>541-0041</v>
          </cell>
          <cell r="F3020" t="str">
            <v>大阪府大阪市中央区北浜3-1-6</v>
          </cell>
          <cell r="G3020" t="str">
            <v>大阪市</v>
          </cell>
          <cell r="H3020" t="str">
            <v/>
          </cell>
          <cell r="I3020" t="str">
            <v>代表取締役 田中　学</v>
          </cell>
          <cell r="J3020" t="str">
            <v>本店</v>
          </cell>
          <cell r="K3020" t="str">
            <v>06-6484-7657</v>
          </cell>
          <cell r="L3020" t="str">
            <v>keiyaku@wellcle.co.jp</v>
          </cell>
          <cell r="M3020" t="str">
            <v>ｳｪﾙｸﾙ</v>
          </cell>
          <cell r="N3020" t="str">
            <v>無</v>
          </cell>
          <cell r="O3020">
            <v>14</v>
          </cell>
          <cell r="P3020">
            <v>39</v>
          </cell>
          <cell r="Q3020">
            <v>7140001053407</v>
          </cell>
          <cell r="R3020">
            <v>22000</v>
          </cell>
          <cell r="S3020">
            <v>25311</v>
          </cell>
          <cell r="T3020">
            <v>330396</v>
          </cell>
          <cell r="V3020" t="str">
            <v>vy989544</v>
          </cell>
          <cell r="W3020" t="str">
            <v>jt193888</v>
          </cell>
          <cell r="Y3020" t="str">
            <v>013，13，14，39，58，60，</v>
          </cell>
          <cell r="Z3020">
            <v>60</v>
          </cell>
          <cell r="AA3020">
            <v>58</v>
          </cell>
          <cell r="AB3020">
            <v>14</v>
          </cell>
          <cell r="AC3020">
            <v>13</v>
          </cell>
          <cell r="AD3020" t="str">
            <v/>
          </cell>
          <cell r="AE3020" t="str">
            <v>１；特定保健指導に係る業務全般（各種保健指導、健診等受診勧奨業務、保データヘルス計画策定支援業務等）２；健康管理に関するシステム・ソフトウェアの開発運用保守３；健診結果分析のためのソフトウェア「マルチマーカー」４；保健情報に関する電子書籍集「どこでもケア」</v>
          </cell>
          <cell r="AF3020" t="str">
            <v>弊社は保健指導機関として地域・職域の方々の生活習慣改善のサポートを行ったり、システム会社として健診データ等を分析するなど、生活習慣病やその重症化を未然に防ぐための役割を多岐にわたり担うことで健康増進事業に関わる全ての方々をを支援しています。</v>
          </cell>
        </row>
        <row r="3021">
          <cell r="B3021">
            <v>11945</v>
          </cell>
          <cell r="C3021" t="str">
            <v>富士通Japanオフィスサービス(株)</v>
          </cell>
          <cell r="D3021" t="str">
            <v>06-6343-2811</v>
          </cell>
          <cell r="E3021" t="str">
            <v>530-0001</v>
          </cell>
          <cell r="F3021" t="str">
            <v>大阪府大阪市北区梅田3-3-10</v>
          </cell>
          <cell r="G3021" t="str">
            <v>大阪市</v>
          </cell>
          <cell r="H3021" t="str">
            <v>関西営業部</v>
          </cell>
          <cell r="I3021" t="str">
            <v>部長 吉田　昌史</v>
          </cell>
          <cell r="J3021" t="str">
            <v>東京都</v>
          </cell>
          <cell r="K3021" t="str">
            <v>06-6343-2805</v>
          </cell>
          <cell r="L3021" t="str">
            <v/>
          </cell>
          <cell r="M3021" t="str">
            <v>ﾌｼﾞﾂｳﾏｰｹﾃｨﾝｸﾞｵﾌｨｽｻｰﾋﾞｽ</v>
          </cell>
          <cell r="N3021" t="str">
            <v>有</v>
          </cell>
          <cell r="O3021">
            <v>22</v>
          </cell>
          <cell r="P3021">
            <v>43</v>
          </cell>
          <cell r="Q3021">
            <v>7010001084893</v>
          </cell>
          <cell r="R3021">
            <v>70000</v>
          </cell>
          <cell r="S3021">
            <v>260693</v>
          </cell>
          <cell r="T3021">
            <v>5775910</v>
          </cell>
          <cell r="V3021" t="str">
            <v>rj410534</v>
          </cell>
          <cell r="W3021" t="str">
            <v>of153163</v>
          </cell>
          <cell r="Y3021" t="str">
            <v>044，06，08，14，15，27，35，36，44，57，69，74，76，</v>
          </cell>
          <cell r="Z3021">
            <v>14</v>
          </cell>
          <cell r="AA3021">
            <v>36</v>
          </cell>
          <cell r="AB3021">
            <v>27</v>
          </cell>
          <cell r="AC3021">
            <v>44</v>
          </cell>
          <cell r="AD3021" t="str">
            <v/>
          </cell>
          <cell r="AE3021" t="str">
            <v>１；第一希望プリンタトナー、インクカートリッジ２；第二希望　プリンタ、パソコン周辺機器３；第三希望　事務用机、書庫４；第四希望　中古パソコンによるレンタル</v>
          </cell>
          <cell r="AF3021" t="str">
            <v>オフィスに関わるすべての商品・サービスをご提案。主にプリンタ消耗品、オーダーフォーム印刷、情報機器、パソコン周辺機器、パソコンレンタル、不要となったパソコンデータ消去サービス。</v>
          </cell>
        </row>
        <row r="3022">
          <cell r="B3022">
            <v>11950</v>
          </cell>
          <cell r="C3022" t="str">
            <v>(株)三機サービス</v>
          </cell>
          <cell r="D3022" t="str">
            <v>06-6380-0211</v>
          </cell>
          <cell r="E3022" t="str">
            <v>564-0043</v>
          </cell>
          <cell r="F3022" t="str">
            <v>大阪府吹田市南吹田5‐22‐10</v>
          </cell>
          <cell r="G3022" t="str">
            <v>吹田市</v>
          </cell>
          <cell r="H3022" t="str">
            <v>大阪センター</v>
          </cell>
          <cell r="I3022" t="str">
            <v>所長 沖田　富雄</v>
          </cell>
          <cell r="J3022" t="str">
            <v>兵庫県姫路市</v>
          </cell>
          <cell r="K3022" t="str">
            <v>06-6380-0212</v>
          </cell>
          <cell r="L3022" t="str">
            <v>maekawa@sanki-s.co.jp</v>
          </cell>
          <cell r="M3022" t="str">
            <v>ｻﾝｷｻｰﾋﾞｽ</v>
          </cell>
          <cell r="N3022" t="str">
            <v>有</v>
          </cell>
          <cell r="O3022">
            <v>26</v>
          </cell>
          <cell r="P3022">
            <v>358</v>
          </cell>
          <cell r="Q3022">
            <v>3140001059036</v>
          </cell>
          <cell r="R3022">
            <v>550628</v>
          </cell>
          <cell r="S3022">
            <v>2431682</v>
          </cell>
          <cell r="T3022">
            <v>11148841</v>
          </cell>
          <cell r="V3022" t="str">
            <v>hx894344</v>
          </cell>
          <cell r="W3022" t="str">
            <v>kq151399</v>
          </cell>
          <cell r="Y3022" t="str">
            <v>35，48，</v>
          </cell>
          <cell r="Z3022" t="str">
            <v/>
          </cell>
          <cell r="AA3022" t="str">
            <v/>
          </cell>
          <cell r="AB3022" t="str">
            <v/>
          </cell>
          <cell r="AC3022" t="str">
            <v/>
          </cell>
          <cell r="AD3022" t="str">
            <v/>
          </cell>
          <cell r="AE3022" t="str">
            <v>１；２；３；４；</v>
          </cell>
          <cell r="AF3022" t="str">
            <v>■空調メンテナンスサービス（ビル・病院・店舗などの空調機器・給湯器の修理・保守管理や緊急事例に対応）■主な機器（吸収式冷温水機、ガスヒートポンプ、パッケージエアコン、給湯ボイラーなど）■メーカーメンテナンス（パナソニック、東京ガス、ダイキン工業、三菱重工など）</v>
          </cell>
        </row>
        <row r="3023">
          <cell r="B3023">
            <v>11953</v>
          </cell>
          <cell r="C3023" t="str">
            <v>(株)ソルト関西</v>
          </cell>
          <cell r="D3023" t="str">
            <v>06-6267-7600</v>
          </cell>
          <cell r="E3023" t="str">
            <v>541-0053</v>
          </cell>
          <cell r="F3023" t="str">
            <v>大阪府大阪市中央区本町2‐5‐7</v>
          </cell>
          <cell r="G3023" t="str">
            <v>大阪市</v>
          </cell>
          <cell r="H3023" t="str">
            <v>本社</v>
          </cell>
          <cell r="I3023" t="str">
            <v>営業本部長 田野　好史郎</v>
          </cell>
          <cell r="J3023" t="str">
            <v>大阪府大阪市</v>
          </cell>
          <cell r="K3023" t="str">
            <v>06-6267-7601</v>
          </cell>
          <cell r="L3023" t="str">
            <v/>
          </cell>
          <cell r="M3023" t="str">
            <v>ｿﾙﾄｶﾝｻｲ</v>
          </cell>
          <cell r="N3023" t="str">
            <v>有</v>
          </cell>
          <cell r="O3023">
            <v>22</v>
          </cell>
          <cell r="P3023">
            <v>63</v>
          </cell>
          <cell r="Q3023">
            <v>3120001099802</v>
          </cell>
          <cell r="R3023">
            <v>48000</v>
          </cell>
          <cell r="S3023">
            <v>1387500</v>
          </cell>
          <cell r="T3023">
            <v>8889827</v>
          </cell>
          <cell r="V3023" t="str">
            <v>er198098</v>
          </cell>
          <cell r="W3023" t="str">
            <v>kｒ135883</v>
          </cell>
          <cell r="Y3023" t="str">
            <v>02，10，</v>
          </cell>
          <cell r="Z3023" t="str">
            <v/>
          </cell>
          <cell r="AA3023" t="str">
            <v/>
          </cell>
          <cell r="AB3023" t="str">
            <v/>
          </cell>
          <cell r="AC3023" t="str">
            <v/>
          </cell>
          <cell r="AD3023" t="str">
            <v/>
          </cell>
          <cell r="AE3023" t="str">
            <v>１；凍結防止剤、防塵剤（毒薬劇物一般販売業者登録票、公益財団法人塩事業センターとの指定販売店契約）２；塩、砂糖、その他調味料（公益財団法人塩事業センターとの指定販売店契約）３；４；</v>
          </cell>
          <cell r="AF3023" t="str">
            <v>食塩を始め、グラウンド用の防塵剤や道路用の凍結防止剤など、あらゆる種類の塩の販売を行っております。</v>
          </cell>
        </row>
        <row r="3024">
          <cell r="B3024">
            <v>11954</v>
          </cell>
          <cell r="C3024" t="str">
            <v>信利工業(株)</v>
          </cell>
          <cell r="D3024" t="str">
            <v>072-260-3688</v>
          </cell>
          <cell r="E3024" t="str">
            <v>593-8312</v>
          </cell>
          <cell r="F3024" t="str">
            <v>大阪府堺市西区草部2009番地</v>
          </cell>
          <cell r="G3024" t="str">
            <v>堺市</v>
          </cell>
          <cell r="H3024" t="str">
            <v/>
          </cell>
          <cell r="I3024" t="str">
            <v>代表取締役 池平　美香</v>
          </cell>
          <cell r="J3024" t="str">
            <v>本店</v>
          </cell>
          <cell r="K3024" t="str">
            <v>072-260-3677</v>
          </cell>
          <cell r="L3024" t="str">
            <v>info@shinrikogyo.co.jp</v>
          </cell>
          <cell r="M3024" t="str">
            <v>ｼﾝﾘｺｳｷﾞｮｳ</v>
          </cell>
          <cell r="N3024" t="str">
            <v>無</v>
          </cell>
          <cell r="O3024">
            <v>17</v>
          </cell>
          <cell r="P3024">
            <v>19</v>
          </cell>
          <cell r="Q3024">
            <v>5120101009948</v>
          </cell>
          <cell r="R3024">
            <v>10000</v>
          </cell>
          <cell r="S3024">
            <v>65013</v>
          </cell>
          <cell r="T3024">
            <v>615796</v>
          </cell>
          <cell r="V3024" t="str">
            <v>tw891911</v>
          </cell>
          <cell r="W3024" t="str">
            <v>ue199967</v>
          </cell>
          <cell r="Y3024" t="str">
            <v>68，69，</v>
          </cell>
          <cell r="Z3024" t="str">
            <v/>
          </cell>
          <cell r="AA3024" t="str">
            <v/>
          </cell>
          <cell r="AB3024" t="str">
            <v/>
          </cell>
          <cell r="AC3024" t="str">
            <v/>
          </cell>
          <cell r="AD3024" t="str">
            <v/>
          </cell>
          <cell r="AE3024" t="str">
            <v>１；産業廃棄物処理の許可を取得している為、収集運搬と併せて対応可能です。２；ＯＡ機器等の引取りからＨＤＤデータ破壊、リサイクルまでを弊社のみで可能。プライバシーマークも取得している為情報漏洩等の心配もありません。３；４；</v>
          </cell>
          <cell r="AF3024" t="str">
            <v>ゴミのゼロ化を目指して産業廃棄物扱いとなるＯＡ機器等を解体、分別し素材として再資源化しています。鉄、非鉄もスクラップとして循環型企業を目指し産業廃棄物の許可も取得しており、あらゆる物の最終的な相談窓口として活用して頂けると思います。</v>
          </cell>
        </row>
        <row r="3025">
          <cell r="B3025">
            <v>11957</v>
          </cell>
          <cell r="C3025" t="str">
            <v>(株)地域環境計画</v>
          </cell>
          <cell r="D3025" t="str">
            <v>072-684-3182</v>
          </cell>
          <cell r="E3025" t="str">
            <v>569-1123</v>
          </cell>
          <cell r="F3025" t="str">
            <v>大阪府高槻市芥川町1-15-18</v>
          </cell>
          <cell r="G3025" t="str">
            <v>高槻市</v>
          </cell>
          <cell r="H3025" t="str">
            <v>大阪支社</v>
          </cell>
          <cell r="I3025" t="str">
            <v>大阪支社長 上崎　聰敏</v>
          </cell>
          <cell r="J3025" t="str">
            <v>東京都</v>
          </cell>
          <cell r="K3025" t="str">
            <v>072-684-3184</v>
          </cell>
          <cell r="L3025" t="str">
            <v>osk-office@chiikan.co.jp</v>
          </cell>
          <cell r="M3025" t="str">
            <v>ﾁｲｷｶﾝｷｮｳｹｲｶｸ</v>
          </cell>
          <cell r="N3025" t="str">
            <v>有</v>
          </cell>
          <cell r="O3025">
            <v>37</v>
          </cell>
          <cell r="P3025">
            <v>114</v>
          </cell>
          <cell r="Q3025">
            <v>6010901007401</v>
          </cell>
          <cell r="R3025">
            <v>10000</v>
          </cell>
          <cell r="S3025">
            <v>267846</v>
          </cell>
          <cell r="T3025">
            <v>1550595</v>
          </cell>
          <cell r="V3025" t="str">
            <v>ep758822</v>
          </cell>
          <cell r="W3025" t="str">
            <v>ｒm199393</v>
          </cell>
          <cell r="Y3025" t="str">
            <v/>
          </cell>
          <cell r="Z3025">
            <v>80</v>
          </cell>
          <cell r="AA3025" t="str">
            <v/>
          </cell>
          <cell r="AB3025" t="str">
            <v/>
          </cell>
          <cell r="AC3025" t="str">
            <v/>
          </cell>
          <cell r="AD3025" t="str">
            <v/>
          </cell>
          <cell r="AE3025" t="str">
            <v>１；鳥獣被害対策商品の販売２；３；４；</v>
          </cell>
          <cell r="AF3025" t="str">
            <v>当社は生物多様性の取組をサポートする環境コンサルティング会社です。生きものと環境保全の専門家集団として、自然と人にとって常にベストな結果を追求しています。物品の販売では法律・鳥獣防除の正しい知識や役に立つ鳥獣対策情報と適切な鳥獣防除機材を選ぶことができます。</v>
          </cell>
        </row>
        <row r="3026">
          <cell r="B3026">
            <v>11958</v>
          </cell>
          <cell r="C3026" t="str">
            <v>大成有楽不動産(株)</v>
          </cell>
          <cell r="D3026" t="str">
            <v>06-6262-1601</v>
          </cell>
          <cell r="E3026" t="str">
            <v>541-0053</v>
          </cell>
          <cell r="F3026" t="str">
            <v>大阪府大阪市中央区本町4-1-7</v>
          </cell>
          <cell r="G3026" t="str">
            <v>大阪市</v>
          </cell>
          <cell r="H3026" t="str">
            <v>関西支店</v>
          </cell>
          <cell r="I3026" t="str">
            <v>支店長 太田　孝三</v>
          </cell>
          <cell r="J3026" t="str">
            <v>東京都</v>
          </cell>
          <cell r="K3026" t="str">
            <v>06-6262-1631</v>
          </cell>
          <cell r="L3026" t="str">
            <v/>
          </cell>
          <cell r="M3026" t="str">
            <v>ﾀｲｾｲﾕｳﾗｸﾌﾄﾞｳｻﾝ</v>
          </cell>
          <cell r="N3026" t="str">
            <v>有</v>
          </cell>
          <cell r="O3026">
            <v>47</v>
          </cell>
          <cell r="P3026">
            <v>3075</v>
          </cell>
          <cell r="Q3026">
            <v>7010001049087</v>
          </cell>
          <cell r="R3026">
            <v>10000000</v>
          </cell>
          <cell r="S3026">
            <v>72501338</v>
          </cell>
          <cell r="T3026">
            <v>95827796</v>
          </cell>
          <cell r="V3026" t="str">
            <v>bf921005</v>
          </cell>
          <cell r="W3026" t="str">
            <v>nd165358</v>
          </cell>
          <cell r="Y3026" t="str">
            <v>049，46，47，48，49，</v>
          </cell>
          <cell r="Z3026">
            <v>46</v>
          </cell>
          <cell r="AA3026">
            <v>48</v>
          </cell>
          <cell r="AB3026">
            <v>47</v>
          </cell>
          <cell r="AC3026">
            <v>49</v>
          </cell>
          <cell r="AD3026" t="str">
            <v/>
          </cell>
          <cell r="AE3026" t="str">
            <v>１；２；３；４；</v>
          </cell>
          <cell r="AF3026" t="str">
            <v>当社は、大成建設株式会社の子会社で、建物の維持・運転・保守管理等総合的な建物管理会社です。建物・施設の維持管理、警備、リニューアル工事を行っています。</v>
          </cell>
        </row>
        <row r="3027">
          <cell r="B3027">
            <v>11961</v>
          </cell>
          <cell r="C3027" t="str">
            <v>(株)丸尾計画事務所</v>
          </cell>
          <cell r="D3027" t="str">
            <v>078-361-6308</v>
          </cell>
          <cell r="E3027" t="str">
            <v>650-0011</v>
          </cell>
          <cell r="F3027" t="str">
            <v>兵庫県神戸市中央区下山手通5-7-15</v>
          </cell>
          <cell r="G3027" t="str">
            <v>神戸市</v>
          </cell>
          <cell r="H3027" t="str">
            <v>関西事業所長 田上　和宏</v>
          </cell>
          <cell r="I3027" t="str">
            <v>神戸事務所長 前川　拓也</v>
          </cell>
          <cell r="J3027" t="str">
            <v>兵庫県姫路市</v>
          </cell>
          <cell r="K3027" t="str">
            <v>078-361-6307</v>
          </cell>
          <cell r="L3027" t="str">
            <v>mpo@maruokeikaku.co.jp</v>
          </cell>
          <cell r="M3027" t="str">
            <v>ﾏﾙｵｹｲｶｸｼﾞﾑｼｮ</v>
          </cell>
          <cell r="N3027" t="str">
            <v>有</v>
          </cell>
          <cell r="O3027">
            <v>29</v>
          </cell>
          <cell r="P3027">
            <v>17</v>
          </cell>
          <cell r="Q3027">
            <v>6140001061682</v>
          </cell>
          <cell r="R3027">
            <v>10000</v>
          </cell>
          <cell r="S3027">
            <v>71534</v>
          </cell>
          <cell r="T3027">
            <v>261822</v>
          </cell>
          <cell r="V3027" t="str">
            <v>pz794459</v>
          </cell>
          <cell r="W3027" t="str">
            <v>ni177082</v>
          </cell>
          <cell r="Y3027" t="str">
            <v>57，58，77，</v>
          </cell>
          <cell r="Z3027">
            <v>77</v>
          </cell>
          <cell r="AA3027">
            <v>57</v>
          </cell>
          <cell r="AB3027">
            <v>58</v>
          </cell>
          <cell r="AC3027" t="str">
            <v/>
          </cell>
          <cell r="AD3027" t="str">
            <v/>
          </cell>
          <cell r="AE3027" t="str">
            <v>１；２；３；４；</v>
          </cell>
          <cell r="AF3027" t="str">
            <v>総合交通計画、道路計画、公共交通計画、地区計画、土地利用計画、道路設計、橋梁等構造物設計等土木計画に関する調査研究。交通量調査、アンケート調査、データ入力、データベース作成、プログラム作成等</v>
          </cell>
        </row>
        <row r="3028">
          <cell r="B3028">
            <v>11962</v>
          </cell>
          <cell r="C3028" t="str">
            <v>アサミ情報システム(株)</v>
          </cell>
          <cell r="D3028" t="str">
            <v>06-6762-0051</v>
          </cell>
          <cell r="E3028" t="str">
            <v>542-0012</v>
          </cell>
          <cell r="F3028" t="str">
            <v>大阪府大阪市中央区谷町7-5-1</v>
          </cell>
          <cell r="G3028" t="str">
            <v>大阪市</v>
          </cell>
          <cell r="H3028" t="str">
            <v/>
          </cell>
          <cell r="I3028" t="str">
            <v>代表取締役　 伊丹　修司</v>
          </cell>
          <cell r="J3028" t="str">
            <v>本店</v>
          </cell>
          <cell r="K3028" t="str">
            <v>06-6762-0226</v>
          </cell>
          <cell r="L3028" t="str">
            <v>gov@asamisun.com</v>
          </cell>
          <cell r="M3028" t="str">
            <v>ｱｻﾐｼﾞﾖｳﾎｳｼｽﾃﾑ</v>
          </cell>
          <cell r="N3028" t="str">
            <v>無</v>
          </cell>
          <cell r="O3028">
            <v>45</v>
          </cell>
          <cell r="P3028">
            <v>30</v>
          </cell>
          <cell r="Q3028">
            <v>8120000000000</v>
          </cell>
          <cell r="R3028">
            <v>50000</v>
          </cell>
          <cell r="S3028">
            <v>215328</v>
          </cell>
          <cell r="T3028">
            <v>669445</v>
          </cell>
          <cell r="V3028" t="str">
            <v>vw944725</v>
          </cell>
          <cell r="W3028" t="str">
            <v>du188139</v>
          </cell>
          <cell r="Y3028" t="str">
            <v>13.14.15.36.44.56.57.58.70.72</v>
          </cell>
          <cell r="Z3028">
            <v>58</v>
          </cell>
          <cell r="AA3028">
            <v>57</v>
          </cell>
          <cell r="AB3028">
            <v>36</v>
          </cell>
          <cell r="AC3028">
            <v>13</v>
          </cell>
          <cell r="AD3028" t="str">
            <v/>
          </cell>
          <cell r="AE3028" t="str">
            <v>１；２；マッピングシステム開発及び保守３；Ａｒｃ　ＧＩＳ、ｓｈａｐｅファイル等地図情報の入力、編集　ファイリング入力及びＣＡＤ入力４；情報関連機器及びソフトの販売</v>
          </cell>
          <cell r="AF3028" t="str">
            <v>マッピングシステム開発、地図画像編集及び属性情報編集、保存文書のファイリング入力及び図面のＣＡＤ化、印刷製本等複写業務全般、入力オペレータ派遣、エリア図作成、住宅地図販売、情報処理機器及びソフトの販売</v>
          </cell>
        </row>
        <row r="3029">
          <cell r="B3029">
            <v>11963</v>
          </cell>
          <cell r="C3029" t="str">
            <v>(株)ブレインサービス</v>
          </cell>
          <cell r="D3029" t="str">
            <v>06-6543-2338</v>
          </cell>
          <cell r="E3029" t="str">
            <v>550-0011</v>
          </cell>
          <cell r="F3029" t="str">
            <v>大阪府大阪市西区阿波座2-4-23</v>
          </cell>
          <cell r="G3029" t="str">
            <v>大阪市</v>
          </cell>
          <cell r="H3029" t="str">
            <v/>
          </cell>
          <cell r="I3029" t="str">
            <v>代表取締役 桑原　昌次</v>
          </cell>
          <cell r="J3029" t="str">
            <v>本店</v>
          </cell>
          <cell r="K3029" t="str">
            <v>06-6543-2337</v>
          </cell>
          <cell r="L3029" t="str">
            <v>ishihara@brainservice.co.jp</v>
          </cell>
          <cell r="M3029" t="str">
            <v>ﾌﾞﾚｲﾝｻｰﾋﾞｽ</v>
          </cell>
          <cell r="N3029" t="str">
            <v>無</v>
          </cell>
          <cell r="O3029">
            <v>35</v>
          </cell>
          <cell r="P3029">
            <v>26</v>
          </cell>
          <cell r="Q3029">
            <v>2120001047175</v>
          </cell>
          <cell r="R3029">
            <v>15000</v>
          </cell>
          <cell r="S3029">
            <v>69660</v>
          </cell>
          <cell r="T3029">
            <v>234514</v>
          </cell>
          <cell r="V3029" t="str">
            <v>fv135700</v>
          </cell>
          <cell r="W3029" t="str">
            <v>fj111993</v>
          </cell>
          <cell r="Y3029" t="str">
            <v>36，58，</v>
          </cell>
          <cell r="Z3029">
            <v>58</v>
          </cell>
          <cell r="AA3029">
            <v>36</v>
          </cell>
          <cell r="AB3029" t="str">
            <v/>
          </cell>
          <cell r="AC3029" t="str">
            <v/>
          </cell>
          <cell r="AD3029" t="str">
            <v/>
          </cell>
          <cell r="AE3029" t="str">
            <v>１；２；３；４；</v>
          </cell>
          <cell r="AF3029" t="str">
            <v>株式会社ブレインサービスは、地方自治体の地域包括支援センターや介護保険事業所向けに介護保険システム・地域包括システム・日常生活支援総合事業システム・障害者総合支援システムなど介護福祉サービスの運用を支援するシステムを提供しています。</v>
          </cell>
        </row>
        <row r="3030">
          <cell r="B3030">
            <v>11964</v>
          </cell>
          <cell r="C3030" t="str">
            <v>(有)ティーエーシーエンジニアリング</v>
          </cell>
          <cell r="D3030" t="str">
            <v>06-6414-0311</v>
          </cell>
          <cell r="E3030" t="str">
            <v>660-0062</v>
          </cell>
          <cell r="F3030" t="str">
            <v>兵庫県尼崎市浜田町1-48</v>
          </cell>
          <cell r="G3030" t="str">
            <v>尼崎市</v>
          </cell>
          <cell r="H3030" t="str">
            <v/>
          </cell>
          <cell r="I3030" t="str">
            <v>代表取締役 表　隆司</v>
          </cell>
          <cell r="J3030" t="str">
            <v>本店</v>
          </cell>
          <cell r="K3030" t="str">
            <v>06-6414-0361</v>
          </cell>
          <cell r="L3030" t="str">
            <v>tacomote0311@hotmail.com</v>
          </cell>
          <cell r="M3030" t="str">
            <v>ﾃｨｰｴｰｼｰｴﾝｼﾞﾆｱﾘﾝｸﾞ</v>
          </cell>
          <cell r="N3030" t="str">
            <v>無</v>
          </cell>
          <cell r="O3030">
            <v>9</v>
          </cell>
          <cell r="P3030">
            <v>9</v>
          </cell>
          <cell r="Q3030">
            <v>8140002011346</v>
          </cell>
          <cell r="R3030">
            <v>10000</v>
          </cell>
          <cell r="S3030">
            <v>4200</v>
          </cell>
          <cell r="T3030">
            <v>178402</v>
          </cell>
          <cell r="V3030" t="str">
            <v>ey222245</v>
          </cell>
          <cell r="W3030" t="str">
            <v>bg179639</v>
          </cell>
          <cell r="Y3030" t="str">
            <v>48，</v>
          </cell>
          <cell r="Z3030">
            <v>48</v>
          </cell>
          <cell r="AA3030" t="str">
            <v/>
          </cell>
          <cell r="AB3030" t="str">
            <v/>
          </cell>
          <cell r="AC3030" t="str">
            <v/>
          </cell>
          <cell r="AD3030" t="str">
            <v/>
          </cell>
          <cell r="AE3030" t="str">
            <v>１；２；３；４；</v>
          </cell>
          <cell r="AF3030" t="str">
            <v/>
          </cell>
        </row>
        <row r="3031">
          <cell r="B3031">
            <v>11971</v>
          </cell>
          <cell r="C3031" t="str">
            <v>(株)ウィニスト</v>
          </cell>
          <cell r="D3031" t="str">
            <v>078-381-6026</v>
          </cell>
          <cell r="E3031" t="str">
            <v>650-0033</v>
          </cell>
          <cell r="F3031" t="str">
            <v>兵庫県神戸市中央区江戸町95</v>
          </cell>
          <cell r="G3031" t="str">
            <v>神戸市</v>
          </cell>
          <cell r="I3031" t="str">
            <v>代表取締役 山元　康生</v>
          </cell>
          <cell r="J3031" t="str">
            <v>兵庫県神戸市</v>
          </cell>
          <cell r="K3031" t="str">
            <v>078-381-6027</v>
          </cell>
          <cell r="L3031" t="str">
            <v>info@winnist-power.net</v>
          </cell>
          <cell r="M3031" t="str">
            <v>ｳｲﾆｽﾄ</v>
          </cell>
          <cell r="N3031" t="str">
            <v>有</v>
          </cell>
          <cell r="O3031">
            <v>8</v>
          </cell>
          <cell r="P3031">
            <v>14</v>
          </cell>
          <cell r="Q3031">
            <v>5140000000000</v>
          </cell>
          <cell r="R3031">
            <v>20000</v>
          </cell>
          <cell r="S3031" t="str">
            <v/>
          </cell>
          <cell r="T3031">
            <v>529107</v>
          </cell>
          <cell r="V3031" t="str">
            <v>jv781835</v>
          </cell>
          <cell r="W3031" t="str">
            <v>jk189199</v>
          </cell>
          <cell r="Y3031" t="str">
            <v>7.44.63.65.66</v>
          </cell>
          <cell r="Z3031">
            <v>63</v>
          </cell>
          <cell r="AA3031">
            <v>44</v>
          </cell>
          <cell r="AB3031">
            <v>7</v>
          </cell>
          <cell r="AC3031">
            <v>66</v>
          </cell>
          <cell r="AD3031" t="str">
            <v/>
          </cell>
          <cell r="AE3031" t="str">
            <v>１；２；３；４；</v>
          </cell>
          <cell r="AF3031" t="str">
            <v>式典・講演会・地域のお祭りなど各種イベントの企画から運営・会場設営撤去までイベントのことならお任せください。イベントに関わる全ての機材の賃貸及び販売も行っております。</v>
          </cell>
        </row>
        <row r="3032">
          <cell r="B3032">
            <v>11973</v>
          </cell>
          <cell r="C3032" t="str">
            <v>(株)ミセスコロケット</v>
          </cell>
          <cell r="D3032" t="str">
            <v>072-875-2118</v>
          </cell>
          <cell r="E3032" t="str">
            <v>574-0064</v>
          </cell>
          <cell r="F3032" t="str">
            <v>大阪府大東市御領3-10-36</v>
          </cell>
          <cell r="G3032" t="str">
            <v>大東市</v>
          </cell>
          <cell r="H3032" t="str">
            <v/>
          </cell>
          <cell r="I3032" t="str">
            <v>代表取締役 柴田　知子</v>
          </cell>
          <cell r="J3032" t="str">
            <v>本店</v>
          </cell>
          <cell r="K3032" t="str">
            <v>072-875-2118</v>
          </cell>
          <cell r="L3032" t="str">
            <v>mrsco.tn@gmail.com</v>
          </cell>
          <cell r="M3032" t="str">
            <v>ﾐｾｽｺﾛｹｯﾄ</v>
          </cell>
          <cell r="N3032" t="str">
            <v>無</v>
          </cell>
          <cell r="O3032">
            <v>35</v>
          </cell>
          <cell r="P3032">
            <v>35</v>
          </cell>
          <cell r="Q3032">
            <v>3122001015978</v>
          </cell>
          <cell r="R3032">
            <v>10000</v>
          </cell>
          <cell r="S3032">
            <v>59049</v>
          </cell>
          <cell r="T3032">
            <v>306593</v>
          </cell>
          <cell r="V3032" t="str">
            <v>qj338091</v>
          </cell>
          <cell r="W3032" t="str">
            <v>bｒ117333</v>
          </cell>
          <cell r="Y3032" t="str">
            <v/>
          </cell>
          <cell r="Z3032" t="str">
            <v/>
          </cell>
          <cell r="AA3032" t="str">
            <v/>
          </cell>
          <cell r="AB3032" t="str">
            <v/>
          </cell>
          <cell r="AC3032" t="str">
            <v/>
          </cell>
          <cell r="AD3032" t="str">
            <v/>
          </cell>
          <cell r="AE3032" t="str">
            <v>１；給食調理業務２；３；４；</v>
          </cell>
          <cell r="AF3032" t="str">
            <v>給食全般</v>
          </cell>
        </row>
        <row r="3033">
          <cell r="B3033">
            <v>11974</v>
          </cell>
          <cell r="C3033" t="str">
            <v>(株)服部</v>
          </cell>
          <cell r="D3033" t="str">
            <v>06-6430-2201</v>
          </cell>
          <cell r="E3033" t="str">
            <v>660-0052</v>
          </cell>
          <cell r="F3033" t="str">
            <v>兵庫県尼崎市七松町3-3-8</v>
          </cell>
          <cell r="G3033" t="str">
            <v>尼崎市</v>
          </cell>
          <cell r="H3033" t="str">
            <v>尼崎営業所</v>
          </cell>
          <cell r="I3033" t="str">
            <v>所長 安部　謙吾</v>
          </cell>
          <cell r="J3033" t="str">
            <v>兵庫県神戸市</v>
          </cell>
          <cell r="K3033" t="str">
            <v>06-6430-2202</v>
          </cell>
          <cell r="L3033" t="str">
            <v>abe@hattori-kobe.co.jp</v>
          </cell>
          <cell r="M3033" t="str">
            <v>ﾊｯﾄﾘ</v>
          </cell>
          <cell r="N3033" t="str">
            <v>有</v>
          </cell>
          <cell r="O3033">
            <v>123</v>
          </cell>
          <cell r="P3033">
            <v>48</v>
          </cell>
          <cell r="Q3033">
            <v>4140001010187</v>
          </cell>
          <cell r="R3033">
            <v>30000</v>
          </cell>
          <cell r="S3033">
            <v>427707</v>
          </cell>
          <cell r="T3033">
            <v>2841718</v>
          </cell>
          <cell r="V3033" t="str">
            <v>kr410523</v>
          </cell>
          <cell r="W3033" t="str">
            <v>zz197763</v>
          </cell>
          <cell r="Y3033" t="str">
            <v>41，42，</v>
          </cell>
          <cell r="Z3033">
            <v>42</v>
          </cell>
          <cell r="AA3033">
            <v>41</v>
          </cell>
          <cell r="AB3033" t="str">
            <v/>
          </cell>
          <cell r="AC3033" t="str">
            <v/>
          </cell>
          <cell r="AD3033" t="str">
            <v/>
          </cell>
          <cell r="AE3033" t="str">
            <v>１；（代）日置電機、（代）リオン、（代）小野測器、（代）グラフテック、（専）ミツトヨ２；オリンパスメディカルサイエンス販売、アズワン３；４；</v>
          </cell>
          <cell r="AF3033" t="str">
            <v>計測機器の専門商社として精密測定機器、騒音計、振動計、ガス検知器、温度計、記録計等あらゆる計測機器の取り扱いだけでなく、特別なシステムの開発や試験機の製作も行っております。また、環境計測に関する情報提供や改善提案等も積極的に行っております。</v>
          </cell>
        </row>
        <row r="3034">
          <cell r="B3034">
            <v>11976</v>
          </cell>
          <cell r="C3034" t="str">
            <v>(株)コンパスサービス</v>
          </cell>
          <cell r="D3034" t="str">
            <v>03-5920-7031</v>
          </cell>
          <cell r="E3034" t="str">
            <v>174-0064</v>
          </cell>
          <cell r="F3034" t="str">
            <v>東京都板橋区中台2-15-8-104</v>
          </cell>
          <cell r="G3034" t="str">
            <v>東京都</v>
          </cell>
          <cell r="H3034" t="str">
            <v/>
          </cell>
          <cell r="I3034" t="str">
            <v>代表取締役 池上　貴久</v>
          </cell>
          <cell r="J3034" t="str">
            <v>本店</v>
          </cell>
          <cell r="K3034" t="str">
            <v>03-5920-7032</v>
          </cell>
          <cell r="L3034" t="str">
            <v>mail@kompass.co.jp</v>
          </cell>
          <cell r="M3034" t="str">
            <v>ｺﾝﾊﾟｽｻｰﾋﾞｽ</v>
          </cell>
          <cell r="N3034" t="str">
            <v>無</v>
          </cell>
          <cell r="O3034">
            <v>29</v>
          </cell>
          <cell r="P3034">
            <v>14</v>
          </cell>
          <cell r="Q3034" t="str">
            <v/>
          </cell>
          <cell r="R3034">
            <v>13000</v>
          </cell>
          <cell r="S3034">
            <v>36829</v>
          </cell>
          <cell r="T3034">
            <v>762257</v>
          </cell>
          <cell r="V3034" t="str">
            <v>ba561513</v>
          </cell>
          <cell r="W3034" t="str">
            <v>pt120380</v>
          </cell>
          <cell r="Y3034" t="str">
            <v>12，17，20，31，32，53，</v>
          </cell>
          <cell r="Z3034">
            <v>20</v>
          </cell>
          <cell r="AA3034">
            <v>12</v>
          </cell>
          <cell r="AB3034">
            <v>80</v>
          </cell>
          <cell r="AC3034" t="str">
            <v/>
          </cell>
          <cell r="AD3034" t="str">
            <v/>
          </cell>
          <cell r="AE3034" t="str">
            <v>１；幼児用遊具、児童用遊具・体育器具、健康遊具の販売・施工　（株）コンパンプレイスケープ、（株）ボーネルンド２；保育教材（株）ボーネルンド３；公園遊具点検業務委託４；</v>
          </cell>
          <cell r="AF3034" t="str">
            <v>遊具の企画・設計・制作・販売、公園遊具の定期点検業務、玩具の販売、インテリア及びエクステリア用品企画・制作・施工、各種施工</v>
          </cell>
        </row>
        <row r="3035">
          <cell r="B3035">
            <v>11979</v>
          </cell>
          <cell r="C3035" t="str">
            <v>(株)北星社</v>
          </cell>
          <cell r="D3035" t="str">
            <v>0796-22-4141</v>
          </cell>
          <cell r="E3035" t="str">
            <v>668-0061</v>
          </cell>
          <cell r="F3035" t="str">
            <v>兵庫県豊岡市上佐野1620</v>
          </cell>
          <cell r="G3035" t="str">
            <v>豊岡市</v>
          </cell>
          <cell r="H3035" t="str">
            <v/>
          </cell>
          <cell r="I3035" t="str">
            <v>代表取締役 早川　薫</v>
          </cell>
          <cell r="J3035" t="str">
            <v>本店</v>
          </cell>
          <cell r="K3035" t="str">
            <v>0796-29-2246</v>
          </cell>
          <cell r="L3035" t="str">
            <v>tsakamoto@robo.co.jp</v>
          </cell>
          <cell r="M3035" t="str">
            <v>ﾎｸｾｲｼｬ</v>
          </cell>
          <cell r="N3035" t="str">
            <v>無</v>
          </cell>
          <cell r="O3035">
            <v>63</v>
          </cell>
          <cell r="P3035">
            <v>217</v>
          </cell>
          <cell r="Q3035">
            <v>7140001056104</v>
          </cell>
          <cell r="R3035">
            <v>20000</v>
          </cell>
          <cell r="S3035">
            <v>2495408</v>
          </cell>
          <cell r="T3035">
            <v>4680856</v>
          </cell>
          <cell r="V3035" t="str">
            <v>kb987393</v>
          </cell>
          <cell r="W3035" t="str">
            <v>ia195353</v>
          </cell>
          <cell r="Y3035" t="str">
            <v>058，58，73，74，76，</v>
          </cell>
          <cell r="Z3035">
            <v>73</v>
          </cell>
          <cell r="AA3035">
            <v>76</v>
          </cell>
          <cell r="AB3035">
            <v>74</v>
          </cell>
          <cell r="AC3035">
            <v>58</v>
          </cell>
          <cell r="AD3035" t="str">
            <v/>
          </cell>
          <cell r="AE3035" t="str">
            <v>１；広報誌　パンフレット　リーフレット　チラシ　ポスター　カタログ　冊子　市勢要覧　情報誌　カレンダー　名刺　ＤＭ軽印刷　オンデマンド印刷　各種製本　他２；シール　ステッカー　ラベル　カード　うちわ　のぼり　屋外看板　他３；少部数カラー印刷物４；ホームページ作成　保守管理　ＡＲ</v>
          </cell>
          <cell r="AF3035" t="str">
            <v>総合印刷会社あり企画　撮影　デザイン　製版から印刷製本まで自社で対応。環境負荷の少ない水なし印刷機を保有し環境対応型の印刷が可能。オンデマンド印刷機を保有し低コスト短納期を実現。オンデマンド印刷機３台導入。ＩＳＯ　森林認証　Ｐマーク認証済。</v>
          </cell>
        </row>
        <row r="3036">
          <cell r="B3036">
            <v>11981</v>
          </cell>
          <cell r="C3036" t="str">
            <v>(株)クボタ建設</v>
          </cell>
          <cell r="D3036" t="str">
            <v>06-4396-2351</v>
          </cell>
          <cell r="E3036" t="str">
            <v>660-0095</v>
          </cell>
          <cell r="F3036" t="str">
            <v>大阪府大阪市浪速区敷津東1-2-47</v>
          </cell>
          <cell r="G3036" t="str">
            <v>大阪市</v>
          </cell>
          <cell r="H3036" t="str">
            <v>大阪支社</v>
          </cell>
          <cell r="I3036" t="str">
            <v>取締役常務執行役員大阪支社長 足立　哲二</v>
          </cell>
          <cell r="J3036" t="str">
            <v>本店</v>
          </cell>
          <cell r="K3036" t="str">
            <v>06-4396-2352</v>
          </cell>
          <cell r="L3036" t="str">
            <v>pt_g.kpt-osaka@kubota.com</v>
          </cell>
          <cell r="M3036" t="str">
            <v>ｸﾎﾞﾀﾊﾟｲﾌﾟﾃﾂｸ</v>
          </cell>
          <cell r="N3036" t="str">
            <v>無</v>
          </cell>
          <cell r="O3036">
            <v>29</v>
          </cell>
          <cell r="P3036">
            <v>95</v>
          </cell>
          <cell r="Q3036">
            <v>1140000000000</v>
          </cell>
          <cell r="R3036">
            <v>50000</v>
          </cell>
          <cell r="S3036">
            <v>1254670</v>
          </cell>
          <cell r="T3036">
            <v>7990634</v>
          </cell>
          <cell r="V3036" t="str">
            <v>cv854810</v>
          </cell>
          <cell r="W3036" t="str">
            <v>ax183979</v>
          </cell>
          <cell r="Y3036">
            <v>46</v>
          </cell>
          <cell r="Z3036">
            <v>46</v>
          </cell>
          <cell r="AA3036" t="str">
            <v/>
          </cell>
          <cell r="AB3036" t="str">
            <v/>
          </cell>
          <cell r="AC3036" t="str">
            <v/>
          </cell>
          <cell r="AD3036" t="str">
            <v/>
          </cell>
          <cell r="AE3036" t="str">
            <v>１；２；水道管路用バルブ類保守点検３；４；</v>
          </cell>
          <cell r="AF3036" t="str">
            <v>当社は昭和６２年に株式会社クボタより独立し、ライフラインのトップメーカーで培った優れた技術と豊かな経験を活かし、水道施設の設計・施工をはじめ各種パイプラインの調査・診断、水道用弁類の点検・修理、最新配管技術の講習、関連資機材の供給等幅広い事業を展開しております。</v>
          </cell>
        </row>
        <row r="3037">
          <cell r="B3037">
            <v>11987</v>
          </cell>
          <cell r="C3037" t="str">
            <v>(株)よびこ堂</v>
          </cell>
          <cell r="D3037" t="str">
            <v>072-777-1212</v>
          </cell>
          <cell r="E3037" t="str">
            <v>664-0886</v>
          </cell>
          <cell r="F3037" t="str">
            <v>兵庫県伊丹市昆陽東1-1-12</v>
          </cell>
          <cell r="G3037" t="str">
            <v>伊丹市</v>
          </cell>
          <cell r="H3037" t="str">
            <v/>
          </cell>
          <cell r="I3037" t="str">
            <v>代表取締役 乾　篤</v>
          </cell>
          <cell r="J3037" t="str">
            <v>本店</v>
          </cell>
          <cell r="K3037" t="str">
            <v>072-777-1215</v>
          </cell>
          <cell r="L3037" t="str">
            <v>yobikodo@maioa.eonet.ne.jp</v>
          </cell>
          <cell r="M3037" t="str">
            <v>ﾖﾋﾞｺﾄﾞｳ</v>
          </cell>
          <cell r="N3037" t="str">
            <v>無</v>
          </cell>
          <cell r="O3037" t="str">
            <v/>
          </cell>
          <cell r="P3037" t="str">
            <v/>
          </cell>
          <cell r="Q3037">
            <v>2140001079092</v>
          </cell>
          <cell r="R3037">
            <v>10000</v>
          </cell>
          <cell r="S3037" t="str">
            <v/>
          </cell>
          <cell r="T3037" t="str">
            <v/>
          </cell>
          <cell r="V3037" t="str">
            <v>aj618967</v>
          </cell>
          <cell r="W3037" t="str">
            <v>sj183539</v>
          </cell>
          <cell r="Y3037" t="str">
            <v>22，</v>
          </cell>
          <cell r="Z3037" t="str">
            <v/>
          </cell>
          <cell r="AA3037" t="str">
            <v/>
          </cell>
          <cell r="AB3037" t="str">
            <v/>
          </cell>
          <cell r="AC3037" t="str">
            <v/>
          </cell>
          <cell r="AD3037" t="str">
            <v/>
          </cell>
          <cell r="AE3037" t="str">
            <v>１；２；３；４；</v>
          </cell>
          <cell r="AF3037" t="str">
            <v/>
          </cell>
        </row>
        <row r="3038">
          <cell r="B3038">
            <v>11990</v>
          </cell>
          <cell r="C3038" t="str">
            <v>伊丹市立小・中学校図書納入協会</v>
          </cell>
          <cell r="D3038" t="str">
            <v>072-772-3304</v>
          </cell>
          <cell r="E3038" t="str">
            <v>664-0851</v>
          </cell>
          <cell r="F3038" t="str">
            <v>兵庫県伊丹市中央1-2-14</v>
          </cell>
          <cell r="G3038" t="str">
            <v>伊丹市</v>
          </cell>
          <cell r="H3038" t="str">
            <v/>
          </cell>
          <cell r="I3038" t="str">
            <v xml:space="preserve"> 森田　浩友紀</v>
          </cell>
          <cell r="J3038" t="str">
            <v>本店</v>
          </cell>
          <cell r="K3038" t="str">
            <v>072-772-3304</v>
          </cell>
          <cell r="L3038" t="str">
            <v>moritasyoukoudou@blue.plala.or.jp</v>
          </cell>
          <cell r="M3038" t="str">
            <v>ｲﾀﾐｼﾘﾂｼｮｳ･ﾁｭｳｶﾞｯｺｳﾄｼｮﾉｳﾆｭｳｷｮｳｶｲ</v>
          </cell>
          <cell r="N3038" t="str">
            <v>無</v>
          </cell>
          <cell r="O3038">
            <v>113</v>
          </cell>
          <cell r="P3038">
            <v>7</v>
          </cell>
          <cell r="Q3038" t="str">
            <v/>
          </cell>
          <cell r="R3038" t="str">
            <v/>
          </cell>
          <cell r="S3038" t="str">
            <v/>
          </cell>
          <cell r="T3038">
            <v>28014</v>
          </cell>
          <cell r="V3038" t="str">
            <v>pg565929</v>
          </cell>
          <cell r="W3038" t="str">
            <v>vm167539</v>
          </cell>
          <cell r="Y3038" t="str">
            <v>13，</v>
          </cell>
          <cell r="Z3038">
            <v>13</v>
          </cell>
          <cell r="AA3038">
            <v>80</v>
          </cell>
          <cell r="AB3038" t="str">
            <v/>
          </cell>
          <cell r="AC3038" t="str">
            <v/>
          </cell>
          <cell r="AD3038" t="str">
            <v/>
          </cell>
          <cell r="AE3038" t="str">
            <v>１；小学校中学校児童図書２；書籍・視聴覚資料など３；４；</v>
          </cell>
          <cell r="AF3038" t="str">
            <v>当店の創業明治３９年４月より、教科書取次供給所を営なんでおります。伊丹市。小学校１６校、中学校９校の教科書を納めさして頂いております。これからも親切、丁寧、きめ細かな対応をモットーに皆様のお役に立ちたいと願ってます。</v>
          </cell>
        </row>
        <row r="3039">
          <cell r="B3039">
            <v>11992</v>
          </cell>
          <cell r="C3039" t="str">
            <v>(株)株式会社ビーワン</v>
          </cell>
          <cell r="D3039" t="str">
            <v>06-6418-0001</v>
          </cell>
          <cell r="E3039" t="str">
            <v>660-0072</v>
          </cell>
          <cell r="F3039" t="str">
            <v>兵庫県尼崎市大庄川田町4‐1</v>
          </cell>
          <cell r="G3039" t="str">
            <v>尼崎市</v>
          </cell>
          <cell r="H3039" t="str">
            <v/>
          </cell>
          <cell r="I3039" t="str">
            <v>代表取締役 細井　貴彦</v>
          </cell>
          <cell r="J3039" t="str">
            <v>本店</v>
          </cell>
          <cell r="K3039" t="str">
            <v>06-4869-4728</v>
          </cell>
          <cell r="L3039" t="str">
            <v>h003@1banboshi.jp</v>
          </cell>
          <cell r="M3039" t="str">
            <v>ﾋﾞｰﾜﾝ</v>
          </cell>
          <cell r="N3039" t="str">
            <v>無</v>
          </cell>
          <cell r="O3039">
            <v>22</v>
          </cell>
          <cell r="P3039">
            <v>60</v>
          </cell>
          <cell r="Q3039">
            <v>4140001052915</v>
          </cell>
          <cell r="R3039">
            <v>100000</v>
          </cell>
          <cell r="S3039" t="str">
            <v/>
          </cell>
          <cell r="T3039" t="str">
            <v/>
          </cell>
          <cell r="V3039" t="str">
            <v>bf970892</v>
          </cell>
          <cell r="W3039" t="str">
            <v>gd969661</v>
          </cell>
          <cell r="Y3039" t="str">
            <v>03，</v>
          </cell>
          <cell r="Z3039">
            <v>3</v>
          </cell>
          <cell r="AA3039" t="str">
            <v/>
          </cell>
          <cell r="AB3039" t="str">
            <v/>
          </cell>
          <cell r="AC3039" t="str">
            <v/>
          </cell>
          <cell r="AD3039" t="str">
            <v/>
          </cell>
          <cell r="AE3039" t="str">
            <v>１；作業服、手袋、安全靴、長靴、空調服２；３；４；</v>
          </cell>
          <cell r="AF3039" t="str">
            <v>作業服、作業用品（安全靴、長靴、手袋、空調服など）を全般に取扱いをしていますので宜しくお願いします。</v>
          </cell>
        </row>
        <row r="3040">
          <cell r="B3040">
            <v>12008</v>
          </cell>
          <cell r="C3040" t="str">
            <v>フクユ観光バス(株)</v>
          </cell>
          <cell r="D3040" t="str">
            <v>072-783-8756</v>
          </cell>
          <cell r="E3040" t="str">
            <v>664-0027</v>
          </cell>
          <cell r="F3040" t="str">
            <v>兵庫伊丹市池尻3-224-3</v>
          </cell>
          <cell r="G3040" t="str">
            <v>伊丹市</v>
          </cell>
          <cell r="H3040" t="str">
            <v/>
          </cell>
          <cell r="I3040" t="str">
            <v>代表取締役 松下　美智雄</v>
          </cell>
          <cell r="J3040" t="str">
            <v>本店</v>
          </cell>
          <cell r="K3040" t="str">
            <v>072-783-2141</v>
          </cell>
          <cell r="L3040" t="str">
            <v>fukubus.mishiro@gmail.com</v>
          </cell>
          <cell r="M3040" t="str">
            <v>ﾌｸﾕｶﾝｺｳﾊﾞｽ</v>
          </cell>
          <cell r="N3040" t="str">
            <v>無</v>
          </cell>
          <cell r="O3040">
            <v>33</v>
          </cell>
          <cell r="P3040">
            <v>13</v>
          </cell>
          <cell r="Q3040">
            <v>5140001083661</v>
          </cell>
          <cell r="R3040">
            <v>10000</v>
          </cell>
          <cell r="S3040">
            <v>9983</v>
          </cell>
          <cell r="T3040">
            <v>5439</v>
          </cell>
          <cell r="V3040" t="str">
            <v>vs570072</v>
          </cell>
          <cell r="W3040" t="str">
            <v>ub112388</v>
          </cell>
          <cell r="Y3040" t="str">
            <v>67，</v>
          </cell>
          <cell r="Z3040" t="str">
            <v/>
          </cell>
          <cell r="AA3040" t="str">
            <v/>
          </cell>
          <cell r="AB3040" t="str">
            <v/>
          </cell>
          <cell r="AC3040" t="str">
            <v/>
          </cell>
          <cell r="AD3040" t="str">
            <v/>
          </cell>
          <cell r="AE3040" t="str">
            <v>１；２；３；４；</v>
          </cell>
          <cell r="AF3040" t="str">
            <v>旅客輸送</v>
          </cell>
        </row>
        <row r="3041">
          <cell r="B3041">
            <v>12009</v>
          </cell>
          <cell r="C3041" t="str">
            <v>(株)奏電工</v>
          </cell>
          <cell r="D3041" t="str">
            <v>072-764-7741</v>
          </cell>
          <cell r="E3041" t="str">
            <v>664-0028</v>
          </cell>
          <cell r="F3041" t="str">
            <v>兵庫県伊丹市西野1-115</v>
          </cell>
          <cell r="G3041" t="str">
            <v>伊丹市</v>
          </cell>
          <cell r="H3041" t="str">
            <v/>
          </cell>
          <cell r="I3041" t="str">
            <v>代表取締役 西村　卓也</v>
          </cell>
          <cell r="J3041" t="str">
            <v>本店</v>
          </cell>
          <cell r="K3041" t="str">
            <v>072-764-7742</v>
          </cell>
          <cell r="L3041" t="str">
            <v>info@sodenko.com</v>
          </cell>
          <cell r="M3041" t="str">
            <v>ｿｳﾃﾞﾝｺｳ</v>
          </cell>
          <cell r="N3041" t="str">
            <v>無</v>
          </cell>
          <cell r="O3041">
            <v>4</v>
          </cell>
          <cell r="P3041">
            <v>6</v>
          </cell>
          <cell r="Q3041">
            <v>9140001098251</v>
          </cell>
          <cell r="R3041">
            <v>5000</v>
          </cell>
          <cell r="S3041">
            <v>6096</v>
          </cell>
          <cell r="T3041">
            <v>127507</v>
          </cell>
          <cell r="V3041" t="str">
            <v>vg984144</v>
          </cell>
          <cell r="W3041" t="str">
            <v>jz193853</v>
          </cell>
          <cell r="Y3041" t="str">
            <v>035，35，36，38，47，49，50，</v>
          </cell>
          <cell r="Z3041">
            <v>47</v>
          </cell>
          <cell r="AA3041">
            <v>49</v>
          </cell>
          <cell r="AB3041">
            <v>50</v>
          </cell>
          <cell r="AC3041">
            <v>35</v>
          </cell>
          <cell r="AD3041" t="str">
            <v/>
          </cell>
          <cell r="AE3041" t="str">
            <v>１；２；３；４；</v>
          </cell>
          <cell r="AF3041" t="str">
            <v>電気工事業及び消防施設工事に従事しております。電気設備に係る物品等も取り扱っております。</v>
          </cell>
        </row>
        <row r="3042">
          <cell r="B3042">
            <v>12011</v>
          </cell>
          <cell r="C3042" t="str">
            <v>(株)旭堂</v>
          </cell>
          <cell r="D3042" t="str">
            <v>06-4708-3231</v>
          </cell>
          <cell r="E3042" t="str">
            <v>541-0041</v>
          </cell>
          <cell r="F3042" t="str">
            <v>大阪府大阪市中央区北浜1-3-14</v>
          </cell>
          <cell r="G3042" t="str">
            <v>大阪市</v>
          </cell>
          <cell r="H3042" t="str">
            <v>大阪営業所</v>
          </cell>
          <cell r="I3042" t="str">
            <v>所長 山根　孝文</v>
          </cell>
          <cell r="J3042" t="str">
            <v>沖縄県那覇市</v>
          </cell>
          <cell r="K3042" t="str">
            <v>06-4708-3232</v>
          </cell>
          <cell r="L3042" t="str">
            <v>tanigawa@poppy.ocn.ne.jp</v>
          </cell>
          <cell r="M3042" t="str">
            <v>ｱｻﾋﾄﾞｳ</v>
          </cell>
          <cell r="N3042" t="str">
            <v>有</v>
          </cell>
          <cell r="O3042">
            <v>69</v>
          </cell>
          <cell r="P3042">
            <v>111</v>
          </cell>
          <cell r="Q3042">
            <v>2360001000060</v>
          </cell>
          <cell r="R3042">
            <v>40870</v>
          </cell>
          <cell r="S3042">
            <v>478203</v>
          </cell>
          <cell r="T3042">
            <v>1585251</v>
          </cell>
          <cell r="V3042" t="str">
            <v>cn448664</v>
          </cell>
          <cell r="W3042" t="str">
            <v>dd168939</v>
          </cell>
          <cell r="Y3042" t="str">
            <v>73，74，76，</v>
          </cell>
          <cell r="Z3042">
            <v>74</v>
          </cell>
          <cell r="AA3042">
            <v>76</v>
          </cell>
          <cell r="AB3042">
            <v>73</v>
          </cell>
          <cell r="AC3042" t="str">
            <v/>
          </cell>
          <cell r="AD3042" t="str">
            <v/>
          </cell>
          <cell r="AE3042" t="str">
            <v>１；ＯＣＲ帳票は長尺対応でき、メールシーラー、圧着はがき、封入封緘用洋長３封筒も自社生産しております。また偽造防止用紙や国民健康保険者証カード（用紙一体型）も自社生産できます。２；３；４；</v>
          </cell>
          <cell r="AF3042" t="str">
            <v>連続帳票、圧着はがき、メールシーラー、国民健康保険被保険者証カード、洋長３封筒、偽造防止用紙など自社製造し、プリント処理、ブッキング、封入封緘まで社内処理しています。さらに、印刷面検査、重さ、厚さ検査装置を設置し品質管理も徹底しております。</v>
          </cell>
        </row>
        <row r="3043">
          <cell r="B3043">
            <v>12014</v>
          </cell>
          <cell r="C3043" t="str">
            <v>極東サービス(株)</v>
          </cell>
          <cell r="D3043" t="str">
            <v>06-6489-2828</v>
          </cell>
          <cell r="E3043" t="str">
            <v>660-0892</v>
          </cell>
          <cell r="F3043" t="str">
            <v>兵庫県尼崎市東難波町5-9-1</v>
          </cell>
          <cell r="G3043" t="str">
            <v>尼崎市</v>
          </cell>
          <cell r="H3043" t="str">
            <v>大阪営業所</v>
          </cell>
          <cell r="I3043" t="str">
            <v>所長 桑村　貴裕</v>
          </cell>
          <cell r="J3043" t="str">
            <v>千葉県八千代市</v>
          </cell>
          <cell r="K3043" t="str">
            <v>06-6489-2826</v>
          </cell>
          <cell r="L3043" t="str">
            <v>chiba@kyokuto-service.com</v>
          </cell>
          <cell r="M3043" t="str">
            <v>ｷｮｸﾄｳｻｰﾋﾞｽ</v>
          </cell>
          <cell r="N3043" t="str">
            <v>有</v>
          </cell>
          <cell r="O3043">
            <v>47</v>
          </cell>
          <cell r="P3043">
            <v>66</v>
          </cell>
          <cell r="Q3043">
            <v>3040001020651</v>
          </cell>
          <cell r="R3043">
            <v>80000</v>
          </cell>
          <cell r="S3043">
            <v>2549792</v>
          </cell>
          <cell r="T3043">
            <v>2349569</v>
          </cell>
          <cell r="V3043" t="str">
            <v>zp409960</v>
          </cell>
          <cell r="W3043" t="str">
            <v>qd169993</v>
          </cell>
          <cell r="Y3043" t="str">
            <v>40，48，</v>
          </cell>
          <cell r="Z3043" t="str">
            <v/>
          </cell>
          <cell r="AA3043" t="str">
            <v/>
          </cell>
          <cell r="AB3043" t="str">
            <v/>
          </cell>
          <cell r="AC3043" t="str">
            <v/>
          </cell>
          <cell r="AD3043" t="str">
            <v/>
          </cell>
          <cell r="AE3043" t="str">
            <v>１；２；３；４；</v>
          </cell>
          <cell r="AF3043" t="str">
            <v>清掃工場内天井クレーン・バケット専業メーカーです。</v>
          </cell>
        </row>
        <row r="3044">
          <cell r="B3044">
            <v>12015</v>
          </cell>
          <cell r="C3044" t="str">
            <v>(有)サンテック</v>
          </cell>
          <cell r="D3044" t="str">
            <v>0791-56-0301</v>
          </cell>
          <cell r="E3044" t="str">
            <v>678-1254</v>
          </cell>
          <cell r="F3044" t="str">
            <v>兵庫県赤穂郡上郡町高山1302</v>
          </cell>
          <cell r="G3044" t="str">
            <v>赤穂郡</v>
          </cell>
          <cell r="H3044" t="str">
            <v>関西支店</v>
          </cell>
          <cell r="I3044" t="str">
            <v>支店長 渡邉　文彦</v>
          </cell>
          <cell r="J3044" t="str">
            <v>静岡県富士宮市</v>
          </cell>
          <cell r="K3044" t="str">
            <v>0791-56-0305</v>
          </cell>
          <cell r="L3044" t="str">
            <v>suntec@chic.ocn.ne.jp</v>
          </cell>
          <cell r="M3044" t="str">
            <v>ｻﾝﾃｯｸ</v>
          </cell>
          <cell r="N3044" t="str">
            <v>有</v>
          </cell>
          <cell r="O3044">
            <v>12</v>
          </cell>
          <cell r="P3044">
            <v>5</v>
          </cell>
          <cell r="Q3044">
            <v>9080102017884</v>
          </cell>
          <cell r="R3044">
            <v>3000</v>
          </cell>
          <cell r="S3044">
            <v>1074</v>
          </cell>
          <cell r="T3044">
            <v>22642</v>
          </cell>
          <cell r="V3044" t="str">
            <v>gf449049</v>
          </cell>
          <cell r="W3044" t="str">
            <v>kq173517</v>
          </cell>
          <cell r="Y3044" t="str">
            <v/>
          </cell>
          <cell r="Z3044">
            <v>80</v>
          </cell>
          <cell r="AA3044" t="str">
            <v/>
          </cell>
          <cell r="AB3044" t="str">
            <v/>
          </cell>
          <cell r="AC3044" t="str">
            <v/>
          </cell>
          <cell r="AD3044" t="str">
            <v/>
          </cell>
          <cell r="AE3044" t="str">
            <v>１；斎場の残灰及び煤塵の処理２；３；４；</v>
          </cell>
          <cell r="AF3044" t="str">
            <v/>
          </cell>
        </row>
        <row r="3045">
          <cell r="B3045">
            <v>12016</v>
          </cell>
          <cell r="C3045" t="str">
            <v>(株)コンツナ</v>
          </cell>
          <cell r="D3045" t="str">
            <v>054-641-0939</v>
          </cell>
          <cell r="E3045" t="str">
            <v>426-0003</v>
          </cell>
          <cell r="F3045" t="str">
            <v>静岡県藤枝市下当間621-1</v>
          </cell>
          <cell r="G3045" t="str">
            <v>藤枝市</v>
          </cell>
          <cell r="H3045" t="str">
            <v/>
          </cell>
          <cell r="I3045" t="str">
            <v>代表取締役 山田　賀昭</v>
          </cell>
          <cell r="J3045" t="str">
            <v>本店</v>
          </cell>
          <cell r="K3045" t="str">
            <v>054-643-6659</v>
          </cell>
          <cell r="L3045" t="str">
            <v>info@contsuna.com</v>
          </cell>
          <cell r="M3045" t="str">
            <v>ｺﾝﾂﾅ</v>
          </cell>
          <cell r="N3045" t="str">
            <v>無</v>
          </cell>
          <cell r="O3045">
            <v>30</v>
          </cell>
          <cell r="P3045">
            <v>50</v>
          </cell>
          <cell r="Q3045">
            <v>9080001016401</v>
          </cell>
          <cell r="R3045">
            <v>10000</v>
          </cell>
          <cell r="S3045">
            <v>1458188</v>
          </cell>
          <cell r="T3045">
            <v>1365261</v>
          </cell>
          <cell r="V3045" t="str">
            <v>cc466484</v>
          </cell>
          <cell r="W3045" t="str">
            <v>rz193395</v>
          </cell>
          <cell r="Y3045" t="str">
            <v>03，04，07，08，38，66，</v>
          </cell>
          <cell r="Z3045" t="str">
            <v/>
          </cell>
          <cell r="AA3045" t="str">
            <v/>
          </cell>
          <cell r="AB3045" t="str">
            <v/>
          </cell>
          <cell r="AC3045" t="str">
            <v/>
          </cell>
          <cell r="AD3045" t="str">
            <v/>
          </cell>
          <cell r="AE3045" t="str">
            <v>１；２；３；４；</v>
          </cell>
          <cell r="AF3045" t="str">
            <v>繊維製品加工においてお客様のニーズに応える自社製品の開発。デザインから製作まで一貫製造販売し、豊富な技術と経験を生かした企業力で営業活動を展開しています。</v>
          </cell>
        </row>
        <row r="3046">
          <cell r="B3046">
            <v>12019</v>
          </cell>
          <cell r="C3046" t="str">
            <v>(有)インテリア大鹿商事</v>
          </cell>
          <cell r="D3046" t="str">
            <v>072-770-0364</v>
          </cell>
          <cell r="E3046" t="str">
            <v>664-0013</v>
          </cell>
          <cell r="F3046" t="str">
            <v>兵庫県伊丹市瑞穂町3-28</v>
          </cell>
          <cell r="G3046" t="str">
            <v>伊丹市</v>
          </cell>
          <cell r="H3046" t="str">
            <v/>
          </cell>
          <cell r="I3046" t="str">
            <v>代表取締役 坂上　努</v>
          </cell>
          <cell r="J3046" t="str">
            <v>本店</v>
          </cell>
          <cell r="K3046" t="str">
            <v>072-770-8758</v>
          </cell>
          <cell r="L3046" t="str">
            <v>i-ojika@estate.ocn.ne.jp</v>
          </cell>
          <cell r="M3046" t="str">
            <v>ｲﾝﾃﾘｱｵｵｼﾞｶｼｮｳｼﾞ</v>
          </cell>
          <cell r="N3046" t="str">
            <v>無</v>
          </cell>
          <cell r="O3046">
            <v>35</v>
          </cell>
          <cell r="P3046">
            <v>3</v>
          </cell>
          <cell r="Q3046">
            <v>8140002063263</v>
          </cell>
          <cell r="R3046">
            <v>5000</v>
          </cell>
          <cell r="S3046">
            <v>-12901</v>
          </cell>
          <cell r="T3046">
            <v>110033</v>
          </cell>
          <cell r="V3046" t="str">
            <v>vr634875</v>
          </cell>
          <cell r="W3046" t="str">
            <v>vh113133</v>
          </cell>
          <cell r="Y3046" t="str">
            <v>27，28，62，</v>
          </cell>
          <cell r="Z3046">
            <v>28</v>
          </cell>
          <cell r="AA3046">
            <v>27</v>
          </cell>
          <cell r="AB3046">
            <v>62</v>
          </cell>
          <cell r="AC3046" t="str">
            <v/>
          </cell>
          <cell r="AD3046" t="str">
            <v/>
          </cell>
          <cell r="AE3046" t="str">
            <v>１；特にカーテン・カーペット・壁紙・舞台幕・緞帳・ブラインド・ロールスクリーン・アコーディングドア・長尺塩ビシートを取り扱っております。２；机、椅子をはじめとした家具類を取り扱っております。３；カーペット・寝具の乾燥及びクリーニングを行っております。４；</v>
          </cell>
          <cell r="AF3046" t="str">
            <v>当社は創業以来、大工・内装仕上工事の施工と、インテリア用品の販売を通じて、地域に密着した営業を心がけて努力してきました。</v>
          </cell>
        </row>
        <row r="3047">
          <cell r="B3047">
            <v>12020</v>
          </cell>
          <cell r="C3047" t="str">
            <v>(株)カンエイメンテナンス</v>
          </cell>
          <cell r="D3047" t="str">
            <v>06-6160-5051</v>
          </cell>
          <cell r="E3047" t="str">
            <v>533-0033</v>
          </cell>
          <cell r="F3047" t="str">
            <v>大阪府大阪市東淀川区東中島2-8-8</v>
          </cell>
          <cell r="G3047" t="str">
            <v>大阪市</v>
          </cell>
          <cell r="H3047" t="str">
            <v>大阪支店</v>
          </cell>
          <cell r="I3047" t="str">
            <v>支店長 磯　照男</v>
          </cell>
          <cell r="J3047" t="str">
            <v>埼玉県行田市</v>
          </cell>
          <cell r="K3047" t="str">
            <v>06-6160-5052</v>
          </cell>
          <cell r="L3047" t="str">
            <v>eigyou03@kan-ei.co.jp</v>
          </cell>
          <cell r="M3047" t="str">
            <v>ｶﾝｴｲﾒﾝﾃﾅﾝｽ</v>
          </cell>
          <cell r="N3047" t="str">
            <v>有</v>
          </cell>
          <cell r="O3047">
            <v>34</v>
          </cell>
          <cell r="P3047">
            <v>293</v>
          </cell>
          <cell r="Q3047">
            <v>1030001086761</v>
          </cell>
          <cell r="R3047">
            <v>10000</v>
          </cell>
          <cell r="S3047">
            <v>549969</v>
          </cell>
          <cell r="T3047">
            <v>1509167</v>
          </cell>
          <cell r="V3047" t="str">
            <v>qq490684</v>
          </cell>
          <cell r="W3047" t="str">
            <v>gj169933</v>
          </cell>
          <cell r="Y3047" t="str">
            <v/>
          </cell>
          <cell r="Z3047">
            <v>80</v>
          </cell>
          <cell r="AA3047" t="str">
            <v/>
          </cell>
          <cell r="AB3047" t="str">
            <v/>
          </cell>
          <cell r="AC3047" t="str">
            <v/>
          </cell>
          <cell r="AD3047" t="str">
            <v/>
          </cell>
          <cell r="AE3047" t="str">
            <v>１；ごみ焼却施設、粗大ごみ処理施設、リサイクルプラザ、し尿処理施設、上下水道処理施設等の運転維持管理業務。２；３；４；</v>
          </cell>
          <cell r="AF3047" t="str">
            <v>ごみ焼却施設及び粗大ごみ処理施設、リサイクルプラザ、し尿処理施設の各種環境プラントや、上下水道処理施設の運転維持管理業務を専門としており、系列には属さずメーカーを問わない多数の施設運転管理の実績を持っております。</v>
          </cell>
        </row>
        <row r="3048">
          <cell r="B3048">
            <v>12025</v>
          </cell>
          <cell r="C3048" t="str">
            <v>日本電子(株)</v>
          </cell>
          <cell r="D3048" t="str">
            <v>06-6304-3941</v>
          </cell>
          <cell r="E3048" t="str">
            <v>532-0011</v>
          </cell>
          <cell r="F3048" t="str">
            <v>大阪府大阪市淀川区西中島5-14-5</v>
          </cell>
          <cell r="G3048" t="str">
            <v>大阪市</v>
          </cell>
          <cell r="H3048" t="str">
            <v>大阪支店</v>
          </cell>
          <cell r="I3048" t="str">
            <v>支店長 江村　治</v>
          </cell>
          <cell r="J3048" t="str">
            <v>東京都昭島市</v>
          </cell>
          <cell r="K3048" t="str">
            <v>06-6304-7377</v>
          </cell>
          <cell r="L3048" t="str">
            <v>josaka@jeol.co.jp</v>
          </cell>
          <cell r="M3048" t="str">
            <v>ﾆﾎﾝﾃﾞﾝｼ</v>
          </cell>
          <cell r="N3048" t="str">
            <v>有</v>
          </cell>
          <cell r="O3048">
            <v>69</v>
          </cell>
          <cell r="P3048">
            <v>1881</v>
          </cell>
          <cell r="Q3048">
            <v>9012801002438</v>
          </cell>
          <cell r="R3048">
            <v>10037740</v>
          </cell>
          <cell r="S3048">
            <v>35356000</v>
          </cell>
          <cell r="T3048">
            <v>89736000</v>
          </cell>
          <cell r="V3048" t="str">
            <v>ut444954</v>
          </cell>
          <cell r="W3048" t="str">
            <v>iq176819</v>
          </cell>
          <cell r="Y3048" t="str">
            <v>41，42，</v>
          </cell>
          <cell r="Z3048" t="str">
            <v/>
          </cell>
          <cell r="AA3048" t="str">
            <v/>
          </cell>
          <cell r="AB3048" t="str">
            <v/>
          </cell>
          <cell r="AC3048" t="str">
            <v/>
          </cell>
          <cell r="AD3048" t="str">
            <v>その他に関して納入機器の保守サービス（機器の教育・講習を含む）試料処理、測定業務など</v>
          </cell>
          <cell r="AE3048" t="str">
            <v>１；２；３；４；</v>
          </cell>
          <cell r="AF3048" t="str">
            <v>理化学機器の販売及び保守サービス（機器の教育・講習を含む）関連周辺機器、関連部品の販売試料処理、測定業務など</v>
          </cell>
        </row>
        <row r="3049">
          <cell r="B3049">
            <v>12026</v>
          </cell>
          <cell r="C3049" t="str">
            <v>(株)神鋼環境ソリューション</v>
          </cell>
          <cell r="D3049" t="str">
            <v>078-241-7512</v>
          </cell>
          <cell r="E3049" t="str">
            <v>651-0072</v>
          </cell>
          <cell r="F3049" t="str">
            <v>兵庫県神戸市中央区脇浜町1-4-78</v>
          </cell>
          <cell r="G3049" t="str">
            <v>神戸市</v>
          </cell>
          <cell r="H3049" t="str">
            <v/>
          </cell>
          <cell r="I3049" t="str">
            <v>取締役社長 大濵　敬織</v>
          </cell>
          <cell r="J3049" t="str">
            <v>本店</v>
          </cell>
          <cell r="K3049" t="str">
            <v>078-241-7637</v>
          </cell>
          <cell r="L3049" t="str">
            <v>y.furumura@kobelco-eco.co.jp</v>
          </cell>
          <cell r="M3049" t="str">
            <v>ｼﾝｺｳｶﾝｷｮｳｿﾘｭｰｼｮﾝ</v>
          </cell>
          <cell r="N3049" t="str">
            <v>無</v>
          </cell>
          <cell r="O3049">
            <v>58</v>
          </cell>
          <cell r="P3049">
            <v>1177</v>
          </cell>
          <cell r="Q3049">
            <v>4140001008256</v>
          </cell>
          <cell r="R3049">
            <v>6020000</v>
          </cell>
          <cell r="S3049">
            <v>22125543</v>
          </cell>
          <cell r="T3049">
            <v>65082407</v>
          </cell>
          <cell r="V3049" t="str">
            <v>xq614441</v>
          </cell>
          <cell r="W3049" t="str">
            <v>sv175361</v>
          </cell>
          <cell r="Y3049" t="str">
            <v>10，46，</v>
          </cell>
          <cell r="Z3049">
            <v>46</v>
          </cell>
          <cell r="AA3049">
            <v>10</v>
          </cell>
          <cell r="AB3049" t="str">
            <v/>
          </cell>
          <cell r="AC3049" t="str">
            <v/>
          </cell>
          <cell r="AD3049" t="str">
            <v/>
          </cell>
          <cell r="AE3049" t="str">
            <v>１；上下水道施設の保守管理、運転管理、維持管理２；高分子凝集剤、冷却水薬剤、ＰＡＣ、硫酸バンド　等３；４；</v>
          </cell>
          <cell r="AF3049" t="str">
            <v>上下水道設備等「水」に関わる機械設備の建設工事の設計・施工、浄水場・下水処理場等の水処理設備の安全・安定した運営を行う為の運転管理業務の提供、及び上下水道プラントで取り扱う各種水処理薬品等の販売を行っております。</v>
          </cell>
        </row>
        <row r="3050">
          <cell r="B3050">
            <v>12027</v>
          </cell>
          <cell r="C3050" t="str">
            <v>(株)パシフィックネット</v>
          </cell>
          <cell r="D3050" t="str">
            <v>06-6471-144</v>
          </cell>
          <cell r="E3050" t="str">
            <v>555-0021</v>
          </cell>
          <cell r="F3050" t="str">
            <v>大阪府大阪市西淀川区歌島4-4-13</v>
          </cell>
          <cell r="G3050" t="str">
            <v>大阪市</v>
          </cell>
          <cell r="H3050" t="str">
            <v>大阪支店</v>
          </cell>
          <cell r="I3050" t="str">
            <v>支店長 加藤　一弥</v>
          </cell>
          <cell r="J3050" t="str">
            <v>東京都</v>
          </cell>
          <cell r="K3050" t="str">
            <v>06-6471-1445</v>
          </cell>
          <cell r="L3050" t="str">
            <v>yuuki.tsuji@prins.co.jp</v>
          </cell>
          <cell r="M3050" t="str">
            <v>ﾊﾟｼﾌｨｯｸﾈｯﾄ</v>
          </cell>
          <cell r="N3050" t="str">
            <v>有</v>
          </cell>
          <cell r="O3050">
            <v>30</v>
          </cell>
          <cell r="P3050">
            <v>387</v>
          </cell>
          <cell r="Q3050">
            <v>5010401054564</v>
          </cell>
          <cell r="R3050">
            <v>432750</v>
          </cell>
          <cell r="S3050" t="str">
            <v/>
          </cell>
          <cell r="T3050" t="str">
            <v/>
          </cell>
          <cell r="V3050" t="str">
            <v>ny494504</v>
          </cell>
          <cell r="W3050" t="str">
            <v>hd189986</v>
          </cell>
          <cell r="Y3050" t="str">
            <v>044，36，44，57，69，</v>
          </cell>
          <cell r="Z3050">
            <v>69</v>
          </cell>
          <cell r="AA3050">
            <v>36</v>
          </cell>
          <cell r="AB3050">
            <v>57</v>
          </cell>
          <cell r="AC3050">
            <v>44</v>
          </cell>
          <cell r="AD3050" t="str">
            <v/>
          </cell>
          <cell r="AE3050" t="str">
            <v>１；デスクトップパソコン、ノートパソコン、液晶モニターなどOA機器類の買取。古物営業許可取得。２；中古パソコンの販売。古物営業許可取得。３；パソコン、サーバー内のデータ完全消去サービス。専用のソフトを用いた上書き消去のほか、HDD物理破壊、磁気破壊処理も可能。４；パソコンやプリンタ、複合機やビジネスホンなどOA機器をレンタル。長期間の需要から最短1日といった短期間の需要まで幅広く対応。</v>
          </cell>
          <cell r="AF3050" t="str">
            <v>パソコンやプリンタなどのＯＡ機器の買取や販売、レンタルを行っております</v>
          </cell>
        </row>
        <row r="3051">
          <cell r="B3051">
            <v>12028</v>
          </cell>
          <cell r="C3051" t="str">
            <v>(株)ホープ</v>
          </cell>
          <cell r="D3051" t="str">
            <v>092-716-1404</v>
          </cell>
          <cell r="E3051" t="str">
            <v>810-0022</v>
          </cell>
          <cell r="F3051" t="str">
            <v>福岡県福岡市中央区薬院1-14-5</v>
          </cell>
          <cell r="G3051" t="str">
            <v>福岡市</v>
          </cell>
          <cell r="H3051" t="str">
            <v/>
          </cell>
          <cell r="I3051" t="str">
            <v>代表取締役 時津　孝康</v>
          </cell>
          <cell r="J3051" t="str">
            <v>本店</v>
          </cell>
          <cell r="K3051" t="str">
            <v>092-716-1467</v>
          </cell>
          <cell r="L3051" t="str">
            <v>mc@zaigenkakuho.com</v>
          </cell>
          <cell r="M3051" t="str">
            <v>ﾎｰﾌﾟ</v>
          </cell>
          <cell r="N3051" t="str">
            <v>無</v>
          </cell>
          <cell r="O3051">
            <v>25</v>
          </cell>
          <cell r="P3051">
            <v>160</v>
          </cell>
          <cell r="Q3051">
            <v>3290001029577</v>
          </cell>
          <cell r="R3051">
            <v>246945</v>
          </cell>
          <cell r="S3051">
            <v>445966</v>
          </cell>
          <cell r="T3051">
            <v>2269467</v>
          </cell>
          <cell r="V3051" t="str">
            <v>nh440544</v>
          </cell>
          <cell r="W3051" t="str">
            <v>ww198653</v>
          </cell>
          <cell r="Y3051" t="str">
            <v>044，43，44，58，63，65，73，74，</v>
          </cell>
          <cell r="Z3051">
            <v>65</v>
          </cell>
          <cell r="AA3051">
            <v>80</v>
          </cell>
          <cell r="AB3051">
            <v>43</v>
          </cell>
          <cell r="AC3051">
            <v>44</v>
          </cell>
          <cell r="AD3051" t="str">
            <v/>
          </cell>
          <cell r="AE3051" t="str">
            <v>１；広告代理（ホームページや広報紙等の有料広告販売代理業務）２；印刷物の企画・デザイン・制作３；電力供給（小売電気事業を営もうとする者の登録について）４；広告付設置型授乳室のリース</v>
          </cell>
          <cell r="AF3051" t="str">
            <v>広告代理業務、印刷物の企画・デザイン・制作、電力供給、設置型授乳室のリース、一般印刷、フォーム印刷、ホームページ作成、イベントの企画・運営</v>
          </cell>
        </row>
        <row r="3052">
          <cell r="B3052">
            <v>12032</v>
          </cell>
          <cell r="C3052" t="str">
            <v>(株)法研</v>
          </cell>
          <cell r="D3052" t="str">
            <v>03-3562-7654</v>
          </cell>
          <cell r="E3052" t="str">
            <v>104-8104</v>
          </cell>
          <cell r="F3052" t="str">
            <v>東京都中央区銀座1-10-1</v>
          </cell>
          <cell r="G3052" t="str">
            <v>東京都</v>
          </cell>
          <cell r="H3052" t="str">
            <v/>
          </cell>
          <cell r="I3052" t="str">
            <v>代表取締役社長 東島　俊一</v>
          </cell>
          <cell r="J3052" t="str">
            <v>本店</v>
          </cell>
          <cell r="K3052" t="str">
            <v>03-3562-2614</v>
          </cell>
          <cell r="L3052" t="str">
            <v>n.mitomo@sociohealth.co.jp</v>
          </cell>
          <cell r="M3052" t="str">
            <v>ﾎｳｹﾝ</v>
          </cell>
          <cell r="N3052" t="str">
            <v>無</v>
          </cell>
          <cell r="O3052">
            <v>72</v>
          </cell>
          <cell r="P3052">
            <v>139</v>
          </cell>
          <cell r="Q3052">
            <v>7010001057148</v>
          </cell>
          <cell r="R3052">
            <v>80000</v>
          </cell>
          <cell r="S3052">
            <v>15762511</v>
          </cell>
          <cell r="T3052">
            <v>9255476</v>
          </cell>
          <cell r="V3052" t="str">
            <v>jw480449</v>
          </cell>
          <cell r="W3052" t="str">
            <v>ln139396</v>
          </cell>
          <cell r="Y3052" t="str">
            <v>058，08，13，58，63，64，73，74，</v>
          </cell>
          <cell r="Z3052">
            <v>80</v>
          </cell>
          <cell r="AA3052">
            <v>63</v>
          </cell>
          <cell r="AB3052">
            <v>73</v>
          </cell>
          <cell r="AC3052">
            <v>58</v>
          </cell>
          <cell r="AD3052" t="str">
            <v/>
          </cell>
          <cell r="AE3052" t="str">
            <v>１；電話健康相談、メンタルヘルスカウンセリング、（特定）保健指導２；セミナー・講演会等のイベントの企画・運営３；広報誌・オリジナル冊子の企画から印刷まで４；ホームページの作成、レセプト管理システム</v>
          </cell>
          <cell r="AF3052" t="str">
            <v>「健康・医療・年金・介護福祉等に関する出版とＩＴソリューション」　書籍　電子書籍　定期刊行誌　広報誌（社内報、機関誌）健康相談　カウンセリング広報誌　ホームページ制作　特注品　記念事業　ＩＴソリューション（レセプトの管理・分析）健保事務等アウトソーシング。</v>
          </cell>
        </row>
        <row r="3053">
          <cell r="B3053">
            <v>12033</v>
          </cell>
          <cell r="C3053" t="str">
            <v>(有)松盛園</v>
          </cell>
          <cell r="D3053" t="str">
            <v>078-783-3693</v>
          </cell>
          <cell r="E3053" t="str">
            <v>664-0022</v>
          </cell>
          <cell r="F3053" t="str">
            <v>兵庫県伊丹市中野東1-364</v>
          </cell>
          <cell r="G3053" t="str">
            <v>伊丹市</v>
          </cell>
          <cell r="H3053" t="str">
            <v/>
          </cell>
          <cell r="I3053" t="str">
            <v>代表取締役 勝山　明彦</v>
          </cell>
          <cell r="J3053" t="str">
            <v>本店</v>
          </cell>
          <cell r="K3053" t="str">
            <v>078-779-0618</v>
          </cell>
          <cell r="L3053" t="str">
            <v>kouji-syouseien@beach.ocn.ne.jp</v>
          </cell>
          <cell r="M3053" t="str">
            <v>ｼｮｳｾｲｴﾝ</v>
          </cell>
          <cell r="N3053" t="str">
            <v>無</v>
          </cell>
          <cell r="O3053">
            <v>20</v>
          </cell>
          <cell r="P3053">
            <v>9</v>
          </cell>
          <cell r="Q3053">
            <v>3140002063623</v>
          </cell>
          <cell r="R3053">
            <v>3000</v>
          </cell>
          <cell r="S3053">
            <v>-130164</v>
          </cell>
          <cell r="T3053">
            <v>154185</v>
          </cell>
          <cell r="V3053" t="str">
            <v>ul129744</v>
          </cell>
          <cell r="W3053" t="str">
            <v>qz139937</v>
          </cell>
          <cell r="Y3053" t="str">
            <v>53，</v>
          </cell>
          <cell r="Z3053">
            <v>53</v>
          </cell>
          <cell r="AA3053" t="str">
            <v/>
          </cell>
          <cell r="AB3053" t="str">
            <v/>
          </cell>
          <cell r="AC3053" t="str">
            <v/>
          </cell>
          <cell r="AD3053" t="str">
            <v/>
          </cell>
          <cell r="AE3053" t="str">
            <v>１；２；３；４；</v>
          </cell>
          <cell r="AF3053" t="str">
            <v>当社は樹木の販売卸業と造園工事業を営んでおり、特に樹木の植栽、移植など、樹木に関する工事を特に得意としています。</v>
          </cell>
        </row>
        <row r="3054">
          <cell r="B3054">
            <v>12034</v>
          </cell>
          <cell r="C3054" t="str">
            <v>クロマトサイエンス(株)</v>
          </cell>
          <cell r="D3054" t="str">
            <v>06-6304-5330</v>
          </cell>
          <cell r="E3054" t="str">
            <v>532-0011</v>
          </cell>
          <cell r="F3054" t="str">
            <v>大阪府大阪市淀川区西中島4-2-12</v>
          </cell>
          <cell r="G3054" t="str">
            <v>大阪市</v>
          </cell>
          <cell r="H3054" t="str">
            <v/>
          </cell>
          <cell r="I3054" t="str">
            <v>代表取締役 神田　靖司</v>
          </cell>
          <cell r="J3054" t="str">
            <v>本店</v>
          </cell>
          <cell r="K3054" t="str">
            <v>06-6304-5754</v>
          </cell>
          <cell r="L3054" t="str">
            <v>arata@chromato-sc.com</v>
          </cell>
          <cell r="M3054" t="str">
            <v>ｸﾛﾏﾄｻｲｴﾝｽ</v>
          </cell>
          <cell r="N3054" t="str">
            <v>無</v>
          </cell>
          <cell r="O3054">
            <v>32</v>
          </cell>
          <cell r="P3054">
            <v>9</v>
          </cell>
          <cell r="Q3054">
            <v>8120001055016</v>
          </cell>
          <cell r="R3054">
            <v>10000</v>
          </cell>
          <cell r="S3054">
            <v>8852</v>
          </cell>
          <cell r="T3054">
            <v>385645</v>
          </cell>
          <cell r="V3054" t="str">
            <v>pw499890</v>
          </cell>
          <cell r="W3054" t="str">
            <v>se117599</v>
          </cell>
          <cell r="Y3054" t="str">
            <v>41，</v>
          </cell>
          <cell r="Z3054" t="str">
            <v/>
          </cell>
          <cell r="AA3054" t="str">
            <v/>
          </cell>
          <cell r="AB3054" t="str">
            <v/>
          </cell>
          <cell r="AC3054" t="str">
            <v/>
          </cell>
          <cell r="AD3054" t="str">
            <v/>
          </cell>
          <cell r="AE3054" t="str">
            <v>１；２；３；４；</v>
          </cell>
          <cell r="AF3054" t="str">
            <v>弊社はあらゆる理化学分析機器の取り扱いをしています。自社ビルの一室では分析装置を設置しお客様にご利用頂けることでお客様に納得いただける営業に力を入れております。</v>
          </cell>
        </row>
        <row r="3055">
          <cell r="B3055">
            <v>12035</v>
          </cell>
          <cell r="C3055" t="str">
            <v>(株)ソニックス</v>
          </cell>
          <cell r="D3055" t="str">
            <v>06-7220-3889</v>
          </cell>
          <cell r="E3055" t="str">
            <v>552-0022</v>
          </cell>
          <cell r="F3055" t="str">
            <v>大阪府大阪市港区海岸通1丁目5番29号</v>
          </cell>
          <cell r="G3055" t="str">
            <v>大阪市</v>
          </cell>
          <cell r="H3055" t="str">
            <v/>
          </cell>
          <cell r="I3055" t="str">
            <v>代表取締役 川田　宏行</v>
          </cell>
          <cell r="J3055" t="str">
            <v>本店</v>
          </cell>
          <cell r="K3055" t="str">
            <v>06-6572-7212</v>
          </cell>
          <cell r="L3055" t="str">
            <v>info@sonix-tran.com</v>
          </cell>
          <cell r="M3055" t="str">
            <v>ｿﾆｯｸｽ</v>
          </cell>
          <cell r="N3055" t="str">
            <v>無</v>
          </cell>
          <cell r="O3055">
            <v>42</v>
          </cell>
          <cell r="P3055">
            <v>13</v>
          </cell>
          <cell r="Q3055">
            <v>8120001066203</v>
          </cell>
          <cell r="R3055">
            <v>30000</v>
          </cell>
          <cell r="S3055">
            <v>31859</v>
          </cell>
          <cell r="T3055">
            <v>37815</v>
          </cell>
          <cell r="V3055" t="str">
            <v>wg544509</v>
          </cell>
          <cell r="W3055" t="str">
            <v>ed698911</v>
          </cell>
          <cell r="Y3055" t="str">
            <v>058，57，58，64，77，</v>
          </cell>
          <cell r="Z3055">
            <v>80</v>
          </cell>
          <cell r="AA3055">
            <v>57</v>
          </cell>
          <cell r="AB3055">
            <v>77</v>
          </cell>
          <cell r="AC3055">
            <v>58</v>
          </cell>
          <cell r="AD3055" t="str">
            <v>関西圏の大手電鉄・バス会社様の乗降調査や、道路の交通量調査を主に行っている会社です。</v>
          </cell>
          <cell r="AE3055" t="str">
            <v>１；電車・路面電車・バス等の乗降調査（ＯＤ調査）、道路交通量調査、踏切通行量調査、施設の入出場調査、人流の調査、ドローンによる空中撮影調査、水中ドローンによる海中撮影調査２；データ入力業務、データ集計分析業務３；アンケートの作成・封入・送付・回収・集計、インターネットアンケート等４；スマホのＷＩＦＩを用いた人流のカウント・分析。　ビデオカメラの映像をＡＩで解析し、車両・人流を自動計測するシステム</v>
          </cell>
          <cell r="AF3055" t="str">
            <v>関西圏の大手電鉄・バス会社様の乗降調査や、道路の交通量調査、施設の入出場調査を主に行っている会社です。</v>
          </cell>
        </row>
        <row r="3056">
          <cell r="B3056">
            <v>12041</v>
          </cell>
          <cell r="C3056" t="str">
            <v>(有)近畿情報開発</v>
          </cell>
          <cell r="D3056" t="str">
            <v>0798-81-3550</v>
          </cell>
          <cell r="E3056" t="str">
            <v>662-0054</v>
          </cell>
          <cell r="F3056" t="str">
            <v>兵庫県西宮市越水町1-4</v>
          </cell>
          <cell r="G3056" t="str">
            <v>西宮市</v>
          </cell>
          <cell r="H3056" t="str">
            <v/>
          </cell>
          <cell r="I3056" t="str">
            <v>取締役 藤井　理恵</v>
          </cell>
          <cell r="J3056" t="str">
            <v>本店</v>
          </cell>
          <cell r="K3056" t="str">
            <v>0798-81-3551</v>
          </cell>
          <cell r="L3056" t="str">
            <v>info@webprintshop.jp</v>
          </cell>
          <cell r="M3056" t="str">
            <v>ｷﾝｷｼﾞｮｳﾎｳｶｲﾊﾂ</v>
          </cell>
          <cell r="N3056" t="str">
            <v>無</v>
          </cell>
          <cell r="O3056">
            <v>16</v>
          </cell>
          <cell r="P3056">
            <v>5</v>
          </cell>
          <cell r="Q3056">
            <v>2140002059168</v>
          </cell>
          <cell r="R3056">
            <v>3000</v>
          </cell>
          <cell r="S3056">
            <v>6961</v>
          </cell>
          <cell r="T3056">
            <v>69509</v>
          </cell>
          <cell r="V3056" t="str">
            <v>pu914984</v>
          </cell>
          <cell r="W3056" t="str">
            <v>gm189376</v>
          </cell>
          <cell r="Y3056" t="str">
            <v>058，58，73，74，76，</v>
          </cell>
          <cell r="Z3056">
            <v>73</v>
          </cell>
          <cell r="AA3056">
            <v>74</v>
          </cell>
          <cell r="AB3056">
            <v>76</v>
          </cell>
          <cell r="AC3056">
            <v>58</v>
          </cell>
          <cell r="AD3056" t="str">
            <v>コンピューターのリピルト、中古の販売、レンタル等</v>
          </cell>
          <cell r="AE3056" t="str">
            <v>１；ページ物モノクロ冊子、フルカラー冊子、記念誌（無線綴じ、中綴じ、平綴じ、上製本ができます）、伝票関係（単票、複写）等２；圧着はがき３；ステッカー、シール関係４；ホームページ上で必要となるプログラム等の開発</v>
          </cell>
          <cell r="AF3056" t="str">
            <v>印刷物の企画・デザイン・制作・印刷データの作成及び印刷、コンピュータの修理、ホームページの作成、ホームページの管理、プログラムの開発等</v>
          </cell>
        </row>
        <row r="3057">
          <cell r="B3057">
            <v>12043</v>
          </cell>
          <cell r="C3057" t="str">
            <v>(一財)経済調査会</v>
          </cell>
          <cell r="D3057" t="str">
            <v>06-6233-2020</v>
          </cell>
          <cell r="E3057" t="str">
            <v>541-0042</v>
          </cell>
          <cell r="F3057" t="str">
            <v>大阪府大阪市中央区今橋4-4-7</v>
          </cell>
          <cell r="G3057" t="str">
            <v/>
          </cell>
          <cell r="H3057" t="str">
            <v>関西支部</v>
          </cell>
          <cell r="I3057" t="str">
            <v>支部長 松田　正司</v>
          </cell>
          <cell r="J3057" t="str">
            <v>東京都</v>
          </cell>
          <cell r="K3057" t="str">
            <v>06-6233-2011</v>
          </cell>
          <cell r="L3057" t="str">
            <v>sinsa-ml@zai-keicho.or.jp</v>
          </cell>
          <cell r="M3057" t="str">
            <v>ｹｲｻﾞｲﾁﾖｳｻｶｲ</v>
          </cell>
          <cell r="N3057" t="str">
            <v>有</v>
          </cell>
          <cell r="O3057">
            <v>72</v>
          </cell>
          <cell r="P3057">
            <v>311</v>
          </cell>
          <cell r="Q3057">
            <v>1010010000000</v>
          </cell>
          <cell r="R3057">
            <v>1640000</v>
          </cell>
          <cell r="S3057">
            <v>9797425</v>
          </cell>
          <cell r="T3057">
            <v>7383025</v>
          </cell>
          <cell r="V3057" t="str">
            <v>gg449541</v>
          </cell>
          <cell r="W3057" t="str">
            <v>so169683</v>
          </cell>
          <cell r="Y3057" t="str">
            <v>13.57.58.77</v>
          </cell>
          <cell r="Z3057">
            <v>77</v>
          </cell>
          <cell r="AA3057">
            <v>57</v>
          </cell>
          <cell r="AB3057">
            <v>58</v>
          </cell>
          <cell r="AC3057">
            <v>13</v>
          </cell>
          <cell r="AD3057" t="str">
            <v/>
          </cell>
          <cell r="AE3057" t="str">
            <v>１；２；建設資機材価格・工事費・歩掛・諸経費等調査３；定期刊行物掲載の建設資機材等電子データ提供４；積算システム等開発・保守</v>
          </cell>
          <cell r="AF3057" t="str">
            <v>①調査事業として、建設資機材価格、工事費、歩掛、労働者賃金、各種料金等調査、②電算関連として、建設資機材価格等の電子データ提供、積算システム等の開発・保守、③出版事業として、「積算資料」等の定期刊行物及び建設関連図書の発行</v>
          </cell>
        </row>
        <row r="3058">
          <cell r="B3058">
            <v>12046</v>
          </cell>
          <cell r="C3058" t="str">
            <v>(株)システムディ</v>
          </cell>
          <cell r="D3058" t="str">
            <v>075-256-7777</v>
          </cell>
          <cell r="E3058" t="str">
            <v>604-8172</v>
          </cell>
          <cell r="F3058" t="str">
            <v>京都府京都市中京区烏丸通三条上る場之町603</v>
          </cell>
          <cell r="G3058" t="str">
            <v>京都市</v>
          </cell>
          <cell r="H3058" t="str">
            <v/>
          </cell>
          <cell r="I3058" t="str">
            <v>代表取締役 堂山　道夫</v>
          </cell>
          <cell r="J3058" t="str">
            <v>本店</v>
          </cell>
          <cell r="K3058" t="str">
            <v>072-255-1054</v>
          </cell>
          <cell r="L3058" t="str">
            <v>nyusatsu@systemd.co.jp</v>
          </cell>
          <cell r="M3058" t="str">
            <v>ｼｽﾃﾑﾃﾞｨ</v>
          </cell>
          <cell r="N3058" t="str">
            <v>無</v>
          </cell>
          <cell r="O3058">
            <v>36</v>
          </cell>
          <cell r="P3058">
            <v>215</v>
          </cell>
          <cell r="Q3058">
            <v>8130001021041</v>
          </cell>
          <cell r="R3058">
            <v>484260</v>
          </cell>
          <cell r="S3058">
            <v>2223710</v>
          </cell>
          <cell r="T3058">
            <v>3328710</v>
          </cell>
          <cell r="V3058" t="str">
            <v>nj469854</v>
          </cell>
          <cell r="W3058" t="str">
            <v>al465871</v>
          </cell>
          <cell r="Y3058" t="str">
            <v>36，58，57，</v>
          </cell>
          <cell r="Z3058">
            <v>36</v>
          </cell>
          <cell r="AA3058">
            <v>58</v>
          </cell>
          <cell r="AB3058">
            <v>57</v>
          </cell>
          <cell r="AC3058" t="str">
            <v/>
          </cell>
          <cell r="AD3058" t="str">
            <v/>
          </cell>
          <cell r="AE3058" t="str">
            <v>１；２；３；４；</v>
          </cell>
          <cell r="AF3058" t="str">
            <v>公会計、校務支援、運動施設管理、規程管理等の各種ソフトの開発、運用、保守。パソコン、サーバ等ハードウェアの提供。</v>
          </cell>
        </row>
        <row r="3059">
          <cell r="B3059">
            <v>12047</v>
          </cell>
          <cell r="C3059" t="str">
            <v>(株)兵庫第一興商</v>
          </cell>
          <cell r="D3059" t="str">
            <v>078-232-3666</v>
          </cell>
          <cell r="E3059" t="str">
            <v>651-0087</v>
          </cell>
          <cell r="F3059" t="str">
            <v>兵庫県神戸市中央区御幸通5-2-3</v>
          </cell>
          <cell r="G3059" t="str">
            <v>神戸市</v>
          </cell>
          <cell r="H3059" t="str">
            <v/>
          </cell>
          <cell r="I3059" t="str">
            <v>代表取締役 吉川　慧</v>
          </cell>
          <cell r="J3059" t="str">
            <v>本店</v>
          </cell>
          <cell r="K3059" t="str">
            <v>078-232-2299</v>
          </cell>
          <cell r="L3059" t="str">
            <v>ndoi@dkkaraoke.co.jp</v>
          </cell>
          <cell r="M3059" t="str">
            <v>ﾋｮｳｺﾞﾀﾞｲｲﾁｺｳｼｮｳ</v>
          </cell>
          <cell r="N3059" t="str">
            <v>無</v>
          </cell>
          <cell r="O3059">
            <v>34</v>
          </cell>
          <cell r="P3059">
            <v>64</v>
          </cell>
          <cell r="Q3059">
            <v>6140001023427</v>
          </cell>
          <cell r="R3059">
            <v>90000</v>
          </cell>
          <cell r="S3059">
            <v>1177136</v>
          </cell>
          <cell r="T3059">
            <v>1993924</v>
          </cell>
          <cell r="V3059" t="str">
            <v>mq496715</v>
          </cell>
          <cell r="W3059" t="str">
            <v>tq181631</v>
          </cell>
          <cell r="Y3059" t="str">
            <v>44，</v>
          </cell>
          <cell r="Z3059">
            <v>80</v>
          </cell>
          <cell r="AA3059">
            <v>44</v>
          </cell>
          <cell r="AB3059" t="str">
            <v/>
          </cell>
          <cell r="AC3059" t="str">
            <v/>
          </cell>
          <cell r="AD3059" t="str">
            <v>カラオケ機器販売・レンタルの事業を行っています。健康体操コンテンツが搭載された介護福祉施設向け機器にも注力しています。</v>
          </cell>
          <cell r="AE3059" t="str">
            <v>１；業務用カラオケ機器および周辺機器２；業務用カラオケ機器および周辺機器３；４；</v>
          </cell>
          <cell r="AF3059" t="str">
            <v>カラオケ機器販売・レンタルの事業を行っています。健康体操コンテンツが搭載された介護福祉施設向け機器にも注力しています。</v>
          </cell>
        </row>
        <row r="3060">
          <cell r="B3060">
            <v>12048</v>
          </cell>
          <cell r="C3060" t="str">
            <v>(株)ナカシマテクノス</v>
          </cell>
          <cell r="D3060" t="str">
            <v>06-6531-2580</v>
          </cell>
          <cell r="E3060" t="str">
            <v>550-0015</v>
          </cell>
          <cell r="F3060" t="str">
            <v>大阪府大阪市西区南堀江1-1-14</v>
          </cell>
          <cell r="G3060" t="str">
            <v>大阪市</v>
          </cell>
          <cell r="H3060" t="str">
            <v>大阪支店</v>
          </cell>
          <cell r="I3060" t="str">
            <v>支店長 伊藤　康浩</v>
          </cell>
          <cell r="J3060" t="str">
            <v>兵庫県姫路市</v>
          </cell>
          <cell r="K3060" t="str">
            <v>06-6531-2582</v>
          </cell>
          <cell r="L3060" t="str">
            <v>hashimoto@nakashima-corp.co.jp</v>
          </cell>
          <cell r="M3060" t="str">
            <v>ﾅｶｼﾏﾃｸﾉｽ</v>
          </cell>
          <cell r="N3060" t="str">
            <v>有</v>
          </cell>
          <cell r="O3060">
            <v>11</v>
          </cell>
          <cell r="P3060">
            <v>102</v>
          </cell>
          <cell r="Q3060">
            <v>9140001060343</v>
          </cell>
          <cell r="R3060">
            <v>100000</v>
          </cell>
          <cell r="S3060">
            <v>1157162</v>
          </cell>
          <cell r="T3060">
            <v>5201304</v>
          </cell>
          <cell r="V3060" t="str">
            <v>fb408409</v>
          </cell>
          <cell r="W3060" t="str">
            <v>fm159965</v>
          </cell>
          <cell r="Y3060" t="str">
            <v>02，10，33，</v>
          </cell>
          <cell r="Z3060">
            <v>33</v>
          </cell>
          <cell r="AA3060">
            <v>10</v>
          </cell>
          <cell r="AB3060">
            <v>2</v>
          </cell>
          <cell r="AC3060" t="str">
            <v/>
          </cell>
          <cell r="AD3060" t="str">
            <v/>
          </cell>
          <cell r="AE3060" t="str">
            <v>１；ダグタイル関係のＧＸ管ＮＳ管のパイプ、異形管２；活性炭３；防災用備蓄食糧４；</v>
          </cell>
          <cell r="AF3060" t="str">
            <v>多種多様な商品販売とそれを支えるロジスティクスエンジニアリング、オペレーションなどの事業を多角的に展開しております。　特に力を入れている水道資材では、栗本鉄工所のダグタイル関係のＧＸ管、ＮＳ管。のパイプ、異形管、付属品等の在庫を持ち、緊急対応もできる会社です。</v>
          </cell>
        </row>
        <row r="3061">
          <cell r="B3061">
            <v>12049</v>
          </cell>
          <cell r="C3061" t="str">
            <v>(有)三協商事</v>
          </cell>
          <cell r="D3061" t="str">
            <v>06-6577-9501</v>
          </cell>
          <cell r="E3061" t="str">
            <v>552-0007</v>
          </cell>
          <cell r="F3061" t="str">
            <v>大阪府大阪市港区弁天6-5-40</v>
          </cell>
          <cell r="G3061" t="str">
            <v>大阪市</v>
          </cell>
          <cell r="H3061" t="str">
            <v/>
          </cell>
          <cell r="I3061" t="str">
            <v>代表取締役 桐島　道衞</v>
          </cell>
          <cell r="J3061" t="str">
            <v>本店</v>
          </cell>
          <cell r="K3061" t="str">
            <v>06-6572-8058</v>
          </cell>
          <cell r="L3061" t="str">
            <v>sugihara@e-sankyoshoji.co.jp</v>
          </cell>
          <cell r="M3061" t="str">
            <v>ｻﾝｷｮｳｼｮｳｼﾞ</v>
          </cell>
          <cell r="N3061" t="str">
            <v>無</v>
          </cell>
          <cell r="O3061">
            <v>34</v>
          </cell>
          <cell r="P3061">
            <v>8</v>
          </cell>
          <cell r="Q3061">
            <v>4120002015526</v>
          </cell>
          <cell r="R3061">
            <v>3000</v>
          </cell>
          <cell r="S3061">
            <v>6634</v>
          </cell>
          <cell r="T3061">
            <v>89702</v>
          </cell>
          <cell r="V3061" t="str">
            <v>pe130764</v>
          </cell>
          <cell r="W3061" t="str">
            <v>ｒt196636</v>
          </cell>
          <cell r="Y3061" t="str">
            <v/>
          </cell>
          <cell r="Z3061" t="str">
            <v/>
          </cell>
          <cell r="AA3061" t="str">
            <v/>
          </cell>
          <cell r="AB3061" t="str">
            <v/>
          </cell>
          <cell r="AC3061" t="str">
            <v/>
          </cell>
          <cell r="AD3061" t="str">
            <v/>
          </cell>
          <cell r="AE3061" t="str">
            <v>１；地下タンク及び埋設配管の漏洩検査２；石油タンク清掃及びメンテナンス３；鋼製地下タンク内面ライニング４；</v>
          </cell>
          <cell r="AF3061" t="str">
            <v>鋼製地下タンク内面ＦＲＰライニング・地下タンク及び埋設配管の漏洩検査・石油タンク清掃及びメンテナンス</v>
          </cell>
        </row>
        <row r="3062">
          <cell r="B3062">
            <v>12057</v>
          </cell>
          <cell r="C3062" t="str">
            <v>西都速記(株)</v>
          </cell>
          <cell r="D3062" t="str">
            <v>06-6390-1323</v>
          </cell>
          <cell r="E3062" t="str">
            <v>532-0011</v>
          </cell>
          <cell r="F3062" t="str">
            <v>大阪府大阪市淀川区西中島5-6-13</v>
          </cell>
          <cell r="G3062" t="str">
            <v>大阪市</v>
          </cell>
          <cell r="H3062" t="str">
            <v/>
          </cell>
          <cell r="I3062" t="str">
            <v>代表取締役　 上野　佳之</v>
          </cell>
          <cell r="J3062" t="str">
            <v>本店</v>
          </cell>
          <cell r="K3062" t="str">
            <v>06-6390-1324</v>
          </cell>
          <cell r="L3062" t="str">
            <v>parliament@saitosokki.jp</v>
          </cell>
          <cell r="M3062" t="str">
            <v>ｻｲﾄｿﾂｷ</v>
          </cell>
          <cell r="N3062" t="str">
            <v>無</v>
          </cell>
          <cell r="O3062">
            <v>7</v>
          </cell>
          <cell r="P3062">
            <v>7</v>
          </cell>
          <cell r="Q3062">
            <v>4120000000000</v>
          </cell>
          <cell r="R3062">
            <v>1000</v>
          </cell>
          <cell r="S3062">
            <v>103</v>
          </cell>
          <cell r="T3062">
            <v>30010</v>
          </cell>
          <cell r="V3062" t="str">
            <v>vy444449</v>
          </cell>
          <cell r="W3062" t="str">
            <v>oh183119</v>
          </cell>
          <cell r="Y3062" t="str">
            <v>36.57.58.59</v>
          </cell>
          <cell r="Z3062">
            <v>59</v>
          </cell>
          <cell r="AA3062">
            <v>57</v>
          </cell>
          <cell r="AB3062">
            <v>36</v>
          </cell>
          <cell r="AC3062">
            <v>58</v>
          </cell>
          <cell r="AD3062" t="str">
            <v/>
          </cell>
          <cell r="AE3062" t="str">
            <v>１；２；速記、テープ起こし、会議録作成３；データ入力４；速記システム・ソフトウェアの販売</v>
          </cell>
          <cell r="AF3062" t="str">
            <v>速記、テープ起こし、会議録作成、データ入力、速記システム・ソフトウェアの販売及び運用・保守業務</v>
          </cell>
        </row>
        <row r="3063">
          <cell r="B3063">
            <v>12058</v>
          </cell>
          <cell r="C3063" t="str">
            <v>ソリマチ(株)</v>
          </cell>
          <cell r="D3063" t="str">
            <v>0258-33-4435</v>
          </cell>
          <cell r="E3063" t="str">
            <v>940-0071</v>
          </cell>
          <cell r="F3063" t="str">
            <v>新潟県長岡市表町1-4-24</v>
          </cell>
          <cell r="G3063" t="str">
            <v>長岡市</v>
          </cell>
          <cell r="H3063" t="str">
            <v/>
          </cell>
          <cell r="I3063" t="str">
            <v>代表取締役 反町　秀樹</v>
          </cell>
          <cell r="J3063" t="str">
            <v>本店</v>
          </cell>
          <cell r="K3063" t="str">
            <v>0258-33-2851</v>
          </cell>
          <cell r="L3063" t="str">
            <v>somu@mail.sorimachi.co.jp</v>
          </cell>
          <cell r="M3063" t="str">
            <v>ｿﾘﾏﾁ</v>
          </cell>
          <cell r="N3063" t="str">
            <v>無</v>
          </cell>
          <cell r="O3063">
            <v>46</v>
          </cell>
          <cell r="P3063">
            <v>147</v>
          </cell>
          <cell r="Q3063">
            <v>2110001022732</v>
          </cell>
          <cell r="R3063">
            <v>49500</v>
          </cell>
          <cell r="S3063">
            <v>5287324</v>
          </cell>
          <cell r="T3063">
            <v>2423502</v>
          </cell>
          <cell r="V3063" t="str">
            <v>de459498</v>
          </cell>
          <cell r="W3063" t="str">
            <v>le156339</v>
          </cell>
          <cell r="Y3063" t="str">
            <v>36，57，58，</v>
          </cell>
          <cell r="Z3063" t="str">
            <v/>
          </cell>
          <cell r="AA3063" t="str">
            <v/>
          </cell>
          <cell r="AB3063" t="str">
            <v/>
          </cell>
          <cell r="AC3063" t="str">
            <v/>
          </cell>
          <cell r="AD3063" t="str">
            <v/>
          </cell>
          <cell r="AE3063" t="str">
            <v>１；２；３；４；</v>
          </cell>
          <cell r="AF3063" t="str">
            <v>ソフトウェア販売、システム開発、データ入力、システム運用保守</v>
          </cell>
        </row>
        <row r="3064">
          <cell r="B3064">
            <v>12069</v>
          </cell>
          <cell r="C3064" t="str">
            <v>(株)勝中</v>
          </cell>
          <cell r="D3064" t="str">
            <v>072-785-7380</v>
          </cell>
          <cell r="E3064" t="str">
            <v>664-0003</v>
          </cell>
          <cell r="F3064" t="str">
            <v>兵庫県伊丹市大野2-183-7</v>
          </cell>
          <cell r="G3064" t="str">
            <v>伊丹市</v>
          </cell>
          <cell r="H3064" t="str">
            <v/>
          </cell>
          <cell r="I3064" t="str">
            <v>代表取締役 伊藤　勝三</v>
          </cell>
          <cell r="J3064" t="str">
            <v>本店</v>
          </cell>
          <cell r="K3064" t="str">
            <v>072-769-5843</v>
          </cell>
          <cell r="L3064" t="str">
            <v>katunaka@gmail.com</v>
          </cell>
          <cell r="M3064" t="str">
            <v>ｶﾂﾅｶ</v>
          </cell>
          <cell r="N3064" t="str">
            <v>無</v>
          </cell>
          <cell r="O3064">
            <v>8</v>
          </cell>
          <cell r="P3064">
            <v>5</v>
          </cell>
          <cell r="Q3064">
            <v>6140001081012</v>
          </cell>
          <cell r="R3064">
            <v>3500</v>
          </cell>
          <cell r="S3064">
            <v>6166</v>
          </cell>
          <cell r="T3064">
            <v>53760</v>
          </cell>
          <cell r="V3064" t="str">
            <v>gp959958</v>
          </cell>
          <cell r="W3064" t="str">
            <v>gb199696</v>
          </cell>
          <cell r="Y3064" t="str">
            <v>052，33，34，37，46，52，53，54，55，</v>
          </cell>
          <cell r="Z3064">
            <v>53</v>
          </cell>
          <cell r="AA3064">
            <v>55</v>
          </cell>
          <cell r="AB3064">
            <v>54</v>
          </cell>
          <cell r="AC3064">
            <v>52</v>
          </cell>
          <cell r="AD3064" t="str">
            <v/>
          </cell>
          <cell r="AE3064" t="str">
            <v>１；２；３；４；</v>
          </cell>
          <cell r="AF3064" t="str">
            <v>樹木剪定を得意とするので、公園・街路樹の剪定、河川の草刈りを希望します。</v>
          </cell>
        </row>
        <row r="3065">
          <cell r="B3065">
            <v>12070</v>
          </cell>
          <cell r="C3065" t="str">
            <v>西日本タイヤ(株)</v>
          </cell>
          <cell r="D3065" t="str">
            <v>072-759-7298</v>
          </cell>
          <cell r="E3065" t="str">
            <v>666-0025</v>
          </cell>
          <cell r="F3065" t="str">
            <v>兵庫県川西市加茂5-3-3</v>
          </cell>
          <cell r="G3065" t="str">
            <v>川西市</v>
          </cell>
          <cell r="H3065" t="str">
            <v/>
          </cell>
          <cell r="I3065" t="str">
            <v>代表取締役 神田　泰之</v>
          </cell>
          <cell r="J3065" t="str">
            <v>本店</v>
          </cell>
          <cell r="K3065" t="str">
            <v>072-758-7281</v>
          </cell>
          <cell r="L3065" t="str">
            <v>office@nishinihon-tire.co.jp</v>
          </cell>
          <cell r="M3065" t="str">
            <v>ﾆｼﾆﾎﾝﾀｲﾔ</v>
          </cell>
          <cell r="N3065" t="str">
            <v>無</v>
          </cell>
          <cell r="O3065">
            <v>44</v>
          </cell>
          <cell r="P3065">
            <v>13</v>
          </cell>
          <cell r="Q3065">
            <v>6140001079543</v>
          </cell>
          <cell r="R3065">
            <v>10000</v>
          </cell>
          <cell r="S3065">
            <v>-977</v>
          </cell>
          <cell r="T3065">
            <v>428119</v>
          </cell>
          <cell r="V3065" t="str">
            <v>xv999141</v>
          </cell>
          <cell r="W3065" t="str">
            <v>at131622</v>
          </cell>
          <cell r="Y3065" t="str">
            <v>26，</v>
          </cell>
          <cell r="Z3065" t="str">
            <v/>
          </cell>
          <cell r="AA3065" t="str">
            <v/>
          </cell>
          <cell r="AB3065" t="str">
            <v/>
          </cell>
          <cell r="AC3065" t="str">
            <v/>
          </cell>
          <cell r="AD3065" t="str">
            <v/>
          </cell>
          <cell r="AE3065" t="str">
            <v>１；２；３；４；</v>
          </cell>
          <cell r="AF3065" t="str">
            <v>タイヤの販売、修理</v>
          </cell>
        </row>
        <row r="3066">
          <cell r="B3066">
            <v>12080</v>
          </cell>
          <cell r="C3066" t="str">
            <v>(株)日本サーモエナー</v>
          </cell>
          <cell r="D3066" t="str">
            <v>06-6488-2233</v>
          </cell>
          <cell r="E3066" t="str">
            <v>660-0806</v>
          </cell>
          <cell r="F3066" t="str">
            <v>兵庫県尼崎市金楽寺町2-2-33</v>
          </cell>
          <cell r="G3066" t="str">
            <v>尼崎市</v>
          </cell>
          <cell r="H3066" t="str">
            <v>関西支社</v>
          </cell>
          <cell r="I3066" t="str">
            <v>支社長 今井　芳宏</v>
          </cell>
          <cell r="J3066" t="str">
            <v>東京都</v>
          </cell>
          <cell r="K3066" t="str">
            <v>06-6489-0115</v>
          </cell>
          <cell r="L3066" t="str">
            <v>kansai@n-thermo.co.jp</v>
          </cell>
          <cell r="M3066" t="str">
            <v>ﾆﾎﾝｻｰﾓｴﾅｰ</v>
          </cell>
          <cell r="N3066" t="str">
            <v>有</v>
          </cell>
          <cell r="O3066">
            <v>56</v>
          </cell>
          <cell r="P3066">
            <v>395</v>
          </cell>
          <cell r="Q3066">
            <v>3010401057222</v>
          </cell>
          <cell r="R3066">
            <v>491400</v>
          </cell>
          <cell r="S3066">
            <v>5074278</v>
          </cell>
          <cell r="T3066">
            <v>17321049</v>
          </cell>
          <cell r="V3066" t="str">
            <v>dp894444</v>
          </cell>
          <cell r="W3066" t="str">
            <v>sb193967</v>
          </cell>
          <cell r="Y3066" t="str">
            <v>10，48，</v>
          </cell>
          <cell r="Z3066">
            <v>80</v>
          </cell>
          <cell r="AA3066">
            <v>48</v>
          </cell>
          <cell r="AB3066">
            <v>10</v>
          </cell>
          <cell r="AC3066" t="str">
            <v/>
          </cell>
          <cell r="AD3066" t="str">
            <v/>
          </cell>
          <cell r="AE3066" t="str">
            <v>１；各種ボイラー、温水機器、それに伴う周辺機器及び部品２；各種ボイラー及び温水機器の保守点検作業３；各種ボイラー用水処理薬品、試薬４；</v>
          </cell>
          <cell r="AF3066" t="str">
            <v>各種ボイラー機器の販売・据付及びメンテナンス・保守点検管理業務を行うとともに、各種ボイラー部品、水処理薬品・試薬の販売も行っております。</v>
          </cell>
        </row>
        <row r="3067">
          <cell r="B3067">
            <v>12082</v>
          </cell>
          <cell r="C3067" t="str">
            <v>(株)オーイーシー</v>
          </cell>
          <cell r="D3067" t="str">
            <v>097-537-1212</v>
          </cell>
          <cell r="E3067" t="str">
            <v>870-0037</v>
          </cell>
          <cell r="F3067" t="str">
            <v>大分県大分市東春日町17-57</v>
          </cell>
          <cell r="G3067" t="str">
            <v>大分市</v>
          </cell>
          <cell r="H3067" t="str">
            <v/>
          </cell>
          <cell r="I3067" t="str">
            <v>代表取締役社長 加藤　健</v>
          </cell>
          <cell r="J3067" t="str">
            <v>本店</v>
          </cell>
          <cell r="K3067" t="str">
            <v>097-537-2694</v>
          </cell>
          <cell r="L3067" t="str">
            <v>jichiei@oec.co.jp</v>
          </cell>
          <cell r="M3067" t="str">
            <v>ｵｰｲｰｼｰ</v>
          </cell>
          <cell r="N3067" t="str">
            <v>無</v>
          </cell>
          <cell r="O3067">
            <v>52</v>
          </cell>
          <cell r="P3067">
            <v>409</v>
          </cell>
          <cell r="Q3067">
            <v>4320001000673</v>
          </cell>
          <cell r="R3067">
            <v>100000</v>
          </cell>
          <cell r="S3067">
            <v>3272048</v>
          </cell>
          <cell r="T3067">
            <v>6507289</v>
          </cell>
          <cell r="V3067" t="str">
            <v>jn941941</v>
          </cell>
          <cell r="W3067" t="str">
            <v>be179393</v>
          </cell>
          <cell r="Y3067" t="str">
            <v>057，26，36，42，57，58，</v>
          </cell>
          <cell r="Z3067">
            <v>58</v>
          </cell>
          <cell r="AA3067">
            <v>36</v>
          </cell>
          <cell r="AB3067">
            <v>80</v>
          </cell>
          <cell r="AC3067">
            <v>57</v>
          </cell>
          <cell r="AD3067" t="str">
            <v>その他の希望業種＜物品関係＞ＧＰＳ、電力監視装置、ＣＰＵ内蔵型デマンド制御監視装置、ドライブレコーダー</v>
          </cell>
          <cell r="AE3067" t="str">
            <v>１；システム開発・運用・保守、プログラム開発２；パソコン、ＰＣ周辺機器の販売　特：日本アイ・ビー・エム、レノボ・ジャパン　代：富士通、リコージャパン、キヤノンマーケティングジャパン３；公共施設マネジメント計画策定支援、ごみ量調査・分析４；データ入力業務</v>
          </cell>
          <cell r="AF3067" t="str">
            <v>「技術と信用と真心」をモットーに日本全国のお客様へ、住民情報関係の基幹系システム・財務会計等の内部情報系システムほか施設予約・環境マネジメント・ごみ収集管理など多種多様な分野のソリューションをご提供しております。</v>
          </cell>
        </row>
        <row r="3068">
          <cell r="B3068">
            <v>12086</v>
          </cell>
          <cell r="C3068" t="str">
            <v>(株)サンケン・エンジニアリング</v>
          </cell>
          <cell r="D3068" t="str">
            <v>06-6338-8052</v>
          </cell>
          <cell r="E3068" t="str">
            <v>564-0054</v>
          </cell>
          <cell r="F3068" t="str">
            <v>大阪府吹田市芳野町2-8</v>
          </cell>
          <cell r="G3068" t="str">
            <v>吹田市</v>
          </cell>
          <cell r="H3068" t="str">
            <v>大阪支店</v>
          </cell>
          <cell r="I3068" t="str">
            <v>支店長 中沢　秀記</v>
          </cell>
          <cell r="J3068" t="str">
            <v>福岡県福岡市</v>
          </cell>
          <cell r="K3068" t="str">
            <v>06-6338-8053</v>
          </cell>
          <cell r="L3068" t="str">
            <v>bidders_o@sanken-eng.com</v>
          </cell>
          <cell r="M3068" t="str">
            <v>ｻﾝｹﾝｴﾝｼﾞﾆｱﾘﾝｸﾞ</v>
          </cell>
          <cell r="N3068" t="str">
            <v>有</v>
          </cell>
          <cell r="O3068">
            <v>49</v>
          </cell>
          <cell r="P3068">
            <v>86</v>
          </cell>
          <cell r="Q3068">
            <v>8290001001283</v>
          </cell>
          <cell r="R3068">
            <v>90000</v>
          </cell>
          <cell r="S3068">
            <v>871610</v>
          </cell>
          <cell r="T3068">
            <v>1269764</v>
          </cell>
          <cell r="V3068" t="str">
            <v>bh317773</v>
          </cell>
          <cell r="W3068" t="str">
            <v>ku197873</v>
          </cell>
          <cell r="Y3068" t="str">
            <v>28，48，</v>
          </cell>
          <cell r="Z3068">
            <v>28</v>
          </cell>
          <cell r="AA3068">
            <v>80</v>
          </cell>
          <cell r="AB3068">
            <v>48</v>
          </cell>
          <cell r="AC3068" t="str">
            <v/>
          </cell>
          <cell r="AD3068" t="str">
            <v/>
          </cell>
          <cell r="AE3068" t="str">
            <v>１；緞帳及び舞台諸幕（株）川島織物セルコン、（株）龍村美術織物２；舞台大道具備品（株）大阪共立３；舞台機構設備保守点検４；</v>
          </cell>
          <cell r="AF3068" t="str">
            <v>現在、福岡本社、東京本店、大阪支店、仙台支店に拠点を置き全国営業をしています。営業の主は舞台機構設備の製作施工でありますが、竣工後の保守点検、舞台大道具、緞帳、舞台諸幕の納品等も営業に力を入れております。</v>
          </cell>
        </row>
        <row r="3069">
          <cell r="B3069">
            <v>12088</v>
          </cell>
          <cell r="C3069" t="str">
            <v>日本水道管路(株)</v>
          </cell>
          <cell r="D3069" t="str">
            <v>03-3531-6300</v>
          </cell>
          <cell r="E3069" t="str">
            <v>104-0053</v>
          </cell>
          <cell r="F3069" t="str">
            <v>東京都中央区晴海3-13-1-4923</v>
          </cell>
          <cell r="G3069" t="str">
            <v>東京都</v>
          </cell>
          <cell r="I3069" t="str">
            <v>代表取締役 佐藤　伸二</v>
          </cell>
          <cell r="J3069" t="str">
            <v>宮城県石巻市</v>
          </cell>
          <cell r="K3069" t="str">
            <v>03-6332-9424</v>
          </cell>
          <cell r="L3069" t="str">
            <v>soumu@suidou-kanro.co.jp</v>
          </cell>
          <cell r="M3069" t="str">
            <v>ﾆﾎﾝｽｲﾄﾞｳｶﾝﾛ</v>
          </cell>
          <cell r="N3069" t="str">
            <v>有</v>
          </cell>
          <cell r="O3069">
            <v>20</v>
          </cell>
          <cell r="P3069">
            <v>17</v>
          </cell>
          <cell r="Q3069">
            <v>4370301001061</v>
          </cell>
          <cell r="R3069">
            <v>30000</v>
          </cell>
          <cell r="S3069">
            <v>15542</v>
          </cell>
          <cell r="T3069">
            <v>149396</v>
          </cell>
          <cell r="V3069" t="str">
            <v>pg946051</v>
          </cell>
          <cell r="W3069" t="str">
            <v>bv113999</v>
          </cell>
          <cell r="Y3069" t="str">
            <v>79，</v>
          </cell>
          <cell r="Z3069" t="str">
            <v/>
          </cell>
          <cell r="AA3069" t="str">
            <v/>
          </cell>
          <cell r="AB3069" t="str">
            <v/>
          </cell>
          <cell r="AC3069" t="str">
            <v/>
          </cell>
          <cell r="AD3069" t="str">
            <v/>
          </cell>
          <cell r="AE3069" t="str">
            <v>１；漏水調査２；管内テレビカメラ調査３；４；</v>
          </cell>
          <cell r="AF3069" t="str">
            <v>上水道の漏水調査（とくに監視型調査）に力をいれております。</v>
          </cell>
        </row>
        <row r="3070">
          <cell r="B3070">
            <v>12089</v>
          </cell>
          <cell r="C3070" t="str">
            <v>松岡特殊資材</v>
          </cell>
          <cell r="D3070" t="str">
            <v>0742-62-0427</v>
          </cell>
          <cell r="E3070" t="str">
            <v>630-8443</v>
          </cell>
          <cell r="F3070" t="str">
            <v>奈良県奈良市南永井町31-6</v>
          </cell>
          <cell r="G3070" t="str">
            <v>奈良市</v>
          </cell>
          <cell r="H3070" t="str">
            <v/>
          </cell>
          <cell r="I3070" t="str">
            <v>代表者 松岡　昌彦</v>
          </cell>
          <cell r="J3070" t="str">
            <v>本店</v>
          </cell>
          <cell r="K3070" t="str">
            <v>0742-62-2587</v>
          </cell>
          <cell r="L3070" t="str">
            <v>mtokusyu@zeus.eonet.ne.jp</v>
          </cell>
          <cell r="M3070" t="str">
            <v>ﾏﾂｵｶﾄｸｼｭｼｻﾞｲ</v>
          </cell>
          <cell r="N3070" t="str">
            <v>無</v>
          </cell>
          <cell r="O3070">
            <v>37</v>
          </cell>
          <cell r="P3070">
            <v>5</v>
          </cell>
          <cell r="Q3070" t="str">
            <v/>
          </cell>
          <cell r="R3070">
            <v>5000</v>
          </cell>
          <cell r="S3070">
            <v>40066</v>
          </cell>
          <cell r="T3070">
            <v>46836</v>
          </cell>
          <cell r="V3070" t="str">
            <v>gh414444</v>
          </cell>
          <cell r="W3070" t="str">
            <v>ql117919</v>
          </cell>
          <cell r="Y3070" t="str">
            <v>66，</v>
          </cell>
          <cell r="Z3070">
            <v>66</v>
          </cell>
          <cell r="AA3070">
            <v>80</v>
          </cell>
          <cell r="AB3070" t="str">
            <v/>
          </cell>
          <cell r="AC3070" t="str">
            <v/>
          </cell>
          <cell r="AD3070" t="str">
            <v/>
          </cell>
          <cell r="AE3070" t="str">
            <v>１；青銅製鋳物看板・ステンレス製看板・掲示板・案内板２；モニュメント・宝珠・六葉・擬宝珠　社寺金物一式３；４；</v>
          </cell>
          <cell r="AF3070" t="str">
            <v>青銅鋳物・モニュメント・社寺金物一式</v>
          </cell>
        </row>
        <row r="3071">
          <cell r="B3071">
            <v>12090</v>
          </cell>
          <cell r="C3071" t="str">
            <v>ディアシステム(株)</v>
          </cell>
          <cell r="D3071" t="str">
            <v>06-6364-6586</v>
          </cell>
          <cell r="E3071" t="str">
            <v>530-0054</v>
          </cell>
          <cell r="F3071" t="str">
            <v>大阪府大阪市北区南森町2-4-5</v>
          </cell>
          <cell r="G3071" t="str">
            <v>大阪市</v>
          </cell>
          <cell r="H3071" t="str">
            <v/>
          </cell>
          <cell r="I3071" t="str">
            <v>代表取締役 岩浅　宏明</v>
          </cell>
          <cell r="J3071" t="str">
            <v>本店</v>
          </cell>
          <cell r="K3071" t="str">
            <v>06-6364-6496</v>
          </cell>
          <cell r="L3071" t="str">
            <v>t-satoh@dsic.jp</v>
          </cell>
          <cell r="M3071" t="str">
            <v>ﾃﾞｨｱｼｽﾃﾑ</v>
          </cell>
          <cell r="N3071" t="str">
            <v>無</v>
          </cell>
          <cell r="O3071">
            <v>33</v>
          </cell>
          <cell r="P3071">
            <v>60</v>
          </cell>
          <cell r="Q3071">
            <v>2120001067256</v>
          </cell>
          <cell r="R3071">
            <v>20000</v>
          </cell>
          <cell r="S3071">
            <v>49695</v>
          </cell>
          <cell r="T3071">
            <v>1919812</v>
          </cell>
          <cell r="V3071" t="str">
            <v>bh944844</v>
          </cell>
          <cell r="W3071" t="str">
            <v>ｒd197697</v>
          </cell>
          <cell r="Y3071" t="str">
            <v>58，</v>
          </cell>
          <cell r="Z3071" t="str">
            <v/>
          </cell>
          <cell r="AA3071" t="str">
            <v/>
          </cell>
          <cell r="AB3071" t="str">
            <v/>
          </cell>
          <cell r="AC3071" t="str">
            <v/>
          </cell>
          <cell r="AD3071" t="str">
            <v/>
          </cell>
          <cell r="AE3071" t="str">
            <v>１；システム開発・運用・保守　ホームページ企画・作成２；３；４；</v>
          </cell>
          <cell r="AF3071" t="str">
            <v>情報処理サービス業のシステム開発・運用・保守、データ入力、集計、ホームページ作成など自治体と契約実績があります。自治体以外でも製造業、ブル中業など継続した契約をさせていただいております。今後も継続した信頼を得られるように努力し、お役様に満足していただける企業を目指します。</v>
          </cell>
        </row>
        <row r="3072">
          <cell r="B3072">
            <v>12091</v>
          </cell>
          <cell r="C3072" t="str">
            <v>(株)ＣＯＭＴＡＳ</v>
          </cell>
          <cell r="D3072" t="str">
            <v>075-283-1246</v>
          </cell>
          <cell r="E3072" t="str">
            <v>60400924</v>
          </cell>
          <cell r="F3072" t="str">
            <v>京都府京都市中京区河原町通二条下ﾙ一之船入町三七六</v>
          </cell>
          <cell r="G3072" t="str">
            <v>京都市</v>
          </cell>
          <cell r="H3072" t="str">
            <v/>
          </cell>
          <cell r="I3072" t="str">
            <v>代表取締役 奥村　雅美</v>
          </cell>
          <cell r="J3072" t="str">
            <v>本店</v>
          </cell>
          <cell r="K3072" t="str">
            <v>075-202-2060</v>
          </cell>
          <cell r="L3072" t="str">
            <v>tanaka@comtas.net</v>
          </cell>
          <cell r="M3072" t="str">
            <v>ｺﾑﾀｽ</v>
          </cell>
          <cell r="N3072" t="str">
            <v>無</v>
          </cell>
          <cell r="O3072">
            <v>12</v>
          </cell>
          <cell r="P3072">
            <v>6</v>
          </cell>
          <cell r="Q3072">
            <v>5130001045860</v>
          </cell>
          <cell r="R3072">
            <v>5000</v>
          </cell>
          <cell r="S3072">
            <v>5000</v>
          </cell>
          <cell r="T3072">
            <v>27593</v>
          </cell>
          <cell r="V3072" t="str">
            <v>fg641440</v>
          </cell>
          <cell r="W3072" t="str">
            <v>ka113354</v>
          </cell>
          <cell r="Y3072" t="str">
            <v>20，</v>
          </cell>
          <cell r="Z3072">
            <v>80</v>
          </cell>
          <cell r="AA3072" t="str">
            <v/>
          </cell>
          <cell r="AB3072">
            <v>20</v>
          </cell>
          <cell r="AC3072" t="str">
            <v/>
          </cell>
          <cell r="AD3072" t="str">
            <v/>
          </cell>
          <cell r="AE3072" t="str">
            <v>１；遊具・体育器具の点検、修繕２；木材の再生「液体ガラス処理」の施工３；遊具・体育器具の販売・設置４；</v>
          </cell>
          <cell r="AF3072" t="str">
            <v>遊具及び体育器具の販売・点検・修繕・設置業務木材を再生する液体ガラス処理の施工</v>
          </cell>
        </row>
        <row r="3073">
          <cell r="B3073">
            <v>12096</v>
          </cell>
          <cell r="C3073" t="str">
            <v>(株)熊谷興産</v>
          </cell>
          <cell r="D3073" t="str">
            <v>086-234-2526</v>
          </cell>
          <cell r="E3073" t="str">
            <v>700-0941</v>
          </cell>
          <cell r="F3073" t="str">
            <v>岡山県岡山市北区青江5-22-34</v>
          </cell>
          <cell r="G3073" t="str">
            <v>岡山市</v>
          </cell>
          <cell r="H3073" t="str">
            <v/>
          </cell>
          <cell r="I3073" t="str">
            <v>代表取締役 熊谷　昌典</v>
          </cell>
          <cell r="J3073" t="str">
            <v>本店</v>
          </cell>
          <cell r="K3073" t="str">
            <v>086-234-2524</v>
          </cell>
          <cell r="L3073" t="str">
            <v>kumakou@hi.enjoy.ne.jp</v>
          </cell>
          <cell r="M3073" t="str">
            <v>ｸﾏｶﾞｲｺｳｻﾝ</v>
          </cell>
          <cell r="N3073" t="str">
            <v>無</v>
          </cell>
          <cell r="O3073">
            <v>11</v>
          </cell>
          <cell r="P3073">
            <v>8</v>
          </cell>
          <cell r="Q3073">
            <v>4260001010191</v>
          </cell>
          <cell r="R3073">
            <v>6000</v>
          </cell>
          <cell r="S3073">
            <v>404</v>
          </cell>
          <cell r="T3073">
            <v>167372</v>
          </cell>
          <cell r="V3073" t="str">
            <v>gj444404</v>
          </cell>
          <cell r="W3073" t="str">
            <v>fg187916</v>
          </cell>
          <cell r="Y3073" t="str">
            <v>080，10，33，38，</v>
          </cell>
          <cell r="Z3073">
            <v>33</v>
          </cell>
          <cell r="AA3073">
            <v>10</v>
          </cell>
          <cell r="AB3073">
            <v>38</v>
          </cell>
          <cell r="AC3073">
            <v>80</v>
          </cell>
          <cell r="AD3073" t="str">
            <v/>
          </cell>
          <cell r="AE3073" t="str">
            <v>１；全天候型舗装補修材エースパッチ・コンクリート補修材エムケイクリート４５・クラック補修材ＫＫシール等　美松工業株式会社　特約店２；凍結防止剤　塩化カルシウム・塩化ナトリウム３；油処理剤、油吸着材４；ポストコーン</v>
          </cell>
          <cell r="AF3073" t="str">
            <v>全天候型舗装補修材エースパッチ・コンクリート補修材エムケイクリート４５・クラック補修材ＫＫシール・凍結防止剤・油処理剤油吸着材・ポストコーン等を取り扱っております。</v>
          </cell>
        </row>
        <row r="3074">
          <cell r="B3074">
            <v>12105</v>
          </cell>
          <cell r="C3074" t="str">
            <v>(株)アサヒファシリティズ</v>
          </cell>
          <cell r="D3074" t="str">
            <v>078-271-0222</v>
          </cell>
          <cell r="E3074" t="str">
            <v>651-0086</v>
          </cell>
          <cell r="F3074" t="str">
            <v>兵庫県神戸市中央区磯上通7-1-8</v>
          </cell>
          <cell r="G3074" t="str">
            <v>神戸市</v>
          </cell>
          <cell r="H3074" t="str">
            <v>神戸支店</v>
          </cell>
          <cell r="I3074" t="str">
            <v>支店長 西岡　雅也</v>
          </cell>
          <cell r="J3074" t="str">
            <v>東京都</v>
          </cell>
          <cell r="K3074" t="str">
            <v>078-271-0220</v>
          </cell>
          <cell r="L3074" t="str">
            <v>k_ishihama@afm.co.jp</v>
          </cell>
          <cell r="M3074" t="str">
            <v>ｱｻﾋﾌｱｼﾘﾃｲｽﾞ</v>
          </cell>
          <cell r="N3074" t="str">
            <v>有</v>
          </cell>
          <cell r="O3074">
            <v>49</v>
          </cell>
          <cell r="P3074">
            <v>1571</v>
          </cell>
          <cell r="Q3074">
            <v>6010600000000</v>
          </cell>
          <cell r="R3074">
            <v>450000</v>
          </cell>
          <cell r="S3074">
            <v>23909892</v>
          </cell>
          <cell r="T3074">
            <v>47306031</v>
          </cell>
          <cell r="V3074" t="str">
            <v>yr540407</v>
          </cell>
          <cell r="W3074" t="str">
            <v>bz136893</v>
          </cell>
          <cell r="Y3074" t="str">
            <v>45.46.54</v>
          </cell>
          <cell r="Z3074">
            <v>46</v>
          </cell>
          <cell r="AA3074">
            <v>54</v>
          </cell>
          <cell r="AB3074">
            <v>45</v>
          </cell>
          <cell r="AC3074" t="str">
            <v/>
          </cell>
          <cell r="AD3074" t="str">
            <v/>
          </cell>
          <cell r="AE3074" t="str">
            <v>１；２；マンション管理業　国土交通大臣（４）第０３１５６８号　建物空気環境測定業　兵庫県１３空第１１号の４３；医療関連サービスマーク認定証書　Ｇ（４）１７１０１３１９１３４；警備業認定証　第３００００５１４号</v>
          </cell>
          <cell r="AF3074" t="str">
            <v>①保守点検管理業務－多数の設備資格者を擁し、長年培った豊富なデータ、ノウハウを活かして最適な設備管理を行います。②清掃業務－建物の用途、床材、壁材などの特性を考慮し、きめ細やかな清掃管理を行います。③警備業務－常駐、巡回警備に加え防犯防災に関する体制を整備しています。</v>
          </cell>
        </row>
        <row r="3075">
          <cell r="B3075">
            <v>12109</v>
          </cell>
          <cell r="C3075" t="str">
            <v>株式会社共進舎牧農園</v>
          </cell>
          <cell r="D3075" t="str">
            <v>072-781-5551</v>
          </cell>
          <cell r="E3075" t="str">
            <v>664-0881</v>
          </cell>
          <cell r="F3075" t="str">
            <v>兵庫県伊丹市昆陽7-92-3</v>
          </cell>
          <cell r="G3075" t="str">
            <v>伊丹市</v>
          </cell>
          <cell r="H3075" t="str">
            <v>阪神営業所</v>
          </cell>
          <cell r="I3075" t="str">
            <v>所長 佐藤　進治</v>
          </cell>
          <cell r="J3075" t="str">
            <v>本店</v>
          </cell>
          <cell r="K3075" t="str">
            <v>072-781-4425</v>
          </cell>
          <cell r="L3075" t="str">
            <v/>
          </cell>
          <cell r="M3075" t="str">
            <v>ｷﾖｳｼﾝｼﾔﾎﾞｸﾉｳｴﾝ</v>
          </cell>
          <cell r="N3075" t="str">
            <v>有</v>
          </cell>
          <cell r="O3075">
            <v>68</v>
          </cell>
          <cell r="P3075">
            <v>79</v>
          </cell>
          <cell r="Q3075">
            <v>4140000000000</v>
          </cell>
          <cell r="R3075">
            <v>17</v>
          </cell>
          <cell r="S3075">
            <v>1496</v>
          </cell>
          <cell r="T3075">
            <v>4210</v>
          </cell>
          <cell r="V3075" t="str">
            <v>fk805891</v>
          </cell>
          <cell r="W3075" t="str">
            <v>de169559</v>
          </cell>
          <cell r="Y3075">
            <v>2</v>
          </cell>
          <cell r="Z3075">
            <v>2</v>
          </cell>
          <cell r="AA3075" t="str">
            <v/>
          </cell>
          <cell r="AB3075" t="str">
            <v/>
          </cell>
          <cell r="AC3075" t="str">
            <v/>
          </cell>
          <cell r="AD3075" t="str">
            <v/>
          </cell>
          <cell r="AE3075" t="str">
            <v>１；２；牛乳・乳製品３；４；</v>
          </cell>
          <cell r="AF3075" t="str">
            <v>乳業メーカー（株）共進牧場の直系販売会社</v>
          </cell>
        </row>
        <row r="3076">
          <cell r="B3076">
            <v>12112</v>
          </cell>
          <cell r="C3076" t="str">
            <v>(株)えむぼま</v>
          </cell>
          <cell r="D3076" t="str">
            <v>089-974-2297</v>
          </cell>
          <cell r="E3076" t="str">
            <v>790-0045</v>
          </cell>
          <cell r="F3076" t="str">
            <v>愛媛県松山市余戸中4-5-43</v>
          </cell>
          <cell r="G3076" t="str">
            <v>松山市</v>
          </cell>
          <cell r="H3076" t="str">
            <v/>
          </cell>
          <cell r="I3076" t="str">
            <v>代表取締役 森　正彦</v>
          </cell>
          <cell r="J3076" t="str">
            <v>本店</v>
          </cell>
          <cell r="K3076" t="str">
            <v>089-974-2452</v>
          </cell>
          <cell r="L3076" t="str">
            <v>support@emboma.jp</v>
          </cell>
          <cell r="M3076" t="str">
            <v>ｶﾌﾞｼｷｶﾞｲｼｬｴﾑﾎﾞﾏ</v>
          </cell>
          <cell r="N3076" t="str">
            <v>無</v>
          </cell>
          <cell r="O3076">
            <v>13</v>
          </cell>
          <cell r="P3076">
            <v>20</v>
          </cell>
          <cell r="Q3076">
            <v>7500001005461</v>
          </cell>
          <cell r="R3076">
            <v>24000</v>
          </cell>
          <cell r="S3076">
            <v>31279</v>
          </cell>
          <cell r="T3076">
            <v>306228</v>
          </cell>
          <cell r="V3076" t="str">
            <v>dn858900</v>
          </cell>
          <cell r="W3076" t="str">
            <v>hｒ137919</v>
          </cell>
          <cell r="Y3076" t="str">
            <v>057，36，57，58，</v>
          </cell>
          <cell r="Z3076">
            <v>36</v>
          </cell>
          <cell r="AA3076">
            <v>80</v>
          </cell>
          <cell r="AB3076">
            <v>58</v>
          </cell>
          <cell r="AC3076">
            <v>57</v>
          </cell>
          <cell r="AD3076" t="str">
            <v/>
          </cell>
          <cell r="AE3076" t="str">
            <v>１；代理店：センチュリー・システムズ株式会社２；Ｊ－ＡＬＥＲＴ保守３；ソフトウェア開発・システム開発・運用・保守４；情報処理</v>
          </cell>
          <cell r="AF3076" t="str">
            <v>Ｊ－ＡＬＥＲＴ受信機の販売、クラウドソリューション事業（ＶＭホスティング、クラウド＆お客様環境構築）、イノベーションアシスト事業、業務用フィールドサービス事業、法人ＷＥＢサービス事業、上記の管理・オペレーション（２４時間３６５日監視・運用アウトソーシング等）</v>
          </cell>
        </row>
        <row r="3077">
          <cell r="B3077">
            <v>12114</v>
          </cell>
          <cell r="C3077" t="str">
            <v>安田(株)</v>
          </cell>
          <cell r="D3077" t="str">
            <v>06-6541-7151</v>
          </cell>
          <cell r="E3077" t="str">
            <v>550-0012</v>
          </cell>
          <cell r="F3077" t="str">
            <v>大阪府大阪市西区立売堀5-8-28</v>
          </cell>
          <cell r="G3077" t="str">
            <v>大阪市</v>
          </cell>
          <cell r="H3077" t="str">
            <v>大阪支店</v>
          </cell>
          <cell r="I3077" t="str">
            <v>支店長 岩田　勝</v>
          </cell>
          <cell r="J3077" t="str">
            <v>岐阜県岐阜市</v>
          </cell>
          <cell r="K3077" t="str">
            <v>06-6531-4240</v>
          </cell>
          <cell r="L3077" t="str">
            <v>yasuda-osaka@yasuda-kk.co.jp</v>
          </cell>
          <cell r="M3077" t="str">
            <v>ﾔｽﾀﾞ</v>
          </cell>
          <cell r="N3077" t="str">
            <v>有</v>
          </cell>
          <cell r="O3077">
            <v>60</v>
          </cell>
          <cell r="P3077">
            <v>263</v>
          </cell>
          <cell r="Q3077">
            <v>9200001005531</v>
          </cell>
          <cell r="R3077">
            <v>100000</v>
          </cell>
          <cell r="S3077">
            <v>5355659</v>
          </cell>
          <cell r="T3077">
            <v>23125328</v>
          </cell>
          <cell r="V3077" t="str">
            <v>xw969999</v>
          </cell>
          <cell r="W3077" t="str">
            <v>ee162169</v>
          </cell>
          <cell r="Y3077" t="str">
            <v>33，31，</v>
          </cell>
          <cell r="Z3077" t="str">
            <v/>
          </cell>
          <cell r="AA3077" t="str">
            <v/>
          </cell>
          <cell r="AB3077" t="str">
            <v/>
          </cell>
          <cell r="AC3077" t="str">
            <v/>
          </cell>
          <cell r="AD3077" t="str">
            <v/>
          </cell>
          <cell r="AE3077" t="str">
            <v>１；（株）クボタの販売特約店</v>
          </cell>
          <cell r="AF3077" t="str">
            <v>（株）クボタの販売特約店であり、シールド内配管、パイプインパイプ、配水池、大型造成等の水道工事に数多く携わっています。また、ＳＵＳ加工の子会社を有しており、水管橋の設計から施工までを一貫して行うことが可能です。</v>
          </cell>
        </row>
        <row r="3078">
          <cell r="B3078">
            <v>12115</v>
          </cell>
          <cell r="C3078" t="str">
            <v>(株)アルファテクノ</v>
          </cell>
          <cell r="D3078" t="str">
            <v>0721-21-5134</v>
          </cell>
          <cell r="E3078" t="str">
            <v>586-0042</v>
          </cell>
          <cell r="F3078" t="str">
            <v>大阪府河内長野市日東町11-8</v>
          </cell>
          <cell r="G3078" t="str">
            <v>河内長野市</v>
          </cell>
          <cell r="H3078" t="str">
            <v/>
          </cell>
          <cell r="I3078" t="str">
            <v>代表取締役 山本　省三</v>
          </cell>
          <cell r="J3078" t="str">
            <v>本店</v>
          </cell>
          <cell r="K3078" t="str">
            <v>020-4623-2307</v>
          </cell>
          <cell r="L3078" t="str">
            <v>keiyaku@alp-tec.co.jp</v>
          </cell>
          <cell r="M3078" t="str">
            <v>ｱﾙﾌｧﾃｸﾉ</v>
          </cell>
          <cell r="N3078" t="str">
            <v>無</v>
          </cell>
          <cell r="O3078">
            <v>10</v>
          </cell>
          <cell r="P3078">
            <v>4</v>
          </cell>
          <cell r="Q3078">
            <v>4140001030268</v>
          </cell>
          <cell r="R3078">
            <v>3000</v>
          </cell>
          <cell r="S3078">
            <v>2598</v>
          </cell>
          <cell r="T3078">
            <v>42114</v>
          </cell>
          <cell r="V3078" t="str">
            <v>tg906446</v>
          </cell>
          <cell r="W3078" t="str">
            <v>nb177993</v>
          </cell>
          <cell r="Y3078" t="str">
            <v>28，47，</v>
          </cell>
          <cell r="Z3078">
            <v>47</v>
          </cell>
          <cell r="AA3078">
            <v>80</v>
          </cell>
          <cell r="AB3078">
            <v>28</v>
          </cell>
          <cell r="AC3078" t="str">
            <v/>
          </cell>
          <cell r="AD3078" t="str">
            <v>舞台諸設備（舞台照明・舞台機構・舞台幕類）に関する工事・保守・修理・販売を専門としております。</v>
          </cell>
          <cell r="AE3078" t="str">
            <v>１；舞台照明設備、舞台機構設備の保守・点検。一般建設業許可－電気工事業・機械器具設置業。２；舞台照明設備・機器の販売。一般建設業許可－電気工事業・機械器具設置業。３；緞帳・スクリーン・舞台緒幕類・暗幕等の販売及び取付。一般建設業許可－電気工事業・機械器具設置業。４；</v>
          </cell>
          <cell r="AF3078" t="str">
            <v>学校・公民館などの舞台照明設備、舞台機構設備、緞帳・舞台諸幕類・スクリーンなど舞台設備に関する設備・機器の設計・製造・販売・保守・修理を行っております。舞台照明設備事業につきましては朝日バグナル株式会社様より照明事業の譲渡を受けております。</v>
          </cell>
        </row>
        <row r="3079">
          <cell r="B3079">
            <v>12116</v>
          </cell>
          <cell r="C3079" t="str">
            <v>ポート産業(株)</v>
          </cell>
          <cell r="D3079" t="str">
            <v>078-452-1621</v>
          </cell>
          <cell r="E3079" t="str">
            <v>658-0027</v>
          </cell>
          <cell r="F3079" t="str">
            <v>兵庫県神戸市東灘区青木1-2-1</v>
          </cell>
          <cell r="G3079" t="str">
            <v>神戸市</v>
          </cell>
          <cell r="H3079" t="str">
            <v/>
          </cell>
          <cell r="I3079" t="str">
            <v>代表取締役 長谷　一俊</v>
          </cell>
          <cell r="J3079" t="str">
            <v>本店</v>
          </cell>
          <cell r="K3079" t="str">
            <v>078-452-1622</v>
          </cell>
          <cell r="L3079" t="str">
            <v>port-keiyaku@portsangyo.co.jp</v>
          </cell>
          <cell r="M3079" t="str">
            <v>ﾎﾟｰﾄｻﾝｷﾞｮｳ</v>
          </cell>
          <cell r="N3079" t="str">
            <v>無</v>
          </cell>
          <cell r="O3079">
            <v>40</v>
          </cell>
          <cell r="P3079">
            <v>121</v>
          </cell>
          <cell r="Q3079">
            <v>4140001002465</v>
          </cell>
          <cell r="R3079">
            <v>23200</v>
          </cell>
          <cell r="S3079">
            <v>152110</v>
          </cell>
          <cell r="T3079">
            <v>569401</v>
          </cell>
          <cell r="V3079" t="str">
            <v>pf644444</v>
          </cell>
          <cell r="W3079" t="str">
            <v>no155991</v>
          </cell>
          <cell r="Y3079" t="str">
            <v>54，</v>
          </cell>
          <cell r="Z3079" t="str">
            <v/>
          </cell>
          <cell r="AA3079" t="str">
            <v/>
          </cell>
          <cell r="AB3079" t="str">
            <v/>
          </cell>
          <cell r="AC3079" t="str">
            <v/>
          </cell>
          <cell r="AD3079" t="str">
            <v/>
          </cell>
          <cell r="AE3079" t="str">
            <v>１；日常清掃、定期清掃、ガラス清掃から、床清掃まで清掃業務を実施しております。２；３；４；</v>
          </cell>
          <cell r="AF3079" t="str">
            <v>当社は１９９６年から神戸市内を中心に警備、清掃、設備管理の施設管理業に取り組んでおります。清掃部門では主に神戸市内の公共施設を受託し、各施設の期待に応え、満足いただける実績を得ています。貴市におきましても、必ずご満足いただける評価を得るものと確信いたしております。</v>
          </cell>
        </row>
        <row r="3080">
          <cell r="B3080">
            <v>12117</v>
          </cell>
          <cell r="C3080" t="str">
            <v>河北印刷(株)</v>
          </cell>
          <cell r="D3080" t="str">
            <v>075-691-5121</v>
          </cell>
          <cell r="E3080" t="str">
            <v>601-8461</v>
          </cell>
          <cell r="F3080" t="str">
            <v>京都府京都市南区唐橋門脇町28</v>
          </cell>
          <cell r="G3080" t="str">
            <v>京都市</v>
          </cell>
          <cell r="H3080" t="str">
            <v/>
          </cell>
          <cell r="I3080" t="str">
            <v>代表取締役 河北　喜十良</v>
          </cell>
          <cell r="J3080" t="str">
            <v>本店</v>
          </cell>
          <cell r="K3080" t="str">
            <v>075-671-8236</v>
          </cell>
          <cell r="L3080" t="str">
            <v>e-bid@kawakita.com</v>
          </cell>
          <cell r="M3080" t="str">
            <v>ｶﾜｷﾀｲﾝｻﾂ</v>
          </cell>
          <cell r="N3080" t="str">
            <v>無</v>
          </cell>
          <cell r="O3080">
            <v>112</v>
          </cell>
          <cell r="P3080">
            <v>74</v>
          </cell>
          <cell r="Q3080">
            <v>4130001010295</v>
          </cell>
          <cell r="R3080">
            <v>50000</v>
          </cell>
          <cell r="S3080">
            <v>118716</v>
          </cell>
          <cell r="T3080">
            <v>1122945</v>
          </cell>
          <cell r="V3080" t="str">
            <v>tz140444</v>
          </cell>
          <cell r="W3080" t="str">
            <v>mb113997</v>
          </cell>
          <cell r="Y3080" t="str">
            <v>072，72，73，74，75，76，</v>
          </cell>
          <cell r="Z3080">
            <v>73</v>
          </cell>
          <cell r="AA3080">
            <v>76</v>
          </cell>
          <cell r="AB3080">
            <v>80</v>
          </cell>
          <cell r="AC3080">
            <v>72</v>
          </cell>
          <cell r="AD3080" t="str">
            <v/>
          </cell>
          <cell r="AE3080" t="str">
            <v>１；編集・組版から印刷・製本まですべて社内で一貫して行うことができます。２；サテン等布地やフィルム、不織布など特殊な素材に印刷することができます。３；古文書、書籍、絵図、巻子、掛け軸などの原本修復・複製物の制作、デジタルアーカイブ化などを手がけております。４；自治体史などの付図や、地図の作成に実績があります。</v>
          </cell>
          <cell r="AF3080" t="str">
            <v>自治体史、画集、美術書などの企画・設計・印刷・製本。手帳、辞典、ハンドブックなど小型本の一貫製本、各種文献・報告書などの製本。布地やフィルムなどへの特殊印刷。古文書、絵図など歴史史料の複製・修復・デジタル化など。</v>
          </cell>
        </row>
        <row r="3081">
          <cell r="B3081">
            <v>12118</v>
          </cell>
          <cell r="C3081" t="str">
            <v>(株)チヂキ</v>
          </cell>
          <cell r="D3081" t="str">
            <v>06-6910-1338</v>
          </cell>
          <cell r="E3081" t="str">
            <v>540-0012</v>
          </cell>
          <cell r="F3081" t="str">
            <v>大阪府大阪市中央区谷町3-1-11</v>
          </cell>
          <cell r="G3081" t="str">
            <v>大阪市</v>
          </cell>
          <cell r="H3081" t="str">
            <v>大阪店</v>
          </cell>
          <cell r="I3081" t="str">
            <v>店長 直本　真之</v>
          </cell>
          <cell r="J3081" t="str">
            <v>岡山県岡山市</v>
          </cell>
          <cell r="K3081" t="str">
            <v>06-6910-1339</v>
          </cell>
          <cell r="L3081" t="str">
            <v>okamura@chijiki.com</v>
          </cell>
          <cell r="M3081" t="str">
            <v>ﾁﾁﾞｷ</v>
          </cell>
          <cell r="N3081" t="str">
            <v>有</v>
          </cell>
          <cell r="O3081">
            <v>65</v>
          </cell>
          <cell r="P3081">
            <v>20</v>
          </cell>
          <cell r="Q3081">
            <v>6260001004324</v>
          </cell>
          <cell r="R3081">
            <v>50000</v>
          </cell>
          <cell r="S3081">
            <v>-44155</v>
          </cell>
          <cell r="T3081">
            <v>452853</v>
          </cell>
          <cell r="V3081" t="str">
            <v>gj948144</v>
          </cell>
          <cell r="W3081" t="str">
            <v>hj193313</v>
          </cell>
          <cell r="Y3081" t="str">
            <v>03，03，07，08，14，38，</v>
          </cell>
          <cell r="Z3081">
            <v>80</v>
          </cell>
          <cell r="AA3081">
            <v>7</v>
          </cell>
          <cell r="AB3081">
            <v>8</v>
          </cell>
          <cell r="AC3081">
            <v>3</v>
          </cell>
          <cell r="AD3081" t="str">
            <v/>
          </cell>
          <cell r="AE3081" t="str">
            <v>１；犬鑑札・狂犬病予防注射済票（５０年以上の販売実績あり）、千々木マーク工業（株）２；ヤマト徽章（株）、松下徽章（株）、（株）平岩、（株）錦屋３；シャディ（株）、（株）藤田商店４；トムス（株）、（株）モリフロッキー</v>
          </cell>
          <cell r="AF3081" t="str">
            <v>犬鑑札・狂犬病予防注射済票の販売において、５０年以上の実績を持っています。</v>
          </cell>
        </row>
        <row r="3082">
          <cell r="B3082">
            <v>12119</v>
          </cell>
          <cell r="C3082" t="str">
            <v>不二工芸(株)</v>
          </cell>
          <cell r="D3082" t="str">
            <v>06-6554-5930</v>
          </cell>
          <cell r="E3082" t="str">
            <v>551-0002</v>
          </cell>
          <cell r="F3082" t="str">
            <v>大阪府大阪市大正区三軒家東2-10-8</v>
          </cell>
          <cell r="G3082" t="str">
            <v>大阪市</v>
          </cell>
          <cell r="H3082" t="str">
            <v/>
          </cell>
          <cell r="I3082" t="str">
            <v>代表取締役 中筋　幹雄</v>
          </cell>
          <cell r="J3082" t="str">
            <v>本店</v>
          </cell>
          <cell r="K3082" t="str">
            <v>06-6554-7333</v>
          </cell>
          <cell r="L3082" t="str">
            <v>kayak-f@shore.ocn.ne.jp</v>
          </cell>
          <cell r="M3082" t="str">
            <v>ﾌｼﾞｺｳｹﾞｲ</v>
          </cell>
          <cell r="N3082" t="str">
            <v>無</v>
          </cell>
          <cell r="O3082">
            <v>67</v>
          </cell>
          <cell r="P3082">
            <v>3</v>
          </cell>
          <cell r="Q3082">
            <v>2120001088459</v>
          </cell>
          <cell r="R3082">
            <v>10000</v>
          </cell>
          <cell r="S3082">
            <v>34879</v>
          </cell>
          <cell r="T3082">
            <v>55157</v>
          </cell>
          <cell r="V3082" t="str">
            <v>bg441499</v>
          </cell>
          <cell r="W3082" t="str">
            <v>id153569</v>
          </cell>
          <cell r="Y3082" t="str">
            <v>16，66，</v>
          </cell>
          <cell r="Z3082">
            <v>16</v>
          </cell>
          <cell r="AA3082">
            <v>66</v>
          </cell>
          <cell r="AB3082" t="str">
            <v/>
          </cell>
          <cell r="AC3082" t="str">
            <v/>
          </cell>
          <cell r="AD3082" t="str">
            <v/>
          </cell>
          <cell r="AE3082" t="str">
            <v>１；選挙ポスター掲示板（製作・設置・撤去）２；掲示板・看板３；４；</v>
          </cell>
          <cell r="AF3082" t="str">
            <v>選挙ポスター掲示場の製作・設置・撤去業務</v>
          </cell>
        </row>
        <row r="3083">
          <cell r="B3083">
            <v>12120</v>
          </cell>
          <cell r="C3083" t="str">
            <v>(株)東洋食品</v>
          </cell>
          <cell r="D3083" t="str">
            <v>03-3836-1291</v>
          </cell>
          <cell r="E3083" t="str">
            <v>110-0015</v>
          </cell>
          <cell r="F3083" t="str">
            <v>東京都台東区東上野1-14-4 野村不動産上野ﾋﾞﾙ4階</v>
          </cell>
          <cell r="G3083" t="str">
            <v>東京都</v>
          </cell>
          <cell r="H3083" t="str">
            <v/>
          </cell>
          <cell r="I3083" t="str">
            <v>代表取締役　 荻久保　英男</v>
          </cell>
          <cell r="J3083" t="str">
            <v>本店</v>
          </cell>
          <cell r="K3083" t="str">
            <v>03-3836-0601</v>
          </cell>
          <cell r="L3083" t="str">
            <v>kaihatu@toyo-foods.com</v>
          </cell>
          <cell r="M3083" t="str">
            <v>ﾄｳﾖｳｼﾖｸﾋﾝ</v>
          </cell>
          <cell r="N3083" t="str">
            <v>無</v>
          </cell>
          <cell r="O3083">
            <v>5</v>
          </cell>
          <cell r="P3083">
            <v>11874</v>
          </cell>
          <cell r="Q3083">
            <v>2010500000000</v>
          </cell>
          <cell r="R3083">
            <v>30000</v>
          </cell>
          <cell r="S3083">
            <v>4485890</v>
          </cell>
          <cell r="T3083">
            <v>22862885</v>
          </cell>
          <cell r="V3083" t="str">
            <v>vn484646</v>
          </cell>
          <cell r="W3083" t="str">
            <v>qw116395</v>
          </cell>
          <cell r="Y3083">
            <v>2</v>
          </cell>
          <cell r="Z3083" t="str">
            <v/>
          </cell>
          <cell r="AA3083" t="str">
            <v/>
          </cell>
          <cell r="AB3083" t="str">
            <v/>
          </cell>
          <cell r="AC3083" t="str">
            <v/>
          </cell>
          <cell r="AD3083" t="str">
            <v/>
          </cell>
          <cell r="AE3083" t="str">
            <v>１；２；学校給食等、集団給食調理業務及びそれに付帯する一切の業務の受託３；４；</v>
          </cell>
          <cell r="AF3083" t="str">
            <v>学校給食等、集団給食調理業務の受託及びそれに付帯する一切の業務。</v>
          </cell>
        </row>
        <row r="3084">
          <cell r="B3084">
            <v>12121</v>
          </cell>
          <cell r="C3084" t="str">
            <v>関西広告工芸(株)</v>
          </cell>
          <cell r="D3084" t="str">
            <v>0798-33-5492</v>
          </cell>
          <cell r="E3084" t="str">
            <v>662-0912</v>
          </cell>
          <cell r="F3084" t="str">
            <v>兵庫県西宮市松原町9-5</v>
          </cell>
          <cell r="G3084" t="str">
            <v>西宮市</v>
          </cell>
          <cell r="H3084" t="str">
            <v/>
          </cell>
          <cell r="I3084" t="str">
            <v>代表取締役 吉中　仁志</v>
          </cell>
          <cell r="J3084" t="str">
            <v>本店</v>
          </cell>
          <cell r="K3084" t="str">
            <v>0798-36-1643</v>
          </cell>
          <cell r="L3084" t="str">
            <v>kkk@kansaikoukoku.com</v>
          </cell>
          <cell r="M3084" t="str">
            <v>ｶﾝｻｲｺｳｺｸｺｳｹﾞｲ</v>
          </cell>
          <cell r="N3084" t="str">
            <v>無</v>
          </cell>
          <cell r="O3084">
            <v>69</v>
          </cell>
          <cell r="P3084">
            <v>3</v>
          </cell>
          <cell r="Q3084">
            <v>3140001068292</v>
          </cell>
          <cell r="R3084">
            <v>10000</v>
          </cell>
          <cell r="S3084">
            <v>12995</v>
          </cell>
          <cell r="T3084">
            <v>42142</v>
          </cell>
          <cell r="V3084" t="str">
            <v>uz540199</v>
          </cell>
          <cell r="W3084" t="str">
            <v>mf161267</v>
          </cell>
          <cell r="Y3084" t="str">
            <v>66，</v>
          </cell>
          <cell r="Z3084" t="str">
            <v/>
          </cell>
          <cell r="AA3084" t="str">
            <v/>
          </cell>
          <cell r="AB3084" t="str">
            <v/>
          </cell>
          <cell r="AC3084" t="str">
            <v/>
          </cell>
          <cell r="AD3084" t="str">
            <v/>
          </cell>
          <cell r="AE3084" t="str">
            <v>１；屋外広告業者登録（兵広登（１）第９５８号）、銘板（金属製・御影石製・プラスチック製・木製）、案内板、避難標識、建植看板、シルク印刷、テント、懸垂幕、文字書き２；３；４；</v>
          </cell>
          <cell r="AF3084" t="str">
            <v>創業より現在に至るまで蓄積された知恵、知識があります。屋内外看板に関しては幅広く取扱しております</v>
          </cell>
        </row>
        <row r="3085">
          <cell r="B3085">
            <v>12123</v>
          </cell>
          <cell r="C3085" t="str">
            <v>(株)サンアメニティ</v>
          </cell>
          <cell r="D3085" t="str">
            <v>06-6944-5370</v>
          </cell>
          <cell r="E3085" t="str">
            <v>540-0024</v>
          </cell>
          <cell r="F3085" t="str">
            <v>大阪府大阪市中央区南新町2-3-7</v>
          </cell>
          <cell r="G3085" t="str">
            <v>大阪市</v>
          </cell>
          <cell r="H3085" t="str">
            <v>大阪支社</v>
          </cell>
          <cell r="I3085" t="str">
            <v>支社長 大瀧　一作</v>
          </cell>
          <cell r="J3085" t="str">
            <v>東京都</v>
          </cell>
          <cell r="K3085" t="str">
            <v>06-6944-5371</v>
          </cell>
          <cell r="L3085" t="str">
            <v>eigyo1@sunamenity.co</v>
          </cell>
          <cell r="M3085" t="str">
            <v>ｻﾝｱﾒﾆﾃｨ</v>
          </cell>
          <cell r="N3085" t="str">
            <v>有</v>
          </cell>
          <cell r="O3085">
            <v>39</v>
          </cell>
          <cell r="P3085">
            <v>1614</v>
          </cell>
          <cell r="Q3085">
            <v>4011501001705</v>
          </cell>
          <cell r="R3085">
            <v>50000</v>
          </cell>
          <cell r="S3085">
            <v>326179</v>
          </cell>
          <cell r="T3085">
            <v>6685127</v>
          </cell>
          <cell r="V3085" t="str">
            <v>zp409160</v>
          </cell>
          <cell r="W3085" t="str">
            <v>qq116969</v>
          </cell>
          <cell r="Y3085" t="str">
            <v>046，45，46，47，48，49，52，53，54，55，60，</v>
          </cell>
          <cell r="Z3085" t="str">
            <v/>
          </cell>
          <cell r="AA3085">
            <v>54</v>
          </cell>
          <cell r="AB3085">
            <v>45</v>
          </cell>
          <cell r="AC3085">
            <v>46</v>
          </cell>
          <cell r="AD3085" t="str">
            <v>公共・民間の建物・スポ一ツ施設等の総合維持運営管理会社です。</v>
          </cell>
          <cell r="AE3085" t="str">
            <v>１；プ一ル監視業務　スポ一ツ指導教室・企画業務　介護予防教室　受付案内業務　公園等の管理（指定管理）２；建物内等清掃３；人的警備　受付　プ一ル監視業務４；建物保守点検管理業務</v>
          </cell>
          <cell r="AF3085" t="str">
            <v>開業以来　ビル総合管理を全国的に実施。　その後プ一ルを中心にあらゆるスポ一ツ等指定管理した実績数多くある。また公園等にも広く展開しており、清掃、施設保守管理、警備、スポ一ツ教室企画・指導、受付電話交換、予防介護教室　給食・食器洗浄等になどに広く対応できます。</v>
          </cell>
        </row>
        <row r="3086">
          <cell r="B3086">
            <v>12124</v>
          </cell>
          <cell r="C3086" t="str">
            <v>国際セーフティー(株)</v>
          </cell>
          <cell r="D3086" t="str">
            <v>06-6357-4420</v>
          </cell>
          <cell r="E3086" t="str">
            <v>530-0044</v>
          </cell>
          <cell r="F3086" t="str">
            <v>大阪府大阪市北区東天満1-5-12</v>
          </cell>
          <cell r="G3086" t="str">
            <v>大阪市</v>
          </cell>
          <cell r="H3086" t="str">
            <v/>
          </cell>
          <cell r="I3086" t="str">
            <v>代表取締役 徳田　穗積</v>
          </cell>
          <cell r="J3086" t="str">
            <v>本店</v>
          </cell>
          <cell r="K3086" t="str">
            <v>06-6357-4409</v>
          </cell>
          <cell r="L3086" t="str">
            <v>kikai@wish.ocn.ne.jp</v>
          </cell>
          <cell r="M3086" t="str">
            <v>ｺｸｻｲｹｲﾋﾞﾎｼｮｳ</v>
          </cell>
          <cell r="N3086" t="str">
            <v>無</v>
          </cell>
          <cell r="O3086">
            <v>53</v>
          </cell>
          <cell r="P3086">
            <v>2200</v>
          </cell>
          <cell r="Q3086">
            <v>7120001063804</v>
          </cell>
          <cell r="R3086">
            <v>100000000</v>
          </cell>
          <cell r="S3086">
            <v>2164154007</v>
          </cell>
          <cell r="T3086">
            <v>9149747048</v>
          </cell>
          <cell r="V3086" t="str">
            <v>gf441049</v>
          </cell>
          <cell r="W3086" t="str">
            <v>lr191513</v>
          </cell>
          <cell r="Y3086" t="str">
            <v>39，44，45，</v>
          </cell>
          <cell r="Z3086">
            <v>45</v>
          </cell>
          <cell r="AA3086">
            <v>39</v>
          </cell>
          <cell r="AB3086">
            <v>44</v>
          </cell>
          <cell r="AC3086" t="str">
            <v/>
          </cell>
          <cell r="AD3086" t="str">
            <v/>
          </cell>
          <cell r="AE3086" t="str">
            <v>１；施設警備業務・雑踏警備業務を主とし、機械警備業務、交通誘導警備２；自動体外式除細動器（ＡＥＤ）３；ＡＥＤ販売・リース　日本光電（代）オムロン（代）旭化成（代）４；</v>
          </cell>
          <cell r="AF3086" t="str">
            <v>当社は営業年数５３年を超え、警備業の中では社歴の長い会社でございます。施設警備、機械警備、イベント警備と実施しており、自治体、公共施設等への納品実績も十分にございます。</v>
          </cell>
        </row>
        <row r="3087">
          <cell r="B3087">
            <v>12125</v>
          </cell>
          <cell r="C3087" t="str">
            <v>(株)丸楽紙業</v>
          </cell>
          <cell r="D3087" t="str">
            <v>06-6747-6000</v>
          </cell>
          <cell r="E3087" t="str">
            <v>540-0005</v>
          </cell>
          <cell r="F3087" t="str">
            <v>大阪府大阪市中央区上町1-26-14</v>
          </cell>
          <cell r="G3087" t="str">
            <v>大阪市</v>
          </cell>
          <cell r="H3087" t="str">
            <v/>
          </cell>
          <cell r="I3087" t="str">
            <v>代表取締役 杉山　喜久尚</v>
          </cell>
          <cell r="J3087" t="str">
            <v>本店</v>
          </cell>
          <cell r="K3087" t="str">
            <v>06-6747-6060</v>
          </cell>
          <cell r="L3087" t="str">
            <v>info@maruraku.co.jp</v>
          </cell>
          <cell r="M3087" t="str">
            <v>ﾏﾙﾗｸｼｷﾞｮｳ</v>
          </cell>
          <cell r="N3087" t="str">
            <v>無</v>
          </cell>
          <cell r="O3087">
            <v>79</v>
          </cell>
          <cell r="P3087">
            <v>30</v>
          </cell>
          <cell r="Q3087">
            <v>5120001090197</v>
          </cell>
          <cell r="R3087">
            <v>80000</v>
          </cell>
          <cell r="S3087">
            <v>758804</v>
          </cell>
          <cell r="T3087">
            <v>2361691</v>
          </cell>
          <cell r="V3087" t="str">
            <v>gg461845</v>
          </cell>
          <cell r="W3087" t="str">
            <v>lg139839</v>
          </cell>
          <cell r="Y3087" t="str">
            <v>15，</v>
          </cell>
          <cell r="Z3087" t="str">
            <v/>
          </cell>
          <cell r="AA3087" t="str">
            <v/>
          </cell>
          <cell r="AB3087" t="str">
            <v/>
          </cell>
          <cell r="AC3087" t="str">
            <v/>
          </cell>
          <cell r="AD3087" t="str">
            <v/>
          </cell>
          <cell r="AE3087" t="str">
            <v>１；日本紙パルプ商事株式会社、国際紙パルプ商事株式会社２；３；４；</v>
          </cell>
          <cell r="AF3087" t="str">
            <v>コピー用紙や一般的な印刷用紙である上質紙・コート紙・色上質紙等、多種多様な商品を取り扱いしております。</v>
          </cell>
        </row>
        <row r="3088">
          <cell r="B3088">
            <v>12127</v>
          </cell>
          <cell r="C3088" t="str">
            <v>(株)協同臨床検査所</v>
          </cell>
          <cell r="D3088" t="str">
            <v>072-883-5631</v>
          </cell>
          <cell r="E3088" t="str">
            <v>571-0002</v>
          </cell>
          <cell r="F3088" t="str">
            <v>大阪府門真市岸和田3-30-13</v>
          </cell>
          <cell r="G3088" t="str">
            <v>門真市</v>
          </cell>
          <cell r="H3088" t="str">
            <v/>
          </cell>
          <cell r="I3088" t="str">
            <v>代表取締役 政岡 一郎</v>
          </cell>
          <cell r="J3088" t="str">
            <v>本店</v>
          </cell>
          <cell r="K3088" t="str">
            <v>072-883-5718</v>
          </cell>
          <cell r="L3088" t="str">
            <v>fujita@kyodorinsyo.jp</v>
          </cell>
          <cell r="M3088" t="str">
            <v>ｷｮｳﾄﾞｳﾘﾝｼｮｳｹﾝｻｼｮ</v>
          </cell>
          <cell r="N3088" t="str">
            <v>無</v>
          </cell>
          <cell r="O3088">
            <v>41</v>
          </cell>
          <cell r="P3088">
            <v>9</v>
          </cell>
          <cell r="Q3088">
            <v>7120001157366</v>
          </cell>
          <cell r="R3088">
            <v>10000</v>
          </cell>
          <cell r="S3088">
            <v>63946</v>
          </cell>
          <cell r="T3088">
            <v>66672</v>
          </cell>
          <cell r="V3088" t="str">
            <v>hh519111</v>
          </cell>
          <cell r="W3088" t="str">
            <v>ds165993</v>
          </cell>
          <cell r="Y3088" t="str">
            <v>78，</v>
          </cell>
          <cell r="Z3088" t="str">
            <v/>
          </cell>
          <cell r="AA3088" t="str">
            <v/>
          </cell>
          <cell r="AB3088" t="str">
            <v/>
          </cell>
          <cell r="AC3088" t="str">
            <v/>
          </cell>
          <cell r="AD3088" t="str">
            <v/>
          </cell>
          <cell r="AE3088" t="str">
            <v>１；２；３；４；</v>
          </cell>
          <cell r="AF3088" t="str">
            <v>主に保育園の職員・園児や小学校給食調理員等の腸内細菌検査・尿検査をしています。</v>
          </cell>
        </row>
        <row r="3089">
          <cell r="B3089">
            <v>12131</v>
          </cell>
          <cell r="C3089" t="str">
            <v>(株)セレクト</v>
          </cell>
          <cell r="D3089" t="str">
            <v>072-851-3317</v>
          </cell>
          <cell r="E3089" t="str">
            <v>573-0102</v>
          </cell>
          <cell r="F3089" t="str">
            <v>大阪府枚方市長尾家具町2-8-9</v>
          </cell>
          <cell r="G3089" t="str">
            <v>枚方市</v>
          </cell>
          <cell r="H3089" t="str">
            <v/>
          </cell>
          <cell r="I3089" t="str">
            <v>代表取締役 櫻庭　辰男</v>
          </cell>
          <cell r="J3089" t="str">
            <v>本店</v>
          </cell>
          <cell r="K3089" t="str">
            <v>072-851-3369</v>
          </cell>
          <cell r="L3089" t="str">
            <v>t_sakuraba@select-kaigo.jp</v>
          </cell>
          <cell r="M3089" t="str">
            <v>ｾﾚｸﾄ</v>
          </cell>
          <cell r="N3089" t="str">
            <v>無</v>
          </cell>
          <cell r="O3089">
            <v>7</v>
          </cell>
          <cell r="P3089">
            <v>21</v>
          </cell>
          <cell r="Q3089">
            <v>8120001167020</v>
          </cell>
          <cell r="R3089">
            <v>9050</v>
          </cell>
          <cell r="S3089">
            <v>20430</v>
          </cell>
          <cell r="T3089">
            <v>305040</v>
          </cell>
          <cell r="V3089" t="str">
            <v>qd450119</v>
          </cell>
          <cell r="W3089" t="str">
            <v>sg199398</v>
          </cell>
          <cell r="Y3089" t="str">
            <v>9，39，</v>
          </cell>
          <cell r="Z3089" t="str">
            <v/>
          </cell>
          <cell r="AA3089" t="str">
            <v/>
          </cell>
          <cell r="AB3089" t="str">
            <v/>
          </cell>
          <cell r="AC3089" t="str">
            <v/>
          </cell>
          <cell r="AD3089" t="str">
            <v/>
          </cell>
          <cell r="AE3089" t="str">
            <v>１；第１希望：紙おむつ、生理用品、マスク２；第２希望：介護ベッド、車いす。歩行器、手すり、杖など、介護用品全般３；４；</v>
          </cell>
          <cell r="AF3089" t="str">
            <v>得意分野については介護用品支給事業です。他の自治体では明石市、西宮市、大阪市、東大阪市など現在１１の自治体と契約を行っています。</v>
          </cell>
        </row>
        <row r="3090">
          <cell r="B3090">
            <v>12132</v>
          </cell>
          <cell r="C3090" t="str">
            <v>桜ホース(株)</v>
          </cell>
          <cell r="D3090" t="str">
            <v>06-6360-1020</v>
          </cell>
          <cell r="E3090" t="str">
            <v>664-0891</v>
          </cell>
          <cell r="F3090" t="str">
            <v>大阪府大阪市北区南森町1-2-25 南森町iSﾋﾞﾙ5階</v>
          </cell>
          <cell r="G3090" t="str">
            <v>大阪市</v>
          </cell>
          <cell r="H3090" t="str">
            <v>大阪営業所</v>
          </cell>
          <cell r="I3090" t="str">
            <v>大阪営業所所長　 田中　太郎</v>
          </cell>
          <cell r="J3090" t="str">
            <v>東京都</v>
          </cell>
          <cell r="K3090" t="str">
            <v>43622</v>
          </cell>
          <cell r="L3090" t="str">
            <v>k-iino@sakura-rubber.co.jp</v>
          </cell>
          <cell r="M3090" t="str">
            <v>ｻｸﾗﾎ-ｽ</v>
          </cell>
          <cell r="N3090" t="str">
            <v>有</v>
          </cell>
          <cell r="O3090">
            <v>42</v>
          </cell>
          <cell r="P3090">
            <v>25</v>
          </cell>
          <cell r="Q3090">
            <v>2011000000000</v>
          </cell>
          <cell r="R3090">
            <v>30000</v>
          </cell>
          <cell r="S3090">
            <v>551069</v>
          </cell>
          <cell r="T3090">
            <v>3515615</v>
          </cell>
          <cell r="V3090" t="str">
            <v>zn489881</v>
          </cell>
          <cell r="W3090" t="str">
            <v>qx196715</v>
          </cell>
          <cell r="Y3090">
            <v>24.38</v>
          </cell>
          <cell r="Z3090">
            <v>38</v>
          </cell>
          <cell r="AA3090">
            <v>24</v>
          </cell>
          <cell r="AB3090" t="str">
            <v/>
          </cell>
          <cell r="AC3090" t="str">
            <v/>
          </cell>
          <cell r="AD3090" t="str">
            <v/>
          </cell>
          <cell r="AE3090" t="str">
            <v>１；２；消防用ホース、救助資機材、空気ボンベ、ガス検知器、防災備蓄用品　代理店　櫻護謨株式会社３；特殊災害対応消防車、救助工作車等　代理店　櫻護謨株式会社４；</v>
          </cell>
          <cell r="AF3090" t="str">
            <v>消防用資機材、防災備蓄品等あらゆる商品を取り扱いをさせて頂いております。</v>
          </cell>
        </row>
        <row r="3091">
          <cell r="B3091">
            <v>12147</v>
          </cell>
          <cell r="C3091" t="str">
            <v>(株)神戸新聞総合印刷</v>
          </cell>
          <cell r="D3091" t="str">
            <v>078-362-7180</v>
          </cell>
          <cell r="E3091" t="str">
            <v>650-0044</v>
          </cell>
          <cell r="F3091" t="str">
            <v>兵庫県神戸市中央区東川崎町1-5-7</v>
          </cell>
          <cell r="G3091" t="str">
            <v>神戸市</v>
          </cell>
          <cell r="H3091" t="str">
            <v/>
          </cell>
          <cell r="I3091" t="str">
            <v>代表取締役社長 金元　昌弘</v>
          </cell>
          <cell r="J3091" t="str">
            <v>本店</v>
          </cell>
          <cell r="K3091" t="str">
            <v>078-360-6660</v>
          </cell>
          <cell r="L3091" t="str">
            <v>yamasaki-kz@kobe-np.co.jp</v>
          </cell>
          <cell r="M3091" t="str">
            <v>ｺｳﾍﾞｼﾝﾌﾞﾝｿｳｺﾞｳｲﾝｻﾂ</v>
          </cell>
          <cell r="N3091" t="str">
            <v>無</v>
          </cell>
          <cell r="O3091">
            <v>35</v>
          </cell>
          <cell r="P3091">
            <v>196</v>
          </cell>
          <cell r="Q3091">
            <v>5140001012018</v>
          </cell>
          <cell r="R3091">
            <v>10000</v>
          </cell>
          <cell r="S3091">
            <v>886745</v>
          </cell>
          <cell r="T3091">
            <v>2482296</v>
          </cell>
          <cell r="V3091" t="str">
            <v>fh519221</v>
          </cell>
          <cell r="W3091" t="str">
            <v>nj387383</v>
          </cell>
          <cell r="Y3091" t="str">
            <v>013，13，58，63，64，65，66，73，76，</v>
          </cell>
          <cell r="Z3091">
            <v>73</v>
          </cell>
          <cell r="AA3091">
            <v>76</v>
          </cell>
          <cell r="AB3091">
            <v>65</v>
          </cell>
          <cell r="AC3091">
            <v>13</v>
          </cell>
          <cell r="AD3091" t="str">
            <v>印刷業務全般、広告企画制作全般、書籍発行、イベント企画・設営、ホームページ作成、看板・旗製作、封入封緘作業他</v>
          </cell>
          <cell r="AE3091" t="str">
            <v>１；新聞印刷、商業印刷（ポスター、パンフレット、名刺、封筒、広報紙、刊行物他）企画・編集・デザイン・印刷・製本、出版販売（設備機械器具ゴスニュースライナー新聞輪転機、三菱リソピア新聞輪転機他）２；特殊印刷、ステッカー、シール、ラベル、マグネット３；テレビ、ラジオ、新聞、雑誌、折込、看板、ノベルティグッズ、ＰＲ映像、プロジェクションマッピング・ＶＲ、タッチパネル制作、４；図書、刊行物、新聞</v>
          </cell>
          <cell r="AF3091" t="str">
            <v>神戸新聞の印刷を１２０年手掛けてきた技術の蓄積と信頼の下、新聞印刷・商業印刷を中心に、企画から編集・デザイン・制作・印刷・出版に至るまでの全ての業務を一貫して請け負う事が出来ます。兵庫県及び県下自治体様からの選挙公報や広報紙等を受託させていただいている実績があります。</v>
          </cell>
        </row>
        <row r="3092">
          <cell r="B3092">
            <v>12168</v>
          </cell>
          <cell r="C3092" t="str">
            <v>池本健建設(株)</v>
          </cell>
          <cell r="D3092" t="str">
            <v>0797-31-3203</v>
          </cell>
          <cell r="E3092" t="str">
            <v>659-0062</v>
          </cell>
          <cell r="F3092" t="str">
            <v>兵庫県芦屋市宮塚町17‐3‐202</v>
          </cell>
          <cell r="G3092" t="str">
            <v>芦屋市</v>
          </cell>
          <cell r="H3092" t="str">
            <v/>
          </cell>
          <cell r="I3092" t="str">
            <v>代表取締役 池本　隆司</v>
          </cell>
          <cell r="J3092" t="str">
            <v>本店</v>
          </cell>
          <cell r="K3092" t="str">
            <v>0797-32-1587</v>
          </cell>
          <cell r="L3092" t="str">
            <v>ikemotokenkensetu@ybb.ne.jp</v>
          </cell>
          <cell r="M3092" t="str">
            <v>ｲｹﾓﾄｹﾝｹﾝｾﾂ</v>
          </cell>
          <cell r="N3092" t="str">
            <v>無</v>
          </cell>
          <cell r="O3092">
            <v>48</v>
          </cell>
          <cell r="P3092">
            <v>5</v>
          </cell>
          <cell r="Q3092">
            <v>8140001000143</v>
          </cell>
          <cell r="R3092">
            <v>22500</v>
          </cell>
          <cell r="S3092">
            <v>185629</v>
          </cell>
          <cell r="T3092">
            <v>294718</v>
          </cell>
          <cell r="V3092" t="str">
            <v>ml351478</v>
          </cell>
          <cell r="W3092" t="str">
            <v>mm979111</v>
          </cell>
          <cell r="Y3092" t="str">
            <v>53，55，</v>
          </cell>
          <cell r="Z3092">
            <v>55</v>
          </cell>
          <cell r="AA3092">
            <v>53</v>
          </cell>
          <cell r="AB3092">
            <v>80</v>
          </cell>
          <cell r="AC3092" t="str">
            <v/>
          </cell>
          <cell r="AD3092" t="str">
            <v/>
          </cell>
          <cell r="AE3092" t="str">
            <v>１；重機等所有　手作業等による小規模作業も対応２；重機等所有　道路側溝等の清掃　手作業等による小規模作業も対応３；看板等の製作はできませんが各種設置や障害物撤去等には対応できます。４；</v>
          </cell>
          <cell r="AF3092" t="str">
            <v>道路工事を得意とし、小規模な工事であっても迅速かつ丁寧な施工をいたしますまた雑用的なサービス業務も同様に行います</v>
          </cell>
        </row>
        <row r="3093">
          <cell r="B3093">
            <v>12253</v>
          </cell>
          <cell r="C3093" t="str">
            <v>(株)塚本電気設備</v>
          </cell>
          <cell r="D3093" t="str">
            <v>079-253-3133</v>
          </cell>
          <cell r="E3093" t="str">
            <v>671-0232</v>
          </cell>
          <cell r="F3093" t="str">
            <v>兵庫県姫路市御国野町御着721-6</v>
          </cell>
          <cell r="G3093" t="str">
            <v>姫路市</v>
          </cell>
          <cell r="H3093" t="str">
            <v/>
          </cell>
          <cell r="I3093" t="str">
            <v>代表取締役 塚本　栄</v>
          </cell>
          <cell r="J3093" t="str">
            <v>本店</v>
          </cell>
          <cell r="K3093" t="str">
            <v>079-253-0676</v>
          </cell>
          <cell r="L3093" t="str">
            <v>info@tsukaden.co.jp</v>
          </cell>
          <cell r="M3093" t="str">
            <v>ﾂｶﾓﾄﾃﾞﾝｷｾﾂﾋﾞ</v>
          </cell>
          <cell r="N3093" t="str">
            <v>無</v>
          </cell>
          <cell r="O3093">
            <v>38</v>
          </cell>
          <cell r="P3093">
            <v>10</v>
          </cell>
          <cell r="Q3093">
            <v>9140001060079</v>
          </cell>
          <cell r="R3093">
            <v>24600</v>
          </cell>
          <cell r="S3093">
            <v>11076</v>
          </cell>
          <cell r="T3093">
            <v>250019</v>
          </cell>
          <cell r="V3093" t="str">
            <v>te045868</v>
          </cell>
          <cell r="W3093" t="str">
            <v>gf935379</v>
          </cell>
          <cell r="Y3093" t="str">
            <v/>
          </cell>
          <cell r="Z3093" t="str">
            <v/>
          </cell>
          <cell r="AA3093" t="str">
            <v/>
          </cell>
          <cell r="AB3093" t="str">
            <v/>
          </cell>
          <cell r="AC3093" t="str">
            <v/>
          </cell>
          <cell r="AD3093" t="str">
            <v/>
          </cell>
          <cell r="AE3093" t="str">
            <v>１；２；３；４；</v>
          </cell>
          <cell r="AF3093" t="str">
            <v>電気工事全般、消防施設工事</v>
          </cell>
        </row>
        <row r="3094">
          <cell r="B3094">
            <v>12260</v>
          </cell>
          <cell r="C3094" t="str">
            <v>(株)メット</v>
          </cell>
          <cell r="D3094" t="str">
            <v>072-270-0169</v>
          </cell>
          <cell r="E3094" t="str">
            <v>599-8238</v>
          </cell>
          <cell r="F3094" t="str">
            <v>大阪府堺市中区土師町4-5-17</v>
          </cell>
          <cell r="G3094" t="str">
            <v>堺市</v>
          </cell>
          <cell r="H3094" t="str">
            <v/>
          </cell>
          <cell r="I3094" t="str">
            <v>代表取締役 時任　美幸</v>
          </cell>
          <cell r="J3094" t="str">
            <v>本店</v>
          </cell>
          <cell r="K3094" t="str">
            <v>072-270-6463</v>
          </cell>
          <cell r="L3094" t="str">
            <v>met.sewer@gmail.com</v>
          </cell>
          <cell r="M3094" t="str">
            <v>ﾒｯﾄ</v>
          </cell>
          <cell r="N3094" t="str">
            <v>無</v>
          </cell>
          <cell r="O3094">
            <v>4</v>
          </cell>
          <cell r="P3094">
            <v>5</v>
          </cell>
          <cell r="Q3094">
            <v>5120101050357</v>
          </cell>
          <cell r="R3094">
            <v>8000</v>
          </cell>
          <cell r="S3094">
            <v>10270</v>
          </cell>
          <cell r="T3094">
            <v>31319</v>
          </cell>
          <cell r="V3094" t="str">
            <v>gr448668</v>
          </cell>
          <cell r="W3094" t="str">
            <v>gi935799</v>
          </cell>
          <cell r="Y3094" t="str">
            <v>55，68，79，</v>
          </cell>
          <cell r="Z3094">
            <v>79</v>
          </cell>
          <cell r="AA3094">
            <v>55</v>
          </cell>
          <cell r="AB3094">
            <v>68</v>
          </cell>
          <cell r="AC3094" t="str">
            <v/>
          </cell>
          <cell r="AD3094" t="str">
            <v/>
          </cell>
          <cell r="AE3094" t="str">
            <v>１；当社は下水道管渠内ＴＶカメラ車を保有し直営で調査を行うことができます。２；高圧洗浄車　強力吸引車を自社保有してます。３；４；</v>
          </cell>
          <cell r="AF3094" t="str">
            <v>洗浄車、吸引車、ＴＶカメラ車、道路清掃車を保有し、下水道管渠内の清掃（更生工事、部分補修、ＴＶカメラ調査、管渠内目視調査）、道路排水施設の清掃（側溝、雨水排水施設、舗装道機械清掃）を自社施工します。</v>
          </cell>
        </row>
        <row r="3095">
          <cell r="B3095">
            <v>12335</v>
          </cell>
          <cell r="C3095" t="str">
            <v>(株)アークテクノ</v>
          </cell>
          <cell r="D3095" t="str">
            <v>078-881-1151</v>
          </cell>
          <cell r="E3095" t="str">
            <v>657-0845</v>
          </cell>
          <cell r="F3095" t="str">
            <v>兵庫県神戸市灘区岩屋中町2-1-13 ﾒｿﾞﾝﾄﾞ･ｴｸﾗﾝ307</v>
          </cell>
          <cell r="G3095" t="str">
            <v>神戸市</v>
          </cell>
          <cell r="H3095" t="str">
            <v/>
          </cell>
          <cell r="I3095" t="str">
            <v>代表取締役　 城山　恵二</v>
          </cell>
          <cell r="J3095" t="str">
            <v>本店</v>
          </cell>
          <cell r="K3095" t="str">
            <v>078-881-1152</v>
          </cell>
          <cell r="L3095" t="str">
            <v/>
          </cell>
          <cell r="M3095" t="str">
            <v>ｱｰｸﾃｸﾉ</v>
          </cell>
          <cell r="N3095" t="str">
            <v>無</v>
          </cell>
          <cell r="O3095">
            <v>11</v>
          </cell>
          <cell r="P3095">
            <v>3</v>
          </cell>
          <cell r="Q3095">
            <v>8130000000000</v>
          </cell>
          <cell r="R3095">
            <v>10000</v>
          </cell>
          <cell r="S3095">
            <v>2703</v>
          </cell>
          <cell r="T3095">
            <v>2332</v>
          </cell>
          <cell r="V3095" t="str">
            <v>fj337747</v>
          </cell>
          <cell r="W3095" t="str">
            <v>le185979</v>
          </cell>
          <cell r="Y3095">
            <v>55.79</v>
          </cell>
          <cell r="Z3095">
            <v>55</v>
          </cell>
          <cell r="AA3095">
            <v>79</v>
          </cell>
          <cell r="AB3095" t="str">
            <v/>
          </cell>
          <cell r="AC3095" t="str">
            <v/>
          </cell>
          <cell r="AD3095" t="str">
            <v/>
          </cell>
          <cell r="AE3095" t="str">
            <v>１；２；４ｔ強力吸引車　４ｔ高圧洗浄車　４ｔ給水車３；ＴＶカメラ車４；</v>
          </cell>
          <cell r="AF3095" t="str">
            <v>道路公園等側溝清掃　管渠・管内等の超高圧洗浄　下水管等のＴＶカメラ調査</v>
          </cell>
        </row>
        <row r="3096">
          <cell r="B3096">
            <v>12338</v>
          </cell>
          <cell r="C3096" t="str">
            <v>(株)ライオン屋</v>
          </cell>
          <cell r="D3096" t="str">
            <v>06-6430-1770</v>
          </cell>
          <cell r="E3096" t="str">
            <v>660-0881</v>
          </cell>
          <cell r="F3096" t="str">
            <v>兵庫県尼崎市昭和通4-133</v>
          </cell>
          <cell r="G3096" t="str">
            <v>尼崎市</v>
          </cell>
          <cell r="H3096" t="str">
            <v/>
          </cell>
          <cell r="I3096" t="str">
            <v>代表取締役　 河﨑　久夫</v>
          </cell>
          <cell r="J3096" t="str">
            <v>本店</v>
          </cell>
          <cell r="K3096" t="str">
            <v>06-6430-1777</v>
          </cell>
          <cell r="L3096" t="str">
            <v>lion39@abelia.ocn.ne.jp</v>
          </cell>
          <cell r="M3096" t="str">
            <v>ﾗｲｵﾝﾔ</v>
          </cell>
          <cell r="N3096" t="str">
            <v>無</v>
          </cell>
          <cell r="O3096">
            <v>54</v>
          </cell>
          <cell r="P3096">
            <v>62</v>
          </cell>
          <cell r="Q3096">
            <v>9140000000000</v>
          </cell>
          <cell r="R3096">
            <v>10000</v>
          </cell>
          <cell r="S3096">
            <v>577517</v>
          </cell>
          <cell r="T3096">
            <v>1521000</v>
          </cell>
          <cell r="V3096" t="str">
            <v>ly172027</v>
          </cell>
          <cell r="W3096" t="str">
            <v>uu199199</v>
          </cell>
          <cell r="Y3096" t="str">
            <v>3.4.5.38</v>
          </cell>
          <cell r="Z3096">
            <v>3</v>
          </cell>
          <cell r="AA3096">
            <v>4</v>
          </cell>
          <cell r="AB3096">
            <v>38</v>
          </cell>
          <cell r="AC3096">
            <v>5</v>
          </cell>
          <cell r="AD3096" t="str">
            <v/>
          </cell>
          <cell r="AE3096" t="str">
            <v>１；２；自重堂・アイトス・ジーベック・バートル・コーコス・ビッグボーン他主要作業服メーカー　マック・カジメイク他主要雨衣メーカー　ハヤシ・ユニワールド・おたふく手袋他主要靴下メーカー３；おたふく手袋・富士グローブ・富士手袋工業・ユニワールド　他主要実用衣料メーカー４；キンパイ商事・イマジョー・他主要消防防火服メーカー　シモン・ノサックス・アオキ他主要安全靴メーカー　谷沢製作所・重松製作所他主要防じん防毒マスクメーカー　タイベック防護服</v>
          </cell>
          <cell r="AF3096" t="str">
            <v>作業服・防寒服・安全靴・安全保護具の取扱を得意としており、常時１００社以上の仕入先と取引しています。被服については自社にて刺繍機や補正ミシンを有し、仕入から加工まで一貫して処理しています。迅速・安心・丁寧をモットーにサービス第一・お客様第一を念頭におき営業しております。</v>
          </cell>
        </row>
        <row r="3097">
          <cell r="B3097">
            <v>12342</v>
          </cell>
          <cell r="C3097" t="str">
            <v>(株)大生土木</v>
          </cell>
          <cell r="D3097" t="str">
            <v>06-6433-9338</v>
          </cell>
          <cell r="E3097" t="str">
            <v>661-0026</v>
          </cell>
          <cell r="F3097" t="str">
            <v>兵庫県尼崎市水堂町2-31-18</v>
          </cell>
          <cell r="G3097" t="str">
            <v>尼崎市</v>
          </cell>
          <cell r="H3097" t="str">
            <v/>
          </cell>
          <cell r="I3097" t="str">
            <v>代表取締役 河村　貴史</v>
          </cell>
          <cell r="J3097" t="str">
            <v>本店</v>
          </cell>
          <cell r="K3097" t="str">
            <v>06-6437-4976</v>
          </cell>
          <cell r="L3097" t="str">
            <v>b-park@tg8.so-net.ne.jp</v>
          </cell>
          <cell r="M3097" t="str">
            <v>ﾀｲｾｲﾄﾞﾎﾞｸ</v>
          </cell>
          <cell r="N3097" t="str">
            <v>無</v>
          </cell>
          <cell r="O3097">
            <v>55</v>
          </cell>
          <cell r="P3097">
            <v>6</v>
          </cell>
          <cell r="Q3097">
            <v>4140001049639</v>
          </cell>
          <cell r="R3097">
            <v>40000</v>
          </cell>
          <cell r="S3097">
            <v>41428</v>
          </cell>
          <cell r="T3097">
            <v>53029</v>
          </cell>
          <cell r="V3097" t="str">
            <v>yy773374</v>
          </cell>
          <cell r="W3097" t="str">
            <v>yu165606</v>
          </cell>
          <cell r="Y3097" t="str">
            <v>55，</v>
          </cell>
          <cell r="Z3097">
            <v>55</v>
          </cell>
          <cell r="AA3097" t="str">
            <v/>
          </cell>
          <cell r="AB3097" t="str">
            <v/>
          </cell>
          <cell r="AC3097" t="str">
            <v/>
          </cell>
          <cell r="AD3097" t="str">
            <v/>
          </cell>
          <cell r="AE3097" t="str">
            <v>１；水路浮ゴミ処理業務２；３；４；</v>
          </cell>
          <cell r="AF3097" t="str">
            <v>土木一式工事、しゅんせつ工事、水路浮ゴミ処理業務委託</v>
          </cell>
        </row>
        <row r="3098">
          <cell r="B3098">
            <v>12344</v>
          </cell>
          <cell r="C3098" t="str">
            <v>(株)オプティマ</v>
          </cell>
          <cell r="D3098" t="str">
            <v>03-3493-8800</v>
          </cell>
          <cell r="E3098" t="str">
            <v>141-0032</v>
          </cell>
          <cell r="F3098" t="str">
            <v>東京都品川区大崎3-5-2</v>
          </cell>
          <cell r="G3098" t="str">
            <v>東京都</v>
          </cell>
          <cell r="H3098" t="str">
            <v/>
          </cell>
          <cell r="I3098" t="str">
            <v>代表取締役 森田　宏樹</v>
          </cell>
          <cell r="J3098" t="str">
            <v>本店</v>
          </cell>
          <cell r="K3098" t="str">
            <v>03-3493-3833</v>
          </cell>
          <cell r="L3098" t="str">
            <v>shinsei@opt.co.jp</v>
          </cell>
          <cell r="M3098" t="str">
            <v>ｵﾌﾟﾃｨﾏ</v>
          </cell>
          <cell r="N3098" t="str">
            <v>無</v>
          </cell>
          <cell r="O3098">
            <v>46</v>
          </cell>
          <cell r="P3098">
            <v>349</v>
          </cell>
          <cell r="Q3098">
            <v>8010701002154</v>
          </cell>
          <cell r="R3098">
            <v>100000</v>
          </cell>
          <cell r="S3098">
            <v>966857</v>
          </cell>
          <cell r="T3098">
            <v>3546962</v>
          </cell>
          <cell r="V3098" t="str">
            <v>bh639773</v>
          </cell>
          <cell r="W3098" t="str">
            <v>zh118889</v>
          </cell>
          <cell r="Y3098" t="str">
            <v>36，44，58，</v>
          </cell>
          <cell r="Z3098">
            <v>58</v>
          </cell>
          <cell r="AA3098">
            <v>36</v>
          </cell>
          <cell r="AB3098">
            <v>44</v>
          </cell>
          <cell r="AC3098" t="str">
            <v/>
          </cell>
          <cell r="AD3098" t="str">
            <v/>
          </cell>
          <cell r="AE3098" t="str">
            <v>１；・システムの受託開発２；・パッケージソフトウェアの販売と開発・コンピュータ及び周辺機器、サプライ商品の販売３；・自社パッケージソフトウェアのレンタル・パソコン等のリース４；</v>
          </cell>
          <cell r="AF3098" t="str">
            <v>システムの受託開発、パッケージソフトウェアの開発と販売を主としています。自治体向けのパッケージソフトとして、「福祉共済、融資斡旋、公益法人会計、住宅統合管理」等があります。自社開発ソフトとして多くの自治体への納入実績があります。</v>
          </cell>
        </row>
        <row r="3099">
          <cell r="B3099">
            <v>12345</v>
          </cell>
          <cell r="C3099" t="str">
            <v>旭体育施設(株)</v>
          </cell>
          <cell r="D3099" t="str">
            <v>072-722-3100</v>
          </cell>
          <cell r="E3099" t="str">
            <v>562-0013</v>
          </cell>
          <cell r="F3099" t="str">
            <v>大阪府箕面市坊島1-15-24</v>
          </cell>
          <cell r="G3099" t="str">
            <v>箕面市</v>
          </cell>
          <cell r="H3099" t="str">
            <v/>
          </cell>
          <cell r="I3099" t="str">
            <v>代表取締役 川北　明彦</v>
          </cell>
          <cell r="J3099" t="str">
            <v>本店</v>
          </cell>
          <cell r="K3099" t="str">
            <v>072-721-8723</v>
          </cell>
          <cell r="L3099" t="str">
            <v>asahisportsltd@aol.com</v>
          </cell>
          <cell r="M3099" t="str">
            <v>ｱｻﾋﾀｲｲｸｼｾﾂ</v>
          </cell>
          <cell r="N3099" t="str">
            <v>無</v>
          </cell>
          <cell r="O3099">
            <v>43</v>
          </cell>
          <cell r="P3099">
            <v>5</v>
          </cell>
          <cell r="Q3099">
            <v>3120901020123</v>
          </cell>
          <cell r="R3099">
            <v>18000</v>
          </cell>
          <cell r="S3099">
            <v>-14193</v>
          </cell>
          <cell r="T3099">
            <v>187834</v>
          </cell>
          <cell r="V3099" t="str">
            <v>nd721472</v>
          </cell>
          <cell r="W3099" t="str">
            <v>il199735</v>
          </cell>
          <cell r="Y3099" t="str">
            <v>20，</v>
          </cell>
          <cell r="Z3099">
            <v>20</v>
          </cell>
          <cell r="AA3099" t="str">
            <v/>
          </cell>
          <cell r="AB3099" t="str">
            <v/>
          </cell>
          <cell r="AC3099" t="str">
            <v/>
          </cell>
          <cell r="AD3099" t="str">
            <v/>
          </cell>
          <cell r="AE3099" t="str">
            <v>１；スポーツ用品全般、人工芝、遊具等を専門としております。２；３；４；</v>
          </cell>
          <cell r="AF3099" t="str">
            <v>建設工事・物品共に、体育・遊具を専門としております。学校運動場・テニスコート・野球場等の建設・管理修繕、防球ネット・学校公園遊具等を扱っております。</v>
          </cell>
        </row>
        <row r="3100">
          <cell r="B3100">
            <v>12347</v>
          </cell>
          <cell r="C3100" t="str">
            <v>(有)松浦興業</v>
          </cell>
          <cell r="D3100" t="str">
            <v>079-222-9967</v>
          </cell>
          <cell r="E3100" t="str">
            <v>671-0247</v>
          </cell>
          <cell r="F3100" t="str">
            <v>兵庫県姫路市四郷町東阿保1391-1</v>
          </cell>
          <cell r="G3100" t="str">
            <v>姫路市</v>
          </cell>
          <cell r="H3100" t="str">
            <v/>
          </cell>
          <cell r="I3100" t="str">
            <v>代表取締役 松浦　佳世</v>
          </cell>
          <cell r="J3100" t="str">
            <v>本店</v>
          </cell>
          <cell r="K3100" t="str">
            <v>079-222-4568</v>
          </cell>
          <cell r="L3100" t="str">
            <v>jimu@matsuura-kougyou.co.jp</v>
          </cell>
          <cell r="M3100" t="str">
            <v>ﾏﾂｳﾗｺｳｷﾞｮｳ</v>
          </cell>
          <cell r="N3100" t="str">
            <v>無</v>
          </cell>
          <cell r="O3100">
            <v>22</v>
          </cell>
          <cell r="P3100">
            <v>27</v>
          </cell>
          <cell r="Q3100">
            <v>5140002050917</v>
          </cell>
          <cell r="R3100">
            <v>3000</v>
          </cell>
          <cell r="S3100">
            <v>35044</v>
          </cell>
          <cell r="T3100">
            <v>317294</v>
          </cell>
          <cell r="V3100" t="str">
            <v>hq110236</v>
          </cell>
          <cell r="W3100" t="str">
            <v>dx199913</v>
          </cell>
          <cell r="Y3100" t="str">
            <v/>
          </cell>
          <cell r="Z3100">
            <v>80</v>
          </cell>
          <cell r="AA3100" t="str">
            <v/>
          </cell>
          <cell r="AB3100" t="str">
            <v/>
          </cell>
          <cell r="AC3100" t="str">
            <v/>
          </cell>
          <cell r="AD3100" t="str">
            <v/>
          </cell>
          <cell r="AE3100" t="str">
            <v>１；遺跡発掘調査　建設業の許可兵庫県知事（般－２７）第４５８２４０号２；３；４；</v>
          </cell>
          <cell r="AF3100" t="str">
            <v>兵庫県を中心に遺跡発掘調査を主としています。遺跡発掘調査の入札参加を希望致します。従来の発掘作業に加え、遺構くん、トレンドワン、ドローン、フォトスキャン等を用いて遺構の空撮やデジタル図化・三次元化、オルソ画像作成なども行っております。</v>
          </cell>
        </row>
        <row r="3101">
          <cell r="B3101">
            <v>12348</v>
          </cell>
          <cell r="C3101" t="str">
            <v>環境システム(株)</v>
          </cell>
          <cell r="D3101" t="str">
            <v>0795-37-1790</v>
          </cell>
          <cell r="E3101" t="str">
            <v>677-0026</v>
          </cell>
          <cell r="F3101" t="str">
            <v>兵庫県西脇市坂本50-1</v>
          </cell>
          <cell r="G3101" t="str">
            <v>西脇市</v>
          </cell>
          <cell r="H3101" t="str">
            <v/>
          </cell>
          <cell r="I3101" t="str">
            <v>代表取締役 松本　健一</v>
          </cell>
          <cell r="J3101" t="str">
            <v>本店</v>
          </cell>
          <cell r="K3101" t="str">
            <v>0795-37-1390</v>
          </cell>
          <cell r="L3101" t="str">
            <v>narabunseki@yahoo.co.jp</v>
          </cell>
          <cell r="M3101" t="str">
            <v>ｶﾝｷｮｳｼｽﾃﾑ</v>
          </cell>
          <cell r="N3101" t="str">
            <v>無</v>
          </cell>
          <cell r="O3101">
            <v>28</v>
          </cell>
          <cell r="P3101">
            <v>5</v>
          </cell>
          <cell r="Q3101">
            <v>1140001075308</v>
          </cell>
          <cell r="R3101">
            <v>10000</v>
          </cell>
          <cell r="S3101">
            <v>-34984</v>
          </cell>
          <cell r="T3101">
            <v>28487</v>
          </cell>
          <cell r="V3101" t="str">
            <v>jq537969</v>
          </cell>
          <cell r="W3101" t="str">
            <v>jd159173</v>
          </cell>
          <cell r="Y3101" t="str">
            <v>77，</v>
          </cell>
          <cell r="Z3101" t="str">
            <v/>
          </cell>
          <cell r="AA3101" t="str">
            <v/>
          </cell>
          <cell r="AB3101" t="str">
            <v/>
          </cell>
          <cell r="AC3101" t="str">
            <v/>
          </cell>
          <cell r="AD3101" t="str">
            <v/>
          </cell>
          <cell r="AE3101" t="str">
            <v>１；環境分析（水質検査、大気測定）、ごみ質組成調査、土壌溶出試験等２；３；４；</v>
          </cell>
          <cell r="AF3101" t="str">
            <v>環境分析、特に河川、土壌、ダム、地下水、排水、プール水等の水質検査とごみ質分析は多数の官公庁で実績がございます。</v>
          </cell>
        </row>
        <row r="3102">
          <cell r="B3102">
            <v>12349</v>
          </cell>
          <cell r="C3102" t="str">
            <v>(一財)神戸市水道サービス公社</v>
          </cell>
          <cell r="D3102" t="str">
            <v>078-733-5150</v>
          </cell>
          <cell r="E3102" t="str">
            <v>654-0026</v>
          </cell>
          <cell r="F3102" t="str">
            <v>兵庫県神戸市須磨区大池町5-6-30</v>
          </cell>
          <cell r="G3102" t="str">
            <v>神戸市</v>
          </cell>
          <cell r="H3102" t="str">
            <v/>
          </cell>
          <cell r="I3102" t="str">
            <v>理事長 山本　剛司</v>
          </cell>
          <cell r="J3102" t="str">
            <v>本店</v>
          </cell>
          <cell r="K3102" t="str">
            <v>078-739-0702</v>
          </cell>
          <cell r="L3102" t="str">
            <v>t_yokoyama@kwsc.jp</v>
          </cell>
          <cell r="M3102" t="str">
            <v>ｺｳﾍﾞｼｽｲﾄﾞｳｻｰﾋﾞｽｺｳｼｬ</v>
          </cell>
          <cell r="N3102" t="str">
            <v>無</v>
          </cell>
          <cell r="O3102">
            <v>52</v>
          </cell>
          <cell r="P3102">
            <v>58</v>
          </cell>
          <cell r="Q3102">
            <v>8140005001708</v>
          </cell>
          <cell r="R3102">
            <v>110000</v>
          </cell>
          <cell r="S3102" t="str">
            <v/>
          </cell>
          <cell r="T3102">
            <v>729500</v>
          </cell>
          <cell r="V3102" t="str">
            <v>hl356693</v>
          </cell>
          <cell r="W3102" t="str">
            <v>au175593</v>
          </cell>
          <cell r="Y3102" t="str">
            <v>51，79，</v>
          </cell>
          <cell r="Z3102">
            <v>80</v>
          </cell>
          <cell r="AA3102">
            <v>51</v>
          </cell>
          <cell r="AB3102">
            <v>79</v>
          </cell>
          <cell r="AC3102" t="str">
            <v/>
          </cell>
          <cell r="AD3102" t="str">
            <v/>
          </cell>
          <cell r="AE3102" t="str">
            <v>１；濁度、色度計、洗浄高圧ポンプ、水中ポンプ２；濁度、色度計、洗浄高圧ポンプ、水中ポンプ、建築物飲料水貯槽層清掃業、簡易専用水道検査機関登録、貯水槽清掃業監督者３；濁度、色度計、洗浄高圧ポンプ、水中ポンプ４；</v>
          </cell>
          <cell r="AF3102" t="str">
            <v>神戸市水道事業に寄与することで培ってきた知識・経験を活かしＨ24年度から受水槽適正管理業務等を展開している。また、水道事業に関する監理業務では、水道事業の設計、工事、施設維持監理など厳正な監理が必要な業務について「官」的役割や知識経験を活かした監理業務が実施できる。</v>
          </cell>
        </row>
        <row r="3103">
          <cell r="B3103">
            <v>12351</v>
          </cell>
          <cell r="C3103" t="str">
            <v>(株)ジェイエスキューブ</v>
          </cell>
          <cell r="D3103" t="str">
            <v>06-4390-0691</v>
          </cell>
          <cell r="E3103" t="str">
            <v>550-0005</v>
          </cell>
          <cell r="F3103" t="str">
            <v>大阪府西区西本町2-3-10</v>
          </cell>
          <cell r="G3103" t="str">
            <v>大阪府</v>
          </cell>
          <cell r="H3103" t="str">
            <v>西部サービス部</v>
          </cell>
          <cell r="I3103" t="str">
            <v>部長 高田　英樹</v>
          </cell>
          <cell r="J3103" t="str">
            <v>東京都</v>
          </cell>
          <cell r="K3103" t="str">
            <v>06-4390-0697</v>
          </cell>
          <cell r="L3103" t="str">
            <v/>
          </cell>
          <cell r="M3103" t="str">
            <v>ｼﾞｴｲｴｽｷﾕｰﾌﾞ</v>
          </cell>
          <cell r="N3103" t="str">
            <v>有</v>
          </cell>
          <cell r="O3103">
            <v>37</v>
          </cell>
          <cell r="P3103">
            <v>772</v>
          </cell>
          <cell r="Q3103">
            <v>8010401067209</v>
          </cell>
          <cell r="R3103">
            <v>100000</v>
          </cell>
          <cell r="S3103">
            <v>3514824</v>
          </cell>
          <cell r="T3103">
            <v>16984290</v>
          </cell>
          <cell r="V3103" t="str">
            <v>hb336395</v>
          </cell>
          <cell r="W3103" t="str">
            <v>ei196633</v>
          </cell>
          <cell r="Y3103" t="str">
            <v>056，14，36，56，</v>
          </cell>
          <cell r="Z3103">
            <v>14</v>
          </cell>
          <cell r="AA3103">
            <v>36</v>
          </cell>
          <cell r="AB3103">
            <v>80</v>
          </cell>
          <cell r="AC3103">
            <v>56</v>
          </cell>
          <cell r="AD3103" t="str">
            <v/>
          </cell>
          <cell r="AE3103" t="str">
            <v>１；フォーム処理機、システム機器、カード機器、郵便料金計器　トッパン・フォームズ（株）代理店２；ＯＣＲ　仕入先：日立３；個人住民税当初課税事務業務委託、自治体窓口業務４；労働者派遣事業許可・派１３－０１０５１０、有料職業紹介事業許可・１３－ユ－０１０３８９</v>
          </cell>
          <cell r="AF3103" t="str">
            <v/>
          </cell>
        </row>
        <row r="3104">
          <cell r="B3104">
            <v>12356</v>
          </cell>
          <cell r="C3104" t="str">
            <v>日進設備工業(株)</v>
          </cell>
          <cell r="D3104" t="str">
            <v>088-831-5000</v>
          </cell>
          <cell r="E3104" t="str">
            <v>780-8015</v>
          </cell>
          <cell r="F3104" t="str">
            <v>高知県高知市百石町4-11-6</v>
          </cell>
          <cell r="G3104" t="str">
            <v>高知市</v>
          </cell>
          <cell r="H3104" t="str">
            <v/>
          </cell>
          <cell r="I3104" t="str">
            <v>代表取締役　 岡﨑　敏子</v>
          </cell>
          <cell r="J3104" t="str">
            <v>本店</v>
          </cell>
          <cell r="K3104" t="str">
            <v>088-831-5013</v>
          </cell>
          <cell r="L3104" t="str">
            <v>nisshin@coral.ocn.ne.jp</v>
          </cell>
          <cell r="M3104" t="str">
            <v>ﾆﾂｼﾝｾﾂﾋﾞｺｳｷﾞﾖｳ</v>
          </cell>
          <cell r="N3104" t="str">
            <v>無</v>
          </cell>
          <cell r="O3104">
            <v>53</v>
          </cell>
          <cell r="P3104">
            <v>17</v>
          </cell>
          <cell r="Q3104">
            <v>4490000000000</v>
          </cell>
          <cell r="R3104">
            <v>20000</v>
          </cell>
          <cell r="S3104">
            <v>127034</v>
          </cell>
          <cell r="T3104">
            <v>199943</v>
          </cell>
          <cell r="V3104" t="str">
            <v>bj136325</v>
          </cell>
          <cell r="W3104" t="str">
            <v>ju191578</v>
          </cell>
          <cell r="Y3104">
            <v>79</v>
          </cell>
          <cell r="Z3104" t="str">
            <v/>
          </cell>
          <cell r="AA3104" t="str">
            <v/>
          </cell>
          <cell r="AB3104" t="str">
            <v/>
          </cell>
          <cell r="AC3104" t="str">
            <v/>
          </cell>
          <cell r="AD3104" t="str">
            <v/>
          </cell>
          <cell r="AE3104" t="str">
            <v>１；２；漏水調査３；４；</v>
          </cell>
          <cell r="AF3104" t="str">
            <v>漏水調査（水道施設・学校・病院・工場等）地下漏水調査・その他（流量測定・水圧測定等）</v>
          </cell>
        </row>
        <row r="3105">
          <cell r="B3105">
            <v>12358</v>
          </cell>
          <cell r="C3105" t="str">
            <v>有限会社エイケンサービス</v>
          </cell>
          <cell r="D3105" t="str">
            <v>06-6384-5958</v>
          </cell>
          <cell r="E3105" t="str">
            <v>564-0004</v>
          </cell>
          <cell r="F3105" t="str">
            <v>吹田市原町3丁目26番1-607号</v>
          </cell>
          <cell r="G3105" t="str">
            <v>吹田市</v>
          </cell>
          <cell r="H3105" t="str">
            <v/>
          </cell>
          <cell r="I3105" t="str">
            <v>代表取締役　 松尾　義隆</v>
          </cell>
          <cell r="J3105" t="str">
            <v>本店</v>
          </cell>
          <cell r="K3105" t="str">
            <v>06-6384-5918</v>
          </cell>
          <cell r="L3105" t="str">
            <v>y-matsuo@eikenservice.co.jp</v>
          </cell>
          <cell r="M3105" t="str">
            <v/>
          </cell>
          <cell r="N3105" t="str">
            <v>無</v>
          </cell>
          <cell r="O3105">
            <v>27</v>
          </cell>
          <cell r="P3105">
            <v>5</v>
          </cell>
          <cell r="Q3105">
            <v>1120902005463</v>
          </cell>
          <cell r="R3105">
            <v>3000</v>
          </cell>
          <cell r="S3105">
            <v>-1511</v>
          </cell>
          <cell r="T3105">
            <v>7461</v>
          </cell>
          <cell r="V3105" t="str">
            <v>pp153673</v>
          </cell>
          <cell r="W3105" t="str">
            <v>zz165636</v>
          </cell>
          <cell r="Y3105">
            <v>52</v>
          </cell>
          <cell r="Z3105">
            <v>52</v>
          </cell>
          <cell r="AA3105" t="str">
            <v/>
          </cell>
          <cell r="AB3105" t="str">
            <v/>
          </cell>
          <cell r="AC3105" t="str">
            <v/>
          </cell>
          <cell r="AD3105" t="str">
            <v/>
          </cell>
          <cell r="AE3105" t="str">
            <v>１；２；学校、保育所給食建物、市庁舎、各消防置、市バス営業所休憩所、焼却施設物等、害虫駆除３；４；</v>
          </cell>
          <cell r="AF3105" t="str">
            <v>ねずみ害虫駆除、建築物内のねずみ害虫不快昆虫等駆除業務</v>
          </cell>
        </row>
        <row r="3106">
          <cell r="B3106">
            <v>12360</v>
          </cell>
          <cell r="C3106" t="str">
            <v>(株)博愛社</v>
          </cell>
          <cell r="D3106" t="str">
            <v>072-749-6331</v>
          </cell>
          <cell r="E3106" t="str">
            <v>562-0035</v>
          </cell>
          <cell r="F3106" t="str">
            <v>大阪府箕面市船場東1-12-7</v>
          </cell>
          <cell r="G3106" t="str">
            <v>箕面市</v>
          </cell>
          <cell r="H3106" t="str">
            <v>大阪営業所</v>
          </cell>
          <cell r="I3106" t="str">
            <v>所長 尾崎　慎介</v>
          </cell>
          <cell r="J3106" t="str">
            <v>東京都</v>
          </cell>
          <cell r="K3106" t="str">
            <v>072-749-6351</v>
          </cell>
          <cell r="L3106" t="str">
            <v>cont-ga@hakuai.com</v>
          </cell>
          <cell r="M3106" t="str">
            <v>ﾊｸｱｲｼｬ</v>
          </cell>
          <cell r="N3106" t="str">
            <v>有</v>
          </cell>
          <cell r="O3106">
            <v>70</v>
          </cell>
          <cell r="P3106">
            <v>86</v>
          </cell>
          <cell r="Q3106">
            <v>9010501010612</v>
          </cell>
          <cell r="R3106">
            <v>54000</v>
          </cell>
          <cell r="S3106">
            <v>1324747</v>
          </cell>
          <cell r="T3106">
            <v>2552248</v>
          </cell>
          <cell r="V3106" t="str">
            <v>ll329356</v>
          </cell>
          <cell r="W3106" t="str">
            <v>tj191993</v>
          </cell>
          <cell r="Y3106" t="str">
            <v>014，14，15，27，73，74，76，</v>
          </cell>
          <cell r="Z3106">
            <v>73</v>
          </cell>
          <cell r="AA3106">
            <v>76</v>
          </cell>
          <cell r="AB3106">
            <v>74</v>
          </cell>
          <cell r="AC3106">
            <v>14</v>
          </cell>
          <cell r="AD3106" t="str">
            <v>【設備機械器具】桜井社製オリバー５８Ｅ－２・Ｒｙｏｂｉ５８０型・ＣＴＰ・オンデマンド印刷機・断裁機・製袋機</v>
          </cell>
          <cell r="AE3106" t="str">
            <v>１；カルテ・レセプト・各種検査伝票・各種請求書類・レントゲンフィルム袋・薬袋・処方箋・カタログ・パンフレット・入院案内　等２；シール・ラベル印刷（薬袋ラベル・処方箋ラベル等）・ＩＤカード診察券３；ＣＰ用レセプト・処方箋・領収書　等４；カルテファイル・レセカルブック・トナーカートリッジ・ＩＤカード機器・窓口受付機・カルテラック・印章・ゴム印　等</v>
          </cell>
          <cell r="AF3106" t="str">
            <v>医療専門の印刷物・消耗品を取り扱っており、オリジナル製品も販売しています。あらゆる印刷物に対応できる体制を整えています。</v>
          </cell>
        </row>
        <row r="3107">
          <cell r="B3107">
            <v>12365</v>
          </cell>
          <cell r="C3107" t="str">
            <v>三重中央開発(株)</v>
          </cell>
          <cell r="D3107" t="str">
            <v>0595-20-1119</v>
          </cell>
          <cell r="E3107" t="str">
            <v>518-1152</v>
          </cell>
          <cell r="F3107" t="str">
            <v>三重県伊賀市予野字鉢屋4713</v>
          </cell>
          <cell r="G3107" t="str">
            <v>伊賀市</v>
          </cell>
          <cell r="H3107" t="str">
            <v/>
          </cell>
          <cell r="I3107" t="str">
            <v>代表取締役　 金子　文雄</v>
          </cell>
          <cell r="J3107" t="str">
            <v>本店</v>
          </cell>
          <cell r="K3107" t="str">
            <v>0595-20-1398</v>
          </cell>
          <cell r="L3107" t="str">
            <v>inoue8571@dinsgr.co.jp</v>
          </cell>
          <cell r="M3107" t="str">
            <v>ﾐｴﾁﾕｳｵｳｶｲﾊﾂ</v>
          </cell>
          <cell r="N3107" t="str">
            <v>無</v>
          </cell>
          <cell r="O3107">
            <v>30</v>
          </cell>
          <cell r="P3107">
            <v>213</v>
          </cell>
          <cell r="Q3107">
            <v>8190000000000</v>
          </cell>
          <cell r="R3107">
            <v>90000</v>
          </cell>
          <cell r="S3107">
            <v>13994450</v>
          </cell>
          <cell r="T3107">
            <v>16928997</v>
          </cell>
          <cell r="V3107" t="str">
            <v>nt356789</v>
          </cell>
          <cell r="W3107" t="str">
            <v>wｒ111699</v>
          </cell>
          <cell r="Y3107">
            <v>48.68</v>
          </cell>
          <cell r="Z3107">
            <v>68</v>
          </cell>
          <cell r="AA3107">
            <v>48</v>
          </cell>
          <cell r="AB3107" t="str">
            <v/>
          </cell>
          <cell r="AC3107" t="str">
            <v/>
          </cell>
          <cell r="AD3107" t="str">
            <v/>
          </cell>
          <cell r="AE3107" t="str">
            <v>１；２；一般廃棄物処理、産業廃棄物収集運搬・処理、特別管理産業廃棄物収集運搬・処理３；焼却施設運転管理業務　焼却炉保守点検　廃棄物処理施設管理４；</v>
          </cell>
          <cell r="AF3107" t="str">
            <v>我々、三重中央開発は廃棄物のプロです。収集運搬から中間処理・最終処分に至るまで保有施設を用い処理しています。もちろん保有施設の建設から大規模改修・解体に至るまでの工事についても計画、施工を実施しています</v>
          </cell>
        </row>
        <row r="3108">
          <cell r="B3108">
            <v>12366</v>
          </cell>
          <cell r="C3108" t="str">
            <v>(株)サンアメニティ大阪</v>
          </cell>
          <cell r="D3108" t="str">
            <v>06-6944-5370</v>
          </cell>
          <cell r="E3108" t="str">
            <v>540-0024</v>
          </cell>
          <cell r="F3108" t="str">
            <v>大阪府大阪市中央区南新町2-3-7</v>
          </cell>
          <cell r="G3108" t="str">
            <v>大阪市</v>
          </cell>
          <cell r="H3108" t="str">
            <v/>
          </cell>
          <cell r="I3108" t="str">
            <v>代表取締役　 加藤　隆志</v>
          </cell>
          <cell r="J3108" t="str">
            <v>本店</v>
          </cell>
          <cell r="K3108" t="str">
            <v>06-6944-5371</v>
          </cell>
          <cell r="L3108" t="str">
            <v>osaka@sunamenity.co.jp</v>
          </cell>
          <cell r="M3108" t="str">
            <v>ｻﾝｱﾒﾆﾃｨｵｵｻｶ</v>
          </cell>
          <cell r="N3108" t="str">
            <v>無</v>
          </cell>
          <cell r="O3108">
            <v>5</v>
          </cell>
          <cell r="P3108">
            <v>14</v>
          </cell>
          <cell r="Q3108">
            <v>7120001176465</v>
          </cell>
          <cell r="R3108">
            <v>10000</v>
          </cell>
          <cell r="S3108">
            <v>19576</v>
          </cell>
          <cell r="T3108">
            <v>217370</v>
          </cell>
          <cell r="V3108" t="str">
            <v>xx221574</v>
          </cell>
          <cell r="W3108" t="str">
            <v>ht163996</v>
          </cell>
          <cell r="Y3108" t="str">
            <v>45，55，</v>
          </cell>
          <cell r="Z3108">
            <v>80</v>
          </cell>
          <cell r="AA3108">
            <v>45</v>
          </cell>
          <cell r="AB3108">
            <v>55</v>
          </cell>
          <cell r="AC3108" t="str">
            <v/>
          </cell>
          <cell r="AD3108" t="str">
            <v/>
          </cell>
          <cell r="AE3108" t="str">
            <v>１；プ一ル監視業務　スポ一ツ指導教室企画運営業務　介護予防教室　受付・案内業務　スポ一ツ施設・公園等の管理（指定管理）２；プ一ル監視業務　人的巡回３；人力清掃４；</v>
          </cell>
          <cell r="AF3108" t="str">
            <v>創業以来　新規事業（夏期プ一ル委託等）に取り組み、近年指定管理を実施し事業拡大を進めている。またスポ一ツ指導教室等の資格を取得したスタッフを配置しており、警備業を始めに市民の健康増進、安全活動に貢献できます。</v>
          </cell>
        </row>
        <row r="3109">
          <cell r="B3109">
            <v>12367</v>
          </cell>
          <cell r="C3109" t="str">
            <v>(株)ティケーユー</v>
          </cell>
          <cell r="D3109" t="str">
            <v>03-5363-0411</v>
          </cell>
          <cell r="E3109" t="str">
            <v>160-0004</v>
          </cell>
          <cell r="F3109" t="str">
            <v>東京都新宿区四谷1-7-12</v>
          </cell>
          <cell r="G3109" t="str">
            <v>東京都</v>
          </cell>
          <cell r="H3109" t="str">
            <v/>
          </cell>
          <cell r="I3109" t="str">
            <v>代表取締役社長 田村　清</v>
          </cell>
          <cell r="J3109" t="str">
            <v>本店</v>
          </cell>
          <cell r="K3109" t="str">
            <v>03-5363-0727</v>
          </cell>
          <cell r="L3109" t="str">
            <v>h_nakao@tk-use.co.jp</v>
          </cell>
          <cell r="M3109" t="str">
            <v>ﾃｨｹｰﾕｰ</v>
          </cell>
          <cell r="N3109" t="str">
            <v>無</v>
          </cell>
          <cell r="O3109">
            <v>22</v>
          </cell>
          <cell r="P3109">
            <v>11</v>
          </cell>
          <cell r="Q3109">
            <v>1011101023268</v>
          </cell>
          <cell r="R3109">
            <v>5000</v>
          </cell>
          <cell r="S3109">
            <v>136983</v>
          </cell>
          <cell r="T3109">
            <v>208423</v>
          </cell>
          <cell r="V3109" t="str">
            <v>hb003689</v>
          </cell>
          <cell r="W3109" t="str">
            <v>hb553685</v>
          </cell>
          <cell r="Y3109" t="str">
            <v>015，15，36，44，58，</v>
          </cell>
          <cell r="Z3109">
            <v>36</v>
          </cell>
          <cell r="AA3109">
            <v>58</v>
          </cell>
          <cell r="AB3109">
            <v>44</v>
          </cell>
          <cell r="AC3109">
            <v>15</v>
          </cell>
          <cell r="AD3109" t="str">
            <v/>
          </cell>
          <cell r="AE3109" t="str">
            <v>１；汎用版イメージデータエントリーソフトウェアとＰＣ＆サーバ、東芝デジタルソリューションズ（株）製ＯＣＲスキャナ（代理店）と納付書ＯＣＲ処理システム２；納付書、収納日時処理システム開発とメンテナンス、データエントリーシステムやＯＣＲシステムの保守３；データエントリーシステムやＯＣＲシステムのレンタル４；ＯＣＲ用紙</v>
          </cell>
          <cell r="AF3109" t="str">
            <v>情報処理におけるデータ入力システムのハードウェア、ソフトウェアベンダーとしてアプリケーションプログラムを付加した業務システムを幅広い業界に提供しています。</v>
          </cell>
        </row>
        <row r="3110">
          <cell r="B3110">
            <v>12368</v>
          </cell>
          <cell r="C3110" t="str">
            <v>(株)ティピーシー</v>
          </cell>
          <cell r="D3110" t="str">
            <v>079-234-8526</v>
          </cell>
          <cell r="E3110" t="str">
            <v>672-8071</v>
          </cell>
          <cell r="F3110" t="str">
            <v>兵庫県姫路市飾磨区構4-180</v>
          </cell>
          <cell r="G3110" t="str">
            <v>姫路市</v>
          </cell>
          <cell r="H3110" t="str">
            <v/>
          </cell>
          <cell r="I3110" t="str">
            <v>代表取締役 奥本　圭彦</v>
          </cell>
          <cell r="J3110" t="str">
            <v>本店</v>
          </cell>
          <cell r="K3110" t="str">
            <v>079-234-8560</v>
          </cell>
          <cell r="L3110" t="str">
            <v>tamura.takashi@c-tpc.jp</v>
          </cell>
          <cell r="M3110" t="str">
            <v>ﾃｨﾋﾟｰｼｰ</v>
          </cell>
          <cell r="N3110" t="str">
            <v>無</v>
          </cell>
          <cell r="O3110">
            <v>30</v>
          </cell>
          <cell r="P3110">
            <v>9</v>
          </cell>
          <cell r="Q3110">
            <v>9140001060129</v>
          </cell>
          <cell r="R3110">
            <v>10000</v>
          </cell>
          <cell r="S3110">
            <v>-8721</v>
          </cell>
          <cell r="T3110">
            <v>75755</v>
          </cell>
          <cell r="V3110" t="str">
            <v>pt879554</v>
          </cell>
          <cell r="W3110" t="str">
            <v>me195969</v>
          </cell>
          <cell r="Y3110" t="str">
            <v>14，16，</v>
          </cell>
          <cell r="Z3110">
            <v>14</v>
          </cell>
          <cell r="AA3110">
            <v>16</v>
          </cell>
          <cell r="AB3110" t="str">
            <v/>
          </cell>
          <cell r="AC3110" t="str">
            <v/>
          </cell>
          <cell r="AD3110" t="str">
            <v/>
          </cell>
          <cell r="AE3110" t="str">
            <v>１；自動券売機（グローリー）紙幣・硬貨計数機（グローリー）両替機（グローリー）コインロッカー（グローリー）２；投票用紙分類機３；４；</v>
          </cell>
          <cell r="AF3110" t="str">
            <v>当社は金銭管理機の販売を主としており、中でも自動券売機の販売においては、売上管理等のシステムの構築をしており、特に力を入れ販売をしております。</v>
          </cell>
        </row>
        <row r="3111">
          <cell r="B3111">
            <v>12369</v>
          </cell>
          <cell r="C3111" t="str">
            <v>(株)ささやまフーズ</v>
          </cell>
          <cell r="D3111" t="str">
            <v>06-6922-1672</v>
          </cell>
          <cell r="E3111" t="str">
            <v>535-0005</v>
          </cell>
          <cell r="F3111" t="str">
            <v>大阪府大阪市旭区赤川2-15-22</v>
          </cell>
          <cell r="G3111" t="str">
            <v>大阪市</v>
          </cell>
          <cell r="H3111" t="str">
            <v/>
          </cell>
          <cell r="I3111" t="str">
            <v>代表取締役 笹山　孝次</v>
          </cell>
          <cell r="J3111" t="str">
            <v>本店</v>
          </cell>
          <cell r="K3111" t="str">
            <v>06-6928-3380</v>
          </cell>
          <cell r="L3111" t="str">
            <v>sasayama529@dream.com</v>
          </cell>
          <cell r="M3111" t="str">
            <v>ｻｻﾔﾏﾌｰｽﾞ</v>
          </cell>
          <cell r="N3111" t="str">
            <v>無</v>
          </cell>
          <cell r="O3111">
            <v>86</v>
          </cell>
          <cell r="P3111">
            <v>6</v>
          </cell>
          <cell r="Q3111">
            <v>5120001000453</v>
          </cell>
          <cell r="R3111">
            <v>1000</v>
          </cell>
          <cell r="S3111">
            <v>0</v>
          </cell>
          <cell r="T3111">
            <v>26846</v>
          </cell>
          <cell r="V3111" t="str">
            <v>px365978</v>
          </cell>
          <cell r="W3111" t="str">
            <v>xz187973</v>
          </cell>
          <cell r="Y3111" t="str">
            <v>02，</v>
          </cell>
          <cell r="Z3111" t="str">
            <v/>
          </cell>
          <cell r="AA3111" t="str">
            <v/>
          </cell>
          <cell r="AB3111" t="str">
            <v/>
          </cell>
          <cell r="AC3111" t="str">
            <v/>
          </cell>
          <cell r="AD3111" t="str">
            <v/>
          </cell>
          <cell r="AE3111" t="str">
            <v>１；こんにゃく食品２；３；４；</v>
          </cell>
          <cell r="AF3111" t="str">
            <v>小・中学校の給食で使用される、こんにゃく食品のご発注を希望致します。現在、大阪市学校給食協会様、守口市学校給食協会様に長年、お取引いただいております。何卒、宜しくお願い致します。</v>
          </cell>
        </row>
        <row r="3112">
          <cell r="B3112">
            <v>12372</v>
          </cell>
          <cell r="C3112" t="str">
            <v>(株)パソナフォスター</v>
          </cell>
          <cell r="D3112" t="str">
            <v>03-6734-1280</v>
          </cell>
          <cell r="E3112" t="str">
            <v>100-8228</v>
          </cell>
          <cell r="F3112" t="str">
            <v>東京都千代田区大手町2-6-2</v>
          </cell>
          <cell r="G3112" t="str">
            <v>東京都</v>
          </cell>
          <cell r="H3112" t="str">
            <v/>
          </cell>
          <cell r="I3112" t="str">
            <v>代表取締役 長畑　久美子</v>
          </cell>
          <cell r="J3112" t="str">
            <v>本店</v>
          </cell>
          <cell r="K3112" t="str">
            <v>03-6734-1284</v>
          </cell>
          <cell r="L3112" t="str">
            <v>office@pasonafoster.co.jp</v>
          </cell>
          <cell r="M3112" t="str">
            <v>ﾊﾟｿﾅﾌｫｽﾀｰ</v>
          </cell>
          <cell r="N3112" t="str">
            <v>無</v>
          </cell>
          <cell r="O3112">
            <v>27</v>
          </cell>
          <cell r="P3112">
            <v>576</v>
          </cell>
          <cell r="Q3112">
            <v>9010001069240</v>
          </cell>
          <cell r="R3112">
            <v>30000</v>
          </cell>
          <cell r="S3112">
            <v>456513</v>
          </cell>
          <cell r="T3112">
            <v>3090576</v>
          </cell>
          <cell r="V3112" t="str">
            <v>dx159753</v>
          </cell>
          <cell r="W3112" t="str">
            <v>fz166963</v>
          </cell>
          <cell r="Y3112" t="str">
            <v>56，</v>
          </cell>
          <cell r="Z3112">
            <v>80</v>
          </cell>
          <cell r="AA3112">
            <v>56</v>
          </cell>
          <cell r="AB3112" t="str">
            <v/>
          </cell>
          <cell r="AC3112" t="str">
            <v/>
          </cell>
          <cell r="AD3112" t="str">
            <v/>
          </cell>
          <cell r="AE3112" t="str">
            <v>１；保育施設の運営、放課後児童健全育成事業の委託運営、託児の委託運営２；保育士の人材派遣３；４；</v>
          </cell>
          <cell r="AF3112" t="str">
            <v>保育施設の運営、放課後児童健全育成事業の運営委託、託児の運営委託、保育士の人材派遣、保育に関するコンサルティング</v>
          </cell>
        </row>
        <row r="3113">
          <cell r="B3113">
            <v>12374</v>
          </cell>
          <cell r="C3113" t="str">
            <v>(株)丸菱行政地図</v>
          </cell>
          <cell r="D3113" t="str">
            <v>03-5815-4830</v>
          </cell>
          <cell r="E3113" t="str">
            <v>110-0008</v>
          </cell>
          <cell r="F3113" t="str">
            <v>東京都台東区池之端2-5-41</v>
          </cell>
          <cell r="G3113" t="str">
            <v>東京都</v>
          </cell>
          <cell r="H3113" t="str">
            <v/>
          </cell>
          <cell r="I3113" t="str">
            <v>代表取締役 吉冨　明</v>
          </cell>
          <cell r="J3113" t="str">
            <v>本店</v>
          </cell>
          <cell r="K3113" t="str">
            <v>03-5815-4832</v>
          </cell>
          <cell r="L3113" t="str">
            <v>main@marubishi-map.com</v>
          </cell>
          <cell r="M3113" t="str">
            <v>ﾏﾙﾋﾞｼｷﾞｮｳｾｲﾁｽﾞ</v>
          </cell>
          <cell r="N3113" t="str">
            <v>無</v>
          </cell>
          <cell r="O3113">
            <v>35</v>
          </cell>
          <cell r="P3113">
            <v>17</v>
          </cell>
          <cell r="Q3113">
            <v>9010501026435</v>
          </cell>
          <cell r="R3113">
            <v>15000</v>
          </cell>
          <cell r="S3113">
            <v>-22075</v>
          </cell>
          <cell r="T3113">
            <v>215144</v>
          </cell>
          <cell r="V3113" t="str">
            <v>nx654879</v>
          </cell>
          <cell r="W3113" t="str">
            <v>ｒx186937</v>
          </cell>
          <cell r="Y3113" t="str">
            <v>57，58，66，71，72，75，</v>
          </cell>
          <cell r="Z3113">
            <v>66</v>
          </cell>
          <cell r="AA3113" t="str">
            <v/>
          </cell>
          <cell r="AB3113" t="str">
            <v/>
          </cell>
          <cell r="AC3113" t="str">
            <v/>
          </cell>
          <cell r="AD3113" t="str">
            <v/>
          </cell>
          <cell r="AE3113" t="str">
            <v>１；住居表示関連プレート等（住居表示町名表示板、街区表示板、住居番号表示板、街区案内板等）２；３；４；</v>
          </cell>
          <cell r="AF3113" t="str">
            <v>1.住居表示板、街区表示板、街区案内板等　2.各種台帳の電子化・システム開発　固定資産税に関する資料の電子化、検索システム開発　3.その他：空家調査、和紙公図等の裏打業務等</v>
          </cell>
        </row>
        <row r="3114">
          <cell r="B3114">
            <v>12375</v>
          </cell>
          <cell r="C3114" t="str">
            <v>関西ロードサービス(株)</v>
          </cell>
          <cell r="D3114" t="str">
            <v>078-451-9129</v>
          </cell>
          <cell r="E3114" t="str">
            <v>658-0027</v>
          </cell>
          <cell r="F3114" t="str">
            <v>兵庫県神戸市東灘区青木5-17-6大窪ﾏﾝｼｮﾝ102</v>
          </cell>
          <cell r="G3114" t="str">
            <v>神戸市</v>
          </cell>
          <cell r="H3114" t="str">
            <v>神戸支店</v>
          </cell>
          <cell r="I3114" t="str">
            <v>支店長 長谷川　陽子</v>
          </cell>
          <cell r="J3114" t="str">
            <v>本店</v>
          </cell>
          <cell r="K3114" t="str">
            <v>078-451-9119</v>
          </cell>
          <cell r="L3114" t="str">
            <v>krs.115839.ikeda@celery.ocn.ne.jp</v>
          </cell>
          <cell r="M3114" t="str">
            <v>ｶﾝｻｲﾛｰﾄﾞｻｰﾋﾞｽ</v>
          </cell>
          <cell r="N3114" t="str">
            <v>無</v>
          </cell>
          <cell r="O3114">
            <v>17</v>
          </cell>
          <cell r="P3114">
            <v>14</v>
          </cell>
          <cell r="Q3114">
            <v>6120901019492</v>
          </cell>
          <cell r="R3114">
            <v>10000</v>
          </cell>
          <cell r="S3114">
            <v>34187</v>
          </cell>
          <cell r="T3114">
            <v>139727</v>
          </cell>
          <cell r="V3114" t="str">
            <v>ln125486</v>
          </cell>
          <cell r="W3114" t="str">
            <v>et159869</v>
          </cell>
          <cell r="Y3114" t="str">
            <v>33，55，68，</v>
          </cell>
          <cell r="Z3114">
            <v>33</v>
          </cell>
          <cell r="AA3114">
            <v>55</v>
          </cell>
          <cell r="AB3114">
            <v>68</v>
          </cell>
          <cell r="AC3114" t="str">
            <v/>
          </cell>
          <cell r="AD3114" t="str">
            <v/>
          </cell>
          <cell r="AE3114" t="str">
            <v>１；ＳＣＦＲ工法（安定した「外部腐食の防止＋板厚増加」が可能２；道路清掃、側溝清掃、管渠清掃、排水性機能回復業務、トンネル清掃３；産業廃棄物収集運搬業４；</v>
          </cell>
          <cell r="AF3114" t="str">
            <v>当社は創業以来、道路維持・道路清掃の専門会社として営業してまいりました。道路維持全般、舗装工事・標識全般、交通安全施設工、法面保護工全般を希望します。</v>
          </cell>
        </row>
        <row r="3115">
          <cell r="B3115">
            <v>12382</v>
          </cell>
          <cell r="C3115" t="str">
            <v>小野高速印刷(株)</v>
          </cell>
          <cell r="D3115" t="str">
            <v>079-281-0008</v>
          </cell>
          <cell r="E3115" t="str">
            <v>670-0933</v>
          </cell>
          <cell r="F3115" t="str">
            <v>兵庫県姫路市平野町62</v>
          </cell>
          <cell r="G3115" t="str">
            <v>姫路市</v>
          </cell>
          <cell r="H3115" t="str">
            <v>本社</v>
          </cell>
          <cell r="I3115" t="str">
            <v>主任 三木原　潤</v>
          </cell>
          <cell r="J3115" t="str">
            <v>兵庫県姫路市</v>
          </cell>
          <cell r="K3115" t="str">
            <v>079-223-3523</v>
          </cell>
          <cell r="L3115" t="str">
            <v>himeji@ohp.co.jp</v>
          </cell>
          <cell r="M3115" t="str">
            <v>ｵﾉｺｳｿｸｲﾝｻﾂ</v>
          </cell>
          <cell r="N3115" t="str">
            <v>有</v>
          </cell>
          <cell r="O3115">
            <v>86</v>
          </cell>
          <cell r="P3115">
            <v>100</v>
          </cell>
          <cell r="Q3115">
            <v>4140001058193</v>
          </cell>
          <cell r="R3115">
            <v>10000</v>
          </cell>
          <cell r="S3115">
            <v>702931</v>
          </cell>
          <cell r="T3115">
            <v>1968538</v>
          </cell>
          <cell r="V3115" t="str">
            <v>lz156486</v>
          </cell>
          <cell r="W3115" t="str">
            <v>xd113535</v>
          </cell>
          <cell r="Y3115" t="str">
            <v>013，13，15，58，73，74，76，</v>
          </cell>
          <cell r="Z3115">
            <v>73</v>
          </cell>
          <cell r="AA3115">
            <v>76</v>
          </cell>
          <cell r="AB3115">
            <v>74</v>
          </cell>
          <cell r="AC3115">
            <v>13</v>
          </cell>
          <cell r="AD3115" t="str">
            <v/>
          </cell>
          <cell r="AE3115" t="str">
            <v>１；印刷　製本　発送　商業印刷一般２；シール　ラミネート　各種カード　上製本３；連続帳票　圧着はがき４；電子書籍　出版</v>
          </cell>
          <cell r="AF3115" t="str">
            <v>商業印刷全般（名刺　伝票　シール　パンフレット　書籍　封筒　圧着ハガキ等）オンデマンド印刷　ラミネート加工　大口発送印刷～発送までトータルサポート　デジタルコンテンツ（ＨＰ作成　ＡＲ　ＤＶＤ）</v>
          </cell>
        </row>
        <row r="3116">
          <cell r="B3116">
            <v>12385</v>
          </cell>
          <cell r="C3116" t="str">
            <v>東京反訳(株)</v>
          </cell>
          <cell r="D3116" t="str">
            <v>06-6755-4013</v>
          </cell>
          <cell r="E3116" t="str">
            <v>530-0054</v>
          </cell>
          <cell r="F3116" t="str">
            <v>大阪府大阪市北区南森町2-2-9</v>
          </cell>
          <cell r="G3116" t="str">
            <v>大阪府</v>
          </cell>
          <cell r="H3116" t="str">
            <v>大阪支店</v>
          </cell>
          <cell r="I3116" t="str">
            <v>支店長 吉條　一</v>
          </cell>
          <cell r="J3116" t="str">
            <v>東京都</v>
          </cell>
          <cell r="K3116" t="str">
            <v>06-6755-4015</v>
          </cell>
          <cell r="L3116" t="str">
            <v>bid@8089.co.jp</v>
          </cell>
          <cell r="M3116" t="str">
            <v>ﾄｳｷｮｳﾊﾝﾔｸ</v>
          </cell>
          <cell r="N3116" t="str">
            <v>有</v>
          </cell>
          <cell r="O3116">
            <v>12</v>
          </cell>
          <cell r="P3116">
            <v>26</v>
          </cell>
          <cell r="Q3116">
            <v>1013301023163</v>
          </cell>
          <cell r="R3116">
            <v>10000</v>
          </cell>
          <cell r="S3116">
            <v>89600</v>
          </cell>
          <cell r="T3116">
            <v>526207</v>
          </cell>
          <cell r="V3116" t="str">
            <v>rx001325</v>
          </cell>
          <cell r="W3116" t="str">
            <v>rt131981</v>
          </cell>
          <cell r="Y3116" t="str">
            <v>59，64，</v>
          </cell>
          <cell r="Z3116">
            <v>59</v>
          </cell>
          <cell r="AA3116" t="str">
            <v/>
          </cell>
          <cell r="AB3116" t="str">
            <v/>
          </cell>
          <cell r="AC3116" t="str">
            <v/>
          </cell>
          <cell r="AD3116" t="str">
            <v/>
          </cell>
          <cell r="AE3116" t="str">
            <v>１；２；３；４；</v>
          </cell>
          <cell r="AF3116" t="str">
            <v>速記、反訳、議事録作成、テープ起こし、録音、ビデオ撮影、データ入力</v>
          </cell>
        </row>
        <row r="3117">
          <cell r="B3117">
            <v>12386</v>
          </cell>
          <cell r="C3117" t="str">
            <v>(株)学情</v>
          </cell>
          <cell r="D3117" t="str">
            <v>06-6346-6830</v>
          </cell>
          <cell r="E3117" t="str">
            <v>530-0001</v>
          </cell>
          <cell r="F3117" t="str">
            <v>大阪府大阪市北区梅田2-5-10</v>
          </cell>
          <cell r="G3117" t="str">
            <v>大阪市</v>
          </cell>
          <cell r="H3117" t="str">
            <v/>
          </cell>
          <cell r="I3117" t="str">
            <v>代表取締役社長 中井　清和</v>
          </cell>
          <cell r="J3117" t="str">
            <v>本店</v>
          </cell>
          <cell r="K3117" t="str">
            <v>06-6346-6890</v>
          </cell>
          <cell r="L3117" t="str">
            <v>eisuke.kawakami@gakujo.ne.jp</v>
          </cell>
          <cell r="M3117" t="str">
            <v>ｶﾞｸｼﾞｮｳ</v>
          </cell>
          <cell r="N3117" t="str">
            <v>無</v>
          </cell>
          <cell r="O3117">
            <v>42</v>
          </cell>
          <cell r="P3117">
            <v>259</v>
          </cell>
          <cell r="Q3117">
            <v>3120001047728</v>
          </cell>
          <cell r="R3117">
            <v>1500000</v>
          </cell>
          <cell r="S3117">
            <v>6176955</v>
          </cell>
          <cell r="T3117">
            <v>6448000</v>
          </cell>
          <cell r="V3117" t="str">
            <v>zr332105</v>
          </cell>
          <cell r="W3117" t="str">
            <v>hx197193</v>
          </cell>
          <cell r="Y3117" t="str">
            <v>080，56，57，63，65，66，67，73，76，77，</v>
          </cell>
          <cell r="Z3117">
            <v>63</v>
          </cell>
          <cell r="AA3117">
            <v>56</v>
          </cell>
          <cell r="AB3117">
            <v>65</v>
          </cell>
          <cell r="AC3117">
            <v>80</v>
          </cell>
          <cell r="AD3117" t="str">
            <v/>
          </cell>
          <cell r="AE3117" t="str">
            <v>１；特に就職・キャリア支援に関するものを得意とする２；３；４；</v>
          </cell>
          <cell r="AF3117" t="str">
            <v>広告宣伝物の企画・製作、有料職業紹介事業、就職情報誌の出版、就職情報サイトの運営、各種情報の収集・処理サービス、各種イベントの企画・実施並びに運営管理、一般労働者派遣事業及び特定労働者派遣事業、企業における人材育成のための教育及び指導に関するコンサルタント業、就職相談</v>
          </cell>
        </row>
        <row r="3118">
          <cell r="B3118">
            <v>12387</v>
          </cell>
          <cell r="C3118" t="str">
            <v>高千穂交易(株)</v>
          </cell>
          <cell r="D3118" t="str">
            <v>03-3355-1111</v>
          </cell>
          <cell r="E3118" t="str">
            <v>160-0004</v>
          </cell>
          <cell r="F3118" t="str">
            <v>東京都新宿区四谷1-2-8</v>
          </cell>
          <cell r="G3118" t="str">
            <v>東京都</v>
          </cell>
          <cell r="H3118" t="str">
            <v/>
          </cell>
          <cell r="I3118" t="str">
            <v>代表取締役社長 井出　尊信</v>
          </cell>
          <cell r="J3118" t="str">
            <v>本店</v>
          </cell>
          <cell r="K3118" t="str">
            <v>03-3357-5071</v>
          </cell>
          <cell r="L3118" t="str">
            <v>ktokunaga@takachiho-kk.co.jp</v>
          </cell>
          <cell r="M3118" t="str">
            <v>ﾀｶﾁﾎｺｳｴｷ</v>
          </cell>
          <cell r="N3118" t="str">
            <v>無</v>
          </cell>
          <cell r="O3118">
            <v>67</v>
          </cell>
          <cell r="P3118">
            <v>270</v>
          </cell>
          <cell r="Q3118">
            <v>7011101012356</v>
          </cell>
          <cell r="R3118">
            <v>1209218</v>
          </cell>
          <cell r="S3118">
            <v>13832851</v>
          </cell>
          <cell r="T3118">
            <v>14745422</v>
          </cell>
          <cell r="V3118" t="str">
            <v>jl986524</v>
          </cell>
          <cell r="W3118" t="str">
            <v>vf182445</v>
          </cell>
          <cell r="Y3118" t="str">
            <v>027，14，27，36，58，</v>
          </cell>
          <cell r="Z3118">
            <v>36</v>
          </cell>
          <cell r="AA3118">
            <v>58</v>
          </cell>
          <cell r="AB3118">
            <v>14</v>
          </cell>
          <cell r="AC3118">
            <v>27</v>
          </cell>
          <cell r="AD3118" t="str">
            <v/>
          </cell>
          <cell r="AE3118" t="str">
            <v>１；ＲＦＩＤ図書館システム２；ＲＦＩＤシステム設置および保守３；ＩＣタグ４；什器</v>
          </cell>
          <cell r="AF3118" t="str">
            <v>エレクトロニクスを核とした技術商社として世界の最先端商品をいち早く日本市場にご紹介することを使命としております。ＲＦＩＤシステムでは導入数世界一の図書館システムメーカ　ビブリオテッカ社の日本総代理店として各図書館へ導入させて頂いております。</v>
          </cell>
        </row>
        <row r="3119">
          <cell r="B3119">
            <v>12388</v>
          </cell>
          <cell r="C3119" t="str">
            <v>環境設計(株)</v>
          </cell>
          <cell r="D3119" t="str">
            <v>06-6418-3188</v>
          </cell>
          <cell r="E3119" t="str">
            <v>660-0052</v>
          </cell>
          <cell r="F3119" t="str">
            <v>兵庫県尼崎市七松町3-15-13</v>
          </cell>
          <cell r="G3119" t="str">
            <v>尼崎市</v>
          </cell>
          <cell r="H3119" t="str">
            <v>兵庫営業所</v>
          </cell>
          <cell r="I3119" t="str">
            <v>所長 井上　健</v>
          </cell>
          <cell r="J3119" t="str">
            <v>大阪府大阪市</v>
          </cell>
          <cell r="K3119" t="str">
            <v>06-6418-3188</v>
          </cell>
          <cell r="L3119" t="str">
            <v>info@kankyosekkei.co.jp</v>
          </cell>
          <cell r="M3119" t="str">
            <v>ｶﾝｷｮｳｾｯｹｲ</v>
          </cell>
          <cell r="N3119" t="str">
            <v>有</v>
          </cell>
          <cell r="O3119">
            <v>50</v>
          </cell>
          <cell r="P3119">
            <v>17</v>
          </cell>
          <cell r="Q3119">
            <v>5120001077269</v>
          </cell>
          <cell r="R3119">
            <v>12000</v>
          </cell>
          <cell r="S3119">
            <v>108213</v>
          </cell>
          <cell r="T3119">
            <v>315418</v>
          </cell>
          <cell r="V3119" t="str">
            <v>jz125798</v>
          </cell>
          <cell r="W3119" t="str">
            <v>qh119799</v>
          </cell>
          <cell r="Y3119" t="str">
            <v>058，58，63，64，77，</v>
          </cell>
          <cell r="Z3119">
            <v>80</v>
          </cell>
          <cell r="AA3119">
            <v>77</v>
          </cell>
          <cell r="AB3119">
            <v>64</v>
          </cell>
          <cell r="AC3119">
            <v>58</v>
          </cell>
          <cell r="AD3119" t="str">
            <v>公園緑地関係ワークショップ運営</v>
          </cell>
          <cell r="AE3119" t="str">
            <v>１；自然環境調査、動植物調査、同定、樹木調査公園利用実態調査、公園施設調査、台帳作成整備計画、立案等、啓発情報冊子作成・印刷２；公園緑地関係利用実態調査、公園緑地関係アンケート調査等３；ホームページ用ＷＥＢ動画作成・ＰＲ動画作成４；ホームページ作成・更新公園施設管理システム運営・入力等</v>
          </cell>
          <cell r="AF3119" t="str">
            <v>安全で快適な環境の創出と創造を目指し、公共空間及び公園緑地等の計画・設計並びに関連する自然環境調査・保全計画まで、一貫した技術を提供しています。</v>
          </cell>
        </row>
        <row r="3120">
          <cell r="B3120">
            <v>12391</v>
          </cell>
          <cell r="C3120" t="str">
            <v>田中ガラス(株)</v>
          </cell>
          <cell r="D3120" t="str">
            <v>0797-81-4001</v>
          </cell>
          <cell r="E3120" t="str">
            <v>665-0825</v>
          </cell>
          <cell r="F3120" t="str">
            <v>兵庫県宝塚市安倉西2-4-23</v>
          </cell>
          <cell r="G3120" t="str">
            <v>宝塚市</v>
          </cell>
          <cell r="H3120" t="str">
            <v/>
          </cell>
          <cell r="I3120" t="str">
            <v>代表取締役 田中　信子</v>
          </cell>
          <cell r="J3120" t="str">
            <v>本店</v>
          </cell>
          <cell r="K3120" t="str">
            <v>0797-81-4004</v>
          </cell>
          <cell r="L3120" t="str">
            <v>tanaka-glass@kna.biglobe.ne.jp</v>
          </cell>
          <cell r="M3120" t="str">
            <v>ﾀﾅｶｶﾞﾗｽｶﾌﾞｼｷｶﾞｲｼｬ</v>
          </cell>
          <cell r="N3120" t="str">
            <v>無</v>
          </cell>
          <cell r="O3120">
            <v>71</v>
          </cell>
          <cell r="P3120">
            <v>20</v>
          </cell>
          <cell r="Q3120">
            <v>1140001098643</v>
          </cell>
          <cell r="R3120">
            <v>11100</v>
          </cell>
          <cell r="S3120" t="str">
            <v/>
          </cell>
          <cell r="T3120">
            <v>209776</v>
          </cell>
          <cell r="V3120" t="str">
            <v>ff253689</v>
          </cell>
          <cell r="W3120" t="str">
            <v>sb113936</v>
          </cell>
          <cell r="Y3120" t="str">
            <v/>
          </cell>
          <cell r="Z3120">
            <v>80</v>
          </cell>
          <cell r="AA3120" t="str">
            <v/>
          </cell>
          <cell r="AB3120" t="str">
            <v/>
          </cell>
          <cell r="AC3120" t="str">
            <v/>
          </cell>
          <cell r="AD3120" t="str">
            <v/>
          </cell>
          <cell r="AE3120" t="str">
            <v>１；再生資源ガラス屑（カレット）、金属缶類買受２；３；４；</v>
          </cell>
          <cell r="AF3120" t="str">
            <v/>
          </cell>
        </row>
        <row r="3121">
          <cell r="B3121">
            <v>12392</v>
          </cell>
          <cell r="C3121" t="str">
            <v>(有)メディスコ</v>
          </cell>
          <cell r="D3121" t="str">
            <v>072-766-1248</v>
          </cell>
          <cell r="E3121" t="str">
            <v>666-0244</v>
          </cell>
          <cell r="F3121" t="str">
            <v>兵庫県川辺郡猪名川町上野字愛宕山2-4</v>
          </cell>
          <cell r="G3121" t="str">
            <v>川辺郡猪名川町</v>
          </cell>
          <cell r="H3121" t="str">
            <v/>
          </cell>
          <cell r="I3121" t="str">
            <v>取締役 湯汲　孝之</v>
          </cell>
          <cell r="J3121" t="str">
            <v>本店</v>
          </cell>
          <cell r="K3121" t="str">
            <v>072-766-1247</v>
          </cell>
          <cell r="L3121" t="str">
            <v>medisco@jttk.zaq.ne.jp</v>
          </cell>
          <cell r="M3121" t="str">
            <v>ﾒﾃﾞｨｽｺ</v>
          </cell>
          <cell r="N3121" t="str">
            <v>無</v>
          </cell>
          <cell r="O3121">
            <v>22</v>
          </cell>
          <cell r="P3121">
            <v>5</v>
          </cell>
          <cell r="Q3121">
            <v>3140002065041</v>
          </cell>
          <cell r="R3121">
            <v>3000</v>
          </cell>
          <cell r="S3121">
            <v>352</v>
          </cell>
          <cell r="T3121">
            <v>37369</v>
          </cell>
          <cell r="V3121" t="str">
            <v>nt253683</v>
          </cell>
          <cell r="W3121" t="str">
            <v>vr196993</v>
          </cell>
          <cell r="Y3121" t="str">
            <v>78，</v>
          </cell>
          <cell r="Z3121">
            <v>78</v>
          </cell>
          <cell r="AA3121" t="str">
            <v/>
          </cell>
          <cell r="AB3121" t="str">
            <v/>
          </cell>
          <cell r="AC3121" t="str">
            <v/>
          </cell>
          <cell r="AD3121" t="str">
            <v/>
          </cell>
          <cell r="AE3121" t="str">
            <v>１；衛生検査所　川保第１号２；３；４；</v>
          </cell>
          <cell r="AF3121" t="str">
            <v>検便、ノロウイルス、食品検査、異物検査、尿検査</v>
          </cell>
        </row>
        <row r="3122">
          <cell r="B3122">
            <v>12393</v>
          </cell>
          <cell r="C3122" t="str">
            <v>ケイコン(株)</v>
          </cell>
          <cell r="D3122" t="str">
            <v>078-241-9317</v>
          </cell>
          <cell r="E3122" t="str">
            <v>651-0087</v>
          </cell>
          <cell r="F3122" t="str">
            <v>兵庫県神戸市中央区御幸通4丁目2-9 ｱﾍﾞﾆｭｰ御幸ﾋﾞﾙ8F</v>
          </cell>
          <cell r="G3122" t="str">
            <v>神戸市</v>
          </cell>
          <cell r="H3122" t="str">
            <v>兵庫営業所</v>
          </cell>
          <cell r="I3122" t="str">
            <v>所長　 中北　浩二</v>
          </cell>
          <cell r="J3122" t="str">
            <v>京都府京都市</v>
          </cell>
          <cell r="K3122" t="str">
            <v>078-241-8113</v>
          </cell>
          <cell r="L3122" t="str">
            <v>oshima@mbox.kcon.co.jp</v>
          </cell>
          <cell r="M3122" t="str">
            <v>ｹｲｺﾝ</v>
          </cell>
          <cell r="N3122" t="str">
            <v>有</v>
          </cell>
          <cell r="O3122">
            <v>83</v>
          </cell>
          <cell r="P3122">
            <v>193</v>
          </cell>
          <cell r="Q3122">
            <v>5130001014345</v>
          </cell>
          <cell r="R3122">
            <v>350000</v>
          </cell>
          <cell r="S3122">
            <v>5598532</v>
          </cell>
          <cell r="T3122">
            <v>13716424</v>
          </cell>
          <cell r="V3122" t="str">
            <v>lv386959</v>
          </cell>
          <cell r="W3122" t="str">
            <v>qq189665</v>
          </cell>
          <cell r="Y3122">
            <v>31</v>
          </cell>
          <cell r="Z3122">
            <v>31</v>
          </cell>
          <cell r="AA3122" t="str">
            <v/>
          </cell>
          <cell r="AB3122" t="str">
            <v/>
          </cell>
          <cell r="AC3122" t="str">
            <v/>
          </cell>
          <cell r="AD3122" t="str">
            <v/>
          </cell>
          <cell r="AE3122" t="str">
            <v>１；２；【コンクリート二次製品】遮音板・矩形水路監視員通路・円形水路・Ｕ型水路・路面排水処理桝・自由勾配側溝　他　【コンクリート製品付属品】防火水槽・Ｌ型擁壁・リーブシート・円形水路補修板　他３；４；</v>
          </cell>
          <cell r="AF3122" t="str">
            <v>当社は擁壁や道路製品、防火水槽等コンクリート二次製品の設計施工製造販売と総合建設業を行っており、コンクリート二次製品の製造業者です。環境面においては、独自の社内基準を設け環境負荷低減が認められる自社製品に「ケコマーク」を付けております。</v>
          </cell>
        </row>
        <row r="3123">
          <cell r="B3123">
            <v>12394</v>
          </cell>
          <cell r="C3123" t="str">
            <v>関西データシステム(株)</v>
          </cell>
          <cell r="D3123" t="str">
            <v>06-6772-8503</v>
          </cell>
          <cell r="E3123" t="str">
            <v>543-0055</v>
          </cell>
          <cell r="F3123" t="str">
            <v>大阪府大阪市天王寺区悲田院町8-22</v>
          </cell>
          <cell r="G3123" t="str">
            <v>大阪市</v>
          </cell>
          <cell r="H3123" t="str">
            <v/>
          </cell>
          <cell r="I3123" t="str">
            <v>代表取締役 山本　清治</v>
          </cell>
          <cell r="J3123" t="str">
            <v>本店</v>
          </cell>
          <cell r="K3123" t="str">
            <v>06-6772-8509</v>
          </cell>
          <cell r="L3123" t="str">
            <v>k-yamamoto@kds-co.com</v>
          </cell>
          <cell r="M3123" t="str">
            <v>ｶﾝｻｲﾃﾞｰﾀｼｽﾃﾑ</v>
          </cell>
          <cell r="N3123" t="str">
            <v>無</v>
          </cell>
          <cell r="O3123">
            <v>49</v>
          </cell>
          <cell r="P3123">
            <v>22</v>
          </cell>
          <cell r="Q3123">
            <v>8120001022981</v>
          </cell>
          <cell r="R3123">
            <v>10000</v>
          </cell>
          <cell r="S3123">
            <v>8253</v>
          </cell>
          <cell r="T3123">
            <v>58812</v>
          </cell>
          <cell r="V3123" t="str">
            <v>lx253396</v>
          </cell>
          <cell r="W3123" t="str">
            <v>du159396</v>
          </cell>
          <cell r="Y3123" t="str">
            <v>57，</v>
          </cell>
          <cell r="Z3123" t="str">
            <v/>
          </cell>
          <cell r="AA3123" t="str">
            <v/>
          </cell>
          <cell r="AB3123" t="str">
            <v/>
          </cell>
          <cell r="AC3123" t="str">
            <v/>
          </cell>
          <cell r="AD3123" t="str">
            <v/>
          </cell>
          <cell r="AE3123" t="str">
            <v>１；２；３；４；</v>
          </cell>
          <cell r="AF3123" t="str">
            <v>お客様の帳票をお預かりし、データ入力専用機にて業務を実施致します。入力業務は、エントリー（初回入力）、ベリファイ（検査入力）をそれぞれ別のオペレーターが担当致し、勘違い・読み違い等による入力ミスを極力なくし、高精度なデータ作成を実現致します。</v>
          </cell>
        </row>
        <row r="3124">
          <cell r="B3124">
            <v>12396</v>
          </cell>
          <cell r="C3124" t="str">
            <v>日本システムウエア(株)</v>
          </cell>
          <cell r="D3124" t="str">
            <v>03-3770-0096</v>
          </cell>
          <cell r="E3124" t="str">
            <v>150-8577</v>
          </cell>
          <cell r="F3124" t="str">
            <v>東京都渋谷区桜丘町31-11</v>
          </cell>
          <cell r="G3124" t="str">
            <v>東京都</v>
          </cell>
          <cell r="H3124" t="str">
            <v>サービスソリューション事業本部</v>
          </cell>
          <cell r="I3124" t="str">
            <v>取締役執行役員事業本部長 竹村　大助</v>
          </cell>
          <cell r="J3124" t="str">
            <v>東京都</v>
          </cell>
          <cell r="K3124" t="str">
            <v>03-3770-0268</v>
          </cell>
          <cell r="L3124" t="str">
            <v>ml-nyusatsu-itei@gw.nsw.co.jp</v>
          </cell>
          <cell r="M3124" t="str">
            <v>ﾆｯﾎﾟﾝｼｽﾃﾑｳｴｱ</v>
          </cell>
          <cell r="N3124" t="str">
            <v>有</v>
          </cell>
          <cell r="O3124">
            <v>52</v>
          </cell>
          <cell r="P3124">
            <v>1625</v>
          </cell>
          <cell r="Q3124">
            <v>1011001017717</v>
          </cell>
          <cell r="R3124">
            <v>5500000</v>
          </cell>
          <cell r="S3124">
            <v>10626580</v>
          </cell>
          <cell r="T3124">
            <v>31704461</v>
          </cell>
          <cell r="V3124" t="str">
            <v>nt235689</v>
          </cell>
          <cell r="W3124" t="str">
            <v>kw189181</v>
          </cell>
          <cell r="Y3124" t="str">
            <v>57，58，</v>
          </cell>
          <cell r="Z3124">
            <v>58</v>
          </cell>
          <cell r="AA3124">
            <v>57</v>
          </cell>
          <cell r="AB3124" t="str">
            <v/>
          </cell>
          <cell r="AC3124" t="str">
            <v/>
          </cell>
          <cell r="AD3124" t="str">
            <v/>
          </cell>
          <cell r="AE3124" t="str">
            <v>１；２；３；４；</v>
          </cell>
          <cell r="AF3124" t="str">
            <v>医療情報システムの運用管理業務およびネットワーク等のシステム管理業務において、関西地区の官公庁・自治体のお客様への実績がごさいます。</v>
          </cell>
        </row>
        <row r="3125">
          <cell r="B3125">
            <v>12399</v>
          </cell>
          <cell r="C3125" t="str">
            <v>(株)テレワーク</v>
          </cell>
          <cell r="D3125" t="str">
            <v>06-6208-0500</v>
          </cell>
          <cell r="E3125" t="str">
            <v>541-0041</v>
          </cell>
          <cell r="F3125" t="str">
            <v>大阪府大阪市中央区北浜3-1-6</v>
          </cell>
          <cell r="G3125" t="str">
            <v>大阪市</v>
          </cell>
          <cell r="H3125" t="str">
            <v/>
          </cell>
          <cell r="I3125" t="str">
            <v>代表取締役 八瀬　誠</v>
          </cell>
          <cell r="J3125" t="str">
            <v>本店</v>
          </cell>
          <cell r="K3125" t="str">
            <v>06-6208-0505</v>
          </cell>
          <cell r="L3125" t="str">
            <v>tyoutatu@telework.co.jp</v>
          </cell>
          <cell r="M3125" t="str">
            <v>ﾃﾚﾜｰｸ</v>
          </cell>
          <cell r="N3125" t="str">
            <v>無</v>
          </cell>
          <cell r="O3125">
            <v>34</v>
          </cell>
          <cell r="P3125">
            <v>38</v>
          </cell>
          <cell r="Q3125">
            <v>6120001085072</v>
          </cell>
          <cell r="R3125">
            <v>96000</v>
          </cell>
          <cell r="S3125">
            <v>325480</v>
          </cell>
          <cell r="T3125">
            <v>560344</v>
          </cell>
          <cell r="V3125" t="str">
            <v>bh104859</v>
          </cell>
          <cell r="W3125" t="str">
            <v>ex193938</v>
          </cell>
          <cell r="Y3125" t="str">
            <v>56，</v>
          </cell>
          <cell r="Z3125">
            <v>80</v>
          </cell>
          <cell r="AA3125">
            <v>56</v>
          </cell>
          <cell r="AB3125" t="str">
            <v/>
          </cell>
          <cell r="AC3125" t="str">
            <v/>
          </cell>
          <cell r="AD3125" t="str">
            <v/>
          </cell>
          <cell r="AE3125" t="str">
            <v>１；コールセンター代行サービス（電話代行受付業務、電話発信業務代行）、プライバシーマーク２；電話業務及び付随する業務、労働者派遣事業許可３；４；</v>
          </cell>
          <cell r="AF3125" t="str">
            <v>２４時間３６５日のコールセンター代行サービス、特にメーカーカスタマーサポート窓口、アフターメンテナンス窓口など受信・発信・手配まで含めた代行業務に創業３４年の信頼と実績がございます。お客様の様々なご要望に合わせてカスタマイズしたサービスをご提供致します。</v>
          </cell>
        </row>
        <row r="3126">
          <cell r="B3126">
            <v>12401</v>
          </cell>
          <cell r="C3126" t="str">
            <v>(一社)関西電気管理技術者協会</v>
          </cell>
          <cell r="D3126" t="str">
            <v>078-334-7835</v>
          </cell>
          <cell r="E3126" t="str">
            <v>650-0004</v>
          </cell>
          <cell r="F3126" t="str">
            <v>兵庫県神戸市中央区中山手通3-4-8</v>
          </cell>
          <cell r="G3126" t="str">
            <v>神戸市</v>
          </cell>
          <cell r="H3126" t="str">
            <v>神戸支部</v>
          </cell>
          <cell r="I3126" t="str">
            <v>支部長 堀　始</v>
          </cell>
          <cell r="J3126" t="str">
            <v>大阪府大阪市</v>
          </cell>
          <cell r="K3126" t="str">
            <v>078-334-7836</v>
          </cell>
          <cell r="L3126" t="str">
            <v>hiroike@vega.ocn.ne.jp</v>
          </cell>
          <cell r="M3126" t="str">
            <v>ｶﾝｻｲﾃﾞﾝｷｶﾝﾘｷﾞｼﾞｭﾂｼｬｷｮｳｶｲ</v>
          </cell>
          <cell r="N3126" t="str">
            <v>有</v>
          </cell>
          <cell r="O3126" t="str">
            <v/>
          </cell>
          <cell r="P3126" t="str">
            <v/>
          </cell>
          <cell r="Q3126">
            <v>1120005015286</v>
          </cell>
          <cell r="R3126" t="str">
            <v/>
          </cell>
          <cell r="S3126" t="str">
            <v/>
          </cell>
          <cell r="T3126" t="str">
            <v/>
          </cell>
          <cell r="V3126" t="str">
            <v>tx220400</v>
          </cell>
          <cell r="W3126" t="str">
            <v>wn169393</v>
          </cell>
          <cell r="Y3126" t="str">
            <v>47，</v>
          </cell>
          <cell r="Z3126" t="str">
            <v/>
          </cell>
          <cell r="AA3126" t="str">
            <v/>
          </cell>
          <cell r="AB3126" t="str">
            <v/>
          </cell>
          <cell r="AC3126" t="str">
            <v/>
          </cell>
          <cell r="AD3126" t="str">
            <v/>
          </cell>
          <cell r="AE3126" t="str">
            <v>１；自家用電気工作物の維持管理業務２；３；４；</v>
          </cell>
          <cell r="AF3126" t="str">
            <v>一般社団法人　関西電気管理技術者協会神戸支部の会員で伊丹地区の関係会員他で自家用電気工作物の主任技術者として電力施設の保安管理業務、電気設備保守、受託する。</v>
          </cell>
        </row>
        <row r="3127">
          <cell r="B3127">
            <v>12407</v>
          </cell>
          <cell r="C3127" t="str">
            <v>(株)ラジオ関西</v>
          </cell>
          <cell r="D3127" t="str">
            <v>078-362-7373</v>
          </cell>
          <cell r="E3127" t="str">
            <v>650-8580</v>
          </cell>
          <cell r="F3127" t="str">
            <v>兵庫県神戸市中央区東川崎町1-5-7</v>
          </cell>
          <cell r="G3127" t="str">
            <v>神戸市</v>
          </cell>
          <cell r="H3127" t="str">
            <v/>
          </cell>
          <cell r="I3127" t="str">
            <v>代表取締役社長 桃田　武司</v>
          </cell>
          <cell r="J3127" t="str">
            <v>本店</v>
          </cell>
          <cell r="K3127" t="str">
            <v>078-362-7404</v>
          </cell>
          <cell r="L3127" t="str">
            <v>tanaka@jocr.jp</v>
          </cell>
          <cell r="M3127" t="str">
            <v>ﾗｼﾞｵｶﾝｻｲ</v>
          </cell>
          <cell r="N3127" t="str">
            <v>無</v>
          </cell>
          <cell r="O3127">
            <v>66</v>
          </cell>
          <cell r="P3127">
            <v>44</v>
          </cell>
          <cell r="Q3127">
            <v>6140001011695</v>
          </cell>
          <cell r="R3127">
            <v>420000</v>
          </cell>
          <cell r="S3127">
            <v>586681</v>
          </cell>
          <cell r="T3127">
            <v>1336726</v>
          </cell>
          <cell r="V3127" t="str">
            <v>jr859673</v>
          </cell>
          <cell r="W3127" t="str">
            <v>jk187665</v>
          </cell>
          <cell r="Y3127" t="str">
            <v>073，58，63，65，73，</v>
          </cell>
          <cell r="Z3127">
            <v>65</v>
          </cell>
          <cell r="AA3127">
            <v>63</v>
          </cell>
          <cell r="AB3127">
            <v>58</v>
          </cell>
          <cell r="AC3127">
            <v>73</v>
          </cell>
          <cell r="AD3127" t="str">
            <v/>
          </cell>
          <cell r="AE3127" t="str">
            <v>１；放送を基本とした広報、ＰＲの企画制作２；周年行事や催事の企画制作、実行３；防災ネット等の利用や新規のシステム開発４；パンフレット印刷等</v>
          </cell>
          <cell r="AF3127" t="str">
            <v>日本で３番目に放送免許の認定を受け昭和２７年に放送を開始した民間放送局。兵庫県下において電波を利用した防災システムを開発、運用し地域の安心安全に貢献している。</v>
          </cell>
        </row>
        <row r="3128">
          <cell r="B3128">
            <v>12411</v>
          </cell>
          <cell r="C3128" t="str">
            <v>(株)ミツワトラベル</v>
          </cell>
          <cell r="D3128" t="str">
            <v>072-756-1777</v>
          </cell>
          <cell r="E3128" t="str">
            <v>666-0024</v>
          </cell>
          <cell r="F3128" t="str">
            <v>兵庫県川西市久代1-13-17</v>
          </cell>
          <cell r="G3128" t="str">
            <v>川西市</v>
          </cell>
          <cell r="H3128" t="str">
            <v/>
          </cell>
          <cell r="I3128" t="str">
            <v>代表取締役 船岡　史朗</v>
          </cell>
          <cell r="J3128" t="str">
            <v>本店</v>
          </cell>
          <cell r="K3128" t="str">
            <v>072-758-7337</v>
          </cell>
          <cell r="L3128" t="str">
            <v>m-iwamoto@mitsuwa-gr.co.jp</v>
          </cell>
          <cell r="M3128" t="str">
            <v>ﾐﾂﾜﾄﾗﾍﾞﾙ</v>
          </cell>
          <cell r="N3128" t="str">
            <v>無</v>
          </cell>
          <cell r="O3128">
            <v>13</v>
          </cell>
          <cell r="P3128">
            <v>7</v>
          </cell>
          <cell r="Q3128">
            <v>9140001080366</v>
          </cell>
          <cell r="R3128">
            <v>10000</v>
          </cell>
          <cell r="S3128">
            <v>29534</v>
          </cell>
          <cell r="T3128">
            <v>786854</v>
          </cell>
          <cell r="V3128" t="str">
            <v>dd594833</v>
          </cell>
          <cell r="W3128" t="str">
            <v>vn118197</v>
          </cell>
          <cell r="Y3128" t="str">
            <v>67，</v>
          </cell>
          <cell r="Z3128">
            <v>67</v>
          </cell>
          <cell r="AA3128">
            <v>80</v>
          </cell>
          <cell r="AB3128" t="str">
            <v/>
          </cell>
          <cell r="AC3128" t="str">
            <v/>
          </cell>
          <cell r="AD3128" t="str">
            <v/>
          </cell>
          <cell r="AE3128" t="str">
            <v>１；旅行業２；観光・地域振興ソリューション　地域交流・活性化イベント／観光客誘客などを通じて総合的にプロデュースします。３；４；</v>
          </cell>
          <cell r="AF3128" t="str">
            <v>親会社である（株）ミツワ及びグループ会社の旅行手配及び近隣市町村地域の各種団体他総合旅行の取扱。</v>
          </cell>
        </row>
        <row r="3129">
          <cell r="B3129">
            <v>12412</v>
          </cell>
          <cell r="C3129" t="str">
            <v>(株)カワニシ</v>
          </cell>
          <cell r="D3129" t="str">
            <v>078-643-3100</v>
          </cell>
          <cell r="E3129" t="str">
            <v>653-0036</v>
          </cell>
          <cell r="F3129" t="str">
            <v>兵庫県神戸市長田区腕塚町2-1-34</v>
          </cell>
          <cell r="G3129" t="str">
            <v>神戸市</v>
          </cell>
          <cell r="H3129" t="str">
            <v>神戸営業所</v>
          </cell>
          <cell r="I3129" t="str">
            <v>所長 田中　克尚</v>
          </cell>
          <cell r="J3129" t="str">
            <v>岡山県岡山市</v>
          </cell>
          <cell r="K3129" t="str">
            <v>078-643-3155</v>
          </cell>
          <cell r="L3129" t="str">
            <v>izumikakeya@kawanishi-md.co.jp</v>
          </cell>
          <cell r="M3129" t="str">
            <v>ｶﾜﾆｼ</v>
          </cell>
          <cell r="N3129" t="str">
            <v>有</v>
          </cell>
          <cell r="O3129">
            <v>15</v>
          </cell>
          <cell r="P3129">
            <v>640</v>
          </cell>
          <cell r="Q3129">
            <v>8260001008348</v>
          </cell>
          <cell r="R3129">
            <v>300000</v>
          </cell>
          <cell r="S3129">
            <v>1981922</v>
          </cell>
          <cell r="T3129">
            <v>62111524</v>
          </cell>
          <cell r="V3129" t="str">
            <v>nn957345</v>
          </cell>
          <cell r="W3129" t="str">
            <v>gz117899</v>
          </cell>
          <cell r="Y3129" t="str">
            <v>9.39.41.80</v>
          </cell>
          <cell r="Z3129">
            <v>39</v>
          </cell>
          <cell r="AA3129">
            <v>9</v>
          </cell>
          <cell r="AB3129">
            <v>80</v>
          </cell>
          <cell r="AC3129">
            <v>41</v>
          </cell>
          <cell r="AD3129" t="str">
            <v/>
          </cell>
          <cell r="AE3129" t="str">
            <v>１；２；高度管理医療機器当販売業・賃貸業許可証３；衛生材料４；医療機器修理業許可証</v>
          </cell>
          <cell r="AF3129" t="str">
            <v>医療現場へ最先端の医療器材と情報をお届けすることで、安心・安全・高品質な医療をサポートしています。</v>
          </cell>
        </row>
        <row r="3130">
          <cell r="B3130">
            <v>12413</v>
          </cell>
          <cell r="C3130" t="str">
            <v>北勢工業(株)</v>
          </cell>
          <cell r="D3130" t="str">
            <v>078-851-1414</v>
          </cell>
          <cell r="E3130" t="str">
            <v>658-0031</v>
          </cell>
          <cell r="F3130" t="str">
            <v>兵庫県神戸市東灘区向洋町東2-7-8</v>
          </cell>
          <cell r="G3130" t="str">
            <v>神戸市</v>
          </cell>
          <cell r="H3130" t="str">
            <v>神戸営業所</v>
          </cell>
          <cell r="I3130" t="str">
            <v>営業所長 亀井　修二</v>
          </cell>
          <cell r="J3130" t="str">
            <v>大阪府東大阪市</v>
          </cell>
          <cell r="K3130" t="str">
            <v>078-851-1415</v>
          </cell>
          <cell r="L3130" t="str">
            <v>osaka@hokusei-kogyo.co.jp</v>
          </cell>
          <cell r="M3130" t="str">
            <v>ﾎｸｾｲｺｳｷﾞｮｳ</v>
          </cell>
          <cell r="N3130" t="str">
            <v>有</v>
          </cell>
          <cell r="O3130">
            <v>69</v>
          </cell>
          <cell r="P3130">
            <v>108</v>
          </cell>
          <cell r="Q3130">
            <v>8122001007087</v>
          </cell>
          <cell r="R3130">
            <v>157500</v>
          </cell>
          <cell r="S3130">
            <v>2192386</v>
          </cell>
          <cell r="T3130">
            <v>2467396</v>
          </cell>
          <cell r="V3130" t="str">
            <v>zx183498</v>
          </cell>
          <cell r="W3130" t="str">
            <v>mh161999</v>
          </cell>
          <cell r="Y3130" t="str">
            <v>038，30，31，33，38，</v>
          </cell>
          <cell r="Z3130">
            <v>33</v>
          </cell>
          <cell r="AA3130">
            <v>31</v>
          </cell>
          <cell r="AB3130">
            <v>30</v>
          </cell>
          <cell r="AC3130">
            <v>38</v>
          </cell>
          <cell r="AD3130" t="str">
            <v/>
          </cell>
          <cell r="AE3130" t="str">
            <v>１；人孔鉄蓋、設備用マンホール鉄蓋、グレーチング蓋、フェンス、車止め、ベンチ、仕切弁鉄蓋２；植樹用ブロック、無収縮モルタル３；溝蓋、ドレン４；防火水槽用鉄蓋、消火栓鉄蓋</v>
          </cell>
          <cell r="AF3130" t="str">
            <v>上下水道用鉄蓋、植樹桝蓋、景観商品を製造販売している鋳物メーカーです。最近では災害時に役立つ災害用トイレの販売に力を入れています。</v>
          </cell>
        </row>
        <row r="3131">
          <cell r="B3131">
            <v>12414</v>
          </cell>
          <cell r="C3131" t="str">
            <v>(株)エルディーエス</v>
          </cell>
          <cell r="D3131" t="str">
            <v>06-6364-6472</v>
          </cell>
          <cell r="E3131" t="str">
            <v>530-0054</v>
          </cell>
          <cell r="F3131" t="str">
            <v>大阪府大阪市北区南森町2-4-5</v>
          </cell>
          <cell r="G3131" t="str">
            <v>大阪市</v>
          </cell>
          <cell r="H3131" t="str">
            <v/>
          </cell>
          <cell r="I3131" t="str">
            <v>代表取締役 友中　香代子</v>
          </cell>
          <cell r="J3131" t="str">
            <v>本店</v>
          </cell>
          <cell r="K3131" t="str">
            <v>06-6364-6496</v>
          </cell>
          <cell r="L3131" t="str">
            <v>ha.kitatani@dsic.jp</v>
          </cell>
          <cell r="M3131" t="str">
            <v>ｴﾙﾃﾞｨｰｴｽ</v>
          </cell>
          <cell r="N3131" t="str">
            <v>無</v>
          </cell>
          <cell r="O3131">
            <v>41</v>
          </cell>
          <cell r="P3131">
            <v>7</v>
          </cell>
          <cell r="Q3131">
            <v>5120001072162</v>
          </cell>
          <cell r="R3131">
            <v>13000</v>
          </cell>
          <cell r="S3131">
            <v>9813</v>
          </cell>
          <cell r="T3131">
            <v>67475</v>
          </cell>
          <cell r="V3131" t="str">
            <v>lr935843</v>
          </cell>
          <cell r="W3131" t="str">
            <v>ad157997</v>
          </cell>
          <cell r="Y3131" t="str">
            <v>58，</v>
          </cell>
          <cell r="Z3131" t="str">
            <v/>
          </cell>
          <cell r="AA3131" t="str">
            <v/>
          </cell>
          <cell r="AB3131" t="str">
            <v/>
          </cell>
          <cell r="AC3131" t="str">
            <v/>
          </cell>
          <cell r="AD3131" t="str">
            <v/>
          </cell>
          <cell r="AE3131" t="str">
            <v>１；データ入力・作成　システム開発・運用・保守２；３；４；</v>
          </cell>
          <cell r="AF3131" t="str">
            <v>情報処理サービス業のシステム関連、データ入力など、自治体と契約実績があります。中でもデータ入力は主としてさせて頂いております。今後も継続した信頼を得られるように努力して、お客様に満足してもらえる企業を目指します。</v>
          </cell>
        </row>
        <row r="3132">
          <cell r="B3132">
            <v>12415</v>
          </cell>
          <cell r="C3132" t="str">
            <v>(株)水機テクノス</v>
          </cell>
          <cell r="D3132" t="str">
            <v>06-6337-1061</v>
          </cell>
          <cell r="F3132" t="str">
            <v>大阪府吹田市江坂町1-23-5</v>
          </cell>
          <cell r="G3132" t="str">
            <v>吹田市</v>
          </cell>
          <cell r="H3132" t="str">
            <v>大阪営業所</v>
          </cell>
          <cell r="I3132" t="str">
            <v>所長　 田代　順一</v>
          </cell>
          <cell r="J3132" t="str">
            <v>東京都</v>
          </cell>
          <cell r="K3132" t="str">
            <v>06-6337-1062</v>
          </cell>
          <cell r="L3132" t="str">
            <v>eigyou-kanri@suiki-tec.co.jp</v>
          </cell>
          <cell r="M3132" t="str">
            <v>ｽｲｷﾃｸﾉｽ</v>
          </cell>
          <cell r="N3132" t="str">
            <v>有</v>
          </cell>
          <cell r="O3132">
            <v>51</v>
          </cell>
          <cell r="P3132">
            <v>460</v>
          </cell>
          <cell r="Q3132">
            <v>6010901011626</v>
          </cell>
          <cell r="R3132">
            <v>80000</v>
          </cell>
          <cell r="S3132">
            <v>773130</v>
          </cell>
          <cell r="T3132">
            <v>6422334</v>
          </cell>
          <cell r="V3132" t="str">
            <v>nj349561</v>
          </cell>
          <cell r="W3132" t="str">
            <v>ni335669</v>
          </cell>
          <cell r="Y3132" t="str">
            <v>10.41.80</v>
          </cell>
          <cell r="Z3132" t="str">
            <v/>
          </cell>
          <cell r="AA3132" t="str">
            <v/>
          </cell>
          <cell r="AB3132" t="str">
            <v/>
          </cell>
          <cell r="AC3132" t="str">
            <v/>
          </cell>
          <cell r="AD3132" t="str">
            <v/>
          </cell>
          <cell r="AE3132" t="str">
            <v>１；２；上下水道設備保守点検及び運転管理、水処理機械３；光学機器４；次亜塩素酸ソーダ等</v>
          </cell>
          <cell r="AF3132" t="str">
            <v>水処理プラントの設計、施工、保守</v>
          </cell>
        </row>
        <row r="3133">
          <cell r="B3133">
            <v>12418</v>
          </cell>
          <cell r="C3133" t="str">
            <v>(株)エイト日本技術開発</v>
          </cell>
          <cell r="D3133" t="str">
            <v>078-326-2677</v>
          </cell>
          <cell r="E3133" t="str">
            <v>650-0038</v>
          </cell>
          <cell r="F3133" t="str">
            <v>兵庫県神戸市中央区西町35</v>
          </cell>
          <cell r="G3133" t="str">
            <v>岡山市</v>
          </cell>
          <cell r="H3133" t="str">
            <v>神戸支店</v>
          </cell>
          <cell r="I3133" t="str">
            <v>支店長 土屋　善浩</v>
          </cell>
          <cell r="J3133" t="str">
            <v>岡山県岡山市</v>
          </cell>
          <cell r="K3133" t="str">
            <v>078-326-2688</v>
          </cell>
          <cell r="L3133" t="str">
            <v>koube@ej-hds.co.jp</v>
          </cell>
          <cell r="M3133" t="str">
            <v>ｴｲﾄﾆﾎﾝｷﾞｼﾞｭﾂｶｲﾊﾂ</v>
          </cell>
          <cell r="N3133" t="str">
            <v>有</v>
          </cell>
          <cell r="O3133">
            <v>63</v>
          </cell>
          <cell r="P3133">
            <v>885</v>
          </cell>
          <cell r="Q3133">
            <v>7260001000735</v>
          </cell>
          <cell r="R3133">
            <v>2056880</v>
          </cell>
          <cell r="S3133">
            <v>13044028</v>
          </cell>
          <cell r="T3133">
            <v>19746823</v>
          </cell>
          <cell r="V3133" t="str">
            <v>hr448659</v>
          </cell>
          <cell r="W3133" t="str">
            <v>nn161659</v>
          </cell>
          <cell r="Y3133" t="str">
            <v>080，57，58，72，77，</v>
          </cell>
          <cell r="Z3133" t="str">
            <v>[物品]</v>
          </cell>
          <cell r="AA3133">
            <v>57</v>
          </cell>
          <cell r="AB3133">
            <v>58</v>
          </cell>
          <cell r="AC3133">
            <v>80</v>
          </cell>
          <cell r="AD3133" t="str">
            <v/>
          </cell>
          <cell r="AE3133" t="str">
            <v>１；80２；３；４；</v>
          </cell>
          <cell r="AF3133" t="str">
            <v>道路　橋梁　地下構造物・調査・計画設計　電線地中化　橋梁点検　長寿命化計画　都市・地域計画　都市再生計画　交通計画　公園　緑地計画・設計　まちづくり　景観計画　ＰＦＩ　ＰＰＰ　ＣＭ他アドバイザリー業務　立地適正化　地域防災計画　ハザードマップ　ＢＣＰ　国土強靭化計画</v>
          </cell>
        </row>
        <row r="3134">
          <cell r="B3134">
            <v>12419</v>
          </cell>
          <cell r="C3134" t="str">
            <v>(株)フィスメック</v>
          </cell>
          <cell r="D3134" t="str">
            <v>06-6258-5670</v>
          </cell>
          <cell r="E3134" t="str">
            <v>542-0081</v>
          </cell>
          <cell r="F3134" t="str">
            <v>大阪府大阪市中央区南船場2-12-10</v>
          </cell>
          <cell r="G3134" t="str">
            <v>大阪市</v>
          </cell>
          <cell r="H3134" t="str">
            <v>関西事業部</v>
          </cell>
          <cell r="I3134" t="str">
            <v>関西事業部長 平岡　治久</v>
          </cell>
          <cell r="J3134" t="str">
            <v>東京都</v>
          </cell>
          <cell r="K3134" t="str">
            <v>06-6258-5673</v>
          </cell>
          <cell r="L3134" t="str">
            <v>fismec-w@fismec.co.jp</v>
          </cell>
          <cell r="M3134" t="str">
            <v>ﾌｨｽﾒｯｸ</v>
          </cell>
          <cell r="N3134" t="str">
            <v>有</v>
          </cell>
          <cell r="O3134">
            <v>28</v>
          </cell>
          <cell r="P3134">
            <v>29</v>
          </cell>
          <cell r="Q3134">
            <v>6010001028100</v>
          </cell>
          <cell r="R3134">
            <v>100000</v>
          </cell>
          <cell r="S3134">
            <v>146467</v>
          </cell>
          <cell r="T3134">
            <v>577697</v>
          </cell>
          <cell r="V3134" t="str">
            <v>lr339899</v>
          </cell>
          <cell r="W3134" t="str">
            <v>gz196971</v>
          </cell>
          <cell r="Y3134" t="str">
            <v/>
          </cell>
          <cell r="Z3134" t="str">
            <v/>
          </cell>
          <cell r="AA3134" t="str">
            <v/>
          </cell>
          <cell r="AB3134" t="str">
            <v/>
          </cell>
          <cell r="AC3134" t="str">
            <v/>
          </cell>
          <cell r="AD3134" t="str">
            <v/>
          </cell>
          <cell r="AE3134" t="str">
            <v>１；ストレスチェック２；メンタルヘルス相談窓口３；メンタルヘルス研修４；メンタルヘルス広報出版</v>
          </cell>
          <cell r="AF3134" t="str">
            <v>当会社は、職員向けメンタルヘルス対策支援を主としたＥＡＰ（従業員支援プログラム）実施会社です。労働安全衛生法対応のストレスチェック、教育研修（ライフケア、セルフケア、職場環境改善）相談窓口提供、復職支援及び広報出版などの総合的なメンタルヘルス対策支援に特化しています。</v>
          </cell>
        </row>
        <row r="3135">
          <cell r="B3135">
            <v>12422</v>
          </cell>
          <cell r="C3135" t="str">
            <v>あいあいメンテナンス(株)</v>
          </cell>
          <cell r="D3135" t="str">
            <v>06-6732-4745</v>
          </cell>
          <cell r="E3135" t="str">
            <v>577-0844</v>
          </cell>
          <cell r="F3135" t="str">
            <v>大阪府東大阪市大平寺1-6-13</v>
          </cell>
          <cell r="G3135" t="str">
            <v>東大阪市</v>
          </cell>
          <cell r="H3135" t="str">
            <v/>
          </cell>
          <cell r="I3135" t="str">
            <v>代表取締役 福井　彰</v>
          </cell>
          <cell r="J3135" t="str">
            <v>本店</v>
          </cell>
          <cell r="K3135" t="str">
            <v>06-6732-4746</v>
          </cell>
          <cell r="L3135" t="str">
            <v>aiai.mnt@gmail.com</v>
          </cell>
          <cell r="M3135" t="str">
            <v>ｱｲｱｲﾒﾝﾃﾅﾝｽ</v>
          </cell>
          <cell r="N3135" t="str">
            <v>無</v>
          </cell>
          <cell r="O3135">
            <v>12</v>
          </cell>
          <cell r="P3135">
            <v>25</v>
          </cell>
          <cell r="Q3135">
            <v>9122001012912</v>
          </cell>
          <cell r="R3135">
            <v>5500</v>
          </cell>
          <cell r="S3135">
            <v>0</v>
          </cell>
          <cell r="T3135" t="str">
            <v/>
          </cell>
          <cell r="V3135" t="str">
            <v>lr304533</v>
          </cell>
          <cell r="W3135" t="str">
            <v>mr193957</v>
          </cell>
          <cell r="Y3135" t="str">
            <v>53，54，</v>
          </cell>
          <cell r="Z3135">
            <v>54</v>
          </cell>
          <cell r="AA3135">
            <v>53</v>
          </cell>
          <cell r="AB3135" t="str">
            <v/>
          </cell>
          <cell r="AC3135" t="str">
            <v/>
          </cell>
          <cell r="AD3135" t="str">
            <v/>
          </cell>
          <cell r="AE3135" t="str">
            <v>１；２；３；４；</v>
          </cell>
          <cell r="AF3135" t="str">
            <v>ビル清掃の仕事は建物を美しく衛生的に保つために欠かせない作業であり、その建物で働く多くの人々や利用者居住者に対して、安全と快適さを提供する大切な仕事だと思います。また、建物美観を保つ事は地域社会にとって大事なことであり都市の景観をよくすることに通じます。</v>
          </cell>
        </row>
        <row r="3136">
          <cell r="B3136">
            <v>12424</v>
          </cell>
          <cell r="C3136" t="str">
            <v>(株)ヒューマントラスト</v>
          </cell>
          <cell r="D3136" t="str">
            <v>03-6485-0560</v>
          </cell>
          <cell r="E3136" t="str">
            <v>530-0011</v>
          </cell>
          <cell r="F3136" t="str">
            <v>大阪府大阪市北区大深町3番1号</v>
          </cell>
          <cell r="G3136" t="str">
            <v>大阪市</v>
          </cell>
          <cell r="H3136" t="str">
            <v>営業本部</v>
          </cell>
          <cell r="I3136" t="str">
            <v>本部長 渡辺　恵三</v>
          </cell>
          <cell r="J3136" t="str">
            <v>東京都</v>
          </cell>
          <cell r="K3136" t="str">
            <v>06-6485-0565</v>
          </cell>
          <cell r="L3136" t="str">
            <v>gvm-pt@humantrust.co.jp</v>
          </cell>
          <cell r="M3136" t="str">
            <v>ﾋｭｰﾏﾝﾄﾗｽﾄ</v>
          </cell>
          <cell r="N3136" t="str">
            <v>有</v>
          </cell>
          <cell r="O3136">
            <v>23</v>
          </cell>
          <cell r="P3136">
            <v>1933</v>
          </cell>
          <cell r="Q3136">
            <v>5010001027466</v>
          </cell>
          <cell r="R3136">
            <v>99000</v>
          </cell>
          <cell r="S3136">
            <v>1797924</v>
          </cell>
          <cell r="T3136">
            <v>13240764</v>
          </cell>
          <cell r="V3136" t="str">
            <v>hr448661</v>
          </cell>
          <cell r="W3136" t="str">
            <v>om199359</v>
          </cell>
          <cell r="Y3136" t="str">
            <v>077，45，56，57，59，63，77，</v>
          </cell>
          <cell r="Z3136">
            <v>56</v>
          </cell>
          <cell r="AA3136">
            <v>80</v>
          </cell>
          <cell r="AB3136">
            <v>57</v>
          </cell>
          <cell r="AC3136">
            <v>77</v>
          </cell>
          <cell r="AD3136" t="str">
            <v>【許可登録】警備業認定</v>
          </cell>
          <cell r="AE3136" t="str">
            <v>１；【許可登録】労働者派遣業務許可証、プライバシーマーク登録証２；受付業務、窓口業務、試験運営、選挙運営３；４；</v>
          </cell>
          <cell r="AF3136" t="str">
            <v>人材派遣とアウトソーシングサービスを提供しています。公共団体にも、多くの実績と経験豊富な社員とスタッフを有します。得意とする分野は、窓口業務・申請受付・交付発行・データ入力・選挙運営・試験運営で、他にファイリング・調査業務・受付案内・自由化業務等も得意としています。</v>
          </cell>
        </row>
        <row r="3137">
          <cell r="B3137">
            <v>12426</v>
          </cell>
          <cell r="C3137" t="str">
            <v>企業組合伊丹市雇用福祉事業団</v>
          </cell>
          <cell r="D3137" t="str">
            <v>072-777-0663</v>
          </cell>
          <cell r="E3137" t="str">
            <v>664-0023</v>
          </cell>
          <cell r="F3137" t="str">
            <v>兵庫県伊丹市中野西1‐141</v>
          </cell>
          <cell r="G3137" t="str">
            <v>伊丹市</v>
          </cell>
          <cell r="H3137" t="str">
            <v/>
          </cell>
          <cell r="I3137" t="str">
            <v>代表理事 高木　哲次</v>
          </cell>
          <cell r="J3137" t="str">
            <v>本店</v>
          </cell>
          <cell r="K3137" t="str">
            <v>072-770-4639</v>
          </cell>
          <cell r="L3137" t="str">
            <v>itami@iwc.or.jp</v>
          </cell>
          <cell r="M3137" t="str">
            <v>ｷｷﾞｮｳｸﾐｱｲｲﾀﾐｼｺﾖｳﾌｸｼｼﾞｷﾞｮｳﾀﾞﾝ</v>
          </cell>
          <cell r="N3137" t="str">
            <v>無</v>
          </cell>
          <cell r="O3137">
            <v>28</v>
          </cell>
          <cell r="P3137">
            <v>64</v>
          </cell>
          <cell r="Q3137">
            <v>2140005018146</v>
          </cell>
          <cell r="R3137">
            <v>38310</v>
          </cell>
          <cell r="S3137">
            <v>44475</v>
          </cell>
          <cell r="T3137">
            <v>180768</v>
          </cell>
          <cell r="V3137" t="str">
            <v>hr012356</v>
          </cell>
          <cell r="W3137" t="str">
            <v>rj157336</v>
          </cell>
          <cell r="Y3137" t="str">
            <v>022，05，22，46，52，53，54，55，61，67，68，77，78，79，</v>
          </cell>
          <cell r="Z3137">
            <v>55</v>
          </cell>
          <cell r="AA3137">
            <v>53</v>
          </cell>
          <cell r="AB3137">
            <v>54</v>
          </cell>
          <cell r="AC3137">
            <v>22</v>
          </cell>
          <cell r="AD3137" t="str">
            <v/>
          </cell>
          <cell r="AE3137" t="str">
            <v>１；２；３；４；</v>
          </cell>
          <cell r="AF3137" t="str">
            <v>造園工事・植物維持管理・花壇管理・公園維持管理・樹木薬剤散布・樹木植栽・建物管理・受水槽点検・空調管理・ポンプ管理・学校給食荷受配送・就労相談・就労支援・職業訓練・雇用創出事業・配送業務</v>
          </cell>
        </row>
        <row r="3138">
          <cell r="B3138">
            <v>12427</v>
          </cell>
          <cell r="C3138" t="str">
            <v>(株)ピーナッツ</v>
          </cell>
          <cell r="D3138" t="str">
            <v>079-662-8331</v>
          </cell>
          <cell r="E3138" t="str">
            <v>667-0021</v>
          </cell>
          <cell r="F3138" t="str">
            <v>兵庫県養父市八鹿町八鹿1097番地8</v>
          </cell>
          <cell r="G3138" t="str">
            <v>養父市</v>
          </cell>
          <cell r="H3138" t="str">
            <v/>
          </cell>
          <cell r="I3138" t="str">
            <v>代表取締役 髙谷　美智子</v>
          </cell>
          <cell r="J3138" t="str">
            <v>本店</v>
          </cell>
          <cell r="K3138" t="str">
            <v>079-662-8332</v>
          </cell>
          <cell r="L3138" t="str">
            <v>info@peanuts-co.jp</v>
          </cell>
          <cell r="M3138" t="str">
            <v>ﾋﾟｰﾅｯﾂ</v>
          </cell>
          <cell r="N3138" t="str">
            <v>無</v>
          </cell>
          <cell r="O3138">
            <v>7</v>
          </cell>
          <cell r="P3138">
            <v>8</v>
          </cell>
          <cell r="Q3138">
            <v>8140001047052</v>
          </cell>
          <cell r="R3138">
            <v>3000</v>
          </cell>
          <cell r="S3138">
            <v>3000</v>
          </cell>
          <cell r="T3138">
            <v>50993</v>
          </cell>
          <cell r="V3138" t="str">
            <v>nr440489</v>
          </cell>
          <cell r="W3138" t="str">
            <v>nq191633</v>
          </cell>
          <cell r="Y3138" t="str">
            <v>58，64，65，</v>
          </cell>
          <cell r="Z3138">
            <v>58</v>
          </cell>
          <cell r="AA3138">
            <v>65</v>
          </cell>
          <cell r="AB3138">
            <v>64</v>
          </cell>
          <cell r="AC3138" t="str">
            <v/>
          </cell>
          <cell r="AD3138" t="str">
            <v/>
          </cell>
          <cell r="AE3138" t="str">
            <v>１；システム・ソフトウェア開発・ホームページ制作・通販サイト構築２；各種デザイン制作、チラシ作成、ポスター作成、グッズ制作、イラスト制作３；動画撮影、観光紹介ビデオ制作、イベント紹介ビデオ制作、テレビ向け番組の制作・各種映像の撮影・編集４；</v>
          </cell>
          <cell r="AF3138" t="str">
            <v>ソフトウェア開発（システム、ソフトウェア開発、ホームページ、通販サイト構築）プロモーション映像、シーエム制作等、撮影から編集デザイン（チラシ、カタログ、パンフレット、のぼり・看板、キャラクターデザイン及びグッズ提案・ロゴ・イラスト制作）</v>
          </cell>
        </row>
        <row r="3139">
          <cell r="B3139">
            <v>12429</v>
          </cell>
          <cell r="C3139" t="str">
            <v>(公社)大阪技術振興協会</v>
          </cell>
          <cell r="D3139" t="str">
            <v>06-6444-4798</v>
          </cell>
          <cell r="E3139" t="str">
            <v>550-0004</v>
          </cell>
          <cell r="F3139" t="str">
            <v>大阪府大阪市西区靭本町1-8-4</v>
          </cell>
          <cell r="G3139" t="str">
            <v>大阪市</v>
          </cell>
          <cell r="H3139" t="str">
            <v/>
          </cell>
          <cell r="I3139" t="str">
            <v>理事長 亀尾　恭司</v>
          </cell>
          <cell r="J3139" t="str">
            <v>本店</v>
          </cell>
          <cell r="K3139" t="str">
            <v>06-6444-4818</v>
          </cell>
          <cell r="L3139" t="str">
            <v>504@otpea.or.jp</v>
          </cell>
          <cell r="M3139" t="str">
            <v>ｵｵｻｶｷﾞｼﾞｭﾂｼﾝｺｳｷｮｳｶｲ</v>
          </cell>
          <cell r="N3139" t="str">
            <v>無</v>
          </cell>
          <cell r="O3139">
            <v>53</v>
          </cell>
          <cell r="P3139">
            <v>25</v>
          </cell>
          <cell r="Q3139">
            <v>6120005003220</v>
          </cell>
          <cell r="R3139">
            <v>1100</v>
          </cell>
          <cell r="S3139">
            <v>11568</v>
          </cell>
          <cell r="T3139">
            <v>42058</v>
          </cell>
          <cell r="V3139" t="str">
            <v>if927539</v>
          </cell>
          <cell r="W3139" t="str">
            <v>da178576</v>
          </cell>
          <cell r="Y3139" t="str">
            <v/>
          </cell>
          <cell r="Z3139">
            <v>80</v>
          </cell>
          <cell r="AA3139" t="str">
            <v/>
          </cell>
          <cell r="AB3139" t="str">
            <v/>
          </cell>
          <cell r="AC3139" t="str">
            <v/>
          </cell>
          <cell r="AD3139" t="str">
            <v/>
          </cell>
          <cell r="AE3139" t="str">
            <v>１；工事監査に係る技術調査業務２；３；４；</v>
          </cell>
          <cell r="AF3139" t="str">
            <v>（１）公共事業への監査協力　（２）公共施設建設工事の技術審査、検査、技術支援　（３）環境保全業務への技術支援</v>
          </cell>
        </row>
        <row r="3140">
          <cell r="B3140">
            <v>12430</v>
          </cell>
          <cell r="C3140" t="str">
            <v>(一財)兵庫県学校厚生会</v>
          </cell>
          <cell r="D3140" t="str">
            <v>078-331-9955</v>
          </cell>
          <cell r="E3140" t="str">
            <v>650-0012</v>
          </cell>
          <cell r="F3140" t="str">
            <v>兵庫県神戸市中央区北長狭通4-7-34</v>
          </cell>
          <cell r="G3140" t="str">
            <v>神戸市</v>
          </cell>
          <cell r="H3140" t="str">
            <v/>
          </cell>
          <cell r="I3140" t="str">
            <v>理事長 川原　芳和</v>
          </cell>
          <cell r="J3140" t="str">
            <v>本店</v>
          </cell>
          <cell r="K3140" t="str">
            <v/>
          </cell>
          <cell r="L3140" t="str">
            <v/>
          </cell>
          <cell r="M3140" t="str">
            <v>ﾋｮｳｺﾞｹﾝｶﾞｯｺｳｺｳｾｲｶｲ</v>
          </cell>
          <cell r="N3140" t="str">
            <v>無</v>
          </cell>
          <cell r="O3140">
            <v>50</v>
          </cell>
          <cell r="P3140">
            <v>235</v>
          </cell>
          <cell r="Q3140">
            <v>4140005001728</v>
          </cell>
          <cell r="R3140" t="str">
            <v/>
          </cell>
          <cell r="S3140" t="str">
            <v/>
          </cell>
          <cell r="T3140" t="str">
            <v/>
          </cell>
          <cell r="V3140" t="str">
            <v>hr448663</v>
          </cell>
          <cell r="W3140" t="str">
            <v>hs199198</v>
          </cell>
          <cell r="Y3140" t="str">
            <v>015，12，13，14，15，</v>
          </cell>
          <cell r="Z3140">
            <v>14</v>
          </cell>
          <cell r="AA3140">
            <v>13</v>
          </cell>
          <cell r="AB3140">
            <v>12</v>
          </cell>
          <cell r="AC3140">
            <v>15</v>
          </cell>
          <cell r="AD3140" t="str">
            <v/>
          </cell>
          <cell r="AE3140" t="str">
            <v>１；印刷機消耗品（代用品含む）、文具等２；図書館図書３；運動用具、卒業用品等４；コピー用紙等</v>
          </cell>
          <cell r="AF3140" t="str">
            <v>学校事務用品、備品、衛生、教材等</v>
          </cell>
        </row>
        <row r="3141">
          <cell r="B3141">
            <v>12432</v>
          </cell>
          <cell r="C3141" t="str">
            <v>(株)堀内カラー</v>
          </cell>
          <cell r="D3141" t="str">
            <v>06-6364-0881</v>
          </cell>
          <cell r="E3141" t="str">
            <v>530-0028</v>
          </cell>
          <cell r="F3141" t="str">
            <v>大阪府大阪市北区万歳町3-17</v>
          </cell>
          <cell r="G3141" t="str">
            <v>大阪市</v>
          </cell>
          <cell r="H3141" t="str">
            <v>アーカイブサポートセンター</v>
          </cell>
          <cell r="I3141" t="str">
            <v>所長 肥田　康</v>
          </cell>
          <cell r="J3141" t="str">
            <v>大阪府大阪市</v>
          </cell>
          <cell r="K3141" t="str">
            <v>06-6364-0883</v>
          </cell>
          <cell r="L3141" t="str">
            <v>as@horiuchi-color.co.jp</v>
          </cell>
          <cell r="M3141" t="str">
            <v>ﾎﾘｳﾁｶﾗｰ</v>
          </cell>
          <cell r="N3141" t="str">
            <v>有</v>
          </cell>
          <cell r="O3141" t="str">
            <v>59年</v>
          </cell>
          <cell r="P3141" t="str">
            <v>245人</v>
          </cell>
          <cell r="Q3141">
            <v>9120001070402</v>
          </cell>
          <cell r="R3141">
            <v>1458280</v>
          </cell>
          <cell r="S3141">
            <v>6972244</v>
          </cell>
          <cell r="T3141">
            <v>4216772</v>
          </cell>
          <cell r="V3141" t="str">
            <v>rf968743</v>
          </cell>
          <cell r="W3141" t="str">
            <v>du153998</v>
          </cell>
          <cell r="Y3141" t="str">
            <v>080，36，44，57，58，64，70，71，73，75，</v>
          </cell>
          <cell r="Z3141">
            <v>70</v>
          </cell>
          <cell r="AA3141">
            <v>71</v>
          </cell>
          <cell r="AB3141">
            <v>58</v>
          </cell>
          <cell r="AC3141">
            <v>80</v>
          </cell>
          <cell r="AD3141" t="str">
            <v/>
          </cell>
          <cell r="AE3141" t="str">
            <v>１；写真のデジタル化２；マイクロフィルム撮影、マイクロフィルムのデジタル化３；データベース４；歴史的資料のデジタル化等及び歴史的資料の保存包材</v>
          </cell>
          <cell r="AF3141" t="str">
            <v>弊社はプロラボとして事業を開始しており、現像や撮影など写真のノウハウを持っております。そして時代のニーズに応え、そのノウハウをベースとして学術系企業系等に貴重資料及びデータ構築や運用サポート、高クオリティの複写技術、資料原版保存を得意としています。</v>
          </cell>
        </row>
        <row r="3142">
          <cell r="B3142">
            <v>12435</v>
          </cell>
          <cell r="C3142" t="str">
            <v>(株)メフォス</v>
          </cell>
          <cell r="D3142" t="str">
            <v>03-6234-7600</v>
          </cell>
          <cell r="E3142" t="str">
            <v>107-0052</v>
          </cell>
          <cell r="F3142" t="str">
            <v>東京都港区赤坂2-23-1</v>
          </cell>
          <cell r="G3142" t="str">
            <v>東京都</v>
          </cell>
          <cell r="H3142" t="str">
            <v/>
          </cell>
          <cell r="I3142" t="str">
            <v>代表取締役 岡田　泰紀</v>
          </cell>
          <cell r="J3142" t="str">
            <v>本店</v>
          </cell>
          <cell r="K3142" t="str">
            <v>03-6234-7609</v>
          </cell>
          <cell r="L3142" t="str">
            <v/>
          </cell>
          <cell r="M3142" t="str">
            <v>ﾒﾌｫｽ</v>
          </cell>
          <cell r="N3142" t="str">
            <v>無</v>
          </cell>
          <cell r="O3142">
            <v>57</v>
          </cell>
          <cell r="P3142">
            <v>9620</v>
          </cell>
          <cell r="Q3142">
            <v>8010401093122</v>
          </cell>
          <cell r="R3142">
            <v>1000000</v>
          </cell>
          <cell r="S3142">
            <v>5761386</v>
          </cell>
          <cell r="T3142">
            <v>55452621</v>
          </cell>
          <cell r="V3142" t="str">
            <v>je013568</v>
          </cell>
          <cell r="W3142" t="str">
            <v>du123844</v>
          </cell>
          <cell r="Y3142" t="str">
            <v>2,</v>
          </cell>
          <cell r="Z3142">
            <v>2</v>
          </cell>
          <cell r="AA3142" t="str">
            <v/>
          </cell>
          <cell r="AB3142" t="str">
            <v/>
          </cell>
          <cell r="AC3142" t="str">
            <v/>
          </cell>
          <cell r="AD3142" t="str">
            <v/>
          </cell>
          <cell r="AE3142">
            <v>0</v>
          </cell>
          <cell r="AF3142" t="str">
            <v/>
          </cell>
        </row>
        <row r="3143">
          <cell r="B3143">
            <v>12438</v>
          </cell>
          <cell r="C3143" t="str">
            <v>(株)高見沢サイバネティックス</v>
          </cell>
          <cell r="D3143" t="str">
            <v>06-6363-8991</v>
          </cell>
          <cell r="E3143" t="str">
            <v>530-0027</v>
          </cell>
          <cell r="F3143" t="str">
            <v>大阪府大阪市北区堂山町3-3</v>
          </cell>
          <cell r="G3143" t="str">
            <v>大阪市</v>
          </cell>
          <cell r="H3143" t="str">
            <v>大阪営業所</v>
          </cell>
          <cell r="I3143" t="str">
            <v>所長 吉村　邦彦</v>
          </cell>
          <cell r="J3143" t="str">
            <v>東京都</v>
          </cell>
          <cell r="K3143" t="str">
            <v>06-6363-8996</v>
          </cell>
          <cell r="L3143" t="str">
            <v>eikan@tacy.co.jp</v>
          </cell>
          <cell r="M3143" t="str">
            <v>ﾀｶﾐｻﾜｻｲﾊﾞﾈﾃｨｯｸｽ</v>
          </cell>
          <cell r="N3143" t="str">
            <v>有</v>
          </cell>
          <cell r="O3143">
            <v>40</v>
          </cell>
          <cell r="P3143">
            <v>430</v>
          </cell>
          <cell r="Q3143">
            <v>7011201003197</v>
          </cell>
          <cell r="R3143">
            <v>700700</v>
          </cell>
          <cell r="S3143">
            <v>2989695</v>
          </cell>
          <cell r="T3143">
            <v>10484549</v>
          </cell>
          <cell r="V3143" t="str">
            <v>tf045868</v>
          </cell>
          <cell r="W3143" t="str">
            <v>mo169151</v>
          </cell>
          <cell r="Y3143" t="str">
            <v>036，14，36，38，41，42，44，47，48，</v>
          </cell>
          <cell r="Z3143">
            <v>14</v>
          </cell>
          <cell r="AA3143">
            <v>80</v>
          </cell>
          <cell r="AB3143">
            <v>42</v>
          </cell>
          <cell r="AC3143">
            <v>36</v>
          </cell>
          <cell r="AD3143" t="str">
            <v>券売機・精算機ほか各種機器の保守委託・自転車駐車場の運営管理委託・機器のリース代行</v>
          </cell>
          <cell r="AE3143" t="str">
            <v>１；券売機・精算機・カード発売機・ICカード入金機・セキュリティゲート・入退場管理システム・券印刷発行機・硬貨計数器・紙幣計数器２；電磁ロック式駐輪場システム・ゲート式駐輪場システム・入退場管理システム・ホームドアシステム・コインゲート・セキュリティゲート３；計測震度計・地震計・地震計システム・温度試験槽４；防犯カメラシステム・駐輪場遠隔管理システム・地震計ネットワークシステム・PC・周辺機器</v>
          </cell>
          <cell r="AF3143" t="str">
            <v>1券売機ほか各種自動機器及び計測震度計・地震計システムの販売・設置・保守 2電磁ロック式・ゲート式駐輪システムの販売・設置・保守　3駐輪ラック他駐輪関連製品の販売・設置・保守及び駐輪場の運営管理　4上記1～3の製品に係わる設置工事全般</v>
          </cell>
        </row>
        <row r="3144">
          <cell r="B3144">
            <v>12440</v>
          </cell>
          <cell r="C3144" t="str">
            <v>(有)ＯＭＫ</v>
          </cell>
          <cell r="D3144" t="str">
            <v>06-6265-1755</v>
          </cell>
          <cell r="E3144" t="str">
            <v>542-0081</v>
          </cell>
          <cell r="F3144" t="str">
            <v>大阪府大阪市中央区南船場1-17-11</v>
          </cell>
          <cell r="G3144" t="str">
            <v>大阪市</v>
          </cell>
          <cell r="H3144" t="str">
            <v/>
          </cell>
          <cell r="I3144" t="str">
            <v>代表取締役 岡崎　芳郎</v>
          </cell>
          <cell r="J3144" t="str">
            <v>本店</v>
          </cell>
          <cell r="K3144" t="str">
            <v>06-6265-1756</v>
          </cell>
          <cell r="L3144" t="str">
            <v>omk@cx.sub.jp</v>
          </cell>
          <cell r="M3144" t="str">
            <v>ｵｰｴﾑｹｰ</v>
          </cell>
          <cell r="N3144" t="str">
            <v>無</v>
          </cell>
          <cell r="O3144">
            <v>13</v>
          </cell>
          <cell r="P3144">
            <v>7</v>
          </cell>
          <cell r="Q3144">
            <v>3120002067171</v>
          </cell>
          <cell r="R3144">
            <v>3000</v>
          </cell>
          <cell r="S3144">
            <v>5821</v>
          </cell>
          <cell r="T3144">
            <v>34626</v>
          </cell>
          <cell r="V3144" t="str">
            <v>lr307836</v>
          </cell>
          <cell r="W3144" t="str">
            <v>qt193995</v>
          </cell>
          <cell r="Y3144" t="str">
            <v>57，77，</v>
          </cell>
          <cell r="Z3144">
            <v>77</v>
          </cell>
          <cell r="AA3144">
            <v>80</v>
          </cell>
          <cell r="AB3144">
            <v>57</v>
          </cell>
          <cell r="AC3144" t="str">
            <v/>
          </cell>
          <cell r="AD3144" t="str">
            <v/>
          </cell>
          <cell r="AE3144" t="str">
            <v>１；世論・意識・市場・経済・廃棄物実態・都市計画・交通量等調査・分析２；計画策定（福祉健康育成・産業・観光振興・文化・スポーツ・地域計画等）３；データ入力・集計・分析・将来推計等電算業務４；</v>
          </cell>
          <cell r="AF3144" t="str">
            <v>交通量等調査・分析、世論・意識・市場・経済等調査、実態・都市計画等調査・分析、環境調査、自然環境調査、データ入力・集計・分析・将来推計等電算業務、放置車両等調査、現場確認作業。封入封緘作業</v>
          </cell>
        </row>
        <row r="3145">
          <cell r="B3145">
            <v>12441</v>
          </cell>
          <cell r="C3145" t="str">
            <v>大和不動産鑑定(株)</v>
          </cell>
          <cell r="D3145" t="str">
            <v>06-6536-0600</v>
          </cell>
          <cell r="E3145" t="str">
            <v>550-0005</v>
          </cell>
          <cell r="F3145" t="str">
            <v>大阪府西区西本町1-4-1</v>
          </cell>
          <cell r="G3145" t="str">
            <v>大阪府</v>
          </cell>
          <cell r="H3145" t="str">
            <v>大阪本社</v>
          </cell>
          <cell r="I3145" t="str">
            <v>取締役大阪本社代表者 山内　正己</v>
          </cell>
          <cell r="J3145" t="str">
            <v>大阪府</v>
          </cell>
          <cell r="K3145" t="str">
            <v>06-6536-7744</v>
          </cell>
          <cell r="L3145" t="str">
            <v>osaka@daiwakantei.co.jp</v>
          </cell>
          <cell r="M3145" t="str">
            <v>ﾀﾞｲﾜﾌﾄﾞｳｻﾝｶﾝﾃｲ</v>
          </cell>
          <cell r="N3145" t="str">
            <v>有</v>
          </cell>
          <cell r="O3145">
            <v>52</v>
          </cell>
          <cell r="P3145">
            <v>277</v>
          </cell>
          <cell r="Q3145">
            <v>3120001083789</v>
          </cell>
          <cell r="R3145">
            <v>47000</v>
          </cell>
          <cell r="S3145">
            <v>1896527</v>
          </cell>
          <cell r="T3145">
            <v>3231715</v>
          </cell>
          <cell r="V3145" t="str">
            <v>ge078758</v>
          </cell>
          <cell r="W3145" t="str">
            <v>qk158785</v>
          </cell>
          <cell r="Y3145" t="str">
            <v>077，57，58，72，77，</v>
          </cell>
          <cell r="Z3145">
            <v>58</v>
          </cell>
          <cell r="AA3145">
            <v>57</v>
          </cell>
          <cell r="AB3145">
            <v>72</v>
          </cell>
          <cell r="AC3145">
            <v>77</v>
          </cell>
          <cell r="AD3145" t="str">
            <v/>
          </cell>
          <cell r="AE3145" t="str">
            <v>１；２；３；地図作成４；公有財産台帳整備等</v>
          </cell>
          <cell r="AF3145" t="str">
            <v>当社は鑑定・証券化部、まちづくり事業部、建築エンジニアリング部、システム評価部、補償部の８拠点体制で全国展開し高度な知識と豊富な経験及び的確な判断力を備えた多数の不動産鑑定士等によって、お客様のニーズに即応した質の高い鑑定評価を迅速に行える体制を構築しております。</v>
          </cell>
        </row>
        <row r="3146">
          <cell r="B3146">
            <v>12445</v>
          </cell>
          <cell r="C3146" t="str">
            <v>(株)関西システムアート</v>
          </cell>
          <cell r="D3146" t="str">
            <v>06-6305-3977</v>
          </cell>
          <cell r="E3146" t="str">
            <v>532-0012</v>
          </cell>
          <cell r="F3146" t="str">
            <v>大阪府大阪市淀川区木川東3-1-4</v>
          </cell>
          <cell r="G3146" t="str">
            <v>大阪市</v>
          </cell>
          <cell r="H3146" t="str">
            <v/>
          </cell>
          <cell r="I3146" t="str">
            <v>代表取締役 山本　浩一</v>
          </cell>
          <cell r="J3146" t="str">
            <v>本店</v>
          </cell>
          <cell r="K3146" t="str">
            <v>06-6305-3294</v>
          </cell>
          <cell r="L3146" t="str">
            <v>hueda@tamego.co.jp</v>
          </cell>
          <cell r="M3146" t="str">
            <v>ｶﾝｻｲｼｽﾃﾑｱｰﾄ</v>
          </cell>
          <cell r="N3146" t="str">
            <v>無</v>
          </cell>
          <cell r="O3146">
            <v>10</v>
          </cell>
          <cell r="P3146">
            <v>9</v>
          </cell>
          <cell r="Q3146">
            <v>1120001059023</v>
          </cell>
          <cell r="R3146">
            <v>10000</v>
          </cell>
          <cell r="S3146">
            <v>24139</v>
          </cell>
          <cell r="T3146">
            <v>321007</v>
          </cell>
          <cell r="V3146" t="str">
            <v>hr448668</v>
          </cell>
          <cell r="W3146" t="str">
            <v>db166693</v>
          </cell>
          <cell r="Y3146" t="str">
            <v>47，</v>
          </cell>
          <cell r="Z3146" t="str">
            <v/>
          </cell>
          <cell r="AA3146" t="str">
            <v/>
          </cell>
          <cell r="AB3146" t="str">
            <v/>
          </cell>
          <cell r="AC3146" t="str">
            <v/>
          </cell>
          <cell r="AD3146" t="str">
            <v/>
          </cell>
          <cell r="AE3146" t="str">
            <v>１；電気設備機器保守業務２；３；４；</v>
          </cell>
          <cell r="AF3146" t="str">
            <v>空調・衛生・電気設備・設計・施工業務　総合ビルメンテナンス業務</v>
          </cell>
        </row>
        <row r="3147">
          <cell r="B3147">
            <v>12446</v>
          </cell>
          <cell r="C3147" t="str">
            <v>サンセイ(株)</v>
          </cell>
          <cell r="D3147" t="str">
            <v>06-6395-2231</v>
          </cell>
          <cell r="E3147" t="str">
            <v>532-0004</v>
          </cell>
          <cell r="F3147" t="str">
            <v>大阪府大阪市淀川区西宮原1-6-2</v>
          </cell>
          <cell r="G3147" t="str">
            <v>大阪市</v>
          </cell>
          <cell r="H3147" t="str">
            <v/>
          </cell>
          <cell r="I3147" t="str">
            <v>代表取締役 小嶋　敦</v>
          </cell>
          <cell r="J3147" t="str">
            <v>本店</v>
          </cell>
          <cell r="K3147" t="str">
            <v>06-6395-2266</v>
          </cell>
          <cell r="L3147" t="str">
            <v>mc.osaka@sansei-group.co.jp</v>
          </cell>
          <cell r="M3147" t="str">
            <v>ｻﾝｾｲ</v>
          </cell>
          <cell r="N3147" t="str">
            <v>無</v>
          </cell>
          <cell r="O3147">
            <v>58</v>
          </cell>
          <cell r="P3147">
            <v>187</v>
          </cell>
          <cell r="Q3147">
            <v>3120001055482</v>
          </cell>
          <cell r="R3147">
            <v>890437</v>
          </cell>
          <cell r="S3147">
            <v>3482591</v>
          </cell>
          <cell r="T3147">
            <v>4873432</v>
          </cell>
          <cell r="V3147" t="str">
            <v>tr339045</v>
          </cell>
          <cell r="W3147" t="str">
            <v>nw196393</v>
          </cell>
          <cell r="Y3147" t="str">
            <v>44，48，</v>
          </cell>
          <cell r="Z3147">
            <v>48</v>
          </cell>
          <cell r="AA3147">
            <v>44</v>
          </cell>
          <cell r="AB3147" t="str">
            <v/>
          </cell>
          <cell r="AC3147" t="str">
            <v/>
          </cell>
          <cell r="AD3147" t="str">
            <v/>
          </cell>
          <cell r="AE3147" t="str">
            <v>１；ビル窓拭き用ゴンドラ、舞台装置の保守点検２；ビル窓拭き用ゴンドラのリース・レンタル３；４；</v>
          </cell>
          <cell r="AF3147" t="str">
            <v>ビル窓拭き用ゴンドラ及び舞台装置の企画開発・製造販売・施工・保守修理</v>
          </cell>
        </row>
        <row r="3148">
          <cell r="B3148">
            <v>12448</v>
          </cell>
          <cell r="C3148" t="str">
            <v>大雄興業(株)</v>
          </cell>
          <cell r="D3148" t="str">
            <v>078-641-7890</v>
          </cell>
          <cell r="E3148" t="str">
            <v>653-0872</v>
          </cell>
          <cell r="F3148" t="str">
            <v>兵庫県神戸市長田区大日丘町1-3-6</v>
          </cell>
          <cell r="G3148" t="str">
            <v>神戸市</v>
          </cell>
          <cell r="H3148" t="str">
            <v/>
          </cell>
          <cell r="I3148" t="str">
            <v>代表取締役 溝口　一夫</v>
          </cell>
          <cell r="J3148" t="str">
            <v>本店</v>
          </cell>
          <cell r="K3148" t="str">
            <v>078-641-7896</v>
          </cell>
          <cell r="L3148" t="str">
            <v>daiyukougyou-d-tube@athena.ocn.ne.jp</v>
          </cell>
          <cell r="M3148" t="str">
            <v>ﾀﾞｲﾕｳｺｳｷﾞｮｳ</v>
          </cell>
          <cell r="N3148" t="str">
            <v>無</v>
          </cell>
          <cell r="O3148">
            <v>45</v>
          </cell>
          <cell r="P3148">
            <v>6</v>
          </cell>
          <cell r="Q3148">
            <v>9140001016394</v>
          </cell>
          <cell r="R3148">
            <v>25000</v>
          </cell>
          <cell r="S3148">
            <v>55862</v>
          </cell>
          <cell r="T3148">
            <v>114924</v>
          </cell>
          <cell r="V3148" t="str">
            <v>hr448669</v>
          </cell>
          <cell r="W3148" t="str">
            <v>lr197199</v>
          </cell>
          <cell r="Y3148" t="str">
            <v>068，30，31，32，68，</v>
          </cell>
          <cell r="Z3148">
            <v>80</v>
          </cell>
          <cell r="AA3148">
            <v>30</v>
          </cell>
          <cell r="AB3148">
            <v>31</v>
          </cell>
          <cell r="AC3148">
            <v>68</v>
          </cell>
          <cell r="AD3148" t="str">
            <v>産業廃棄物収集運搬許可　兵庫県知事　第０２８０５０２７７２４</v>
          </cell>
          <cell r="AE3148" t="str">
            <v>１；地際防蝕チューブ（Ｄ－ＴＵＢＥ）：自社製品２；道路保安用品、カーブミラー、標識、防護柵、ガードレール、遮音壁：神鋼建材工業（株）　安治川鉄工（株）　積水樹脂（株）３；インターロッキング、点字ブロック、グレーチング：交通安全試験センター　積水樹脂（株）　三和産業（株）４；道路清掃、産業廃棄物収集運搬</v>
          </cell>
          <cell r="AF3148" t="str">
            <v>交通安全施設（ガードレール、防護柵、標識等）の施工、販売、その他建設資材の販売を得意としております。また、標識支柱等鋼管柱を根腐れから守る自社製品の地際防蝕チューブ施工販売にも力を入れ、官公庁等で多数採用されています。</v>
          </cell>
        </row>
        <row r="3149">
          <cell r="B3149">
            <v>12449</v>
          </cell>
          <cell r="C3149" t="str">
            <v>京阪園芸(株)</v>
          </cell>
          <cell r="D3149" t="str">
            <v>072-844-1134</v>
          </cell>
          <cell r="E3149" t="str">
            <v>573-0061</v>
          </cell>
          <cell r="F3149" t="str">
            <v>大阪府枚方市伊加賀寿町1-5</v>
          </cell>
          <cell r="G3149" t="str">
            <v>枚方市</v>
          </cell>
          <cell r="H3149" t="str">
            <v/>
          </cell>
          <cell r="I3149" t="str">
            <v>代表取締役 宮城　和光</v>
          </cell>
          <cell r="J3149" t="str">
            <v>本店</v>
          </cell>
          <cell r="K3149" t="str">
            <v>072-846-4841</v>
          </cell>
          <cell r="L3149" t="str">
            <v>eigyo@keihan-engei.com</v>
          </cell>
          <cell r="M3149" t="str">
            <v>ｹｲﾊﾝｴﾝｹﾞｲ</v>
          </cell>
          <cell r="N3149" t="str">
            <v>無</v>
          </cell>
          <cell r="O3149">
            <v>54</v>
          </cell>
          <cell r="P3149">
            <v>97</v>
          </cell>
          <cell r="Q3149">
            <v>7120001149504</v>
          </cell>
          <cell r="R3149">
            <v>81200</v>
          </cell>
          <cell r="S3149">
            <v>445301</v>
          </cell>
          <cell r="T3149">
            <v>3002388</v>
          </cell>
          <cell r="V3149" t="str">
            <v>lr339939</v>
          </cell>
          <cell r="W3149" t="str">
            <v>qq198559</v>
          </cell>
          <cell r="Y3149" t="str">
            <v>044，22，33，44，53，</v>
          </cell>
          <cell r="Z3149">
            <v>22</v>
          </cell>
          <cell r="AA3149">
            <v>53</v>
          </cell>
          <cell r="AB3149">
            <v>33</v>
          </cell>
          <cell r="AC3149">
            <v>44</v>
          </cell>
          <cell r="AD3149" t="str">
            <v/>
          </cell>
          <cell r="AE3149" t="str">
            <v>１；バラ苗（自社生産）、農園芸用種子・花苗（タキイ種苗等）、樹木、芝生、農園芸用資材、農薬、人工芝、防草シート及び関連資材、農園芸用機器・肥料・用土　他２；植栽維持管理作業、バラ園等の管理・指導、樹木医による樹木治療、診断３；防草シート各種及び関連資材（白崎コーポレーション他）４；観葉植物、フェイクグリーン等のリース、樹木用装飾（電飾）のリース</v>
          </cell>
          <cell r="AF3149" t="str">
            <v>工事では官公庁の公園整備、植栽工事、維持管理、テニスコート・遊具設置等の多くの実績があり、防草シート施工も行っています。バラに関しては他にないノウハウを有しており、バラ園設計・施工、苗の作出・販売を行っています。花苗・種子等、園芸用品、防草シート各種も取扱いしております。</v>
          </cell>
        </row>
        <row r="3150">
          <cell r="B3150">
            <v>12450</v>
          </cell>
          <cell r="C3150" t="str">
            <v>(株)神防社</v>
          </cell>
          <cell r="D3150" t="str">
            <v>078-241-3505</v>
          </cell>
          <cell r="E3150" t="str">
            <v>651-0079</v>
          </cell>
          <cell r="F3150" t="str">
            <v>兵庫県神戸市中央区東雲通3-4-3</v>
          </cell>
          <cell r="G3150" t="str">
            <v>神戸市</v>
          </cell>
          <cell r="H3150" t="str">
            <v/>
          </cell>
          <cell r="I3150" t="str">
            <v>代表取締役 辻　真一</v>
          </cell>
          <cell r="J3150" t="str">
            <v>本店</v>
          </cell>
          <cell r="K3150" t="str">
            <v>078-241-3506</v>
          </cell>
          <cell r="L3150" t="str">
            <v>tanaka@kobosha.com</v>
          </cell>
          <cell r="M3150" t="str">
            <v>ｺｳﾎﾞｳｼｬ</v>
          </cell>
          <cell r="N3150" t="str">
            <v>無</v>
          </cell>
          <cell r="O3150">
            <v>8</v>
          </cell>
          <cell r="P3150">
            <v>62</v>
          </cell>
          <cell r="Q3150">
            <v>1140001030329</v>
          </cell>
          <cell r="R3150">
            <v>20000</v>
          </cell>
          <cell r="S3150">
            <v>235123</v>
          </cell>
          <cell r="T3150">
            <v>1222762</v>
          </cell>
          <cell r="V3150" t="str">
            <v>ta043576</v>
          </cell>
          <cell r="W3150" t="str">
            <v>ah169953</v>
          </cell>
          <cell r="Y3150" t="str">
            <v>24，38，49，</v>
          </cell>
          <cell r="Z3150">
            <v>38</v>
          </cell>
          <cell r="AA3150">
            <v>49</v>
          </cell>
          <cell r="AB3150">
            <v>24</v>
          </cell>
          <cell r="AC3150" t="str">
            <v/>
          </cell>
          <cell r="AD3150" t="str">
            <v/>
          </cell>
          <cell r="AE3150" t="str">
            <v>１；（株）初田製作所、モリタ宮田工業（株）、ＡＣＴヨコイ（株）、（株）横井製作所、船山（株）、ホーチキ（株）２；消防設備士、第１種消防設備点検資格者、第２種消防設備点検資格者３；（株）ナカムラ消防化学４；</v>
          </cell>
          <cell r="AF3150" t="str">
            <v>消防・防災・給排水衛生・空気調和・弱電設備の設計施工、保守点検。防火・防災コンサルタント業務、消火器・消防用設備機器・消防物品販売。防火対象物・建築設備検査・点検・各種官庁届出書の作成。等</v>
          </cell>
        </row>
        <row r="3151">
          <cell r="B3151">
            <v>12454</v>
          </cell>
          <cell r="C3151" t="str">
            <v>(株)ＨＥＲ</v>
          </cell>
          <cell r="D3151" t="str">
            <v>0790-49-3220</v>
          </cell>
          <cell r="E3151" t="str">
            <v>675-2113</v>
          </cell>
          <cell r="F3151" t="str">
            <v>兵庫県加西市網引町2001-39</v>
          </cell>
          <cell r="G3151" t="str">
            <v>加西市</v>
          </cell>
          <cell r="H3151" t="str">
            <v/>
          </cell>
          <cell r="I3151" t="str">
            <v>代表取締役 芝本　忠雄</v>
          </cell>
          <cell r="J3151" t="str">
            <v>本店</v>
          </cell>
          <cell r="K3151" t="str">
            <v>0790-49-1199</v>
          </cell>
          <cell r="L3151" t="str">
            <v>info@her.co.jp</v>
          </cell>
          <cell r="M3151" t="str">
            <v>ｴｲﾁｲｰｱｰﾙ</v>
          </cell>
          <cell r="N3151" t="str">
            <v>無</v>
          </cell>
          <cell r="O3151">
            <v>26</v>
          </cell>
          <cell r="P3151">
            <v>66</v>
          </cell>
          <cell r="Q3151">
            <v>8000020282073</v>
          </cell>
          <cell r="R3151">
            <v>100000</v>
          </cell>
          <cell r="S3151">
            <v>180188</v>
          </cell>
          <cell r="T3151">
            <v>535025</v>
          </cell>
          <cell r="V3151" t="str">
            <v>hr448671</v>
          </cell>
          <cell r="W3151" t="str">
            <v>qs179355</v>
          </cell>
          <cell r="Y3151" t="str">
            <v/>
          </cell>
          <cell r="Z3151" t="str">
            <v/>
          </cell>
          <cell r="AA3151" t="str">
            <v/>
          </cell>
          <cell r="AB3151" t="str">
            <v/>
          </cell>
          <cell r="AC3151" t="str">
            <v/>
          </cell>
          <cell r="AD3151" t="str">
            <v>環境計量証明　環境分析・調査　水質分析　放射能分析　交通量調査　等</v>
          </cell>
          <cell r="AE3151" t="str">
            <v>１；２；３；４；</v>
          </cell>
          <cell r="AF3151" t="str">
            <v>環境測定を主とした業務を行っています。水質・大気分析、作業環境測定、放射能分析、温泉成分分析、騒音・振動測定、流量測定等、環境測定の中でも様々な分野の測定が可能となっています。</v>
          </cell>
        </row>
        <row r="3152">
          <cell r="B3152">
            <v>12457</v>
          </cell>
          <cell r="C3152" t="str">
            <v>(株)ムラヤマ</v>
          </cell>
          <cell r="D3152" t="str">
            <v>06-6446-2750</v>
          </cell>
          <cell r="E3152" t="str">
            <v>550-0001</v>
          </cell>
          <cell r="F3152" t="str">
            <v>大阪府大阪市西区土佐堀1-4-11</v>
          </cell>
          <cell r="G3152" t="str">
            <v>大阪市</v>
          </cell>
          <cell r="H3152" t="str">
            <v>大阪支店</v>
          </cell>
          <cell r="I3152" t="str">
            <v>大阪支店長 岸本　一弘</v>
          </cell>
          <cell r="J3152" t="str">
            <v>東京都</v>
          </cell>
          <cell r="K3152" t="str">
            <v>06-6446-3850</v>
          </cell>
          <cell r="L3152" t="str">
            <v>sanka01@murayama.co.jp</v>
          </cell>
          <cell r="M3152" t="str">
            <v>ﾑﾗﾔﾏ</v>
          </cell>
          <cell r="N3152" t="str">
            <v>有</v>
          </cell>
          <cell r="O3152">
            <v>45</v>
          </cell>
          <cell r="P3152">
            <v>395</v>
          </cell>
          <cell r="Q3152">
            <v>5010001007765</v>
          </cell>
          <cell r="R3152">
            <v>427000</v>
          </cell>
          <cell r="S3152">
            <v>3367783</v>
          </cell>
          <cell r="T3152">
            <v>19215297</v>
          </cell>
          <cell r="V3152" t="str">
            <v>xr187306</v>
          </cell>
          <cell r="W3152" t="str">
            <v>ad180401</v>
          </cell>
          <cell r="Y3152" t="str">
            <v>63，</v>
          </cell>
          <cell r="Z3152" t="str">
            <v/>
          </cell>
          <cell r="AA3152" t="str">
            <v/>
          </cell>
          <cell r="AB3152" t="str">
            <v/>
          </cell>
          <cell r="AC3152" t="str">
            <v/>
          </cell>
          <cell r="AD3152" t="str">
            <v>イベント・式典・展示会等の企画・運営・設営、展示・ディスプレイ製作</v>
          </cell>
          <cell r="AE3152" t="str">
            <v>１；２；３；４；</v>
          </cell>
          <cell r="AF3152" t="str">
            <v>文化施設・複合施設等の企画・設計・施工。式典・イベント・展示会等の企画・運営・会場設営。ノベルティ・パンフレット制作。展示模型・展示パネルの製作。</v>
          </cell>
        </row>
        <row r="3153">
          <cell r="B3153">
            <v>12458</v>
          </cell>
          <cell r="C3153" t="str">
            <v>東和工業(株)</v>
          </cell>
          <cell r="D3153" t="str">
            <v>078-686-1169</v>
          </cell>
          <cell r="E3153" t="str">
            <v>852-0866</v>
          </cell>
          <cell r="F3153" t="str">
            <v>兵庫県神戸市兵庫区遠矢浜町2-44</v>
          </cell>
          <cell r="G3153" t="str">
            <v>神戸市</v>
          </cell>
          <cell r="H3153" t="str">
            <v>神戸支店</v>
          </cell>
          <cell r="I3153" t="str">
            <v>支店長 新子　延博</v>
          </cell>
          <cell r="J3153" t="str">
            <v>大阪府枚方市</v>
          </cell>
          <cell r="K3153" t="str">
            <v>078-686-1196</v>
          </cell>
          <cell r="L3153" t="str">
            <v>towa-jimu@vanilla.ocn.ne.jp</v>
          </cell>
          <cell r="M3153" t="str">
            <v>ﾄｳﾜｺｳｷﾞｮｳ</v>
          </cell>
          <cell r="N3153" t="str">
            <v>有</v>
          </cell>
          <cell r="O3153">
            <v>39</v>
          </cell>
          <cell r="P3153">
            <v>9</v>
          </cell>
          <cell r="Q3153">
            <v>9120001150187</v>
          </cell>
          <cell r="R3153">
            <v>70000</v>
          </cell>
          <cell r="S3153">
            <v>71154</v>
          </cell>
          <cell r="T3153">
            <v>391486</v>
          </cell>
          <cell r="V3153" t="str">
            <v>nt049918</v>
          </cell>
          <cell r="W3153" t="str">
            <v>vk156653</v>
          </cell>
          <cell r="Y3153" t="str">
            <v>0[物品]，79，</v>
          </cell>
          <cell r="Z3153" t="str">
            <v/>
          </cell>
          <cell r="AA3153" t="str">
            <v/>
          </cell>
          <cell r="AB3153" t="str">
            <v/>
          </cell>
          <cell r="AC3153" t="str">
            <v/>
          </cell>
          <cell r="AD3153" t="str">
            <v/>
          </cell>
          <cell r="AE3153" t="str">
            <v>１；２；３；４；</v>
          </cell>
          <cell r="AF3153" t="str">
            <v>下水道管渠更生工事と下水管渠カメラ調査業務を最も得意とし、官公庁の元請実績を多数持っております。各管更生工法協会員としての登録もしております。創業以来、土木工事を中心に豊富な経験を積んできました。住民サービスに配慮した安全・迅速な施工・業務を目指しております。</v>
          </cell>
        </row>
        <row r="3154">
          <cell r="B3154">
            <v>12459</v>
          </cell>
          <cell r="C3154" t="str">
            <v>(株)ニシオカ</v>
          </cell>
          <cell r="D3154" t="str">
            <v>06-6693-5756</v>
          </cell>
          <cell r="E3154" t="str">
            <v>558-0041</v>
          </cell>
          <cell r="F3154" t="str">
            <v>大阪府大阪市住吉区南住吉3-17-5</v>
          </cell>
          <cell r="G3154" t="str">
            <v>大阪市</v>
          </cell>
          <cell r="H3154" t="str">
            <v/>
          </cell>
          <cell r="I3154" t="str">
            <v>代表取締役　 西岡　修吾</v>
          </cell>
          <cell r="J3154" t="str">
            <v>本店</v>
          </cell>
          <cell r="K3154" t="str">
            <v>06-6694-5040</v>
          </cell>
          <cell r="L3154" t="str">
            <v>nishioka@aia.ne.jp</v>
          </cell>
          <cell r="M3154" t="str">
            <v>ﾆｼｵｶ</v>
          </cell>
          <cell r="N3154" t="str">
            <v>無</v>
          </cell>
          <cell r="O3154">
            <v>41</v>
          </cell>
          <cell r="P3154">
            <v>20</v>
          </cell>
          <cell r="Q3154">
            <v>1120001033399</v>
          </cell>
          <cell r="R3154">
            <v>40000</v>
          </cell>
          <cell r="S3154">
            <v>191369</v>
          </cell>
          <cell r="T3154">
            <v>325247</v>
          </cell>
          <cell r="V3154" t="str">
            <v>tn048749</v>
          </cell>
          <cell r="W3154" t="str">
            <v>oo119563</v>
          </cell>
          <cell r="Y3154" t="str">
            <v>12，20，</v>
          </cell>
          <cell r="Z3154">
            <v>20</v>
          </cell>
          <cell r="AA3154">
            <v>80</v>
          </cell>
          <cell r="AB3154">
            <v>12</v>
          </cell>
          <cell r="AC3154" t="str">
            <v/>
          </cell>
          <cell r="AD3154" t="str">
            <v/>
          </cell>
          <cell r="AE3154" t="str">
            <v>１；バスケット器具　体操器具　球技用ゴール器具　バレーテニス器具　陸上競技器具　得点板　野球器具　グランドコート用具　トレーニング器具　武道具　跳び箱　マット　テント　フロシート　など２；鉄棒　ブランコ　スベリ台　ジャングルジム　シーソー　ハントウ棒　スライドシーソー　雲梯　肋木　太鼓橋　複合遊具　木製遊具　健康遊具　人工芝　パーゴラ　ベンチなど　３；ひな段　朝礼台　動物舎鳥舎など４；</v>
          </cell>
          <cell r="AF3154" t="str">
            <v>スポーツ施設（体育器具）公園施設（遊具）の設計・製造・施工・販売・修繕を一貫して行っています。テニスコート（庭球場）グランド（運動場）の新設・改修工事の実績もございますので、ご相談いただければ幸いです、宜しくお願い致します。</v>
          </cell>
        </row>
        <row r="3155">
          <cell r="B3155">
            <v>12460</v>
          </cell>
          <cell r="C3155" t="str">
            <v>ランドブレイン(株)</v>
          </cell>
          <cell r="D3155" t="str">
            <v>06-6541-2755</v>
          </cell>
          <cell r="E3155" t="str">
            <v>550-0005</v>
          </cell>
          <cell r="F3155" t="str">
            <v>大阪府大阪市西区西本町1-3-15</v>
          </cell>
          <cell r="G3155" t="str">
            <v>大阪市</v>
          </cell>
          <cell r="H3155" t="str">
            <v>大阪事務所</v>
          </cell>
          <cell r="I3155" t="str">
            <v>所長 小笹　清</v>
          </cell>
          <cell r="J3155" t="str">
            <v>東京都</v>
          </cell>
          <cell r="K3155" t="str">
            <v>06-6541-2733</v>
          </cell>
          <cell r="L3155" t="str">
            <v>eigyo@landbrains.co.jp</v>
          </cell>
          <cell r="M3155" t="str">
            <v>ﾗﾝﾄﾞﾌﾞﾚｲﾝ</v>
          </cell>
          <cell r="N3155" t="str">
            <v>有</v>
          </cell>
          <cell r="O3155">
            <v>44</v>
          </cell>
          <cell r="P3155">
            <v>125</v>
          </cell>
          <cell r="Q3155">
            <v>9010001031943</v>
          </cell>
          <cell r="R3155">
            <v>100000</v>
          </cell>
          <cell r="S3155">
            <v>1710187</v>
          </cell>
          <cell r="T3155">
            <v>2851038</v>
          </cell>
          <cell r="V3155" t="str">
            <v>hr448673</v>
          </cell>
          <cell r="W3155" t="str">
            <v>df193993</v>
          </cell>
          <cell r="Y3155" t="str">
            <v>057，56，57，63，77，</v>
          </cell>
          <cell r="Z3155">
            <v>80</v>
          </cell>
          <cell r="AA3155">
            <v>77</v>
          </cell>
          <cell r="AB3155">
            <v>63</v>
          </cell>
          <cell r="AC3155">
            <v>57</v>
          </cell>
          <cell r="AD3155" t="str">
            <v/>
          </cell>
          <cell r="AE3155" t="str">
            <v>１；総合計画、ＥＳＣＯ事業２；３；フォーラム運営・企画４；</v>
          </cell>
          <cell r="AF3155" t="str">
            <v>都市政策の提言、まちづくりから区画整理、再開発など事業まで一貫して行う「都市計画」、交通運輸システムを調査・計画・設計する「交通計画」、エネルギーコストを削減し、経済問題と地域環境問題を同時解決する「ＥＳＣＯ事業」</v>
          </cell>
        </row>
        <row r="3156">
          <cell r="B3156">
            <v>12461</v>
          </cell>
          <cell r="C3156" t="str">
            <v>(株)ラピスネット</v>
          </cell>
          <cell r="D3156" t="str">
            <v>078-940-4681</v>
          </cell>
          <cell r="E3156" t="str">
            <v>658-0033</v>
          </cell>
          <cell r="F3156" t="str">
            <v>兵庫県神戸市東灘区向洋町西3-1-10</v>
          </cell>
          <cell r="G3156" t="str">
            <v>神戸市</v>
          </cell>
          <cell r="H3156" t="str">
            <v/>
          </cell>
          <cell r="I3156" t="str">
            <v>代表取締役　 河本　誠</v>
          </cell>
          <cell r="J3156" t="str">
            <v>本店</v>
          </cell>
          <cell r="K3156" t="str">
            <v>078-940-4682</v>
          </cell>
          <cell r="L3156" t="str">
            <v>ishii.kyouko@mirait.co.jp</v>
          </cell>
          <cell r="M3156" t="str">
            <v>ﾗﾋﾟｽﾈﾂﾄ</v>
          </cell>
          <cell r="N3156" t="str">
            <v>無</v>
          </cell>
          <cell r="O3156">
            <v>15</v>
          </cell>
          <cell r="P3156">
            <v>243</v>
          </cell>
          <cell r="Q3156">
            <v>1140000000000</v>
          </cell>
          <cell r="R3156">
            <v>50000</v>
          </cell>
          <cell r="S3156">
            <v>999026</v>
          </cell>
          <cell r="T3156">
            <v>9323916</v>
          </cell>
          <cell r="V3156" t="str">
            <v>lr339913</v>
          </cell>
          <cell r="W3156" t="str">
            <v>em199878</v>
          </cell>
          <cell r="Y3156">
            <v>36.799999999999997</v>
          </cell>
          <cell r="Z3156">
            <v>80</v>
          </cell>
          <cell r="AA3156">
            <v>36</v>
          </cell>
          <cell r="AB3156" t="str">
            <v/>
          </cell>
          <cell r="AC3156" t="str">
            <v/>
          </cell>
          <cell r="AD3156" t="str">
            <v/>
          </cell>
          <cell r="AE3156" t="str">
            <v>１；２；取扱物品：ＬＥＤ街路灯、防犯・監視カメラ　仕入先：かがつう（株）、（株）プロテック３；取扱物品：電話機、交換機　仕入先：ナカヨ電子サービス４；</v>
          </cell>
          <cell r="AF3156" t="str">
            <v>太陽光・ＬＥＤ・防犯カメラ等の工事に力を注いでおります。</v>
          </cell>
        </row>
        <row r="3157">
          <cell r="B3157">
            <v>12463</v>
          </cell>
          <cell r="C3157" t="str">
            <v>藤久(株)</v>
          </cell>
          <cell r="D3157" t="str">
            <v>052-774-1181</v>
          </cell>
          <cell r="E3157" t="str">
            <v>465-8511</v>
          </cell>
          <cell r="F3157" t="str">
            <v>愛知県名古屋市名東区高社1-210</v>
          </cell>
          <cell r="G3157" t="str">
            <v>名古屋市</v>
          </cell>
          <cell r="H3157" t="str">
            <v/>
          </cell>
          <cell r="I3157" t="str">
            <v>代表取締役社長 堤　智章</v>
          </cell>
          <cell r="J3157" t="str">
            <v>本店</v>
          </cell>
          <cell r="K3157" t="str">
            <v>052-774-5562</v>
          </cell>
          <cell r="L3157" t="str">
            <v>takenaka.naoto@fujikyu-corp.co.jp</v>
          </cell>
          <cell r="M3157" t="str">
            <v>ﾌｼﾞｷｭｳ</v>
          </cell>
          <cell r="N3157" t="str">
            <v>無</v>
          </cell>
          <cell r="O3157">
            <v>57</v>
          </cell>
          <cell r="P3157">
            <v>239</v>
          </cell>
          <cell r="Q3157">
            <v>5180001002849</v>
          </cell>
          <cell r="R3157">
            <v>2375850</v>
          </cell>
          <cell r="S3157">
            <v>9961527</v>
          </cell>
          <cell r="T3157">
            <v>20170613</v>
          </cell>
          <cell r="V3157" t="str">
            <v>hr448674</v>
          </cell>
          <cell r="W3157" t="str">
            <v>so113699</v>
          </cell>
          <cell r="Y3157" t="str">
            <v>013，03，12，13，35，</v>
          </cell>
          <cell r="Z3157">
            <v>12</v>
          </cell>
          <cell r="AA3157">
            <v>3</v>
          </cell>
          <cell r="AB3157">
            <v>35</v>
          </cell>
          <cell r="AC3157">
            <v>13</v>
          </cell>
          <cell r="AD3157" t="str">
            <v/>
          </cell>
          <cell r="AE3157" t="str">
            <v>１；手芸用品全般（毛糸、フェルト、生地、和裁洋裁用品等）２；生地、糸、和裁洋裁用品３；ミシン４；手芸関連書籍</v>
          </cell>
          <cell r="AF3157" t="str">
            <v>生地、毛糸、フェルト、ミシンなどの手芸用品を扱っています。店舗での販売と通信販売を行っております。店舗は全国にあり伊丹市の近隣では宝塚市にあります。</v>
          </cell>
        </row>
        <row r="3158">
          <cell r="B3158">
            <v>12464</v>
          </cell>
          <cell r="C3158" t="str">
            <v>伊丹産業電設(株)</v>
          </cell>
          <cell r="D3158" t="str">
            <v>072-777-0001</v>
          </cell>
          <cell r="E3158" t="str">
            <v>664-0836</v>
          </cell>
          <cell r="F3158" t="str">
            <v>兵庫県伊丹市北本町2-255</v>
          </cell>
          <cell r="G3158" t="str">
            <v>伊丹市</v>
          </cell>
          <cell r="H3158" t="str">
            <v/>
          </cell>
          <cell r="I3158" t="str">
            <v>代表取締役社長 北嶋　太郎</v>
          </cell>
          <cell r="J3158" t="str">
            <v>本店</v>
          </cell>
          <cell r="K3158" t="str">
            <v>072-775-1185</v>
          </cell>
          <cell r="L3158" t="str">
            <v>itmsetub@pastel.ocn.ne.jp</v>
          </cell>
          <cell r="M3158" t="str">
            <v>ｲﾀﾐｻﾝｷﾞｮｳｾﾂﾋﾞ</v>
          </cell>
          <cell r="N3158" t="str">
            <v>無</v>
          </cell>
          <cell r="O3158">
            <v>46</v>
          </cell>
          <cell r="P3158">
            <v>167</v>
          </cell>
          <cell r="Q3158">
            <v>2140001077996</v>
          </cell>
          <cell r="R3158">
            <v>60000</v>
          </cell>
          <cell r="S3158">
            <v>2208737</v>
          </cell>
          <cell r="T3158">
            <v>7449700</v>
          </cell>
          <cell r="V3158" t="str">
            <v>lr367451</v>
          </cell>
          <cell r="W3158" t="str">
            <v>qd113889</v>
          </cell>
          <cell r="Y3158" t="str">
            <v>051，29，35，37，38，48，51，</v>
          </cell>
          <cell r="Z3158">
            <v>35</v>
          </cell>
          <cell r="AA3158">
            <v>37</v>
          </cell>
          <cell r="AB3158">
            <v>29</v>
          </cell>
          <cell r="AC3158">
            <v>51</v>
          </cell>
          <cell r="AD3158" t="str">
            <v/>
          </cell>
          <cell r="AE3158" t="str">
            <v>１；２；３；４；</v>
          </cell>
          <cell r="AF3158" t="str">
            <v>空気調和設備・給排水設備・ガス設備</v>
          </cell>
        </row>
        <row r="3159">
          <cell r="B3159">
            <v>12465</v>
          </cell>
          <cell r="C3159" t="str">
            <v>(有)ティ、ワイ、ケイ、サービス</v>
          </cell>
          <cell r="D3159" t="str">
            <v>072-783-9007</v>
          </cell>
          <cell r="E3159" t="str">
            <v>664-0022</v>
          </cell>
          <cell r="F3159" t="str">
            <v>兵庫県伊丹市中野東3-85</v>
          </cell>
          <cell r="G3159" t="str">
            <v>伊丹市</v>
          </cell>
          <cell r="H3159" t="str">
            <v>シャトレーゼ伊丹中野店</v>
          </cell>
          <cell r="I3159" t="str">
            <v>代表取締役 金岡　康行</v>
          </cell>
          <cell r="J3159" t="str">
            <v>兵庫県宝塚市</v>
          </cell>
          <cell r="K3159" t="str">
            <v>072-783-9007</v>
          </cell>
          <cell r="L3159" t="str">
            <v>chateraisemisonoten@yahoo.co.jp</v>
          </cell>
          <cell r="M3159" t="str">
            <v/>
          </cell>
          <cell r="N3159" t="str">
            <v>有</v>
          </cell>
          <cell r="O3159">
            <v>31</v>
          </cell>
          <cell r="P3159">
            <v>50</v>
          </cell>
          <cell r="Q3159">
            <v>7140002067141</v>
          </cell>
          <cell r="R3159">
            <v>15000</v>
          </cell>
          <cell r="S3159">
            <v>15000</v>
          </cell>
          <cell r="T3159">
            <v>160000</v>
          </cell>
          <cell r="V3159" t="str">
            <v>tf967824</v>
          </cell>
          <cell r="W3159" t="str">
            <v>en195153</v>
          </cell>
          <cell r="Y3159" t="str">
            <v/>
          </cell>
          <cell r="Z3159" t="str">
            <v/>
          </cell>
          <cell r="AA3159" t="str">
            <v/>
          </cell>
          <cell r="AB3159" t="str">
            <v/>
          </cell>
          <cell r="AC3159" t="str">
            <v/>
          </cell>
          <cell r="AD3159" t="str">
            <v/>
          </cell>
          <cell r="AE3159" t="str">
            <v>１；２；３；４；</v>
          </cell>
          <cell r="AF3159" t="str">
            <v>ケーキ、シュークリームなどの洋菓子と、和菓子やアイスクリームなど、菓子全般を販売しています。５０００円以上のお買い上げで、配達のサービスもしています。</v>
          </cell>
        </row>
        <row r="3160">
          <cell r="B3160">
            <v>12467</v>
          </cell>
          <cell r="C3160" t="str">
            <v>(一社)日本駐車場工学研究会</v>
          </cell>
          <cell r="D3160" t="str">
            <v>03-3591-7165</v>
          </cell>
          <cell r="E3160" t="str">
            <v>541-0042</v>
          </cell>
          <cell r="F3160" t="str">
            <v>東京都港区西新橋2-8-1</v>
          </cell>
          <cell r="G3160" t="str">
            <v>東京都</v>
          </cell>
          <cell r="H3160" t="str">
            <v/>
          </cell>
          <cell r="I3160" t="str">
            <v>代表理事　 一瀬　哲雄</v>
          </cell>
          <cell r="J3160" t="str">
            <v>本店</v>
          </cell>
          <cell r="K3160" t="str">
            <v>03-3591-7166</v>
          </cell>
          <cell r="L3160" t="str">
            <v>honbu@p-kogaku.or.jp</v>
          </cell>
          <cell r="M3160" t="str">
            <v>ﾆﾎﾝﾁﾕｳｼﾔｼﾞﾖｳｺｳｶﾞｸｹﾝｷﾕｳｶｲ</v>
          </cell>
          <cell r="N3160" t="str">
            <v>無</v>
          </cell>
          <cell r="O3160">
            <v>58</v>
          </cell>
          <cell r="P3160">
            <v>96</v>
          </cell>
          <cell r="Q3160">
            <v>7010405001081</v>
          </cell>
          <cell r="R3160">
            <v>0</v>
          </cell>
          <cell r="S3160">
            <v>134238</v>
          </cell>
          <cell r="T3160">
            <v>170117</v>
          </cell>
          <cell r="V3160" t="str">
            <v>lr339915</v>
          </cell>
          <cell r="W3160" t="str">
            <v>ld175953</v>
          </cell>
          <cell r="Y3160">
            <v>80</v>
          </cell>
          <cell r="Z3160" t="str">
            <v/>
          </cell>
          <cell r="AA3160" t="str">
            <v/>
          </cell>
          <cell r="AB3160" t="str">
            <v/>
          </cell>
          <cell r="AC3160" t="str">
            <v/>
          </cell>
          <cell r="AD3160" t="str">
            <v/>
          </cell>
          <cell r="AE3160" t="str">
            <v>１；２；３；４；</v>
          </cell>
          <cell r="AF3160" t="str">
            <v>昭和３５年の設立以来、駐車場、技術関係の専門家による立体式・地下式等の駐車場の調査・基本設計・実施設計・施工監理・駐車場交通計画まで行っております。また、指定管理制度が始まる以前から委託業務として、各所公共の駐車場・駐輪場の管理運営を行ってまいりました。</v>
          </cell>
        </row>
        <row r="3161">
          <cell r="B3161">
            <v>12468</v>
          </cell>
          <cell r="C3161" t="str">
            <v>東芝テックソリューションサービス(株)</v>
          </cell>
          <cell r="D3161" t="str">
            <v>06-6398-1825</v>
          </cell>
          <cell r="E3161" t="str">
            <v>532-0003</v>
          </cell>
          <cell r="F3161" t="str">
            <v>大阪府大阪市淀川区宮原5-6-11 2F</v>
          </cell>
          <cell r="G3161" t="str">
            <v>大阪市</v>
          </cell>
          <cell r="H3161" t="str">
            <v>大阪北サービスステーション</v>
          </cell>
          <cell r="I3161" t="str">
            <v>所長 花澤　禎隆</v>
          </cell>
          <cell r="J3161" t="str">
            <v>東京都</v>
          </cell>
          <cell r="K3161" t="str">
            <v>06-6396-3579</v>
          </cell>
          <cell r="L3161" t="str">
            <v/>
          </cell>
          <cell r="M3161" t="str">
            <v>ﾄｳｼﾊﾞﾃｯｸｿﾘｭｰｼｮﾝｻｰﾋﾞｽ</v>
          </cell>
          <cell r="N3161" t="str">
            <v>有</v>
          </cell>
          <cell r="O3161">
            <v>46</v>
          </cell>
          <cell r="P3161">
            <v>2408</v>
          </cell>
          <cell r="Q3161">
            <v>8010601025453</v>
          </cell>
          <cell r="R3161">
            <v>200000</v>
          </cell>
          <cell r="S3161">
            <v>4198080</v>
          </cell>
          <cell r="T3161">
            <v>54490311</v>
          </cell>
          <cell r="V3161" t="str">
            <v>jr075148</v>
          </cell>
          <cell r="W3161" t="str">
            <v>yj175759</v>
          </cell>
          <cell r="Y3161" t="str">
            <v>47，</v>
          </cell>
          <cell r="Z3161" t="str">
            <v/>
          </cell>
          <cell r="AA3161" t="str">
            <v/>
          </cell>
          <cell r="AB3161" t="str">
            <v/>
          </cell>
          <cell r="AC3161" t="str">
            <v/>
          </cell>
          <cell r="AD3161" t="str">
            <v/>
          </cell>
          <cell r="AE3161" t="str">
            <v>１；２；３；４；</v>
          </cell>
          <cell r="AF3161" t="str">
            <v>東芝テック製ＰＯＳレジの保守メンテナンスを主業としています。</v>
          </cell>
        </row>
        <row r="3162">
          <cell r="B3162">
            <v>12473</v>
          </cell>
          <cell r="C3162" t="str">
            <v>(福)蓮生会</v>
          </cell>
          <cell r="D3162" t="str">
            <v>06-6498-1745</v>
          </cell>
          <cell r="E3162" t="str">
            <v>661-0962</v>
          </cell>
          <cell r="F3162" t="str">
            <v>兵庫尼崎額田町12-11</v>
          </cell>
          <cell r="G3162" t="str">
            <v>尼崎</v>
          </cell>
          <cell r="H3162" t="str">
            <v/>
          </cell>
          <cell r="I3162" t="str">
            <v>理事長 山城　一裕</v>
          </cell>
          <cell r="J3162" t="str">
            <v>本店</v>
          </cell>
          <cell r="K3162" t="str">
            <v>06-4960-4914</v>
          </cell>
          <cell r="L3162" t="str">
            <v>renseikai@air.ocn.ne.jp</v>
          </cell>
          <cell r="M3162" t="str">
            <v>ﾚﾝｾｲｶｲ</v>
          </cell>
          <cell r="N3162" t="str">
            <v>無</v>
          </cell>
          <cell r="O3162">
            <v>5</v>
          </cell>
          <cell r="P3162">
            <v>15</v>
          </cell>
          <cell r="Q3162">
            <v>4140005021305</v>
          </cell>
          <cell r="R3162" t="str">
            <v/>
          </cell>
          <cell r="S3162">
            <v>162186</v>
          </cell>
          <cell r="T3162" t="str">
            <v/>
          </cell>
          <cell r="V3162" t="str">
            <v>lr339917</v>
          </cell>
          <cell r="W3162" t="str">
            <v>ql157638</v>
          </cell>
          <cell r="Y3162" t="str">
            <v>53，55，</v>
          </cell>
          <cell r="Z3162" t="str">
            <v/>
          </cell>
          <cell r="AA3162" t="str">
            <v/>
          </cell>
          <cell r="AB3162" t="str">
            <v/>
          </cell>
          <cell r="AC3162" t="str">
            <v/>
          </cell>
          <cell r="AD3162" t="str">
            <v>除草用刈払機、落葉清掃等のエンジンブロワー、耕作用小型管理機、作業トラック等公園等の管理に必要な機器、運搬具を揃えています</v>
          </cell>
          <cell r="AE3162" t="str">
            <v>１；２；３；４；</v>
          </cell>
          <cell r="AF3162" t="str">
            <v>知的障害者を中心に社会福祉事業所を運営する社会福祉法人で、公園や緑地、駅前等の清掃、樹木等育成、じんかい収集作業を請け負って、障害者とともに作業を実施しています。</v>
          </cell>
        </row>
        <row r="3163">
          <cell r="B3163">
            <v>12474</v>
          </cell>
          <cell r="C3163" t="str">
            <v>エア・ウォーター・リンク(株)</v>
          </cell>
          <cell r="D3163" t="str">
            <v>06-4861-7377</v>
          </cell>
          <cell r="E3163" t="str">
            <v>564-0063</v>
          </cell>
          <cell r="F3163" t="str">
            <v>大阪府吹田市江坂町1-9-8</v>
          </cell>
          <cell r="G3163" t="str">
            <v>吹田市</v>
          </cell>
          <cell r="H3163" t="str">
            <v>大阪支店</v>
          </cell>
          <cell r="I3163" t="str">
            <v>支店長 美見　康人</v>
          </cell>
          <cell r="J3163" t="str">
            <v>京都府京都市</v>
          </cell>
          <cell r="K3163" t="str">
            <v>06-4861-7378</v>
          </cell>
          <cell r="L3163" t="str">
            <v>y-yoshimi@awlink.co.jp</v>
          </cell>
          <cell r="M3163" t="str">
            <v>ﾆｼﾑﾗｷｶｲ</v>
          </cell>
          <cell r="N3163" t="str">
            <v>有</v>
          </cell>
          <cell r="O3163">
            <v>49</v>
          </cell>
          <cell r="P3163">
            <v>117</v>
          </cell>
          <cell r="Q3163">
            <v>8130001022007</v>
          </cell>
          <cell r="R3163">
            <v>28000</v>
          </cell>
          <cell r="S3163">
            <v>1797855</v>
          </cell>
          <cell r="T3163">
            <v>15577165</v>
          </cell>
          <cell r="V3163" t="str">
            <v>qf472547</v>
          </cell>
          <cell r="W3163" t="str">
            <v>kv179335</v>
          </cell>
          <cell r="Y3163" t="str">
            <v>9，39，41，</v>
          </cell>
          <cell r="Z3163" t="str">
            <v/>
          </cell>
          <cell r="AA3163" t="str">
            <v/>
          </cell>
          <cell r="AB3163" t="str">
            <v/>
          </cell>
          <cell r="AC3163" t="str">
            <v/>
          </cell>
          <cell r="AD3163" t="str">
            <v/>
          </cell>
          <cell r="AE3163" t="str">
            <v>１；仕入先　フィリップスエレクトロニクスジャパン　東芝　テルモ　泉工医科工業　２；仕入先　アボットバスキュラージャパン　テルモ３；仕入先　日本フリーザー　サクラ精機４；</v>
          </cell>
          <cell r="AF3163" t="str">
            <v>幅広い医療機器、医療材料を取り扱う総合医療機器商社です。特に循環器科、心臓血管外科、透析・血液浄化関連の医療機器販売において永年の経験と豊富な実績があります。</v>
          </cell>
        </row>
        <row r="3164">
          <cell r="B3164">
            <v>12475</v>
          </cell>
          <cell r="C3164" t="str">
            <v>テラル(株)</v>
          </cell>
          <cell r="D3164" t="str">
            <v>06-7711-8883</v>
          </cell>
          <cell r="E3164" t="str">
            <v>550-0004</v>
          </cell>
          <cell r="F3164" t="str">
            <v>大阪府大阪市西区靭本町1-11-7</v>
          </cell>
          <cell r="G3164" t="str">
            <v>大阪市</v>
          </cell>
          <cell r="H3164" t="str">
            <v>大阪支店</v>
          </cell>
          <cell r="I3164" t="str">
            <v>支店長 若林　聡</v>
          </cell>
          <cell r="J3164" t="str">
            <v>広島県福山市</v>
          </cell>
          <cell r="K3164" t="str">
            <v>06-7711-5554</v>
          </cell>
          <cell r="L3164" t="str">
            <v>bandome00@teral.co.jp</v>
          </cell>
          <cell r="M3164" t="str">
            <v>ﾃﾗﾙ</v>
          </cell>
          <cell r="N3164" t="str">
            <v>有</v>
          </cell>
          <cell r="O3164">
            <v>34</v>
          </cell>
          <cell r="P3164">
            <v>795</v>
          </cell>
          <cell r="Q3164">
            <v>1240001031399</v>
          </cell>
          <cell r="R3164">
            <v>78000</v>
          </cell>
          <cell r="S3164">
            <v>10930756</v>
          </cell>
          <cell r="T3164">
            <v>31172110</v>
          </cell>
          <cell r="V3164" t="str">
            <v>hr448678</v>
          </cell>
          <cell r="W3164" t="str">
            <v>ab191399</v>
          </cell>
          <cell r="Y3164" t="str">
            <v>40，48，</v>
          </cell>
          <cell r="Z3164">
            <v>48</v>
          </cell>
          <cell r="AA3164">
            <v>40</v>
          </cell>
          <cell r="AB3164" t="str">
            <v/>
          </cell>
          <cell r="AC3164" t="str">
            <v/>
          </cell>
          <cell r="AD3164" t="str">
            <v/>
          </cell>
          <cell r="AE3164" t="str">
            <v>１；各種ポンプ保守点検２；ポンプ(井戸・水中・陸上・給水など)３；４；</v>
          </cell>
          <cell r="AF3164" t="str">
            <v>主にポンプ(水中・井戸・陸上・給水など)を販売しており、ポンプの設置や更新工事も行います。</v>
          </cell>
        </row>
        <row r="3165">
          <cell r="B3165">
            <v>12476</v>
          </cell>
          <cell r="C3165" t="str">
            <v>中谷産業(株)</v>
          </cell>
          <cell r="D3165" t="str">
            <v>072-785-1191</v>
          </cell>
          <cell r="E3165" t="str">
            <v>664-0844</v>
          </cell>
          <cell r="F3165" t="str">
            <v>兵庫県伊丹市口酒井2-6-8</v>
          </cell>
          <cell r="G3165" t="str">
            <v>伊丹市</v>
          </cell>
          <cell r="H3165" t="str">
            <v/>
          </cell>
          <cell r="I3165" t="str">
            <v>代表取締役 渡邉　秀樹</v>
          </cell>
          <cell r="J3165" t="str">
            <v>本店</v>
          </cell>
          <cell r="K3165" t="str">
            <v>072-785-1255</v>
          </cell>
          <cell r="L3165" t="str">
            <v>eigyo@nakatanisangyo.co.jp</v>
          </cell>
          <cell r="M3165" t="str">
            <v>ﾅｶﾀﾆｻﾝｷﾞｮｳ</v>
          </cell>
          <cell r="N3165" t="str">
            <v>無</v>
          </cell>
          <cell r="O3165">
            <v>19</v>
          </cell>
          <cell r="P3165">
            <v>8</v>
          </cell>
          <cell r="Q3165">
            <v>9120901024952</v>
          </cell>
          <cell r="R3165">
            <v>25000</v>
          </cell>
          <cell r="S3165">
            <v>18904</v>
          </cell>
          <cell r="T3165">
            <v>219142</v>
          </cell>
          <cell r="V3165" t="str">
            <v>lr339918</v>
          </cell>
          <cell r="W3165" t="str">
            <v>mn178377</v>
          </cell>
          <cell r="Y3165" t="str">
            <v>32，</v>
          </cell>
          <cell r="Z3165">
            <v>32</v>
          </cell>
          <cell r="AA3165" t="str">
            <v/>
          </cell>
          <cell r="AB3165" t="str">
            <v/>
          </cell>
          <cell r="AC3165" t="str">
            <v/>
          </cell>
          <cell r="AD3165" t="str">
            <v>仕入先：全国森林組合連合会・代理店：小泉製麻（株）・ＡＱ認証工場・エコマーク認定・間伐材マーク認定</v>
          </cell>
          <cell r="AE3165" t="str">
            <v>１；樹木支柱・土木用材・枕木・丸太・間伐材有効活用木材・防腐処理加工木材（ＡＣＱ）・竹・造園資材２；３；４；</v>
          </cell>
          <cell r="AF3165" t="str">
            <v>間伐材を中心とした樹木支柱、丸太、杭木、土木用木材、竹材、枕木、屋外木製品を取り扱うほか、環境にやさしい保存処理材（ＡＣＱ）を施したＡＣＱ加圧注入処理木材を取り扱う。木材資源の長期有効利用を目的とし、企画、設計、施工、メンテナンスまで、一貫製作とケアサポートを行う。</v>
          </cell>
        </row>
        <row r="3166">
          <cell r="B3166">
            <v>12477</v>
          </cell>
          <cell r="C3166" t="str">
            <v>(株)会議録センター</v>
          </cell>
          <cell r="D3166" t="str">
            <v>048-549-0822</v>
          </cell>
          <cell r="E3166" t="str">
            <v>369-0112</v>
          </cell>
          <cell r="F3166" t="str">
            <v>埼玉県鴻巣市鎌塚1-4-12</v>
          </cell>
          <cell r="G3166" t="str">
            <v>鴻巣市</v>
          </cell>
          <cell r="H3166" t="str">
            <v/>
          </cell>
          <cell r="I3166" t="str">
            <v>代表取締役 加藤　剛也</v>
          </cell>
          <cell r="J3166" t="str">
            <v>本店</v>
          </cell>
          <cell r="K3166" t="str">
            <v>048-548-9400</v>
          </cell>
          <cell r="L3166" t="str">
            <v>eigyo@kaigiroku-center.co.jp</v>
          </cell>
          <cell r="M3166" t="str">
            <v>ｶｲｷﾞﾛｸｾﾝﾀｰ</v>
          </cell>
          <cell r="N3166" t="str">
            <v>無</v>
          </cell>
          <cell r="O3166">
            <v>52</v>
          </cell>
          <cell r="P3166">
            <v>94</v>
          </cell>
          <cell r="Q3166">
            <v>8030001062153</v>
          </cell>
          <cell r="R3166">
            <v>10000</v>
          </cell>
          <cell r="S3166">
            <v>284272</v>
          </cell>
          <cell r="T3166">
            <v>754053</v>
          </cell>
          <cell r="V3166" t="str">
            <v>gf937585</v>
          </cell>
          <cell r="W3166" t="str">
            <v>sa142713</v>
          </cell>
          <cell r="Y3166" t="str">
            <v>036，36，58，59，73，</v>
          </cell>
          <cell r="Z3166">
            <v>59</v>
          </cell>
          <cell r="AA3166">
            <v>58</v>
          </cell>
          <cell r="AB3166">
            <v>73</v>
          </cell>
          <cell r="AC3166">
            <v>36</v>
          </cell>
          <cell r="AD3166" t="str">
            <v/>
          </cell>
          <cell r="AE3166" t="str">
            <v>１；速記、テープ反訳、会議録調製業務２；会議録検索システム、議会映像インターネット配信システム、文書共有システム、家屋評価システム３；報告書印刷、製本、議会広報誌作成４；デジタル録音機器、マイク等議場音響設備</v>
          </cell>
          <cell r="AF3166" t="str">
            <v>テープ反訳、速記、会議録調製業務、会議録検索システム、議会映像インターネット配信システム、家屋評価システム、文書共有システム、議会広報誌作成、デジタル録音機器、マイク等議場音響設備、報告書印刷・製本</v>
          </cell>
        </row>
        <row r="3167">
          <cell r="B3167">
            <v>12478</v>
          </cell>
          <cell r="C3167" t="str">
            <v>東芝通信インフラシステムズ(株)</v>
          </cell>
          <cell r="D3167" t="str">
            <v>06-6252-3512</v>
          </cell>
          <cell r="E3167" t="str">
            <v>541-0053</v>
          </cell>
          <cell r="F3167" t="str">
            <v>大阪府大阪市中央区本町4-2-12</v>
          </cell>
          <cell r="G3167" t="str">
            <v>大阪市</v>
          </cell>
          <cell r="H3167" t="str">
            <v>関西支店</v>
          </cell>
          <cell r="I3167" t="str">
            <v>支店長 若村　直紀</v>
          </cell>
          <cell r="J3167" t="str">
            <v>東京都府中市</v>
          </cell>
          <cell r="K3167" t="str">
            <v>06-6252-3480</v>
          </cell>
          <cell r="L3167" t="str">
            <v>TCIC-kansai@ml.toshiba.co.jp</v>
          </cell>
          <cell r="M3167" t="str">
            <v>ﾄｳｼﾊﾞﾂｳｼﾝｲﾝﾌﾗｼｽﾃﾑｽﾞ</v>
          </cell>
          <cell r="N3167" t="str">
            <v>有</v>
          </cell>
          <cell r="O3167">
            <v>45</v>
          </cell>
          <cell r="P3167">
            <v>268</v>
          </cell>
          <cell r="Q3167">
            <v>1120000000000</v>
          </cell>
          <cell r="R3167">
            <v>130000</v>
          </cell>
          <cell r="S3167">
            <v>378042</v>
          </cell>
          <cell r="T3167">
            <v>13253449</v>
          </cell>
          <cell r="V3167" t="str">
            <v>hr448679</v>
          </cell>
          <cell r="W3167" t="str">
            <v>gｒ187799</v>
          </cell>
          <cell r="Y3167">
            <v>50.8</v>
          </cell>
          <cell r="Z3167">
            <v>80</v>
          </cell>
          <cell r="AA3167">
            <v>50</v>
          </cell>
          <cell r="AB3167" t="str">
            <v/>
          </cell>
          <cell r="AC3167" t="str">
            <v/>
          </cell>
          <cell r="AD3167" t="str">
            <v/>
          </cell>
          <cell r="AE3167" t="str">
            <v>１；２；防災行政無線設備、ＩＴＶ設備、ＣＣＴＶ設備、その他通信設備の購入　代理店・特約店　東芝インフラシステムズ（株）３；防災行政無線設備、ＩＴＶ設備、ＣＣＴＶ設備、その他通信設備等の保守・点検４；</v>
          </cell>
          <cell r="AF3167" t="str">
            <v>電気機器具並びに電子機器の販売。映像・情報・通信システム機器の販売及び技術サービス。電気通信工事。電気工事。上記に附帯又は関連する一切の事業</v>
          </cell>
        </row>
        <row r="3168">
          <cell r="B3168">
            <v>12479</v>
          </cell>
          <cell r="C3168" t="str">
            <v>(株)トーテック</v>
          </cell>
          <cell r="D3168" t="str">
            <v>06-6981-5418</v>
          </cell>
          <cell r="E3168" t="str">
            <v>537-0022</v>
          </cell>
          <cell r="F3168" t="str">
            <v>大阪府大阪市東成区中本5-2-33</v>
          </cell>
          <cell r="G3168" t="str">
            <v>大阪市</v>
          </cell>
          <cell r="H3168" t="str">
            <v/>
          </cell>
          <cell r="I3168" t="str">
            <v>代表取締役 古川　常之</v>
          </cell>
          <cell r="J3168" t="str">
            <v>本店</v>
          </cell>
          <cell r="K3168" t="str">
            <v>06-6971-2890</v>
          </cell>
          <cell r="L3168" t="str">
            <v>totech.furukawa@gmail.com</v>
          </cell>
          <cell r="M3168" t="str">
            <v>ﾄｰﾃｯｸ</v>
          </cell>
          <cell r="N3168" t="str">
            <v>無</v>
          </cell>
          <cell r="O3168">
            <v>13</v>
          </cell>
          <cell r="P3168">
            <v>3</v>
          </cell>
          <cell r="Q3168">
            <v>5120001132882</v>
          </cell>
          <cell r="R3168">
            <v>3000</v>
          </cell>
          <cell r="S3168">
            <v>-28983</v>
          </cell>
          <cell r="T3168">
            <v>21107</v>
          </cell>
          <cell r="V3168" t="str">
            <v>lr339919</v>
          </cell>
          <cell r="W3168" t="str">
            <v>oq189331</v>
          </cell>
          <cell r="Y3168" t="str">
            <v>058，20，33，58，</v>
          </cell>
          <cell r="Z3168">
            <v>80</v>
          </cell>
          <cell r="AA3168">
            <v>20</v>
          </cell>
          <cell r="AB3168">
            <v>33</v>
          </cell>
          <cell r="AC3168">
            <v>58</v>
          </cell>
          <cell r="AD3168" t="str">
            <v/>
          </cell>
          <cell r="AE3168" t="str">
            <v>１；公園・学校等遊具の保守点検、道路附属物（ストック）の保守点検２；公園・学校等遊具の販売及び修繕　仕入先：（株）ニシオカ、（株）コトブキ、浅野金属工業（株）、各遊具メーカー取扱３；交通安全用品（カーブミラー・ポスト等）の販売　仕入先：ゴコウ（株）、積水樹脂（株）４；公共施設保守点検管理システム（ＡＳＧ（有）製）</v>
          </cell>
          <cell r="AF3168" t="str">
            <v>公園・学校等遊具の保守点検業務、道路附属物（ストック）の保守点検、公園・学校等遊具の販売及び修繕、交通安全用品（カーブミラー・ポスト等）の販売</v>
          </cell>
        </row>
        <row r="3169">
          <cell r="B3169">
            <v>12480</v>
          </cell>
          <cell r="C3169" t="str">
            <v>(株)地域未来研究所</v>
          </cell>
          <cell r="D3169" t="str">
            <v>06-4796-8502</v>
          </cell>
          <cell r="E3169" t="str">
            <v>530-0003</v>
          </cell>
          <cell r="F3169" t="str">
            <v>大阪府大阪市北区堂島1-5-17</v>
          </cell>
          <cell r="G3169" t="str">
            <v>大阪市</v>
          </cell>
          <cell r="H3169" t="str">
            <v/>
          </cell>
          <cell r="I3169" t="str">
            <v>代表取締役 赤田　浩志</v>
          </cell>
          <cell r="J3169" t="str">
            <v>本店</v>
          </cell>
          <cell r="K3169" t="str">
            <v>06-4796-8509</v>
          </cell>
          <cell r="L3169" t="str">
            <v>somu@refrec.jp</v>
          </cell>
          <cell r="M3169" t="str">
            <v>ﾁｲｷﾐﾗｲｹﾝｷｭｳｼｮ</v>
          </cell>
          <cell r="N3169" t="str">
            <v>無</v>
          </cell>
          <cell r="O3169">
            <v>24</v>
          </cell>
          <cell r="P3169">
            <v>38</v>
          </cell>
          <cell r="Q3169">
            <v>7120001145148</v>
          </cell>
          <cell r="R3169">
            <v>30000</v>
          </cell>
          <cell r="S3169">
            <v>65008</v>
          </cell>
          <cell r="T3169">
            <v>491881</v>
          </cell>
          <cell r="V3169" t="str">
            <v>tf962475</v>
          </cell>
          <cell r="W3169" t="str">
            <v>zi159351</v>
          </cell>
          <cell r="Y3169" t="str">
            <v>77，</v>
          </cell>
          <cell r="Z3169">
            <v>77</v>
          </cell>
          <cell r="AA3169">
            <v>80</v>
          </cell>
          <cell r="AB3169" t="str">
            <v/>
          </cell>
          <cell r="AC3169" t="str">
            <v/>
          </cell>
          <cell r="AD3169" t="str">
            <v/>
          </cell>
          <cell r="AE3169" t="str">
            <v>１；第１希望　各種アンケート調査（世論調査、意識調査、動向調査、経済調査　等）２；第２希望　各種計画策定（公共交通計画、高齢者・福祉計画、教育振興計画、スポーツ推進計画、総合計画　等）、交通量調査３；４；</v>
          </cell>
          <cell r="AF3169" t="str">
            <v>整備効果分析、交通需要予測、渋滞対策等道路交通全般にわたる計画及び分析、総合交通計画、交通需要マネジメント、モビリティマネジメント、地域公共交通総合連携計画等公共交通全般にわたる計画及び分析、それ以外に各種調査（意識調査、交通量調査等）、各種計画策定（福祉計画、総合計画）</v>
          </cell>
        </row>
        <row r="3170">
          <cell r="B3170">
            <v>12482</v>
          </cell>
          <cell r="C3170" t="str">
            <v>(協)総合技術士連合</v>
          </cell>
          <cell r="D3170" t="str">
            <v>06-6311-1145</v>
          </cell>
          <cell r="E3170" t="str">
            <v>530-0047</v>
          </cell>
          <cell r="F3170" t="str">
            <v>大阪府大阪市北区西天満5-1-19</v>
          </cell>
          <cell r="G3170" t="str">
            <v>大阪市</v>
          </cell>
          <cell r="H3170" t="str">
            <v/>
          </cell>
          <cell r="I3170" t="str">
            <v>理事長 児嶋　英樹</v>
          </cell>
          <cell r="J3170" t="str">
            <v>本店</v>
          </cell>
          <cell r="K3170" t="str">
            <v>06-6311-1146</v>
          </cell>
          <cell r="L3170" t="str">
            <v>info@pea.or.jp</v>
          </cell>
          <cell r="M3170" t="str">
            <v>ｿｳｺﾞｳｷﾞｼﾞｭﾂｼﾚﾝｺﾞｳ</v>
          </cell>
          <cell r="N3170" t="str">
            <v>無</v>
          </cell>
          <cell r="O3170">
            <v>20</v>
          </cell>
          <cell r="P3170">
            <v>1</v>
          </cell>
          <cell r="Q3170">
            <v>6120005006009</v>
          </cell>
          <cell r="R3170">
            <v>2400</v>
          </cell>
          <cell r="S3170">
            <v>5803</v>
          </cell>
          <cell r="T3170">
            <v>18623</v>
          </cell>
          <cell r="V3170" t="str">
            <v>lp452983</v>
          </cell>
          <cell r="W3170" t="str">
            <v>lz136113</v>
          </cell>
          <cell r="Y3170" t="str">
            <v/>
          </cell>
          <cell r="Z3170" t="str">
            <v/>
          </cell>
          <cell r="AA3170" t="str">
            <v/>
          </cell>
          <cell r="AB3170" t="str">
            <v/>
          </cell>
          <cell r="AC3170" t="str">
            <v/>
          </cell>
          <cell r="AD3170" t="str">
            <v/>
          </cell>
          <cell r="AE3170" t="str">
            <v>１；２；３；４；</v>
          </cell>
          <cell r="AF3170" t="str">
            <v>技術士による公共工事の技術調査業務</v>
          </cell>
        </row>
        <row r="3171">
          <cell r="B3171">
            <v>12488</v>
          </cell>
          <cell r="C3171" t="str">
            <v>ハートスフードクリエーツ(株)</v>
          </cell>
          <cell r="D3171" t="str">
            <v>078-855-8601</v>
          </cell>
          <cell r="E3171" t="str">
            <v>650-0003</v>
          </cell>
          <cell r="F3171" t="str">
            <v>兵庫県神戸市中央区山本通4-14-21-401</v>
          </cell>
          <cell r="G3171" t="str">
            <v>神戸市</v>
          </cell>
          <cell r="H3171" t="str">
            <v/>
          </cell>
          <cell r="I3171" t="str">
            <v>代表取締役 西脇　章</v>
          </cell>
          <cell r="J3171" t="str">
            <v>本店</v>
          </cell>
          <cell r="K3171" t="str">
            <v>078-855-8602</v>
          </cell>
          <cell r="L3171" t="str">
            <v>info@heartoss.com</v>
          </cell>
          <cell r="M3171" t="str">
            <v>ﾊｰﾄｽﾌｰﾄﾞｸﾘｴｰﾂ</v>
          </cell>
          <cell r="N3171" t="str">
            <v>無</v>
          </cell>
          <cell r="O3171">
            <v>7</v>
          </cell>
          <cell r="P3171">
            <v>38</v>
          </cell>
          <cell r="Q3171">
            <v>5140001034086</v>
          </cell>
          <cell r="R3171">
            <v>1000</v>
          </cell>
          <cell r="S3171">
            <v>3216</v>
          </cell>
          <cell r="T3171">
            <v>234838</v>
          </cell>
          <cell r="V3171" t="str">
            <v>bz025368</v>
          </cell>
          <cell r="W3171" t="str">
            <v>nd199139</v>
          </cell>
          <cell r="Y3171" t="str">
            <v>02，</v>
          </cell>
          <cell r="Z3171">
            <v>2</v>
          </cell>
          <cell r="AA3171" t="str">
            <v/>
          </cell>
          <cell r="AB3171" t="str">
            <v/>
          </cell>
          <cell r="AC3171" t="str">
            <v/>
          </cell>
          <cell r="AD3171" t="str">
            <v/>
          </cell>
          <cell r="AE3171" t="str">
            <v>１；学校給食調理業務・お弁当　菓子類（７大アレルギーフリーのお米のアイス・その他菓子類）２；３；４；</v>
          </cell>
          <cell r="AF3171" t="str">
            <v>学校給食調理業務を得意とし、現在、幼・保育園～高等学校や支援学校の調理業務を請け負う給食事業。その他、健康をコンセプトの外食事業と、アレルギーに対応したスイーツ開発などのスイーツ事業が主な事業です。</v>
          </cell>
        </row>
        <row r="3172">
          <cell r="B3172">
            <v>12490</v>
          </cell>
          <cell r="C3172" t="str">
            <v>(株)明電エンジニアリング</v>
          </cell>
          <cell r="D3172" t="str">
            <v>06-6487-4953</v>
          </cell>
          <cell r="E3172" t="str">
            <v>660-0805</v>
          </cell>
          <cell r="F3172" t="str">
            <v>兵庫県尼崎市西長洲町1-1-1</v>
          </cell>
          <cell r="G3172" t="str">
            <v>尼崎市</v>
          </cell>
          <cell r="H3172" t="str">
            <v>関西支社</v>
          </cell>
          <cell r="I3172" t="str">
            <v>取締役支社長 渡部　範彦</v>
          </cell>
          <cell r="J3172" t="str">
            <v>東京都</v>
          </cell>
          <cell r="K3172" t="str">
            <v>06-6487-4957</v>
          </cell>
          <cell r="L3172" t="str">
            <v>ehyugpf-kskb@meiden-eng.co.jp</v>
          </cell>
          <cell r="M3172" t="str">
            <v>ﾒｲﾃﾞﾝｴﾝｼﾞﾆｱﾘﾝｸﾞ</v>
          </cell>
          <cell r="N3172" t="str">
            <v>有</v>
          </cell>
          <cell r="O3172">
            <v>68</v>
          </cell>
          <cell r="P3172">
            <v>925</v>
          </cell>
          <cell r="Q3172">
            <v>1010701028239</v>
          </cell>
          <cell r="R3172">
            <v>400000</v>
          </cell>
          <cell r="S3172">
            <v>3778530</v>
          </cell>
          <cell r="T3172">
            <v>28864326</v>
          </cell>
          <cell r="V3172" t="str">
            <v>hr448683</v>
          </cell>
          <cell r="W3172" t="str">
            <v>mx198657</v>
          </cell>
          <cell r="Y3172" t="str">
            <v>41，47，</v>
          </cell>
          <cell r="Z3172">
            <v>47</v>
          </cell>
          <cell r="AA3172">
            <v>41</v>
          </cell>
          <cell r="AB3172" t="str">
            <v/>
          </cell>
          <cell r="AC3172" t="str">
            <v/>
          </cell>
          <cell r="AD3172" t="str">
            <v/>
          </cell>
          <cell r="AE3172" t="str">
            <v>１；自家用電気工作物保守点検２；電気(設備)機器・変圧器・開閉装置・継電装置・可変制御装置　他３；４；</v>
          </cell>
          <cell r="AF3172" t="str">
            <v>電気工事：電気機械器具及びその他の機械器具の設置、電気配線工事、改造、修理、電気工事　物品販売：装置の製造販売　委託業務：保守、点検</v>
          </cell>
        </row>
        <row r="3173">
          <cell r="B3173">
            <v>12491</v>
          </cell>
          <cell r="C3173" t="str">
            <v>横河ソリューションサービス(株)</v>
          </cell>
          <cell r="D3173" t="str">
            <v>06-6341-1440</v>
          </cell>
          <cell r="E3173" t="str">
            <v>530-0001</v>
          </cell>
          <cell r="F3173" t="str">
            <v>大阪府大阪市北区梅田2-4-9</v>
          </cell>
          <cell r="G3173" t="str">
            <v>大阪市</v>
          </cell>
          <cell r="H3173" t="str">
            <v>関西支社</v>
          </cell>
          <cell r="I3173" t="str">
            <v>支社長 田中　顕</v>
          </cell>
          <cell r="J3173" t="str">
            <v>東京都武蔵野市</v>
          </cell>
          <cell r="K3173" t="str">
            <v>06-6341-1448</v>
          </cell>
          <cell r="L3173" t="str">
            <v>hyogo-yhq@csv.yokogawa.co.jp</v>
          </cell>
          <cell r="M3173" t="str">
            <v>ﾖｺｶﾞﾜｿﾘｭｰｼｮﾝｻｰﾋﾞｽ</v>
          </cell>
          <cell r="N3173" t="str">
            <v>有</v>
          </cell>
          <cell r="O3173">
            <v>18</v>
          </cell>
          <cell r="P3173">
            <v>2462</v>
          </cell>
          <cell r="Q3173">
            <v>2012401013379</v>
          </cell>
          <cell r="R3173">
            <v>3000000</v>
          </cell>
          <cell r="S3173">
            <v>15792882</v>
          </cell>
          <cell r="T3173">
            <v>98675577</v>
          </cell>
          <cell r="V3173" t="str">
            <v>lr258983</v>
          </cell>
          <cell r="W3173" t="str">
            <v>gx163979</v>
          </cell>
          <cell r="Y3173" t="str">
            <v>047，41，42，47，</v>
          </cell>
          <cell r="Z3173">
            <v>80</v>
          </cell>
          <cell r="AA3173">
            <v>42</v>
          </cell>
          <cell r="AB3173">
            <v>41</v>
          </cell>
          <cell r="AC3173">
            <v>47</v>
          </cell>
          <cell r="AD3173" t="str">
            <v>主たる仕入先：横河電機株式会社</v>
          </cell>
          <cell r="AE3173" t="str">
            <v>１；計測および制御に関する機器、装置ならびに電子計算機の製作、販売ならびにこれに関する保守、修理、増設および改造２；指示計、記録計、データ収集機器、調節計、信号変換器、電力モニタ、差圧・圧力伝送器、流量計、レベル計、温度伝送器、操作機器、ＦＡ用制御機器３；液体分析計、気体分析計４；保守保全契約、診断・予防、遠隔監視サービス、計装契約保全、計装制御機器の点検整備・引き取り修理、セキュリティ対策サービス</v>
          </cell>
          <cell r="AF3173" t="str">
            <v>計測および制御に関する機器、装置ならびに電子計算機の製作、販売ならびにこれに関する保守。電気計装に関する工事ならびにこれに関する器材の製作および販売。コンピュータに関するソフトウエアのエンジニアリング、開発、設計、製作および販売。</v>
          </cell>
        </row>
        <row r="3174">
          <cell r="B3174">
            <v>12493</v>
          </cell>
          <cell r="C3174" t="str">
            <v>日機装(株)</v>
          </cell>
          <cell r="D3174" t="str">
            <v>06-6155-2588</v>
          </cell>
          <cell r="E3174" t="str">
            <v>560-0083</v>
          </cell>
          <cell r="F3174" t="str">
            <v>大阪府豊中市新千里西町1-2-2</v>
          </cell>
          <cell r="G3174" t="str">
            <v>豊中市</v>
          </cell>
          <cell r="H3174" t="str">
            <v>西日本支社</v>
          </cell>
          <cell r="I3174" t="str">
            <v>支社長 戸村　健二</v>
          </cell>
          <cell r="J3174" t="str">
            <v>東京都</v>
          </cell>
          <cell r="K3174" t="str">
            <v>06-6155-2388</v>
          </cell>
          <cell r="L3174" t="str">
            <v>k.saito@nikkiso.co.jp</v>
          </cell>
          <cell r="M3174" t="str">
            <v>ﾆｯｷｿｳ</v>
          </cell>
          <cell r="N3174" t="str">
            <v>有</v>
          </cell>
          <cell r="O3174">
            <v>48</v>
          </cell>
          <cell r="P3174">
            <v>1877</v>
          </cell>
          <cell r="Q3174">
            <v>7011001017109</v>
          </cell>
          <cell r="R3174">
            <v>6544339</v>
          </cell>
          <cell r="S3174">
            <v>64538000</v>
          </cell>
          <cell r="T3174">
            <v>140912000</v>
          </cell>
          <cell r="V3174" t="str">
            <v>hr448684</v>
          </cell>
          <cell r="W3174" t="str">
            <v>ak193781</v>
          </cell>
          <cell r="Y3174" t="str">
            <v>42，</v>
          </cell>
          <cell r="Z3174" t="str">
            <v/>
          </cell>
          <cell r="AA3174" t="str">
            <v/>
          </cell>
          <cell r="AB3174" t="str">
            <v/>
          </cell>
          <cell r="AC3174" t="str">
            <v/>
          </cell>
          <cell r="AD3174" t="str">
            <v/>
          </cell>
          <cell r="AE3174" t="str">
            <v>１；日機装ミルフローポンプ、日機装ノンシールポンプ２；３；４；</v>
          </cell>
          <cell r="AF3174" t="str">
            <v>ポンプ点検整備、ポンプ用部品供給</v>
          </cell>
        </row>
        <row r="3175">
          <cell r="B3175">
            <v>12494</v>
          </cell>
          <cell r="C3175" t="str">
            <v>(株)元創</v>
          </cell>
          <cell r="D3175" t="str">
            <v>03-6911-3777</v>
          </cell>
          <cell r="E3175" t="str">
            <v>166-0003</v>
          </cell>
          <cell r="F3175" t="str">
            <v>東京都杉並区高円寺南3-24-31</v>
          </cell>
          <cell r="G3175" t="str">
            <v>東京都</v>
          </cell>
          <cell r="H3175" t="str">
            <v/>
          </cell>
          <cell r="I3175" t="str">
            <v>代表取締役 石住　秀樹</v>
          </cell>
          <cell r="J3175" t="str">
            <v>本店</v>
          </cell>
          <cell r="K3175" t="str">
            <v>03-6911-3779</v>
          </cell>
          <cell r="L3175" t="str">
            <v>info@gensoinc.jp</v>
          </cell>
          <cell r="M3175" t="str">
            <v>ｹﾞﾝｿｳ</v>
          </cell>
          <cell r="N3175" t="str">
            <v>無</v>
          </cell>
          <cell r="O3175">
            <v>11</v>
          </cell>
          <cell r="P3175">
            <v>45</v>
          </cell>
          <cell r="Q3175">
            <v>6011301014194</v>
          </cell>
          <cell r="R3175">
            <v>10000</v>
          </cell>
          <cell r="S3175">
            <v>295</v>
          </cell>
          <cell r="T3175">
            <v>166099</v>
          </cell>
          <cell r="V3175" t="str">
            <v>lr023584</v>
          </cell>
          <cell r="W3175" t="str">
            <v>vj195533</v>
          </cell>
          <cell r="Y3175" t="str">
            <v>048，31，48，56，69，</v>
          </cell>
          <cell r="Z3175">
            <v>69</v>
          </cell>
          <cell r="AA3175">
            <v>80</v>
          </cell>
          <cell r="AB3175">
            <v>31</v>
          </cell>
          <cell r="AC3175">
            <v>48</v>
          </cell>
          <cell r="AD3175" t="str">
            <v/>
          </cell>
          <cell r="AE3175" t="str">
            <v>１；火葬場火葬炉残骨灰処理業務２；火葬業務（運転管理業務）３；火葬炉台車保護材・火葬炉用品の販売４；火葬炉保守点検管理業務</v>
          </cell>
          <cell r="AF3175" t="str">
            <v>火葬炉残骨灰処理業務委託・火葬業務・火葬炉保守点検管理・人材派遣（火葬場関係）</v>
          </cell>
        </row>
        <row r="3176">
          <cell r="B3176">
            <v>12497</v>
          </cell>
          <cell r="C3176" t="str">
            <v>(株)金山組</v>
          </cell>
          <cell r="D3176" t="str">
            <v>06-6432-5721</v>
          </cell>
          <cell r="E3176" t="str">
            <v>661-0035</v>
          </cell>
          <cell r="F3176" t="str">
            <v>兵庫県尼崎市武庫之荘3-8-6</v>
          </cell>
          <cell r="G3176" t="str">
            <v>尼崎市</v>
          </cell>
          <cell r="H3176" t="str">
            <v/>
          </cell>
          <cell r="I3176" t="str">
            <v>代表取締役 金山和晃</v>
          </cell>
          <cell r="J3176" t="str">
            <v>本店</v>
          </cell>
          <cell r="K3176" t="str">
            <v>06-6437-8899</v>
          </cell>
          <cell r="L3176" t="str">
            <v>kanayamagumi_1@hcc1.bai.ne.jp</v>
          </cell>
          <cell r="M3176" t="str">
            <v>ｶﾅﾔﾏｸﾞﾐ</v>
          </cell>
          <cell r="N3176" t="str">
            <v>無</v>
          </cell>
          <cell r="O3176">
            <v>50</v>
          </cell>
          <cell r="P3176">
            <v>25</v>
          </cell>
          <cell r="Q3176">
            <v>5140001048326</v>
          </cell>
          <cell r="R3176">
            <v>80000</v>
          </cell>
          <cell r="S3176">
            <v>528420</v>
          </cell>
          <cell r="T3176">
            <v>1352465</v>
          </cell>
          <cell r="V3176" t="str">
            <v>nl739985</v>
          </cell>
          <cell r="W3176" t="str">
            <v>sk118979</v>
          </cell>
          <cell r="Y3176" t="str">
            <v>31，68，79，</v>
          </cell>
          <cell r="Z3176">
            <v>79</v>
          </cell>
          <cell r="AA3176">
            <v>68</v>
          </cell>
          <cell r="AB3176">
            <v>31</v>
          </cell>
          <cell r="AC3176" t="str">
            <v/>
          </cell>
          <cell r="AD3176" t="str">
            <v/>
          </cell>
          <cell r="AE3176" t="str">
            <v>１；下水道管渠清掃を特に希望します。２；産業廃棄物収集運搬許可（兵庫県、大阪府）、その他官庁にて収集運搬業務の実績がございます。３；土石材を販売しています。自社４トン、３トンダンプを所有しています。４；</v>
          </cell>
          <cell r="AF3176" t="str">
            <v>当社は、昭和３７年６月創業以来、主として下水道工事、管布設工事、管更生工事、道路工事、アスファルト舗装工事、水路改良工事、河川工事、橋脚工事等を数多く施工してまいりました。また特定建設業者として多様なニーズに応えることができると確信しております。</v>
          </cell>
        </row>
        <row r="3177">
          <cell r="B3177">
            <v>12498</v>
          </cell>
          <cell r="C3177" t="str">
            <v>(株)ルネサンス</v>
          </cell>
          <cell r="D3177" t="str">
            <v>072-773-8160</v>
          </cell>
          <cell r="E3177" t="str">
            <v>664-0845</v>
          </cell>
          <cell r="F3177" t="str">
            <v>兵庫県伊丹市東有岡1-20</v>
          </cell>
          <cell r="G3177" t="str">
            <v>伊丹市</v>
          </cell>
          <cell r="H3177" t="str">
            <v>スポーツクラブ　ルネサンス伊丹</v>
          </cell>
          <cell r="I3177" t="str">
            <v>支配人 池田　將人</v>
          </cell>
          <cell r="J3177" t="str">
            <v>東京都</v>
          </cell>
          <cell r="K3177" t="str">
            <v>072-773-8161</v>
          </cell>
          <cell r="L3177" t="str">
            <v/>
          </cell>
          <cell r="M3177" t="str">
            <v>ﾙﾈｻﾝｽ</v>
          </cell>
          <cell r="N3177" t="str">
            <v>有</v>
          </cell>
          <cell r="O3177">
            <v>39</v>
          </cell>
          <cell r="P3177">
            <v>4045</v>
          </cell>
          <cell r="Q3177">
            <v>3010601020797</v>
          </cell>
          <cell r="R3177">
            <v>221038</v>
          </cell>
          <cell r="S3177">
            <v>91952</v>
          </cell>
          <cell r="T3177">
            <v>46229000</v>
          </cell>
          <cell r="V3177" t="str">
            <v>pt069847</v>
          </cell>
          <cell r="W3177" t="str">
            <v>oa565838</v>
          </cell>
          <cell r="Y3177" t="str">
            <v/>
          </cell>
          <cell r="Z3177" t="str">
            <v/>
          </cell>
          <cell r="AA3177" t="str">
            <v/>
          </cell>
          <cell r="AB3177" t="str">
            <v/>
          </cell>
          <cell r="AC3177" t="str">
            <v/>
          </cell>
          <cell r="AD3177" t="str">
            <v/>
          </cell>
          <cell r="AE3177" t="str">
            <v>１；２；３；４；</v>
          </cell>
          <cell r="AF3177" t="str">
            <v>弊社が運営する介護予防事業を中心とした各教室は、安全で効果的な指導をモットーに、省スペースでも手軽に行える楽しいプログラムを実施し、持続性・継続性を重視しております。その他国保・健保の健康づくり事業なども数多く受託し、質・量ともに経験豊富な実績があります。</v>
          </cell>
        </row>
        <row r="3178">
          <cell r="B3178">
            <v>12499</v>
          </cell>
          <cell r="C3178" t="str">
            <v>川上電気設備管理事務所</v>
          </cell>
          <cell r="D3178" t="str">
            <v>06-6493-0914</v>
          </cell>
          <cell r="E3178" t="str">
            <v>661-0981</v>
          </cell>
          <cell r="F3178" t="str">
            <v>兵庫県尼崎市猪名寺1-13-6</v>
          </cell>
          <cell r="G3178" t="str">
            <v>尼崎市</v>
          </cell>
          <cell r="H3178" t="str">
            <v/>
          </cell>
          <cell r="I3178" t="str">
            <v xml:space="preserve"> 川上　智司</v>
          </cell>
          <cell r="J3178" t="str">
            <v>本店</v>
          </cell>
          <cell r="K3178" t="str">
            <v>06-6493-0914</v>
          </cell>
          <cell r="L3178" t="str">
            <v>kawakami19520326@gmail.com</v>
          </cell>
          <cell r="M3178" t="str">
            <v>ｶﾜｶﾐﾃﾞﾝｷｾﾂﾋﾞｶﾝﾘｼﾞﾑｼｮ</v>
          </cell>
          <cell r="N3178" t="str">
            <v>無</v>
          </cell>
          <cell r="O3178">
            <v>5</v>
          </cell>
          <cell r="P3178">
            <v>3</v>
          </cell>
          <cell r="Q3178" t="str">
            <v/>
          </cell>
          <cell r="R3178">
            <v>2000</v>
          </cell>
          <cell r="S3178">
            <v>2000</v>
          </cell>
          <cell r="T3178">
            <v>9500</v>
          </cell>
          <cell r="V3178" t="str">
            <v>hr448686</v>
          </cell>
          <cell r="W3178" t="str">
            <v>nj167398</v>
          </cell>
          <cell r="Y3178" t="str">
            <v>47，</v>
          </cell>
          <cell r="Z3178" t="str">
            <v/>
          </cell>
          <cell r="AA3178" t="str">
            <v/>
          </cell>
          <cell r="AB3178" t="str">
            <v/>
          </cell>
          <cell r="AC3178" t="str">
            <v/>
          </cell>
          <cell r="AD3178" t="str">
            <v/>
          </cell>
          <cell r="AE3178" t="str">
            <v>１；２；３；４；</v>
          </cell>
          <cell r="AF3178" t="str">
            <v>電気設備の保守管理を業務としております。</v>
          </cell>
        </row>
        <row r="3179">
          <cell r="B3179">
            <v>12500</v>
          </cell>
          <cell r="C3179" t="str">
            <v>(有)リバーツリー開発</v>
          </cell>
          <cell r="D3179" t="str">
            <v>078-855-2110</v>
          </cell>
          <cell r="E3179" t="str">
            <v>651-0084</v>
          </cell>
          <cell r="F3179" t="str">
            <v>兵庫県神戸市中央区磯辺通四丁目1-8-705</v>
          </cell>
          <cell r="G3179" t="str">
            <v>神戸市</v>
          </cell>
          <cell r="H3179" t="str">
            <v/>
          </cell>
          <cell r="I3179" t="str">
            <v>代表取締役 川木　登紀子</v>
          </cell>
          <cell r="J3179" t="str">
            <v>本店</v>
          </cell>
          <cell r="K3179" t="str">
            <v>078-855-2111</v>
          </cell>
          <cell r="L3179" t="str">
            <v>info@river-tree.jp</v>
          </cell>
          <cell r="M3179" t="str">
            <v>ﾘﾊﾞｰﾂﾘｰｶｲﾊﾂ</v>
          </cell>
          <cell r="N3179" t="str">
            <v>無</v>
          </cell>
          <cell r="O3179">
            <v>18</v>
          </cell>
          <cell r="P3179">
            <v>4</v>
          </cell>
          <cell r="Q3179">
            <v>6140002030059</v>
          </cell>
          <cell r="R3179">
            <v>3000</v>
          </cell>
          <cell r="S3179">
            <v>12570</v>
          </cell>
          <cell r="T3179">
            <v>138803</v>
          </cell>
          <cell r="V3179" t="str">
            <v>lr335841</v>
          </cell>
          <cell r="W3179" t="str">
            <v>qｒ178993</v>
          </cell>
          <cell r="Y3179" t="str">
            <v>55，68，79，</v>
          </cell>
          <cell r="Z3179">
            <v>79</v>
          </cell>
          <cell r="AA3179">
            <v>55</v>
          </cell>
          <cell r="AB3179">
            <v>68</v>
          </cell>
          <cell r="AC3179" t="str">
            <v/>
          </cell>
          <cell r="AD3179" t="str">
            <v/>
          </cell>
          <cell r="AE3179" t="str">
            <v>１；管渠内テレビカメラ調査　テレビカメラ搭載車による自社施工２；高圧洗浄車、強力吸引車、給水車を利用しての河川、水路、道路、公園等の清掃３；産業廃棄物収集運搬４；</v>
          </cell>
          <cell r="AF3179" t="str">
            <v>清掃・調査・更生工事を自社施工により多くの施工実績があります。</v>
          </cell>
        </row>
        <row r="3180">
          <cell r="B3180">
            <v>12501</v>
          </cell>
          <cell r="C3180" t="str">
            <v>(株)ハマダ商店</v>
          </cell>
          <cell r="D3180" t="str">
            <v>078-732-5037</v>
          </cell>
          <cell r="E3180" t="str">
            <v>654-0006</v>
          </cell>
          <cell r="F3180" t="str">
            <v>兵庫県神戸市須磨区養老町1丁目5-13</v>
          </cell>
          <cell r="G3180" t="str">
            <v>神戸市</v>
          </cell>
          <cell r="H3180" t="str">
            <v/>
          </cell>
          <cell r="I3180" t="str">
            <v>代表取締役 濱田　益朗</v>
          </cell>
          <cell r="J3180" t="str">
            <v>本店</v>
          </cell>
          <cell r="K3180" t="str">
            <v>078-732-5075</v>
          </cell>
          <cell r="L3180" t="str">
            <v>hamada-shouten@kobe-hamada.co.jp</v>
          </cell>
          <cell r="M3180" t="str">
            <v>ﾊﾏﾀﾞｼｮｳﾃﾝ</v>
          </cell>
          <cell r="N3180" t="str">
            <v>無</v>
          </cell>
          <cell r="O3180">
            <v>32</v>
          </cell>
          <cell r="P3180">
            <v>7</v>
          </cell>
          <cell r="Q3180">
            <v>3140001028032</v>
          </cell>
          <cell r="R3180">
            <v>20000</v>
          </cell>
          <cell r="S3180">
            <v>76480</v>
          </cell>
          <cell r="T3180">
            <v>296895</v>
          </cell>
          <cell r="V3180" t="str">
            <v>tf968045</v>
          </cell>
          <cell r="W3180" t="str">
            <v>js166135</v>
          </cell>
          <cell r="Y3180" t="str">
            <v>20，22，53，</v>
          </cell>
          <cell r="Z3180">
            <v>20</v>
          </cell>
          <cell r="AA3180">
            <v>53</v>
          </cell>
          <cell r="AB3180">
            <v>22</v>
          </cell>
          <cell r="AC3180" t="str">
            <v/>
          </cell>
          <cell r="AD3180" t="str">
            <v/>
          </cell>
          <cell r="AE3180" t="str">
            <v>１；学校体育器具施設の遊器具（鉄棒・登り棒・ブランコ・パーゴラ・ジャングルジム等）サッカーネット・ゴール・ボール関係等２；樹木の剪定（学校関係・公園関係）３；花・樹木等（学校関係・公園関係）４；</v>
          </cell>
          <cell r="AF3180" t="str">
            <v>弊社は、公園整備工事、公園遊具施設・パーゴラ・セルター・ベンチ等公園施設・学校体育器具施設の設計施工及び補修・管理を専門に施工致しております。</v>
          </cell>
        </row>
        <row r="3181">
          <cell r="B3181">
            <v>12502</v>
          </cell>
          <cell r="C3181" t="str">
            <v>アズビル金門(株)</v>
          </cell>
          <cell r="D3181" t="str">
            <v>06-4308-8509</v>
          </cell>
          <cell r="E3181" t="str">
            <v>557-0013</v>
          </cell>
          <cell r="F3181" t="str">
            <v>大阪府東大阪市長田中1-4-17</v>
          </cell>
          <cell r="G3181" t="str">
            <v>東大阪市</v>
          </cell>
          <cell r="H3181" t="str">
            <v>大阪支店</v>
          </cell>
          <cell r="I3181" t="str">
            <v>執行役員支店長 吉田　洋</v>
          </cell>
          <cell r="J3181" t="str">
            <v>東京都</v>
          </cell>
          <cell r="K3181" t="str">
            <v>06-4308-8520</v>
          </cell>
          <cell r="L3181" t="str">
            <v>t.hattori.wn@azbil.com</v>
          </cell>
          <cell r="M3181" t="str">
            <v>ｱｽﾞﾋﾞﾙｷﾝﾓﾝ</v>
          </cell>
          <cell r="N3181" t="str">
            <v>有</v>
          </cell>
          <cell r="O3181">
            <v>69</v>
          </cell>
          <cell r="P3181">
            <v>450</v>
          </cell>
          <cell r="Q3181">
            <v>2013302030885</v>
          </cell>
          <cell r="R3181">
            <v>3157500</v>
          </cell>
          <cell r="S3181">
            <v>11979601</v>
          </cell>
          <cell r="T3181">
            <v>25479984</v>
          </cell>
          <cell r="V3181" t="str">
            <v>hr045687</v>
          </cell>
          <cell r="W3181" t="str">
            <v>vl169666</v>
          </cell>
          <cell r="Y3181" t="str">
            <v>42，</v>
          </cell>
          <cell r="Z3181" t="str">
            <v/>
          </cell>
          <cell r="AA3181" t="str">
            <v/>
          </cell>
          <cell r="AB3181" t="str">
            <v/>
          </cell>
          <cell r="AC3181" t="str">
            <v/>
          </cell>
          <cell r="AD3181" t="str">
            <v/>
          </cell>
          <cell r="AE3181" t="str">
            <v>１；水道メーター　自社製造２；３；４；</v>
          </cell>
          <cell r="AF3181" t="str">
            <v>ガスメーター水道メーターの計量器製造販売</v>
          </cell>
        </row>
        <row r="3182">
          <cell r="B3182">
            <v>12503</v>
          </cell>
          <cell r="C3182" t="str">
            <v>(株)日立プラントメカニクス</v>
          </cell>
          <cell r="D3182" t="str">
            <v>06-6271-1720</v>
          </cell>
          <cell r="E3182" t="str">
            <v>541-0053</v>
          </cell>
          <cell r="F3182" t="str">
            <v>大阪府大阪市中央区本町一丁目8番12号</v>
          </cell>
          <cell r="G3182" t="str">
            <v>大阪市</v>
          </cell>
          <cell r="H3182" t="str">
            <v>関西支店</v>
          </cell>
          <cell r="I3182" t="str">
            <v>支店長 中尾　俊明</v>
          </cell>
          <cell r="J3182" t="str">
            <v>山口県下松市</v>
          </cell>
          <cell r="K3182" t="str">
            <v>06-6271-1720</v>
          </cell>
          <cell r="L3182" t="str">
            <v>yoshiko.inoue.ty@hitachi.com</v>
          </cell>
          <cell r="M3182" t="str">
            <v>ﾋﾀﾁﾌﾟﾗﾝﾄﾒｶﾆｸｽ</v>
          </cell>
          <cell r="N3182" t="str">
            <v>有</v>
          </cell>
          <cell r="O3182">
            <v>25</v>
          </cell>
          <cell r="P3182">
            <v>683</v>
          </cell>
          <cell r="Q3182">
            <v>2250001009781</v>
          </cell>
          <cell r="R3182">
            <v>450000</v>
          </cell>
          <cell r="S3182">
            <v>4620772</v>
          </cell>
          <cell r="T3182">
            <v>20162018</v>
          </cell>
          <cell r="V3182" t="str">
            <v>lr339987</v>
          </cell>
          <cell r="W3182" t="str">
            <v>ol131357</v>
          </cell>
          <cell r="Y3182" t="str">
            <v>40，48，</v>
          </cell>
          <cell r="Z3182" t="str">
            <v/>
          </cell>
          <cell r="AA3182" t="str">
            <v/>
          </cell>
          <cell r="AB3182" t="str">
            <v/>
          </cell>
          <cell r="AC3182" t="str">
            <v/>
          </cell>
          <cell r="AD3182" t="str">
            <v/>
          </cell>
          <cell r="AE3182" t="str">
            <v>１；各種クレ－ン・バケット部品２；各種クレ－ン・バケット保守点検３；４；</v>
          </cell>
          <cell r="AF3182" t="str">
            <v>設計からメンテナンスまで全てを一括してサ－ビスを提供できる企業です。</v>
          </cell>
        </row>
        <row r="3183">
          <cell r="B3183">
            <v>12504</v>
          </cell>
          <cell r="C3183" t="str">
            <v>(株)コボリ</v>
          </cell>
          <cell r="D3183" t="str">
            <v>078-961-3346</v>
          </cell>
          <cell r="E3183" t="str">
            <v>654-0073</v>
          </cell>
          <cell r="F3183" t="str">
            <v>兵庫県神戸市須磨区関守町3-7-34</v>
          </cell>
          <cell r="G3183" t="str">
            <v>神戸市</v>
          </cell>
          <cell r="H3183" t="str">
            <v/>
          </cell>
          <cell r="I3183" t="str">
            <v>代表取締役 小堀　謙一</v>
          </cell>
          <cell r="J3183" t="str">
            <v>本店</v>
          </cell>
          <cell r="K3183" t="str">
            <v>078-961-3347</v>
          </cell>
          <cell r="L3183" t="str">
            <v>kobori85@ion.ocn.ne.jp</v>
          </cell>
          <cell r="M3183" t="str">
            <v>ｺﾎﾞﾘ</v>
          </cell>
          <cell r="N3183" t="str">
            <v>無</v>
          </cell>
          <cell r="O3183">
            <v>11</v>
          </cell>
          <cell r="P3183">
            <v>5</v>
          </cell>
          <cell r="Q3183">
            <v>1140001030378</v>
          </cell>
          <cell r="R3183">
            <v>40000</v>
          </cell>
          <cell r="S3183">
            <v>69327</v>
          </cell>
          <cell r="T3183">
            <v>677667</v>
          </cell>
          <cell r="V3183" t="str">
            <v>tf968278</v>
          </cell>
          <cell r="W3183" t="str">
            <v>ub169251</v>
          </cell>
          <cell r="Y3183" t="str">
            <v>20，22，53，55，66，</v>
          </cell>
          <cell r="Z3183">
            <v>80</v>
          </cell>
          <cell r="AA3183">
            <v>20</v>
          </cell>
          <cell r="AB3183">
            <v>53</v>
          </cell>
          <cell r="AC3183" t="str">
            <v/>
          </cell>
          <cell r="AD3183" t="str">
            <v/>
          </cell>
          <cell r="AE3183" t="str">
            <v>１；公園内の遊具、フェンス等　タカオ株式会社（玩具・遊具の製造業者）の代理店　中村シラトリ株式会社（玩具・遊具の製造業者）の特約店　ユアサ商事株式会社（フェンス、スチールの仕入先）２；学校又は公園内の運動機器の納入（すべり台、ブランコ等）３；樹木の剪定だけでなく、公園の長寿命化に実績が多数あります。４；</v>
          </cell>
          <cell r="AF3183" t="str">
            <v>公園内の遊具、フェンス、人工芝等運動施設及びテニスコー等についての納品実績が多数あります。また、公園等における安全・安心対策、公園の長寿命化について、実務として３０年有余の実績・経験があります。直営の作業員及び協力業者も多く有しており、迅速な対応が可能です。</v>
          </cell>
        </row>
        <row r="3184">
          <cell r="B3184">
            <v>12506</v>
          </cell>
          <cell r="C3184" t="str">
            <v>(有)福井浄水工業所</v>
          </cell>
          <cell r="D3184" t="str">
            <v>0797-72-6096</v>
          </cell>
          <cell r="E3184" t="str">
            <v>665-0046</v>
          </cell>
          <cell r="F3184" t="str">
            <v>兵庫県宝塚市福井町20-23</v>
          </cell>
          <cell r="G3184" t="str">
            <v>宝塚市</v>
          </cell>
          <cell r="H3184" t="str">
            <v/>
          </cell>
          <cell r="I3184" t="str">
            <v>取締役　 伊福　宗治</v>
          </cell>
          <cell r="J3184" t="str">
            <v>本店</v>
          </cell>
          <cell r="K3184" t="str">
            <v>0797-77-0258</v>
          </cell>
          <cell r="L3184" t="str">
            <v>fukui-jk@nike.eonet.ne.jp</v>
          </cell>
          <cell r="M3184" t="str">
            <v>ﾌｸｲｼﾞﾖｳｽｲｺｳｷﾞﾖｳｼﾖ</v>
          </cell>
          <cell r="N3184" t="str">
            <v>無</v>
          </cell>
          <cell r="O3184">
            <v>30</v>
          </cell>
          <cell r="P3184">
            <v>6</v>
          </cell>
          <cell r="Q3184">
            <v>8140002067330</v>
          </cell>
          <cell r="R3184">
            <v>8000</v>
          </cell>
          <cell r="S3184">
            <v>35745</v>
          </cell>
          <cell r="T3184">
            <v>85830</v>
          </cell>
          <cell r="V3184" t="str">
            <v>lr358658</v>
          </cell>
          <cell r="W3184" t="str">
            <v>zr131599</v>
          </cell>
          <cell r="Y3184" t="str">
            <v>51.55.68.79</v>
          </cell>
          <cell r="Z3184">
            <v>55</v>
          </cell>
          <cell r="AA3184">
            <v>79</v>
          </cell>
          <cell r="AB3184">
            <v>68</v>
          </cell>
          <cell r="AC3184">
            <v>51</v>
          </cell>
          <cell r="AD3184" t="str">
            <v/>
          </cell>
          <cell r="AE3184" t="str">
            <v>１；２；高圧洗浄車、強力吸引車３；高圧洗浄車、強力吸引車、管内カメラ調査、兵庫県建築物排水管清掃業許可４；兵庫県産業廃棄物収集運搬業許可証</v>
          </cell>
          <cell r="AF3184" t="str">
            <v>産業廃棄物収集運搬、水路清掃、公共下水道清掃、道路側溝清掃、各種ピット清掃、貯水槽保守管理、浄化槽保守管理、給排水工事一式</v>
          </cell>
        </row>
        <row r="3185">
          <cell r="B3185">
            <v>12508</v>
          </cell>
          <cell r="C3185" t="str">
            <v>松本建設(株)</v>
          </cell>
          <cell r="D3185" t="str">
            <v>078-252-8222</v>
          </cell>
          <cell r="E3185" t="str">
            <v>651-0074</v>
          </cell>
          <cell r="F3185" t="str">
            <v>兵庫県神戸市中央区南本町通2‐1‐3</v>
          </cell>
          <cell r="G3185" t="str">
            <v>神戸市</v>
          </cell>
          <cell r="H3185" t="str">
            <v/>
          </cell>
          <cell r="I3185" t="str">
            <v>代表取締役 松本　茂男</v>
          </cell>
          <cell r="J3185" t="str">
            <v>本店</v>
          </cell>
          <cell r="K3185" t="str">
            <v>078-252-4401</v>
          </cell>
          <cell r="L3185" t="str">
            <v>m.k.k1@eos.ocn.ne.jp</v>
          </cell>
          <cell r="M3185" t="str">
            <v>ﾏﾂﾓﾄｹﾝｾﾂ</v>
          </cell>
          <cell r="N3185" t="str">
            <v>無</v>
          </cell>
          <cell r="O3185">
            <v>40</v>
          </cell>
          <cell r="P3185">
            <v>8</v>
          </cell>
          <cell r="Q3185">
            <v>4140001031976</v>
          </cell>
          <cell r="R3185">
            <v>20000</v>
          </cell>
          <cell r="S3185">
            <v>635054</v>
          </cell>
          <cell r="T3185">
            <v>802982</v>
          </cell>
          <cell r="V3185" t="str">
            <v>hl788689</v>
          </cell>
          <cell r="W3185" t="str">
            <v>ub193995</v>
          </cell>
          <cell r="Y3185" t="str">
            <v>55，</v>
          </cell>
          <cell r="Z3185" t="str">
            <v/>
          </cell>
          <cell r="AA3185" t="str">
            <v/>
          </cell>
          <cell r="AB3185" t="str">
            <v/>
          </cell>
          <cell r="AC3185" t="str">
            <v/>
          </cell>
          <cell r="AD3185" t="str">
            <v/>
          </cell>
          <cell r="AE3185" t="str">
            <v>１；路面清掃車を用いた道路清掃。路面清掃車１台　ダンプトラック１台　パワーゲート車１台　散水車１台２；３；４；</v>
          </cell>
          <cell r="AF3185" t="str">
            <v>管更生工事を得意とします。阪神間で多数の元請実績を有しております。</v>
          </cell>
        </row>
        <row r="3186">
          <cell r="B3186">
            <v>12509</v>
          </cell>
          <cell r="C3186" t="str">
            <v>(株)マツモトエンジニアリング</v>
          </cell>
          <cell r="D3186" t="str">
            <v>078-252-8212</v>
          </cell>
          <cell r="E3186" t="str">
            <v>651-0074</v>
          </cell>
          <cell r="F3186" t="str">
            <v>兵庫県神戸市中央区南本町通2‐1‐3</v>
          </cell>
          <cell r="G3186" t="str">
            <v>神戸市</v>
          </cell>
          <cell r="H3186" t="str">
            <v/>
          </cell>
          <cell r="I3186" t="str">
            <v>代表取締役 松本　保子</v>
          </cell>
          <cell r="J3186" t="str">
            <v>本店</v>
          </cell>
          <cell r="K3186" t="str">
            <v>078-252-4408</v>
          </cell>
          <cell r="L3186" t="str">
            <v>me.2002@io.ocn.ne.jp</v>
          </cell>
          <cell r="M3186" t="str">
            <v>ﾏﾂﾓﾄｴﾝｼﾞﾆｱﾘﾝｸﾞ</v>
          </cell>
          <cell r="N3186" t="str">
            <v>無</v>
          </cell>
          <cell r="O3186">
            <v>15</v>
          </cell>
          <cell r="P3186">
            <v>7</v>
          </cell>
          <cell r="Q3186">
            <v>8140001025826</v>
          </cell>
          <cell r="R3186">
            <v>40000</v>
          </cell>
          <cell r="S3186">
            <v>113798</v>
          </cell>
          <cell r="T3186">
            <v>339393</v>
          </cell>
          <cell r="V3186" t="str">
            <v>lr428989</v>
          </cell>
          <cell r="W3186" t="str">
            <v>qk113396</v>
          </cell>
          <cell r="Y3186" t="str">
            <v>55，</v>
          </cell>
          <cell r="Z3186" t="str">
            <v/>
          </cell>
          <cell r="AA3186" t="str">
            <v/>
          </cell>
          <cell r="AB3186" t="str">
            <v/>
          </cell>
          <cell r="AC3186" t="str">
            <v/>
          </cell>
          <cell r="AD3186" t="str">
            <v/>
          </cell>
          <cell r="AE3186" t="str">
            <v>１；路面清掃　路面清掃車１台　散水車１台　ダンプトラック１台　パワーゲート車１台　散水車　１台２；３；４；</v>
          </cell>
          <cell r="AF3186" t="str">
            <v>管更生工事を得意としております。神戸市の市街地に於いて多数の元請実績を有しております。</v>
          </cell>
        </row>
        <row r="3187">
          <cell r="B3187">
            <v>12510</v>
          </cell>
          <cell r="C3187" t="str">
            <v>アサヒプリンティング(株)</v>
          </cell>
          <cell r="D3187" t="str">
            <v>072-986-0120</v>
          </cell>
          <cell r="E3187" t="str">
            <v>579-8026</v>
          </cell>
          <cell r="F3187" t="str">
            <v>大阪府東大阪市弥生町19-17</v>
          </cell>
          <cell r="G3187" t="str">
            <v>東大阪市</v>
          </cell>
          <cell r="H3187" t="str">
            <v/>
          </cell>
          <cell r="I3187" t="str">
            <v>代表取締役 中田　知宏</v>
          </cell>
          <cell r="J3187" t="str">
            <v>本店</v>
          </cell>
          <cell r="K3187" t="str">
            <v>072-986-0122</v>
          </cell>
          <cell r="L3187" t="str">
            <v>ap-asahi@bz01.plala.or.jp</v>
          </cell>
          <cell r="M3187" t="str">
            <v>ｱｻﾋﾌﾟﾘﾝﾃｲﾝｸﾞ</v>
          </cell>
          <cell r="N3187" t="str">
            <v>無</v>
          </cell>
          <cell r="O3187">
            <v>34</v>
          </cell>
          <cell r="P3187">
            <v>18</v>
          </cell>
          <cell r="Q3187">
            <v>5122000000000</v>
          </cell>
          <cell r="R3187">
            <v>10000</v>
          </cell>
          <cell r="S3187">
            <v>242792</v>
          </cell>
          <cell r="T3187">
            <v>143848</v>
          </cell>
          <cell r="V3187" t="str">
            <v>tu960536</v>
          </cell>
          <cell r="W3187" t="str">
            <v>kj135889</v>
          </cell>
          <cell r="Y3187">
            <v>76</v>
          </cell>
          <cell r="Z3187">
            <v>76</v>
          </cell>
          <cell r="AA3187" t="str">
            <v/>
          </cell>
          <cell r="AB3187" t="str">
            <v/>
          </cell>
          <cell r="AC3187" t="str">
            <v/>
          </cell>
          <cell r="AD3187" t="str">
            <v/>
          </cell>
          <cell r="AE3187" t="str">
            <v>１；２；乾式転写マーク・シール・ステッカー　認知症者見守りＱＲコードシール３；４；</v>
          </cell>
          <cell r="AF3187" t="str">
            <v>乾式転写マークの製造で、印刷の難しい三次曲面等に貼るだけで印刷した様に出来る印刷技術で多方面のマーキングに用途がある。認知症者対策として衣服等にＱＲコードシールとして貼付し、市町村、警察、家族が見守る取り組みに力を注ぎ、多くの市町村で採用されている。</v>
          </cell>
        </row>
        <row r="3188">
          <cell r="B3188">
            <v>12511</v>
          </cell>
          <cell r="C3188" t="str">
            <v>(株)アクティオ</v>
          </cell>
          <cell r="D3188" t="str">
            <v>06-6452-1788</v>
          </cell>
          <cell r="E3188" t="str">
            <v>550-0011</v>
          </cell>
          <cell r="F3188" t="str">
            <v>大阪府大阪市北区中津7-10-4</v>
          </cell>
          <cell r="G3188" t="str">
            <v>大阪市</v>
          </cell>
          <cell r="H3188" t="str">
            <v>関西支店</v>
          </cell>
          <cell r="I3188" t="str">
            <v>関西支店長　 鈴木　純也</v>
          </cell>
          <cell r="J3188" t="str">
            <v>東京都</v>
          </cell>
          <cell r="K3188" t="str">
            <v>06-6452-1780</v>
          </cell>
          <cell r="L3188" t="str">
            <v>kansai-tokatsu-s@aktio.co.jp</v>
          </cell>
          <cell r="M3188" t="str">
            <v>ｱｸﾃｲｵ</v>
          </cell>
          <cell r="N3188" t="str">
            <v>有</v>
          </cell>
          <cell r="O3188">
            <v>51</v>
          </cell>
          <cell r="P3188">
            <v>3974</v>
          </cell>
          <cell r="Q3188">
            <v>6010000000000</v>
          </cell>
          <cell r="R3188">
            <v>500000</v>
          </cell>
          <cell r="S3188">
            <v>14548000</v>
          </cell>
          <cell r="T3188">
            <v>174351000</v>
          </cell>
          <cell r="V3188" t="str">
            <v>hr023693</v>
          </cell>
          <cell r="W3188" t="str">
            <v>ak191899</v>
          </cell>
          <cell r="Y3188">
            <v>44.63</v>
          </cell>
          <cell r="Z3188">
            <v>63</v>
          </cell>
          <cell r="AA3188">
            <v>44</v>
          </cell>
          <cell r="AB3188" t="str">
            <v/>
          </cell>
          <cell r="AC3188" t="str">
            <v/>
          </cell>
          <cell r="AD3188" t="str">
            <v/>
          </cell>
          <cell r="AE3188" t="str">
            <v>１；２；屋外イベント・スポーツイベント・音楽イベント・イルミネーション・展示会・講演会・神事のコンセプト・デザインから現場での運営・実行計画（資器材の調達・会場設営を含む）をサポートします。３；仮設ハウス・トイレ・備品・事務機器・建設用機械器具（発電機・水中ポンプ・投光機・バックホウ・高所作業車・通信計測機器他）の約３万点の商品を総合的にレンタルしております。４；</v>
          </cell>
          <cell r="AF3188" t="str">
            <v>各種イベント・展示会・講演会・式典・神事等の企画・運営（必要資機材の調達・会場設営含む）を行うと共に、仮設ハウス・トイレ・備品・事務機器・建設用機械器具（発電機・水中ポンプ・投光機・バックホウ・高所作業車・通信計測機器等）の約３万点の商品をレンタルしております。</v>
          </cell>
        </row>
        <row r="3189">
          <cell r="B3189">
            <v>12517</v>
          </cell>
          <cell r="C3189" t="str">
            <v>(株)電算システム</v>
          </cell>
          <cell r="D3189" t="str">
            <v>058-279-3482</v>
          </cell>
          <cell r="E3189" t="str">
            <v>665-0841</v>
          </cell>
          <cell r="F3189" t="str">
            <v>岐阜県岐阜市日置江1-58</v>
          </cell>
          <cell r="G3189" t="str">
            <v>岐阜市</v>
          </cell>
          <cell r="H3189" t="str">
            <v>電算システム</v>
          </cell>
          <cell r="I3189" t="str">
            <v>取締役副社長執行役員事業本部長　 松浦　陽司</v>
          </cell>
          <cell r="J3189" t="str">
            <v>岐阜県岐阜市</v>
          </cell>
          <cell r="K3189" t="str">
            <v>058-279-2443</v>
          </cell>
          <cell r="L3189" t="str">
            <v>ec_assistant@densan-s.co.jp</v>
          </cell>
          <cell r="M3189" t="str">
            <v>ﾃﾞﾝｻﾝｼｽﾃﾑ</v>
          </cell>
          <cell r="N3189" t="str">
            <v>有</v>
          </cell>
          <cell r="O3189">
            <v>52</v>
          </cell>
          <cell r="P3189">
            <v>557</v>
          </cell>
          <cell r="Q3189">
            <v>5200000000000</v>
          </cell>
          <cell r="R3189">
            <v>1229213</v>
          </cell>
          <cell r="S3189">
            <v>8821616</v>
          </cell>
          <cell r="T3189">
            <v>30926571</v>
          </cell>
          <cell r="V3189" t="str">
            <v>hr148698</v>
          </cell>
          <cell r="W3189" t="str">
            <v>hd159397</v>
          </cell>
          <cell r="Y3189">
            <v>80</v>
          </cell>
          <cell r="Z3189" t="str">
            <v/>
          </cell>
          <cell r="AA3189" t="str">
            <v/>
          </cell>
          <cell r="AB3189" t="str">
            <v/>
          </cell>
          <cell r="AC3189" t="str">
            <v/>
          </cell>
          <cell r="AD3189" t="str">
            <v/>
          </cell>
          <cell r="AE3189" t="str">
            <v>１；２；収納代行サービス３；４；</v>
          </cell>
          <cell r="AF3189" t="str">
            <v>民間企業で全国で初めてコンビニ決済サービスをスタートした企業です。大手通販会社や自治体をはじめとする多くの事業者様にサービスを提供してまいりました。現在では、年間１億９０００万件以上の決済を取扱っており、皆様に安心してご利用いただける安定したサービスを提供しております。</v>
          </cell>
        </row>
        <row r="3190">
          <cell r="B3190">
            <v>12519</v>
          </cell>
          <cell r="C3190" t="str">
            <v>ワールドウォーターバッグ(株)</v>
          </cell>
          <cell r="D3190" t="str">
            <v>06-6713-7465</v>
          </cell>
          <cell r="E3190" t="str">
            <v>546-0003</v>
          </cell>
          <cell r="F3190" t="str">
            <v>大阪府大阪市東住吉区今川1‐6‐23</v>
          </cell>
          <cell r="G3190" t="str">
            <v>大阪市</v>
          </cell>
          <cell r="H3190" t="str">
            <v/>
          </cell>
          <cell r="I3190" t="str">
            <v>代表取締役 中村　俊夫</v>
          </cell>
          <cell r="J3190" t="str">
            <v>本店</v>
          </cell>
          <cell r="K3190" t="str">
            <v>06-6713-7615</v>
          </cell>
          <cell r="L3190" t="str">
            <v>info@wwb.co.jp</v>
          </cell>
          <cell r="M3190" t="str">
            <v>ﾜｰﾙﾄﾞｳｫｰﾀｰﾊﾞｯｸﾞ</v>
          </cell>
          <cell r="N3190" t="str">
            <v>無</v>
          </cell>
          <cell r="O3190">
            <v>55</v>
          </cell>
          <cell r="P3190">
            <v>13</v>
          </cell>
          <cell r="Q3190">
            <v>2120001010645</v>
          </cell>
          <cell r="R3190">
            <v>10000</v>
          </cell>
          <cell r="S3190">
            <v>276404</v>
          </cell>
          <cell r="T3190">
            <v>239095</v>
          </cell>
          <cell r="V3190" t="str">
            <v>jh528746</v>
          </cell>
          <cell r="W3190" t="str">
            <v>ma169736</v>
          </cell>
          <cell r="Y3190" t="str">
            <v>38，</v>
          </cell>
          <cell r="Z3190">
            <v>38</v>
          </cell>
          <cell r="AA3190" t="str">
            <v/>
          </cell>
          <cell r="AB3190" t="str">
            <v/>
          </cell>
          <cell r="AC3190" t="str">
            <v/>
          </cell>
          <cell r="AD3190" t="str">
            <v/>
          </cell>
          <cell r="AE3190" t="str">
            <v>１；非常用飲料水袋（個人水道）６リットル用　特許製品の為、自社製造販売２；３；４；</v>
          </cell>
          <cell r="AF3190" t="str">
            <v>非常用飲料水袋（個人水道）６リットル用　特許製品の為、自社製造販売</v>
          </cell>
        </row>
        <row r="3191">
          <cell r="B3191">
            <v>12520</v>
          </cell>
          <cell r="C3191" t="str">
            <v>ネッツトヨタゾナ神戸(株)</v>
          </cell>
          <cell r="D3191" t="str">
            <v>06-7178-0508</v>
          </cell>
          <cell r="E3191" t="str">
            <v>660-0063</v>
          </cell>
          <cell r="F3191" t="str">
            <v>兵庫県尼崎市大庄北5-15-1</v>
          </cell>
          <cell r="G3191" t="str">
            <v>尼崎市</v>
          </cell>
          <cell r="H3191" t="str">
            <v>法人営業グループ</v>
          </cell>
          <cell r="I3191" t="str">
            <v>次長 西岡　昭博</v>
          </cell>
          <cell r="J3191" t="str">
            <v>兵庫県神戸市</v>
          </cell>
          <cell r="K3191" t="str">
            <v>06-6419-6954</v>
          </cell>
          <cell r="L3191" t="str">
            <v>y.ikemoto@zona-kobe.jp</v>
          </cell>
          <cell r="M3191" t="str">
            <v>ﾈｯﾂﾄﾖﾀｿﾞﾅｺｳﾍﾞ</v>
          </cell>
          <cell r="N3191" t="str">
            <v>有</v>
          </cell>
          <cell r="O3191">
            <v>39</v>
          </cell>
          <cell r="P3191">
            <v>240</v>
          </cell>
          <cell r="Q3191">
            <v>3140001013736</v>
          </cell>
          <cell r="R3191">
            <v>8000</v>
          </cell>
          <cell r="S3191">
            <v>1893503</v>
          </cell>
          <cell r="T3191">
            <v>14372423</v>
          </cell>
          <cell r="V3191" t="str">
            <v>ge725689</v>
          </cell>
          <cell r="W3191" t="str">
            <v>oｒ167639</v>
          </cell>
          <cell r="Y3191" t="str">
            <v>23，24，</v>
          </cell>
          <cell r="Z3191" t="str">
            <v/>
          </cell>
          <cell r="AA3191" t="str">
            <v/>
          </cell>
          <cell r="AB3191" t="str">
            <v/>
          </cell>
          <cell r="AC3191" t="str">
            <v/>
          </cell>
          <cell r="AD3191" t="str">
            <v/>
          </cell>
          <cell r="AE3191" t="str">
            <v>１；２；３；４；</v>
          </cell>
          <cell r="AF3191" t="str">
            <v>トヨタ自動車　ヴィッツ・タンク・スぺイド・シエンタ・ヴォクシー・ヴェルファイア・アクア・プリウス・ＰＨＶ・プリウスα・Ｃ－ＨＲ・カムリ・８６・レジアスエース・ライトエース・ピクシスエポック・ジョイ・メガ・バン・トラック</v>
          </cell>
        </row>
        <row r="3192">
          <cell r="B3192">
            <v>12522</v>
          </cell>
          <cell r="C3192" t="str">
            <v>(株)夢工房</v>
          </cell>
          <cell r="D3192" t="str">
            <v>078-291-7128</v>
          </cell>
          <cell r="E3192" t="str">
            <v>651-0096</v>
          </cell>
          <cell r="F3192" t="str">
            <v>兵庫県神戸市中央区雲井通二-1-9</v>
          </cell>
          <cell r="G3192" t="str">
            <v>神戸市</v>
          </cell>
          <cell r="H3192" t="str">
            <v/>
          </cell>
          <cell r="I3192" t="str">
            <v>代表取締役 田中　裕子</v>
          </cell>
          <cell r="J3192" t="str">
            <v>本店</v>
          </cell>
          <cell r="K3192" t="str">
            <v>078-291-7127</v>
          </cell>
          <cell r="L3192" t="str">
            <v>soumu@yumekobo.jp</v>
          </cell>
          <cell r="M3192" t="str">
            <v>ﾕﾒｺｳﾎﾞｳ</v>
          </cell>
          <cell r="N3192" t="str">
            <v>無</v>
          </cell>
          <cell r="O3192">
            <v>30</v>
          </cell>
          <cell r="P3192">
            <v>14</v>
          </cell>
          <cell r="Q3192">
            <v>7140001011579</v>
          </cell>
          <cell r="R3192">
            <v>15000</v>
          </cell>
          <cell r="S3192">
            <v>41910</v>
          </cell>
          <cell r="T3192">
            <v>118164</v>
          </cell>
          <cell r="V3192" t="str">
            <v>fe015987</v>
          </cell>
          <cell r="W3192" t="str">
            <v>ql118653</v>
          </cell>
          <cell r="Y3192" t="str">
            <v>12，58，</v>
          </cell>
          <cell r="Z3192">
            <v>58</v>
          </cell>
          <cell r="AA3192">
            <v>12</v>
          </cell>
          <cell r="AB3192" t="str">
            <v/>
          </cell>
          <cell r="AC3192" t="str">
            <v/>
          </cell>
          <cell r="AD3192" t="str">
            <v/>
          </cell>
          <cell r="AE3192" t="str">
            <v>１；特になし２；特になし３；４；</v>
          </cell>
          <cell r="AF3192" t="str">
            <v>主に栄養計算・給食管理・栄養指導などの「食」と「健康」に特化したアプリケーションソフトの開発・販売をしており、「ユーザビリティのよさ」「サポートのよさ」「技術力の高さ」で全国のユーザー様から高く評価をいただきております。</v>
          </cell>
        </row>
        <row r="3193">
          <cell r="B3193">
            <v>12525</v>
          </cell>
          <cell r="C3193" t="str">
            <v>(株)ビバホーム</v>
          </cell>
          <cell r="D3193" t="str">
            <v>048-610-0610</v>
          </cell>
          <cell r="E3193" t="str">
            <v>330-8671</v>
          </cell>
          <cell r="F3193" t="str">
            <v>埼玉県さいたま市浦和区上木崎1-13-1</v>
          </cell>
          <cell r="G3193" t="str">
            <v>さいたま市</v>
          </cell>
          <cell r="I3193" t="str">
            <v>取締役社長 渡邉　修</v>
          </cell>
          <cell r="J3193" t="str">
            <v>埼玉県さいたま市</v>
          </cell>
          <cell r="L3193" t="str">
            <v>svh.itami@lixil.com</v>
          </cell>
          <cell r="M3193" t="str">
            <v>ﾘｸｼﾙﾋﾞﾊﾞ</v>
          </cell>
          <cell r="N3193" t="str">
            <v>有</v>
          </cell>
          <cell r="O3193">
            <v>42</v>
          </cell>
          <cell r="P3193">
            <v>6131</v>
          </cell>
          <cell r="Q3193">
            <v>2030001041872</v>
          </cell>
          <cell r="R3193">
            <v>24596100</v>
          </cell>
          <cell r="S3193">
            <v>62864000</v>
          </cell>
          <cell r="T3193">
            <v>180926000</v>
          </cell>
          <cell r="V3193" t="str">
            <v>rj486159</v>
          </cell>
          <cell r="W3193" t="str">
            <v>qb163140</v>
          </cell>
          <cell r="Y3193" t="str">
            <v>01，05，06，14，19，25，29，31，32，33，34，35，</v>
          </cell>
          <cell r="Z3193">
            <v>1</v>
          </cell>
          <cell r="AA3193">
            <v>5</v>
          </cell>
          <cell r="AB3193" t="str">
            <v/>
          </cell>
          <cell r="AC3193" t="str">
            <v/>
          </cell>
          <cell r="AD3193" t="str">
            <v/>
          </cell>
          <cell r="AE3193" t="str">
            <v>１；２；３；４；</v>
          </cell>
          <cell r="AF3193" t="str">
            <v>カー用品、大工資材用品、園芸用品、ペットおよびペット用品、家庭日用品、インテリア用品、家庭電器製品、文房具、レジャー用品、スポーツ用品、時計、エクステリア用品、住宅設備機器等の総合小売業および住宅リフォーム</v>
          </cell>
        </row>
        <row r="3194">
          <cell r="B3194">
            <v>12530</v>
          </cell>
          <cell r="C3194" t="str">
            <v>(株)明日香</v>
          </cell>
          <cell r="D3194" t="str">
            <v>045-316-5515</v>
          </cell>
          <cell r="E3194" t="str">
            <v>220-0004</v>
          </cell>
          <cell r="F3194" t="str">
            <v>神奈川県横浜市西区北幸1-4-1天理ﾋﾞﾙ9F</v>
          </cell>
          <cell r="G3194" t="str">
            <v>吹田市</v>
          </cell>
          <cell r="I3194" t="str">
            <v>代表取締役 萩野　吉俗</v>
          </cell>
          <cell r="J3194" t="str">
            <v>神奈川県横浜市</v>
          </cell>
          <cell r="K3194" t="str">
            <v>045-316-5544</v>
          </cell>
          <cell r="L3194" t="str">
            <v>asuka-bidding-only@g-asuka.co.jp</v>
          </cell>
          <cell r="M3194" t="str">
            <v>ｱｽｶ</v>
          </cell>
          <cell r="N3194" t="str">
            <v>有</v>
          </cell>
          <cell r="O3194">
            <v>24</v>
          </cell>
          <cell r="P3194">
            <v>325</v>
          </cell>
          <cell r="Q3194">
            <v>5020001039881</v>
          </cell>
          <cell r="R3194">
            <v>20000</v>
          </cell>
          <cell r="S3194">
            <v>281874</v>
          </cell>
          <cell r="T3194">
            <v>1864421</v>
          </cell>
          <cell r="V3194" t="str">
            <v>qg112295</v>
          </cell>
          <cell r="W3194" t="str">
            <v>tv179599</v>
          </cell>
          <cell r="Y3194" t="str">
            <v>56，</v>
          </cell>
          <cell r="Z3194">
            <v>80</v>
          </cell>
          <cell r="AA3194">
            <v>56</v>
          </cell>
          <cell r="AB3194" t="str">
            <v/>
          </cell>
          <cell r="AC3194" t="str">
            <v/>
          </cell>
          <cell r="AD3194" t="str">
            <v/>
          </cell>
          <cell r="AE3194" t="str">
            <v>１；保育施設等運営業務委託２；保育施設等への保育士等派遣業務　一般労働者派遣業務許可３；４；</v>
          </cell>
          <cell r="AF3194" t="str">
            <v>保育・子育てに関わるヒト（人財）、コト（教育コンテンツ）、モノ（サービス・ノウハウ）をプラットフォームとしてご用意しつなぎ合わせることにより、行政や保育事業者、そして、子どもと子育て中の保護者が抱える課題を解決し、子育てしやすい社会の現実にむけ皆様をサポートしております。</v>
          </cell>
        </row>
        <row r="3195">
          <cell r="B3195">
            <v>12531</v>
          </cell>
          <cell r="C3195" t="str">
            <v>(株)メディクラーク</v>
          </cell>
          <cell r="D3195" t="str">
            <v>078-381-7008</v>
          </cell>
          <cell r="E3195" t="str">
            <v>650-0025</v>
          </cell>
          <cell r="F3195" t="str">
            <v>兵庫県神戸市中央区相生町5丁目10-18</v>
          </cell>
          <cell r="G3195" t="str">
            <v>神戸市</v>
          </cell>
          <cell r="H3195" t="str">
            <v/>
          </cell>
          <cell r="I3195" t="str">
            <v>代表取締役社長 武川　幸弘</v>
          </cell>
          <cell r="J3195" t="str">
            <v>本店</v>
          </cell>
          <cell r="K3195" t="str">
            <v>078-651-5000</v>
          </cell>
          <cell r="L3195" t="str">
            <v>takegawa@mediclerk.co.jp</v>
          </cell>
          <cell r="M3195" t="str">
            <v>ﾒﾃﾞｨｸﾗｰｸ</v>
          </cell>
          <cell r="N3195" t="str">
            <v>無</v>
          </cell>
          <cell r="O3195">
            <v>5</v>
          </cell>
          <cell r="P3195">
            <v>8</v>
          </cell>
          <cell r="Q3195">
            <v>7140001090061</v>
          </cell>
          <cell r="R3195">
            <v>1500</v>
          </cell>
          <cell r="S3195">
            <v>6195</v>
          </cell>
          <cell r="T3195">
            <v>44843</v>
          </cell>
          <cell r="V3195" t="str">
            <v>ai167424</v>
          </cell>
          <cell r="W3195" t="str">
            <v>hi171585</v>
          </cell>
          <cell r="Y3195" t="str">
            <v>36，39，57，</v>
          </cell>
          <cell r="Z3195" t="str">
            <v/>
          </cell>
          <cell r="AA3195" t="str">
            <v/>
          </cell>
          <cell r="AB3195" t="str">
            <v/>
          </cell>
          <cell r="AC3195" t="str">
            <v/>
          </cell>
          <cell r="AD3195" t="str">
            <v/>
          </cell>
          <cell r="AE3195" t="str">
            <v>１；２；３；４；</v>
          </cell>
          <cell r="AF3195" t="str">
            <v/>
          </cell>
        </row>
        <row r="3196">
          <cell r="B3196">
            <v>12532</v>
          </cell>
          <cell r="C3196" t="str">
            <v>(株)ＤＡＣＳ</v>
          </cell>
          <cell r="D3196" t="str">
            <v>06-6203-1441</v>
          </cell>
          <cell r="E3196" t="str">
            <v>541-0048</v>
          </cell>
          <cell r="F3196" t="str">
            <v>大阪府大阪市中央区瓦町1-4-8</v>
          </cell>
          <cell r="G3196" t="str">
            <v>大阪市</v>
          </cell>
          <cell r="H3196" t="str">
            <v/>
          </cell>
          <cell r="I3196" t="str">
            <v>代表取締役社長 佐藤　尚文</v>
          </cell>
          <cell r="J3196" t="str">
            <v>本店</v>
          </cell>
          <cell r="K3196" t="str">
            <v>06-6203-2301</v>
          </cell>
          <cell r="L3196" t="str">
            <v>gotohda@dacs.co.jp</v>
          </cell>
          <cell r="M3196" t="str">
            <v>ﾀﾞｯｸｽ</v>
          </cell>
          <cell r="N3196" t="str">
            <v>無</v>
          </cell>
          <cell r="O3196">
            <v>48</v>
          </cell>
          <cell r="P3196">
            <v>370</v>
          </cell>
          <cell r="Q3196">
            <v>4120001083747</v>
          </cell>
          <cell r="R3196">
            <v>100000</v>
          </cell>
          <cell r="S3196">
            <v>1661243</v>
          </cell>
          <cell r="T3196">
            <v>4149307</v>
          </cell>
          <cell r="V3196" t="str">
            <v>zw144942</v>
          </cell>
          <cell r="W3196" t="str">
            <v>iv163996</v>
          </cell>
          <cell r="Y3196" t="str">
            <v>36，57，58，</v>
          </cell>
          <cell r="Z3196">
            <v>58</v>
          </cell>
          <cell r="AA3196">
            <v>57</v>
          </cell>
          <cell r="AB3196">
            <v>36</v>
          </cell>
          <cell r="AC3196" t="str">
            <v/>
          </cell>
          <cell r="AD3196" t="str">
            <v/>
          </cell>
          <cell r="AE3196" t="str">
            <v>１；基幹業務の効率化・最適化をめざすシステムソリューション分野において、システム更改・保守をはじめとしたシステム開発全般を取り扱っております。２；電算処理、データ入力、帳票印刷、データ伝送、ＯＣＲ処理、サーバハウジング等情報処理関連業務を幅広く取り扱っております。３；サーバ機器、ネットワーク機器、パソコン、パッケージソフトウェア等幅広く取り扱っております。４；</v>
          </cell>
          <cell r="AF3196" t="str">
            <v>情報処理サービスの中でも「アウトソーシング」「金融サービス」「システムソリューション」の分野を得意としており、データセンター関連商品も数多く取り扱っております。これらに関連する各種情報処理機器、ライセンスソフトウェアについても幅広く取り扱っております。</v>
          </cell>
        </row>
        <row r="3197">
          <cell r="B3197">
            <v>12533</v>
          </cell>
          <cell r="C3197" t="str">
            <v>(株)宣通</v>
          </cell>
          <cell r="D3197" t="str">
            <v>052-979-1600</v>
          </cell>
          <cell r="E3197" t="str">
            <v>461-0005</v>
          </cell>
          <cell r="F3197" t="str">
            <v>愛知県名古屋市東区東桜2-16-27</v>
          </cell>
          <cell r="G3197" t="str">
            <v>名古屋市</v>
          </cell>
          <cell r="H3197" t="str">
            <v/>
          </cell>
          <cell r="I3197" t="str">
            <v>代表取締役 津田　郁夫</v>
          </cell>
          <cell r="J3197" t="str">
            <v>本店</v>
          </cell>
          <cell r="K3197" t="str">
            <v>052-979-1601</v>
          </cell>
          <cell r="L3197" t="str">
            <v/>
          </cell>
          <cell r="M3197" t="str">
            <v>ｾﾝﾂｳ</v>
          </cell>
          <cell r="N3197" t="str">
            <v>無</v>
          </cell>
          <cell r="O3197">
            <v>29</v>
          </cell>
          <cell r="P3197">
            <v>43</v>
          </cell>
          <cell r="Q3197">
            <v>6180001037282</v>
          </cell>
          <cell r="R3197">
            <v>30000</v>
          </cell>
          <cell r="S3197">
            <v>248546</v>
          </cell>
          <cell r="T3197">
            <v>614502</v>
          </cell>
          <cell r="V3197" t="str">
            <v>ap166570</v>
          </cell>
          <cell r="W3197" t="str">
            <v>bx189618</v>
          </cell>
          <cell r="Y3197" t="str">
            <v>65,</v>
          </cell>
          <cell r="Z3197" t="str">
            <v/>
          </cell>
          <cell r="AA3197" t="str">
            <v/>
          </cell>
          <cell r="AB3197" t="str">
            <v/>
          </cell>
          <cell r="AC3197" t="str">
            <v/>
          </cell>
          <cell r="AD3197" t="str">
            <v/>
          </cell>
          <cell r="AE3197">
            <v>0</v>
          </cell>
          <cell r="AF3197" t="str">
            <v/>
          </cell>
        </row>
        <row r="3198">
          <cell r="B3198">
            <v>12534</v>
          </cell>
          <cell r="C3198" t="str">
            <v>(株)ビーコンラーニングサービス</v>
          </cell>
          <cell r="D3198" t="str">
            <v>03-6231-1670</v>
          </cell>
          <cell r="E3198" t="str">
            <v>103-0025</v>
          </cell>
          <cell r="F3198" t="str">
            <v>東京都中央区日本橋茅場町2-2-1</v>
          </cell>
          <cell r="G3198" t="str">
            <v>東京都</v>
          </cell>
          <cell r="H3198" t="str">
            <v/>
          </cell>
          <cell r="I3198" t="str">
            <v>代表取締役 近藤　雅人</v>
          </cell>
          <cell r="J3198" t="str">
            <v>本店</v>
          </cell>
          <cell r="K3198" t="str">
            <v>03-6231-1677</v>
          </cell>
          <cell r="L3198" t="str">
            <v>info@bls-bcon.jp</v>
          </cell>
          <cell r="M3198" t="str">
            <v>ﾋﾞｰｺﾝﾗｰﾆﾝｸﾞｻｰﾋﾞｽ</v>
          </cell>
          <cell r="N3198" t="str">
            <v>無</v>
          </cell>
          <cell r="O3198">
            <v>4</v>
          </cell>
          <cell r="P3198">
            <v>15</v>
          </cell>
          <cell r="Q3198">
            <v>4010001160557</v>
          </cell>
          <cell r="R3198">
            <v>50000</v>
          </cell>
          <cell r="S3198">
            <v>39128</v>
          </cell>
          <cell r="T3198">
            <v>170425</v>
          </cell>
          <cell r="V3198" t="str">
            <v>lg146496</v>
          </cell>
          <cell r="W3198" t="str">
            <v>oj199999</v>
          </cell>
          <cell r="Y3198" t="str">
            <v>56，</v>
          </cell>
          <cell r="Z3198" t="str">
            <v/>
          </cell>
          <cell r="AA3198" t="str">
            <v/>
          </cell>
          <cell r="AB3198" t="str">
            <v/>
          </cell>
          <cell r="AC3198" t="str">
            <v/>
          </cell>
          <cell r="AD3198" t="str">
            <v/>
          </cell>
          <cell r="AE3198" t="str">
            <v>１；職員研修・講演会講師派遣のみとなります。２；３；４；</v>
          </cell>
          <cell r="AF3198" t="str">
            <v>昭和３９年設立　株式会社ビジネスコンサルタントより、事業分割子会社として設立。親会社のノウハウをそのまま承継し、非営利団体組織様へ研修を実施させていただいております。</v>
          </cell>
        </row>
        <row r="3199">
          <cell r="B3199">
            <v>12535</v>
          </cell>
          <cell r="C3199" t="str">
            <v>水道総合プランニング(株)</v>
          </cell>
          <cell r="D3199" t="str">
            <v>048-458-6385</v>
          </cell>
          <cell r="E3199" t="str">
            <v>351-0114</v>
          </cell>
          <cell r="F3199" t="str">
            <v>埼玉県和光市本町22-1</v>
          </cell>
          <cell r="G3199" t="str">
            <v>和光市</v>
          </cell>
          <cell r="H3199" t="str">
            <v>総務部</v>
          </cell>
          <cell r="I3199" t="str">
            <v>取締役 櫻井　道博</v>
          </cell>
          <cell r="J3199" t="str">
            <v>埼玉県和光市</v>
          </cell>
          <cell r="K3199" t="str">
            <v>048-458-6380</v>
          </cell>
          <cell r="L3199" t="str">
            <v>office@suido-sogo.jp</v>
          </cell>
          <cell r="M3199" t="str">
            <v>ｽｲﾄﾞｳｿｳｺﾞｳﾌﾟﾗﾝﾆﾝｸﾞ</v>
          </cell>
          <cell r="N3199" t="str">
            <v>有</v>
          </cell>
          <cell r="O3199">
            <v>8</v>
          </cell>
          <cell r="P3199">
            <v>16</v>
          </cell>
          <cell r="Q3199">
            <v>4030001050005</v>
          </cell>
          <cell r="R3199">
            <v>45000</v>
          </cell>
          <cell r="S3199">
            <v>70514</v>
          </cell>
          <cell r="T3199">
            <v>149473</v>
          </cell>
          <cell r="V3199" t="str">
            <v>sh119657</v>
          </cell>
          <cell r="W3199" t="str">
            <v>sw153913</v>
          </cell>
          <cell r="Y3199" t="str">
            <v>79，</v>
          </cell>
          <cell r="Z3199">
            <v>79</v>
          </cell>
          <cell r="AA3199" t="str">
            <v/>
          </cell>
          <cell r="AB3199" t="str">
            <v/>
          </cell>
          <cell r="AC3199" t="str">
            <v/>
          </cell>
          <cell r="AD3199" t="str">
            <v/>
          </cell>
          <cell r="AE3199" t="str">
            <v>１；上水道の漏水調査を希望致します。２；３；４；</v>
          </cell>
          <cell r="AF3199" t="str">
            <v>上水道の漏水調査を専門にしております。</v>
          </cell>
        </row>
        <row r="3200">
          <cell r="B3200">
            <v>12536</v>
          </cell>
          <cell r="C3200" t="str">
            <v>マイタウンサービス(株)</v>
          </cell>
          <cell r="D3200" t="str">
            <v>092-408-5641</v>
          </cell>
          <cell r="E3200" t="str">
            <v>815-0037</v>
          </cell>
          <cell r="F3200" t="str">
            <v>福岡県福岡市南区玉川町9-12</v>
          </cell>
          <cell r="G3200" t="str">
            <v>福岡市</v>
          </cell>
          <cell r="H3200" t="str">
            <v/>
          </cell>
          <cell r="I3200" t="str">
            <v>代表取締役 鹿野　範昭</v>
          </cell>
          <cell r="J3200" t="str">
            <v>本店</v>
          </cell>
          <cell r="K3200" t="str">
            <v>092-408-5642</v>
          </cell>
          <cell r="L3200" t="str">
            <v>info@mytown-s.co.jp</v>
          </cell>
          <cell r="M3200" t="str">
            <v>ﾏｲﾀｳﾝｻｰﾋﾞｽ</v>
          </cell>
          <cell r="N3200" t="str">
            <v>無</v>
          </cell>
          <cell r="O3200">
            <v>17</v>
          </cell>
          <cell r="P3200">
            <v>34</v>
          </cell>
          <cell r="Q3200">
            <v>6300001008527</v>
          </cell>
          <cell r="R3200">
            <v>10000</v>
          </cell>
          <cell r="S3200">
            <v>10647</v>
          </cell>
          <cell r="T3200">
            <v>135042</v>
          </cell>
          <cell r="V3200" t="str">
            <v>xl124988</v>
          </cell>
          <cell r="W3200" t="str">
            <v>wl131999</v>
          </cell>
          <cell r="Y3200" t="str">
            <v>61，</v>
          </cell>
          <cell r="Z3200">
            <v>61</v>
          </cell>
          <cell r="AA3200">
            <v>80</v>
          </cell>
          <cell r="AB3200" t="str">
            <v/>
          </cell>
          <cell r="AC3200" t="str">
            <v/>
          </cell>
          <cell r="AD3200" t="str">
            <v/>
          </cell>
          <cell r="AE3200" t="str">
            <v>１；水道メーター検針業務２；水道料金徴収等業務（受付窓口業務、未納整理業務、開閉栓業務、転居清算業務）３；４；</v>
          </cell>
          <cell r="AF3200" t="str">
            <v>水道メータ―検針、料金徴収等業務（受付窓口業務、未納整理業務、開閉栓業務、転居清算業務）</v>
          </cell>
        </row>
        <row r="3201">
          <cell r="B3201">
            <v>12540</v>
          </cell>
          <cell r="C3201" t="str">
            <v>野坂商事有限会社(有)</v>
          </cell>
          <cell r="D3201" t="str">
            <v>072-783-0360</v>
          </cell>
          <cell r="E3201" t="str">
            <v>664-0012</v>
          </cell>
          <cell r="F3201" t="str">
            <v>兵庫県伊丹市緑ｹ丘2-118-13</v>
          </cell>
          <cell r="G3201" t="str">
            <v>伊丹市</v>
          </cell>
          <cell r="H3201" t="str">
            <v/>
          </cell>
          <cell r="I3201" t="str">
            <v>代表取締役 野坂　直将</v>
          </cell>
          <cell r="J3201" t="str">
            <v>本店</v>
          </cell>
          <cell r="K3201" t="str">
            <v>050-1327-7877</v>
          </cell>
          <cell r="L3201" t="str">
            <v>nosakatd3@yahoo.co.jp</v>
          </cell>
          <cell r="M3201" t="str">
            <v>ﾉｻｶｼｮｳｼﾞ</v>
          </cell>
          <cell r="N3201" t="str">
            <v>無</v>
          </cell>
          <cell r="O3201">
            <v>14</v>
          </cell>
          <cell r="P3201">
            <v>7</v>
          </cell>
          <cell r="Q3201">
            <v>7140002066069</v>
          </cell>
          <cell r="R3201">
            <v>990</v>
          </cell>
          <cell r="S3201">
            <v>262440</v>
          </cell>
          <cell r="T3201">
            <v>280141</v>
          </cell>
          <cell r="V3201" t="str">
            <v>qc181985</v>
          </cell>
          <cell r="W3201" t="str">
            <v>ua196398</v>
          </cell>
          <cell r="Y3201" t="str">
            <v/>
          </cell>
          <cell r="Z3201" t="str">
            <v/>
          </cell>
          <cell r="AA3201" t="str">
            <v/>
          </cell>
          <cell r="AB3201" t="str">
            <v/>
          </cell>
          <cell r="AC3201" t="str">
            <v/>
          </cell>
          <cell r="AD3201" t="str">
            <v/>
          </cell>
          <cell r="AE3201" t="str">
            <v>１；２；３；４；</v>
          </cell>
          <cell r="AF3201" t="str">
            <v>イベント・学校・自治会等で使われるテント、テントを安全に設置する為のウェイト、会議用テーブル、パイプ椅子を作り販売しています。他県の入札の経験もございます。便利でグレードの高いものをどこよりもお安くご提供致します。</v>
          </cell>
        </row>
        <row r="3202">
          <cell r="B3202">
            <v>12545</v>
          </cell>
          <cell r="C3202" t="str">
            <v>(株)日立ソリューションズ・クリエイト</v>
          </cell>
          <cell r="D3202" t="str">
            <v>06-6147-7328</v>
          </cell>
          <cell r="E3202" t="str">
            <v>530-0004</v>
          </cell>
          <cell r="F3202" t="str">
            <v>大阪府大阪市北区堂島浜1-2-1</v>
          </cell>
          <cell r="G3202" t="str">
            <v>大阪市</v>
          </cell>
          <cell r="H3202" t="str">
            <v>株式会社日立ソリューションズ・クリエイト</v>
          </cell>
          <cell r="I3202" t="str">
            <v>第４営業本部第１部長 宇都宮　宏之</v>
          </cell>
          <cell r="J3202" t="str">
            <v>東京都</v>
          </cell>
          <cell r="K3202" t="str">
            <v>06-6147-7324</v>
          </cell>
          <cell r="L3202" t="str">
            <v>takayuki.moriyama.zz@hitachi-solutions.com</v>
          </cell>
          <cell r="M3202" t="str">
            <v>ﾋﾀﾁｿﾘｭｰｼｮﾝｽﾞ･ｸﾘｴｲﾄ</v>
          </cell>
          <cell r="N3202" t="str">
            <v>有</v>
          </cell>
          <cell r="O3202">
            <v>42</v>
          </cell>
          <cell r="P3202">
            <v>3188</v>
          </cell>
          <cell r="Q3202">
            <v>1020001028459</v>
          </cell>
          <cell r="R3202">
            <v>450000</v>
          </cell>
          <cell r="S3202">
            <v>12755000</v>
          </cell>
          <cell r="T3202">
            <v>55933000</v>
          </cell>
          <cell r="V3202" t="str">
            <v>ir143841</v>
          </cell>
          <cell r="W3202" t="str">
            <v>qz159539</v>
          </cell>
          <cell r="Y3202" t="str">
            <v>36，57，58，</v>
          </cell>
          <cell r="Z3202">
            <v>58</v>
          </cell>
          <cell r="AA3202">
            <v>57</v>
          </cell>
          <cell r="AB3202">
            <v>36</v>
          </cell>
          <cell r="AC3202" t="str">
            <v/>
          </cell>
          <cell r="AD3202" t="str">
            <v/>
          </cell>
          <cell r="AE3202" t="str">
            <v>１；システム・プログラム開発、システム保守２；電算業務・データ入力３；ソフトウェア販売、コンピュータ、サーバ、周辺機器、事務機器　代・（株）日立ソリューションズ、特・（株）日立製作所、デル（株）、（株）日本ＨＰ、セイコーエプソン（株）、キャノン（株）他４；</v>
          </cell>
          <cell r="AF3202" t="str">
            <v>コンサルからサポートサービスまでの一貫したシステム構築＆サービスの提供。業務ソフト等各種ソフトウェアの受託開発。業種・業務特化型ソフトウェアパッケージ・情報処理機器の販売。</v>
          </cell>
        </row>
        <row r="3203">
          <cell r="B3203">
            <v>12549</v>
          </cell>
          <cell r="C3203" t="str">
            <v>(株)城南開発興業</v>
          </cell>
          <cell r="D3203" t="str">
            <v>075-981-0500</v>
          </cell>
          <cell r="E3203" t="str">
            <v>614-8073</v>
          </cell>
          <cell r="F3203" t="str">
            <v>京都府八幡市八幡軸68-7</v>
          </cell>
          <cell r="G3203" t="str">
            <v>八幡市</v>
          </cell>
          <cell r="H3203" t="str">
            <v/>
          </cell>
          <cell r="I3203" t="str">
            <v>代表取締役 上田　啓</v>
          </cell>
          <cell r="J3203" t="str">
            <v>本店</v>
          </cell>
          <cell r="K3203" t="str">
            <v>075-982-6000</v>
          </cell>
          <cell r="L3203" t="str">
            <v>jypnan@js8.so-net.ne.jp</v>
          </cell>
          <cell r="M3203" t="str">
            <v>ｼﾞｮｳﾅﾝｶｲﾊﾂｺｳｷﾞｮｳ</v>
          </cell>
          <cell r="N3203" t="str">
            <v>無</v>
          </cell>
          <cell r="O3203">
            <v>45</v>
          </cell>
          <cell r="P3203">
            <v>17</v>
          </cell>
          <cell r="Q3203">
            <v>1130001039511</v>
          </cell>
          <cell r="R3203">
            <v>20000</v>
          </cell>
          <cell r="S3203">
            <v>132599</v>
          </cell>
          <cell r="T3203">
            <v>559607</v>
          </cell>
          <cell r="V3203" t="str">
            <v>gt144050</v>
          </cell>
          <cell r="W3203" t="str">
            <v>xf126263</v>
          </cell>
          <cell r="Y3203" t="str">
            <v>79，</v>
          </cell>
          <cell r="Z3203" t="str">
            <v/>
          </cell>
          <cell r="AA3203" t="str">
            <v/>
          </cell>
          <cell r="AB3203" t="str">
            <v/>
          </cell>
          <cell r="AC3203" t="str">
            <v/>
          </cell>
          <cell r="AD3203" t="str">
            <v/>
          </cell>
          <cell r="AE3203" t="str">
            <v>１；下水道管内調査２；３；４；</v>
          </cell>
          <cell r="AF3203" t="str">
            <v>下水道管更生工事止水補修カメラ目視等調査　河川側溝桝洗浄清掃</v>
          </cell>
        </row>
        <row r="3204">
          <cell r="B3204">
            <v>12550</v>
          </cell>
          <cell r="C3204" t="str">
            <v>(株)エーステック</v>
          </cell>
          <cell r="D3204" t="str">
            <v>078-733-2110</v>
          </cell>
          <cell r="E3204" t="str">
            <v>654-0044</v>
          </cell>
          <cell r="F3204" t="str">
            <v>兵庫県神戸市須磨区稲葉町1-1-3</v>
          </cell>
          <cell r="G3204" t="str">
            <v>神戸市</v>
          </cell>
          <cell r="H3204" t="str">
            <v/>
          </cell>
          <cell r="I3204" t="str">
            <v>代表取締役 加納　由紀夫</v>
          </cell>
          <cell r="J3204" t="str">
            <v>本店</v>
          </cell>
          <cell r="K3204" t="str">
            <v>078-734-5295</v>
          </cell>
          <cell r="L3204" t="str">
            <v>kashimoto@ace-tec.jp</v>
          </cell>
          <cell r="M3204" t="str">
            <v>ｴｰｽﾃｯｸ</v>
          </cell>
          <cell r="N3204" t="str">
            <v>無</v>
          </cell>
          <cell r="O3204">
            <v>29</v>
          </cell>
          <cell r="P3204">
            <v>24</v>
          </cell>
          <cell r="Q3204">
            <v>4140001017307</v>
          </cell>
          <cell r="R3204">
            <v>15000</v>
          </cell>
          <cell r="S3204">
            <v>21316</v>
          </cell>
          <cell r="T3204">
            <v>478831</v>
          </cell>
          <cell r="V3204" t="str">
            <v>uv110680</v>
          </cell>
          <cell r="W3204" t="str">
            <v>zh193368</v>
          </cell>
          <cell r="Y3204" t="str">
            <v>48，</v>
          </cell>
          <cell r="Z3204" t="str">
            <v/>
          </cell>
          <cell r="AA3204" t="str">
            <v/>
          </cell>
          <cell r="AB3204" t="str">
            <v/>
          </cell>
          <cell r="AC3204" t="str">
            <v/>
          </cell>
          <cell r="AD3204" t="str">
            <v/>
          </cell>
          <cell r="AE3204" t="str">
            <v>１；昇降機保守点検業務２；３；４；</v>
          </cell>
          <cell r="AF3204" t="str">
            <v>昇降機設置工事　昇降機保守点検業務</v>
          </cell>
        </row>
        <row r="3205">
          <cell r="B3205">
            <v>12554</v>
          </cell>
          <cell r="C3205" t="str">
            <v>(株)エネット</v>
          </cell>
          <cell r="D3205" t="str">
            <v>03-5733-2233</v>
          </cell>
          <cell r="E3205" t="str">
            <v>105-0011</v>
          </cell>
          <cell r="F3205" t="str">
            <v>東京都港区芝公園2-6-3</v>
          </cell>
          <cell r="G3205" t="str">
            <v>東京都</v>
          </cell>
          <cell r="H3205" t="str">
            <v/>
          </cell>
          <cell r="I3205" t="str">
            <v>代表取締役 川越　祐司</v>
          </cell>
          <cell r="J3205" t="str">
            <v>本店</v>
          </cell>
          <cell r="K3205" t="str">
            <v>03-5733-2236</v>
          </cell>
          <cell r="L3205" t="str">
            <v>allnishi@ennet.co.jp</v>
          </cell>
          <cell r="M3205" t="str">
            <v>ｴﾈｯﾄ</v>
          </cell>
          <cell r="N3205" t="str">
            <v>無</v>
          </cell>
          <cell r="O3205">
            <v>18</v>
          </cell>
          <cell r="P3205">
            <v>74</v>
          </cell>
          <cell r="Q3205">
            <v>9010401041641</v>
          </cell>
          <cell r="R3205">
            <v>6300000</v>
          </cell>
          <cell r="S3205">
            <v>20780000</v>
          </cell>
          <cell r="T3205">
            <v>282004000</v>
          </cell>
          <cell r="V3205" t="str">
            <v>pz168611</v>
          </cell>
          <cell r="W3205" t="str">
            <v>hu151969</v>
          </cell>
          <cell r="Y3205" t="str">
            <v>43，</v>
          </cell>
          <cell r="Z3205">
            <v>43</v>
          </cell>
          <cell r="AA3205" t="str">
            <v/>
          </cell>
          <cell r="AB3205" t="str">
            <v/>
          </cell>
          <cell r="AC3205" t="str">
            <v/>
          </cell>
          <cell r="AD3205" t="str">
            <v/>
          </cell>
          <cell r="AE3205" t="str">
            <v>１；電力２；３；４；</v>
          </cell>
          <cell r="AF3205" t="str">
            <v>電力供給・余剰電力買い取り</v>
          </cell>
        </row>
        <row r="3206">
          <cell r="B3206">
            <v>12555</v>
          </cell>
          <cell r="C3206" t="str">
            <v>森田会計事務所</v>
          </cell>
          <cell r="D3206" t="str">
            <v>0742-22-3578</v>
          </cell>
          <cell r="E3206" t="str">
            <v>630-8247</v>
          </cell>
          <cell r="F3206" t="str">
            <v>奈良県奈良市油阪町456</v>
          </cell>
          <cell r="G3206" t="str">
            <v>奈良市</v>
          </cell>
          <cell r="H3206" t="str">
            <v/>
          </cell>
          <cell r="I3206" t="str">
            <v>代表社員 森田　務</v>
          </cell>
          <cell r="J3206" t="str">
            <v>本店</v>
          </cell>
          <cell r="K3206" t="str">
            <v>0742-27-1681</v>
          </cell>
          <cell r="L3206" t="str">
            <v>koukaikei@mit-morita.co.jp</v>
          </cell>
          <cell r="M3206" t="str">
            <v>ﾓﾘﾀｶｲｹｲｼﾞﾑｼｮ</v>
          </cell>
          <cell r="N3206" t="str">
            <v>無</v>
          </cell>
          <cell r="O3206" t="str">
            <v/>
          </cell>
          <cell r="P3206" t="str">
            <v/>
          </cell>
          <cell r="Q3206">
            <v>8150005008520</v>
          </cell>
          <cell r="R3206" t="str">
            <v/>
          </cell>
          <cell r="S3206" t="str">
            <v/>
          </cell>
          <cell r="T3206" t="str">
            <v/>
          </cell>
          <cell r="V3206" t="str">
            <v>uo134737</v>
          </cell>
          <cell r="W3206" t="str">
            <v>ub199999</v>
          </cell>
          <cell r="Y3206" t="str">
            <v/>
          </cell>
          <cell r="Z3206">
            <v>80</v>
          </cell>
          <cell r="AA3206" t="str">
            <v/>
          </cell>
          <cell r="AB3206" t="str">
            <v/>
          </cell>
          <cell r="AC3206" t="str">
            <v/>
          </cell>
          <cell r="AD3206" t="str">
            <v/>
          </cell>
          <cell r="AE3206" t="str">
            <v>１；公会計に関する業務・公営企業会計に関する業務・公営企業等の消費税申告に関する業務・経営戦略策定に関する業務・地方公営企業法適用化に関する業務２；３；４；</v>
          </cell>
          <cell r="AF3206" t="str">
            <v/>
          </cell>
        </row>
        <row r="3207">
          <cell r="B3207">
            <v>12556</v>
          </cell>
          <cell r="C3207" t="str">
            <v>(株)テスコム</v>
          </cell>
          <cell r="D3207" t="str">
            <v>06-6155-8926</v>
          </cell>
          <cell r="E3207" t="str">
            <v>532-0011</v>
          </cell>
          <cell r="F3207" t="str">
            <v>大阪府大阪市淀川区西中島6-3-24北白石ﾋﾞﾙ西館4F</v>
          </cell>
          <cell r="G3207" t="str">
            <v>吹田市</v>
          </cell>
          <cell r="H3207" t="str">
            <v>大阪営業所</v>
          </cell>
          <cell r="I3207" t="str">
            <v>所長 田平　俊彦</v>
          </cell>
          <cell r="J3207" t="str">
            <v>長崎県長崎市</v>
          </cell>
          <cell r="K3207" t="str">
            <v>06-6885-6522</v>
          </cell>
          <cell r="L3207" t="str">
            <v>soum@tes-com.co.jp</v>
          </cell>
          <cell r="M3207" t="str">
            <v>ﾃｽｺﾑ</v>
          </cell>
          <cell r="N3207" t="str">
            <v>有</v>
          </cell>
          <cell r="O3207">
            <v>5</v>
          </cell>
          <cell r="P3207">
            <v>12</v>
          </cell>
          <cell r="Q3207">
            <v>9120901033185</v>
          </cell>
          <cell r="R3207">
            <v>10000</v>
          </cell>
          <cell r="S3207">
            <v>12178</v>
          </cell>
          <cell r="T3207">
            <v>56474</v>
          </cell>
          <cell r="V3207" t="str">
            <v>hx123440</v>
          </cell>
          <cell r="W3207" t="str">
            <v>lb158883</v>
          </cell>
          <cell r="Y3207" t="str">
            <v>79，</v>
          </cell>
          <cell r="Z3207" t="str">
            <v/>
          </cell>
          <cell r="AA3207" t="str">
            <v/>
          </cell>
          <cell r="AB3207" t="str">
            <v/>
          </cell>
          <cell r="AC3207" t="str">
            <v/>
          </cell>
          <cell r="AD3207" t="str">
            <v/>
          </cell>
          <cell r="AE3207" t="str">
            <v>１；漏水調査・管路診断業務２；３；４；</v>
          </cell>
          <cell r="AF3207" t="str">
            <v>漏水調査・水圧流量測定調査・管路診断業務</v>
          </cell>
        </row>
        <row r="3208">
          <cell r="B3208">
            <v>12557</v>
          </cell>
          <cell r="C3208" t="str">
            <v>東テク(株)</v>
          </cell>
          <cell r="D3208" t="str">
            <v>06-6203-4871</v>
          </cell>
          <cell r="E3208" t="str">
            <v>541-0046</v>
          </cell>
          <cell r="F3208" t="str">
            <v>大阪府大阪市中央区平野町4-2-3</v>
          </cell>
          <cell r="G3208" t="str">
            <v>大阪市</v>
          </cell>
          <cell r="H3208" t="str">
            <v>大阪支店</v>
          </cell>
          <cell r="I3208" t="str">
            <v>執行役員支店長 糸満　睦夫</v>
          </cell>
          <cell r="J3208" t="str">
            <v>東京都</v>
          </cell>
          <cell r="K3208" t="str">
            <v>06-6222-6205</v>
          </cell>
          <cell r="L3208" t="str">
            <v>matsutani-t@totech.co.jp</v>
          </cell>
          <cell r="M3208" t="str">
            <v>ﾄｳﾃｸ</v>
          </cell>
          <cell r="N3208" t="str">
            <v>有</v>
          </cell>
          <cell r="O3208">
            <v>63</v>
          </cell>
          <cell r="P3208">
            <v>926</v>
          </cell>
          <cell r="Q3208">
            <v>2010001051477</v>
          </cell>
          <cell r="R3208">
            <v>1857000</v>
          </cell>
          <cell r="S3208">
            <v>21403032</v>
          </cell>
          <cell r="T3208">
            <v>76149000</v>
          </cell>
          <cell r="V3208" t="str">
            <v>bz155404</v>
          </cell>
          <cell r="W3208" t="str">
            <v>iw189393</v>
          </cell>
          <cell r="Y3208" t="str">
            <v>34，47，48，50，</v>
          </cell>
          <cell r="Z3208">
            <v>47</v>
          </cell>
          <cell r="AA3208">
            <v>48</v>
          </cell>
          <cell r="AB3208">
            <v>34</v>
          </cell>
          <cell r="AC3208" t="str">
            <v/>
          </cell>
          <cell r="AD3208" t="str">
            <v>建設業許可（電気工事業）特２７－第００４９４８号</v>
          </cell>
          <cell r="AE3208" t="str">
            <v>１；中央監視（ビルディングオートメーション）ほか制御機器の保守点検２；空調機器、及び空調自動制御の保守点検３；計装・関連機器（リモート機器、電動二方弁等）４；</v>
          </cell>
          <cell r="AF3208" t="str">
            <v>「人と地球にやさしい　環境制御・エネルギーの東テク」を企業コンセプトに、業務用空調・関連機器の販売事業、ビルディングオートメーション（電気計装・自動制御）の設計・工事・保守点検、省エネ化ソリューション提案をワンストップで展開し、官公庁様にも多数の施工・納入実績があります。</v>
          </cell>
        </row>
        <row r="3209">
          <cell r="B3209">
            <v>12559</v>
          </cell>
          <cell r="C3209" t="str">
            <v>(株)ウィット</v>
          </cell>
          <cell r="D3209" t="str">
            <v>072-668-3275</v>
          </cell>
          <cell r="E3209" t="str">
            <v>569-0071</v>
          </cell>
          <cell r="F3209" t="str">
            <v>大阪府高槻市城北町1丁目14-17-501</v>
          </cell>
          <cell r="G3209" t="str">
            <v>高槻市</v>
          </cell>
          <cell r="H3209" t="str">
            <v/>
          </cell>
          <cell r="I3209" t="str">
            <v>代表取締役 川端　康寛</v>
          </cell>
          <cell r="J3209" t="str">
            <v>本店</v>
          </cell>
          <cell r="K3209" t="str">
            <v>072-668-3276</v>
          </cell>
          <cell r="L3209" t="str">
            <v>city@wi-t.co.jp</v>
          </cell>
          <cell r="M3209" t="str">
            <v>ｳｨｯﾄ</v>
          </cell>
          <cell r="N3209" t="str">
            <v>無</v>
          </cell>
          <cell r="O3209">
            <v>9</v>
          </cell>
          <cell r="P3209">
            <v>42</v>
          </cell>
          <cell r="Q3209">
            <v>3120901017581</v>
          </cell>
          <cell r="R3209">
            <v>9500</v>
          </cell>
          <cell r="S3209">
            <v>7194</v>
          </cell>
          <cell r="T3209">
            <v>353632</v>
          </cell>
          <cell r="V3209" t="str">
            <v>tn184879</v>
          </cell>
          <cell r="W3209" t="str">
            <v>ｒn153399</v>
          </cell>
          <cell r="Y3209" t="str">
            <v>080，58，63，65，</v>
          </cell>
          <cell r="Z3209">
            <v>65</v>
          </cell>
          <cell r="AA3209">
            <v>58</v>
          </cell>
          <cell r="AB3209">
            <v>63</v>
          </cell>
          <cell r="AC3209">
            <v>80</v>
          </cell>
          <cell r="AD3209" t="str">
            <v/>
          </cell>
          <cell r="AE3209" t="str">
            <v>１；２；ホームページ制作３；４；漫画・イラスト制作</v>
          </cell>
          <cell r="AF3209" t="str">
            <v>広報誌等の刊行物に掲載する有料広告枠の広告主募集、ホームページバナーの広告主募集、広報誌等の企画・デザイン制作、催事の企画・運営代行業務、ホームページ制作、チラシ・ダイレクトメールのデザイン制作・ポスティング配布、漫画・イラスト制作</v>
          </cell>
        </row>
        <row r="3210">
          <cell r="B3210">
            <v>12561</v>
          </cell>
          <cell r="C3210" t="str">
            <v>グローバルトランスポート(株)</v>
          </cell>
          <cell r="D3210" t="str">
            <v>052-678-6777</v>
          </cell>
          <cell r="E3210" t="str">
            <v>456-0051</v>
          </cell>
          <cell r="F3210" t="str">
            <v>愛知県名古屋市熱田区四番1-10-4</v>
          </cell>
          <cell r="G3210" t="str">
            <v>名古屋市</v>
          </cell>
          <cell r="H3210" t="str">
            <v/>
          </cell>
          <cell r="I3210" t="str">
            <v>代表取締役 川村　悦久</v>
          </cell>
          <cell r="J3210" t="str">
            <v>本店</v>
          </cell>
          <cell r="K3210" t="str">
            <v>052-678-6776</v>
          </cell>
          <cell r="L3210" t="str">
            <v>h.nishio.gt@gmail.com</v>
          </cell>
          <cell r="M3210" t="str">
            <v>ｸﾞﾛｰﾊﾞﾙﾄﾗﾝｽﾎﾟｰﾄ</v>
          </cell>
          <cell r="N3210" t="str">
            <v>無</v>
          </cell>
          <cell r="O3210">
            <v>7</v>
          </cell>
          <cell r="P3210">
            <v>6</v>
          </cell>
          <cell r="Q3210">
            <v>1180001100086</v>
          </cell>
          <cell r="R3210">
            <v>10000</v>
          </cell>
          <cell r="S3210">
            <v>17230</v>
          </cell>
          <cell r="T3210">
            <v>330797</v>
          </cell>
          <cell r="V3210" t="str">
            <v>bc164353</v>
          </cell>
          <cell r="W3210" t="str">
            <v>sv197191</v>
          </cell>
          <cell r="Y3210" t="str">
            <v>67，</v>
          </cell>
          <cell r="Z3210">
            <v>67</v>
          </cell>
          <cell r="AA3210">
            <v>80</v>
          </cell>
          <cell r="AB3210" t="str">
            <v/>
          </cell>
          <cell r="AC3210" t="str">
            <v/>
          </cell>
          <cell r="AD3210" t="str">
            <v/>
          </cell>
          <cell r="AE3210" t="str">
            <v>１；一般貨物自動車運送・貨物軽自動車運送・給食配送・検体配送２；発送代行３；４；</v>
          </cell>
          <cell r="AF3210" t="str">
            <v>一般貨物自動車運送・貨物軽自動車運送・給食配送・発送代行</v>
          </cell>
        </row>
        <row r="3211">
          <cell r="B3211">
            <v>12562</v>
          </cell>
          <cell r="C3211" t="str">
            <v>(株)タケミ・コーポレーション</v>
          </cell>
          <cell r="D3211" t="str">
            <v>072-294-9801</v>
          </cell>
          <cell r="E3211" t="str">
            <v>593-8316</v>
          </cell>
          <cell r="F3211" t="str">
            <v>大阪府堺市西区山田2-191-1</v>
          </cell>
          <cell r="G3211" t="str">
            <v>堺市</v>
          </cell>
          <cell r="H3211" t="str">
            <v/>
          </cell>
          <cell r="I3211" t="str">
            <v>代表取締役 廣瀬　丈巳</v>
          </cell>
          <cell r="J3211" t="str">
            <v>本店</v>
          </cell>
          <cell r="K3211" t="str">
            <v>072-294-9802</v>
          </cell>
          <cell r="L3211" t="str">
            <v>take733jp@yahoo.co.jp</v>
          </cell>
          <cell r="M3211" t="str">
            <v>ﾀｹﾐｺｰﾎﾟﾚｰｼｮﾝ</v>
          </cell>
          <cell r="N3211" t="str">
            <v>無</v>
          </cell>
          <cell r="O3211">
            <v>8</v>
          </cell>
          <cell r="P3211">
            <v>11</v>
          </cell>
          <cell r="Q3211">
            <v>5120101024369</v>
          </cell>
          <cell r="R3211">
            <v>3000</v>
          </cell>
          <cell r="S3211">
            <v>4241</v>
          </cell>
          <cell r="T3211">
            <v>499965</v>
          </cell>
          <cell r="V3211" t="str">
            <v>ad114849</v>
          </cell>
          <cell r="W3211" t="str">
            <v>fr169899</v>
          </cell>
          <cell r="Y3211" t="str">
            <v>10，</v>
          </cell>
          <cell r="Z3211">
            <v>10</v>
          </cell>
          <cell r="AA3211">
            <v>80</v>
          </cell>
          <cell r="AB3211" t="str">
            <v/>
          </cell>
          <cell r="AC3211" t="str">
            <v/>
          </cell>
          <cell r="AD3211" t="str">
            <v/>
          </cell>
          <cell r="AE3211" t="str">
            <v>１；活性炭、粒状活性炭２；ろ過材（ろ過砂・ろ過砂利）３；４；</v>
          </cell>
          <cell r="AF3211" t="str">
            <v>ろ過池更生工事等</v>
          </cell>
        </row>
        <row r="3212">
          <cell r="B3212">
            <v>12565</v>
          </cell>
          <cell r="C3212" t="str">
            <v>(株)中村製作所</v>
          </cell>
          <cell r="D3212" t="str">
            <v>047-330-1111</v>
          </cell>
          <cell r="E3212" t="str">
            <v>271-0093</v>
          </cell>
          <cell r="F3212" t="str">
            <v>千葉県松戸市小山510</v>
          </cell>
          <cell r="G3212" t="str">
            <v>松戸市</v>
          </cell>
          <cell r="H3212" t="str">
            <v/>
          </cell>
          <cell r="I3212" t="str">
            <v>代表取締役 櫻田　正明</v>
          </cell>
          <cell r="J3212" t="str">
            <v>本店</v>
          </cell>
          <cell r="K3212" t="str">
            <v>047-330-1119</v>
          </cell>
          <cell r="L3212" t="str">
            <v>s-shizuoka@nakamura-mfg.com</v>
          </cell>
          <cell r="M3212" t="str">
            <v>ﾅｶﾑﾗｾｲｻｸｼｮ</v>
          </cell>
          <cell r="N3212" t="str">
            <v>無</v>
          </cell>
          <cell r="O3212">
            <v>35</v>
          </cell>
          <cell r="P3212">
            <v>93</v>
          </cell>
          <cell r="Q3212">
            <v>6040001036406</v>
          </cell>
          <cell r="R3212">
            <v>94500</v>
          </cell>
          <cell r="S3212">
            <v>952703</v>
          </cell>
          <cell r="T3212">
            <v>3045714</v>
          </cell>
          <cell r="V3212" t="str">
            <v>hp170349</v>
          </cell>
          <cell r="W3212" t="str">
            <v>qi193915</v>
          </cell>
          <cell r="Y3212" t="str">
            <v>12，20，27，</v>
          </cell>
          <cell r="Z3212">
            <v>20</v>
          </cell>
          <cell r="AA3212">
            <v>27</v>
          </cell>
          <cell r="AB3212">
            <v>80</v>
          </cell>
          <cell r="AC3212" t="str">
            <v/>
          </cell>
          <cell r="AD3212" t="str">
            <v/>
          </cell>
          <cell r="AE3212" t="str">
            <v>１；ブランコ・すべり台・鉄棒・シーソー・雲梯・ジャングルジム・複合遊具等遊具全般２；木製ベンチ・木製テーブルなど３；公園施設の点検業務４；</v>
          </cell>
          <cell r="AF3212" t="str">
            <v>公園遊具の製造・販売をしております。ナカムラグループでは、開発→生産→工事→メンテナンスを通して確かな技術と信頼のもとに実行し、常に高品質の商品をお届けできるよう努めております。</v>
          </cell>
        </row>
        <row r="3213">
          <cell r="B3213">
            <v>12566</v>
          </cell>
          <cell r="C3213" t="str">
            <v>(株)兵建</v>
          </cell>
          <cell r="D3213" t="str">
            <v>072-770-2750</v>
          </cell>
          <cell r="E3213" t="str">
            <v>664-0864</v>
          </cell>
          <cell r="F3213" t="str">
            <v>兵庫県伊丹市安堂寺町6-396</v>
          </cell>
          <cell r="G3213" t="str">
            <v>伊丹市</v>
          </cell>
          <cell r="H3213" t="str">
            <v/>
          </cell>
          <cell r="I3213" t="str">
            <v>代表取締役 徐　幸一</v>
          </cell>
          <cell r="J3213" t="str">
            <v>本店</v>
          </cell>
          <cell r="K3213" t="str">
            <v>072-770-2751</v>
          </cell>
          <cell r="L3213" t="str">
            <v/>
          </cell>
          <cell r="M3213" t="str">
            <v>ﾋｮｳｹﾝ</v>
          </cell>
          <cell r="N3213" t="str">
            <v>無</v>
          </cell>
          <cell r="O3213">
            <v>14</v>
          </cell>
          <cell r="P3213">
            <v>5</v>
          </cell>
          <cell r="Q3213">
            <v>6140001091250</v>
          </cell>
          <cell r="R3213">
            <v>30000</v>
          </cell>
          <cell r="S3213">
            <v>47473</v>
          </cell>
          <cell r="T3213">
            <v>94613</v>
          </cell>
          <cell r="V3213" t="str">
            <v>rg146777</v>
          </cell>
          <cell r="W3213" t="str">
            <v>hn122313</v>
          </cell>
          <cell r="Y3213" t="str">
            <v/>
          </cell>
          <cell r="Z3213" t="str">
            <v/>
          </cell>
          <cell r="AA3213" t="str">
            <v/>
          </cell>
          <cell r="AB3213" t="str">
            <v/>
          </cell>
          <cell r="AC3213" t="str">
            <v/>
          </cell>
          <cell r="AD3213" t="str">
            <v/>
          </cell>
          <cell r="AE3213">
            <v>0</v>
          </cell>
          <cell r="AF3213" t="str">
            <v/>
          </cell>
        </row>
        <row r="3214">
          <cell r="B3214">
            <v>12567</v>
          </cell>
          <cell r="C3214" t="str">
            <v>岡山電設(株)</v>
          </cell>
          <cell r="D3214" t="str">
            <v>0773-42-6601</v>
          </cell>
          <cell r="E3214" t="str">
            <v>623-0005</v>
          </cell>
          <cell r="F3214" t="str">
            <v>京都府綾部市里町大坂33-2</v>
          </cell>
          <cell r="G3214" t="str">
            <v>綾部市</v>
          </cell>
          <cell r="H3214" t="str">
            <v/>
          </cell>
          <cell r="I3214" t="str">
            <v>代表取締役 岡山　秀行</v>
          </cell>
          <cell r="J3214" t="str">
            <v>本店</v>
          </cell>
          <cell r="K3214" t="str">
            <v>0773-43-0281</v>
          </cell>
          <cell r="L3214" t="str">
            <v>info@okayama-e.co.jp</v>
          </cell>
          <cell r="M3214" t="str">
            <v>ｵｶﾔﾏﾃﾞﾝｾﾂ</v>
          </cell>
          <cell r="N3214" t="str">
            <v>無</v>
          </cell>
          <cell r="O3214">
            <v>41</v>
          </cell>
          <cell r="P3214">
            <v>26</v>
          </cell>
          <cell r="Q3214">
            <v>9130001041699</v>
          </cell>
          <cell r="R3214">
            <v>35000</v>
          </cell>
          <cell r="S3214">
            <v>152726</v>
          </cell>
          <cell r="T3214">
            <v>275538</v>
          </cell>
          <cell r="V3214" t="str">
            <v>eb102275</v>
          </cell>
          <cell r="W3214" t="str">
            <v>fj198993</v>
          </cell>
          <cell r="Y3214" t="str">
            <v>35，</v>
          </cell>
          <cell r="Z3214">
            <v>80</v>
          </cell>
          <cell r="AA3214">
            <v>35</v>
          </cell>
          <cell r="AB3214" t="str">
            <v/>
          </cell>
          <cell r="AC3214" t="str">
            <v/>
          </cell>
          <cell r="AD3214" t="str">
            <v/>
          </cell>
          <cell r="AE3214" t="str">
            <v>１；水力・風力・太陽光・インバーター発電機：神鋼電機（現シンフォニアテクノロジー）、（代）ソーラーフロンティア、Ｑセルズジャパン、三菱電機、ヤマハ発動２；家電製品、照明器具：パナソニック、東芝、三菱電機、パナソニックＣＣソリューションズ（現パナソニックシステムソリューションズジャパン）３；４；</v>
          </cell>
          <cell r="AF3214" t="str">
            <v>高圧受電設備・低圧電気設備工事、消防・防災設備工事、各種プラント電気設備工事、空調設備工事、一般住宅・店舗等電気設備工事、施設保全工事、風力・水力・太陽光発電機の販売店として、計画・設計から参加させていただいております。</v>
          </cell>
        </row>
        <row r="3215">
          <cell r="B3215">
            <v>12569</v>
          </cell>
          <cell r="C3215" t="str">
            <v>(株)エネテック大阪</v>
          </cell>
          <cell r="D3215" t="str">
            <v>072-226-2880</v>
          </cell>
          <cell r="E3215" t="str">
            <v>590-0002</v>
          </cell>
          <cell r="F3215" t="str">
            <v>大阪府堺市堺区砂道町1-1-29</v>
          </cell>
          <cell r="G3215" t="str">
            <v>堺市</v>
          </cell>
          <cell r="H3215" t="str">
            <v/>
          </cell>
          <cell r="I3215" t="str">
            <v>代表取締役 竹内　浩</v>
          </cell>
          <cell r="J3215" t="str">
            <v>本店</v>
          </cell>
          <cell r="K3215" t="str">
            <v>072-226-2830</v>
          </cell>
          <cell r="L3215" t="str">
            <v>n-oka@enetec-osaka.co.jp</v>
          </cell>
          <cell r="M3215" t="str">
            <v>ｴﾈﾃｯｸｵｵｻｶ</v>
          </cell>
          <cell r="N3215" t="str">
            <v>無</v>
          </cell>
          <cell r="O3215">
            <v>27</v>
          </cell>
          <cell r="P3215">
            <v>81</v>
          </cell>
          <cell r="Q3215">
            <v>1120101009571</v>
          </cell>
          <cell r="R3215">
            <v>20000</v>
          </cell>
          <cell r="S3215">
            <v>1081088</v>
          </cell>
          <cell r="T3215">
            <v>3889358</v>
          </cell>
          <cell r="V3215" t="str">
            <v>gu162251</v>
          </cell>
          <cell r="W3215" t="str">
            <v>jt195357</v>
          </cell>
          <cell r="Y3215" t="str">
            <v>37，</v>
          </cell>
          <cell r="Z3215">
            <v>37</v>
          </cell>
          <cell r="AA3215" t="str">
            <v/>
          </cell>
          <cell r="AB3215" t="str">
            <v/>
          </cell>
          <cell r="AC3215" t="str">
            <v/>
          </cell>
          <cell r="AD3215" t="str">
            <v/>
          </cell>
          <cell r="AE3215" t="str">
            <v>１；環境保全性の高いガス空調で、快適空間を作り出すこと。また排熱を有効利用するシステムであるガスコージェネレーションの提案。２；３；４；</v>
          </cell>
          <cell r="AF3215" t="str">
            <v>環境保全性、静音性に優れた環境にやさしい設備であるガス空調で、様々な建物・用途・レイアウトに対応する快適空間を作り出すシステムを提案すること。また、一次エネルギーで発電し、その排熱を有効利用するシステムであるガスコージェネレーションを提案すること。</v>
          </cell>
        </row>
        <row r="3216">
          <cell r="B3216">
            <v>12570</v>
          </cell>
          <cell r="C3216" t="str">
            <v>田村電気管理事務所</v>
          </cell>
          <cell r="D3216" t="str">
            <v>072-784-8369</v>
          </cell>
          <cell r="E3216" t="str">
            <v>664-0001</v>
          </cell>
          <cell r="F3216" t="str">
            <v>兵庫県伊丹市荒牧5-5-19</v>
          </cell>
          <cell r="G3216" t="str">
            <v>伊丹市</v>
          </cell>
          <cell r="H3216" t="str">
            <v/>
          </cell>
          <cell r="I3216" t="str">
            <v xml:space="preserve"> 田村　宣正</v>
          </cell>
          <cell r="J3216" t="str">
            <v>本店</v>
          </cell>
          <cell r="K3216" t="str">
            <v>072-784-8369</v>
          </cell>
          <cell r="L3216" t="str">
            <v>tamura-norimasa@way.ocn.ne.jp</v>
          </cell>
          <cell r="M3216" t="str">
            <v>ﾀﾑﾗﾃﾞﾝｷｶﾝﾘｼﾞﾑｼｮ</v>
          </cell>
          <cell r="N3216" t="str">
            <v>無</v>
          </cell>
          <cell r="O3216">
            <v>3</v>
          </cell>
          <cell r="P3216">
            <v>2</v>
          </cell>
          <cell r="Q3216" t="str">
            <v/>
          </cell>
          <cell r="R3216">
            <v>10189</v>
          </cell>
          <cell r="S3216">
            <v>14539</v>
          </cell>
          <cell r="T3216">
            <v>9443</v>
          </cell>
          <cell r="V3216" t="str">
            <v>dj109396</v>
          </cell>
          <cell r="W3216" t="str">
            <v>ｒu179381</v>
          </cell>
          <cell r="Y3216" t="str">
            <v>47，</v>
          </cell>
          <cell r="Z3216" t="str">
            <v/>
          </cell>
          <cell r="AA3216" t="str">
            <v/>
          </cell>
          <cell r="AB3216" t="str">
            <v/>
          </cell>
          <cell r="AC3216" t="str">
            <v/>
          </cell>
          <cell r="AD3216" t="str">
            <v/>
          </cell>
          <cell r="AE3216" t="str">
            <v>１；自家用電気工作物保安管理業務２；３；４；</v>
          </cell>
          <cell r="AF3216" t="str">
            <v>自家用電気工作物電気保安業務</v>
          </cell>
        </row>
        <row r="3217">
          <cell r="B3217">
            <v>12572</v>
          </cell>
          <cell r="C3217" t="str">
            <v>ミツウロコグリーンエネルギー(株)</v>
          </cell>
          <cell r="D3217" t="str">
            <v>03-6758-6311</v>
          </cell>
          <cell r="E3217" t="str">
            <v>103-0023</v>
          </cell>
          <cell r="F3217" t="str">
            <v>東京都中央区日本橋2-11-2太陽生命日本橋ﾋﾞﾙ14F</v>
          </cell>
          <cell r="G3217" t="str">
            <v>東京都</v>
          </cell>
          <cell r="I3217" t="str">
            <v>代表取締役社長　二見　敦</v>
          </cell>
          <cell r="J3217" t="str">
            <v>本店</v>
          </cell>
          <cell r="K3217" t="str">
            <v>03-5695-1140</v>
          </cell>
          <cell r="L3217" t="str">
            <v>mge-pps@mitsuuroko.co.jp</v>
          </cell>
          <cell r="M3217" t="str">
            <v>ﾐﾂｳﾛｺｸﾞﾘｰﾝｴﾈﾙｷﾞｰ</v>
          </cell>
          <cell r="N3217" t="str">
            <v>無</v>
          </cell>
          <cell r="O3217">
            <v>20</v>
          </cell>
          <cell r="P3217">
            <v>125</v>
          </cell>
          <cell r="Q3217">
            <v>8010001067848</v>
          </cell>
          <cell r="R3217">
            <v>450000</v>
          </cell>
          <cell r="S3217">
            <v>450000</v>
          </cell>
          <cell r="T3217">
            <v>66900131</v>
          </cell>
          <cell r="V3217" t="str">
            <v>ii105337</v>
          </cell>
          <cell r="W3217" t="str">
            <v>ps215415</v>
          </cell>
          <cell r="Y3217" t="str">
            <v>43,</v>
          </cell>
          <cell r="AF3217" t="str">
            <v>電力供給</v>
          </cell>
          <cell r="BA3217" t="str">
            <v>新潟県</v>
          </cell>
        </row>
        <row r="3218">
          <cell r="B3218">
            <v>12573</v>
          </cell>
          <cell r="C3218" t="str">
            <v>アセス(株)</v>
          </cell>
          <cell r="D3218" t="str">
            <v>079-271-3772</v>
          </cell>
          <cell r="E3218" t="str">
            <v>671-1235</v>
          </cell>
          <cell r="F3218" t="str">
            <v>兵庫県姫路市網干区北新在家139-2</v>
          </cell>
          <cell r="G3218" t="str">
            <v>姫路市</v>
          </cell>
          <cell r="H3218" t="str">
            <v>姫路支店</v>
          </cell>
          <cell r="I3218" t="str">
            <v>支店長 田村　汎史</v>
          </cell>
          <cell r="J3218" t="str">
            <v>岡山県津山市</v>
          </cell>
          <cell r="K3218" t="str">
            <v>079-271-3773</v>
          </cell>
          <cell r="L3218" t="str">
            <v>tsuyama-e@assess.co.jp</v>
          </cell>
          <cell r="M3218" t="str">
            <v>ｱｾｽ</v>
          </cell>
          <cell r="N3218" t="str">
            <v>有</v>
          </cell>
          <cell r="O3218">
            <v>26</v>
          </cell>
          <cell r="P3218">
            <v>42</v>
          </cell>
          <cell r="Q3218">
            <v>2260001019499</v>
          </cell>
          <cell r="R3218">
            <v>50000</v>
          </cell>
          <cell r="S3218">
            <v>158453</v>
          </cell>
          <cell r="T3218">
            <v>509758</v>
          </cell>
          <cell r="V3218" t="str">
            <v>vj186403</v>
          </cell>
          <cell r="W3218" t="str">
            <v>aq113378</v>
          </cell>
          <cell r="Y3218" t="str">
            <v>77，</v>
          </cell>
          <cell r="Z3218">
            <v>80</v>
          </cell>
          <cell r="AA3218">
            <v>77</v>
          </cell>
          <cell r="AB3218" t="str">
            <v/>
          </cell>
          <cell r="AC3218" t="str">
            <v/>
          </cell>
          <cell r="AD3218" t="str">
            <v/>
          </cell>
          <cell r="AE3218" t="str">
            <v>１；環境計画策定、地球温暖化対策、新エネ・省エネビジョン、バイオマスタウン構想、一般廃棄物処理計画、環境調査、水質調査、騒音調査、振動調査、大気調査、交通量調査　等２；アンケート調査　等３；４；</v>
          </cell>
          <cell r="AF3218" t="str">
            <v>地球温暖化対策実行計画、新エネ・省エネビジョン、バイオマスタウン構想、廃棄物処理基本計画、計量証明、地域振興計画、都市計画、基準点測量、国土調査、地形・路線・深浅測量、道路・河川・砂防等調査設計、建物・立竹木調査等</v>
          </cell>
        </row>
        <row r="3219">
          <cell r="B3219">
            <v>12574</v>
          </cell>
          <cell r="C3219" t="str">
            <v>阪神中高年企業組合</v>
          </cell>
          <cell r="D3219" t="str">
            <v>0798-36-6574</v>
          </cell>
          <cell r="E3219" t="str">
            <v>662-0942</v>
          </cell>
          <cell r="F3219" t="str">
            <v>兵庫県西宮市浜町15ｰ10</v>
          </cell>
          <cell r="G3219" t="str">
            <v>西宮市</v>
          </cell>
          <cell r="H3219" t="str">
            <v/>
          </cell>
          <cell r="I3219" t="str">
            <v>代表理事 花城　多津子</v>
          </cell>
          <cell r="J3219" t="str">
            <v>本店</v>
          </cell>
          <cell r="K3219" t="str">
            <v>0798-36-6573</v>
          </cell>
          <cell r="L3219" t="str">
            <v>public-business@hc-kk.or.jp</v>
          </cell>
          <cell r="M3219" t="str">
            <v>ﾊﾝｼﾝﾁｭｳｺｳﾈﾝ</v>
          </cell>
          <cell r="N3219" t="str">
            <v>無</v>
          </cell>
          <cell r="O3219">
            <v>39</v>
          </cell>
          <cell r="P3219">
            <v>29</v>
          </cell>
          <cell r="Q3219">
            <v>5140005015941</v>
          </cell>
          <cell r="R3219">
            <v>18860</v>
          </cell>
          <cell r="S3219">
            <v>342061</v>
          </cell>
          <cell r="T3219">
            <v>264828</v>
          </cell>
          <cell r="V3219" t="str">
            <v>jq135350</v>
          </cell>
          <cell r="W3219" t="str">
            <v>ve197385</v>
          </cell>
          <cell r="Y3219" t="str">
            <v>53，55，</v>
          </cell>
          <cell r="Z3219">
            <v>53</v>
          </cell>
          <cell r="AA3219">
            <v>55</v>
          </cell>
          <cell r="AB3219">
            <v>80</v>
          </cell>
          <cell r="AC3219" t="str">
            <v/>
          </cell>
          <cell r="AD3219" t="str">
            <v/>
          </cell>
          <cell r="AE3219" t="str">
            <v>１；建設業許可　とび・土工工事業、造園工事業２；建設業許可　とび・土工工事業、造園工事業３；違法駐輪自転車等の撤去・保管業務４；</v>
          </cell>
          <cell r="AF3219" t="str">
            <v>当組合には長年の経験とセンス・国家資格を持った組合員が多数おり、河川・公園・道路・団地・ビル・学校・個人邸等を問わず、真心と責任を持って丁寧かつスピーディーに内外の除草・清掃・剪定等を行います。</v>
          </cell>
        </row>
        <row r="3220">
          <cell r="B3220">
            <v>12575</v>
          </cell>
          <cell r="C3220" t="str">
            <v>(株)嶋庄</v>
          </cell>
          <cell r="D3220" t="str">
            <v>072-782-5378</v>
          </cell>
          <cell r="E3220" t="str">
            <v>664-0846</v>
          </cell>
          <cell r="F3220" t="str">
            <v>兵庫県伊丹市伊丹3‐1‐55</v>
          </cell>
          <cell r="G3220" t="str">
            <v>伊丹市</v>
          </cell>
          <cell r="H3220" t="str">
            <v/>
          </cell>
          <cell r="I3220" t="str">
            <v>代表取締役 田口　卓宏</v>
          </cell>
          <cell r="J3220" t="str">
            <v>本店</v>
          </cell>
          <cell r="K3220" t="str">
            <v>072-772-3914</v>
          </cell>
          <cell r="L3220" t="str">
            <v>ipc05@bca.bai.ne.jp</v>
          </cell>
          <cell r="M3220" t="str">
            <v>ｼﾏｼｮｳ</v>
          </cell>
          <cell r="N3220" t="str">
            <v>無</v>
          </cell>
          <cell r="O3220">
            <v>39</v>
          </cell>
          <cell r="P3220">
            <v>2</v>
          </cell>
          <cell r="Q3220">
            <v>1140001078450</v>
          </cell>
          <cell r="R3220">
            <v>10000</v>
          </cell>
          <cell r="S3220">
            <v>10000</v>
          </cell>
          <cell r="T3220">
            <v>36619</v>
          </cell>
          <cell r="V3220" t="str">
            <v>pc113886</v>
          </cell>
          <cell r="W3220" t="str">
            <v>vm193963</v>
          </cell>
          <cell r="Y3220" t="str">
            <v>05，05，30，32，40，</v>
          </cell>
          <cell r="Z3220">
            <v>40</v>
          </cell>
          <cell r="AA3220">
            <v>32</v>
          </cell>
          <cell r="AB3220">
            <v>30</v>
          </cell>
          <cell r="AC3220">
            <v>5</v>
          </cell>
          <cell r="AD3220" t="str">
            <v/>
          </cell>
          <cell r="AE3220" t="str">
            <v>１；２；３；４；</v>
          </cell>
          <cell r="AF3220" t="str">
            <v/>
          </cell>
        </row>
        <row r="3221">
          <cell r="B3221">
            <v>12581</v>
          </cell>
          <cell r="C3221" t="str">
            <v>(株)ほくつう</v>
          </cell>
          <cell r="D3221" t="str">
            <v>077-543-1113</v>
          </cell>
          <cell r="E3221" t="str">
            <v>520-2134</v>
          </cell>
          <cell r="F3221" t="str">
            <v>滋賀県大津市瀬田6-3-19</v>
          </cell>
          <cell r="G3221" t="str">
            <v>大津市</v>
          </cell>
          <cell r="H3221" t="str">
            <v>関西支店</v>
          </cell>
          <cell r="I3221" t="str">
            <v>支店長 和田　直己</v>
          </cell>
          <cell r="J3221" t="str">
            <v>石川県金沢市</v>
          </cell>
          <cell r="K3221" t="str">
            <v>077-572-5123</v>
          </cell>
          <cell r="L3221" t="str">
            <v/>
          </cell>
          <cell r="M3221" t="str">
            <v>ﾎｸﾂｳ</v>
          </cell>
          <cell r="N3221" t="str">
            <v>有</v>
          </cell>
          <cell r="O3221">
            <v>59</v>
          </cell>
          <cell r="P3221">
            <v>549</v>
          </cell>
          <cell r="Q3221">
            <v>6220001006381</v>
          </cell>
          <cell r="R3221">
            <v>78000</v>
          </cell>
          <cell r="S3221">
            <v>11498046</v>
          </cell>
          <cell r="T3221">
            <v>16237131</v>
          </cell>
          <cell r="V3221" t="str">
            <v>jf140198</v>
          </cell>
          <cell r="W3221" t="str">
            <v>mg173753</v>
          </cell>
          <cell r="Y3221" t="str">
            <v>049，36，38，41，49，50，58，</v>
          </cell>
          <cell r="Z3221">
            <v>36</v>
          </cell>
          <cell r="AA3221">
            <v>38</v>
          </cell>
          <cell r="AB3221">
            <v>50</v>
          </cell>
          <cell r="AC3221">
            <v>49</v>
          </cell>
          <cell r="AD3221" t="str">
            <v/>
          </cell>
          <cell r="AE3221" t="str">
            <v>１；２；３；４；</v>
          </cell>
          <cell r="AF3221" t="str">
            <v>通信、音響・映像、無線・制御、コンピュータの4つのそれぞれ専門分野における最先端技術を取り入れながら、4部門の連携による幅広い視野から総合的に技術・機器をセレクト、アレンジします。</v>
          </cell>
        </row>
        <row r="3222">
          <cell r="B3222">
            <v>12583</v>
          </cell>
          <cell r="C3222" t="str">
            <v>神姫観光(株)</v>
          </cell>
          <cell r="D3222" t="str">
            <v>078-515-6176</v>
          </cell>
          <cell r="E3222" t="str">
            <v>650-0045</v>
          </cell>
          <cell r="F3222" t="str">
            <v>兵庫県神戸市中央区港島3-8-1</v>
          </cell>
          <cell r="G3222" t="str">
            <v>神戸市</v>
          </cell>
          <cell r="H3222" t="str">
            <v>神戸支店</v>
          </cell>
          <cell r="I3222" t="str">
            <v>支店長 栗山　慎一</v>
          </cell>
          <cell r="J3222" t="str">
            <v>兵庫県姫路市</v>
          </cell>
          <cell r="K3222" t="str">
            <v>078-515-6178</v>
          </cell>
          <cell r="L3222" t="str">
            <v>gyomu-snk@shinkibus.co.jp</v>
          </cell>
          <cell r="M3222" t="str">
            <v>ｼﾝｷﾊﾞｽﾂｱｰｽﾞ</v>
          </cell>
          <cell r="N3222" t="str">
            <v>有</v>
          </cell>
          <cell r="O3222">
            <v>7</v>
          </cell>
          <cell r="P3222">
            <v>93</v>
          </cell>
          <cell r="Q3222">
            <v>2140001086386</v>
          </cell>
          <cell r="R3222">
            <v>50000</v>
          </cell>
          <cell r="S3222">
            <v>177746</v>
          </cell>
          <cell r="T3222">
            <v>6117416</v>
          </cell>
          <cell r="V3222" t="str">
            <v>oq145841</v>
          </cell>
          <cell r="W3222" t="str">
            <v>ri186339</v>
          </cell>
          <cell r="Y3222" t="str">
            <v>67，</v>
          </cell>
          <cell r="Z3222" t="str">
            <v/>
          </cell>
          <cell r="AA3222" t="str">
            <v/>
          </cell>
          <cell r="AB3222" t="str">
            <v/>
          </cell>
          <cell r="AC3222" t="str">
            <v/>
          </cell>
          <cell r="AD3222" t="str">
            <v/>
          </cell>
          <cell r="AE3222" t="str">
            <v>１；２；３；４；</v>
          </cell>
          <cell r="AF3222" t="str">
            <v>旅行事業：主催旅行・団体旅行　貸切バス事業：旅客送迎等</v>
          </cell>
        </row>
        <row r="3223">
          <cell r="B3223">
            <v>12584</v>
          </cell>
          <cell r="C3223" t="str">
            <v>トランス・コスモス(株)</v>
          </cell>
          <cell r="D3223" t="str">
            <v>03-4363-1111</v>
          </cell>
          <cell r="E3223" t="str">
            <v>150-8530</v>
          </cell>
          <cell r="F3223" t="str">
            <v>東京都渋谷区渋谷3-25-18</v>
          </cell>
          <cell r="G3223" t="str">
            <v>東京都</v>
          </cell>
          <cell r="H3223" t="str">
            <v/>
          </cell>
          <cell r="I3223" t="str">
            <v>代表取締役社長 奥田　昌孝</v>
          </cell>
          <cell r="J3223" t="str">
            <v>本店</v>
          </cell>
          <cell r="K3223" t="str">
            <v>03-4363-0111</v>
          </cell>
          <cell r="L3223" t="str">
            <v>Uno.Aya@trans-cosmos.co.jp</v>
          </cell>
          <cell r="M3223" t="str">
            <v>ﾄﾗﾝｽ･ｺｽﾓｽ</v>
          </cell>
          <cell r="N3223" t="str">
            <v>無</v>
          </cell>
          <cell r="O3223">
            <v>52</v>
          </cell>
          <cell r="P3223">
            <v>10609</v>
          </cell>
          <cell r="Q3223">
            <v>3011001041302</v>
          </cell>
          <cell r="R3223">
            <v>29065960</v>
          </cell>
          <cell r="S3223" t="str">
            <v/>
          </cell>
          <cell r="T3223">
            <v>266645000</v>
          </cell>
          <cell r="V3223" t="str">
            <v>nf172095</v>
          </cell>
          <cell r="W3223" t="str">
            <v>bq167356</v>
          </cell>
          <cell r="Y3223" t="str">
            <v>056，56，57，58，77，</v>
          </cell>
          <cell r="Z3223">
            <v>80</v>
          </cell>
          <cell r="AA3223">
            <v>57</v>
          </cell>
          <cell r="AB3223">
            <v>58</v>
          </cell>
          <cell r="AC3223">
            <v>56</v>
          </cell>
          <cell r="AD3223" t="str">
            <v/>
          </cell>
          <cell r="AE3223" t="str">
            <v>１；コールセンター業務委託、窓口業務委託、バックオフィス業務２；データエントリー業務、ホームページ作成業務３；システム運用・保守４；</v>
          </cell>
          <cell r="AF3223" t="str">
            <v>幅広いサービスメニューを持ち、それらの複合的なサービスの提供も可能です。コールセンターでは受電、架電に加え、窓口などのバックオフィス業務を庁舎内外問わずご提供させて頂いております。その他には、データエントリー業務や調査業務、地図作成業務なども提供させて頂いております</v>
          </cell>
        </row>
        <row r="3224">
          <cell r="B3224">
            <v>12588</v>
          </cell>
          <cell r="C3224" t="str">
            <v>(株)アクセス</v>
          </cell>
          <cell r="D3224" t="str">
            <v>079-230-0065</v>
          </cell>
          <cell r="E3224" t="str">
            <v>671-1211</v>
          </cell>
          <cell r="F3224" t="str">
            <v>兵庫県姫路市勝原区熊見459-37</v>
          </cell>
          <cell r="G3224" t="str">
            <v>姫路市</v>
          </cell>
          <cell r="H3224" t="str">
            <v>兵庫営業所</v>
          </cell>
          <cell r="I3224" t="str">
            <v>所長 西川　誉英</v>
          </cell>
          <cell r="J3224" t="str">
            <v>奈良県北葛城郡広陵町</v>
          </cell>
          <cell r="K3224" t="str">
            <v>0745-57-3999</v>
          </cell>
          <cell r="L3224" t="str">
            <v>nishikawa@wsa.co.jp</v>
          </cell>
          <cell r="M3224" t="str">
            <v>ｱｸｾｽ</v>
          </cell>
          <cell r="N3224" t="str">
            <v>有</v>
          </cell>
          <cell r="O3224">
            <v>12</v>
          </cell>
          <cell r="P3224">
            <v>8</v>
          </cell>
          <cell r="Q3224">
            <v>4150001014773</v>
          </cell>
          <cell r="R3224">
            <v>10000</v>
          </cell>
          <cell r="S3224">
            <v>51536</v>
          </cell>
          <cell r="T3224">
            <v>16643</v>
          </cell>
          <cell r="V3224" t="str">
            <v>kr337598</v>
          </cell>
          <cell r="W3224" t="str">
            <v>md999357</v>
          </cell>
          <cell r="Y3224" t="str">
            <v>071，64，71，72，73，76，</v>
          </cell>
          <cell r="Z3224">
            <v>80</v>
          </cell>
          <cell r="AA3224">
            <v>72</v>
          </cell>
          <cell r="AB3224">
            <v>64</v>
          </cell>
          <cell r="AC3224">
            <v>71</v>
          </cell>
          <cell r="AD3224" t="str">
            <v/>
          </cell>
          <cell r="AE3224" t="str">
            <v>１；埋蔵文化財発掘調査・測量・埋蔵文化財計画及び保存活用策定・遺物写真撮影・報告書作成及び印刷２；航空写真、地図作成３；無人航空機による写真及び動画撮影・編集４；マイクロ写真</v>
          </cell>
          <cell r="AF3224" t="str">
            <v>無人航空機を所有しています。三次元レーザー測量を得意としています。</v>
          </cell>
        </row>
        <row r="3225">
          <cell r="B3225">
            <v>12589</v>
          </cell>
          <cell r="C3225" t="str">
            <v>(株)村中商会</v>
          </cell>
          <cell r="D3225" t="str">
            <v>072-229-3454</v>
          </cell>
          <cell r="E3225" t="str">
            <v>590-0944</v>
          </cell>
          <cell r="F3225" t="str">
            <v>大阪府堺市堺区櫛屋町東1-1-1</v>
          </cell>
          <cell r="G3225" t="str">
            <v>堺市</v>
          </cell>
          <cell r="H3225" t="str">
            <v/>
          </cell>
          <cell r="I3225" t="str">
            <v>代表取締役 村中　信太郎</v>
          </cell>
          <cell r="J3225" t="str">
            <v>本店</v>
          </cell>
          <cell r="K3225" t="str">
            <v>072-229-3854</v>
          </cell>
          <cell r="L3225" t="str">
            <v>mura8617@eagle.ocn.ne.jp</v>
          </cell>
          <cell r="M3225" t="str">
            <v>ﾑﾗﾅｶｼｮｳｶｲ</v>
          </cell>
          <cell r="N3225" t="str">
            <v>無</v>
          </cell>
          <cell r="O3225">
            <v>28</v>
          </cell>
          <cell r="P3225">
            <v>4</v>
          </cell>
          <cell r="Q3225">
            <v>9120102004829</v>
          </cell>
          <cell r="R3225">
            <v>6000</v>
          </cell>
          <cell r="S3225">
            <v>-3615</v>
          </cell>
          <cell r="T3225">
            <v>59348</v>
          </cell>
          <cell r="V3225" t="str">
            <v>gv101338</v>
          </cell>
          <cell r="W3225" t="str">
            <v>ex198318</v>
          </cell>
          <cell r="Y3225" t="str">
            <v>33，38，</v>
          </cell>
          <cell r="Z3225">
            <v>33</v>
          </cell>
          <cell r="AA3225">
            <v>38</v>
          </cell>
          <cell r="AB3225" t="str">
            <v/>
          </cell>
          <cell r="AC3225" t="str">
            <v/>
          </cell>
          <cell r="AD3225" t="str">
            <v/>
          </cell>
          <cell r="AE3225" t="str">
            <v>１；アスファルト常温合材、速乾性アスファルト・コンクリート補修材（自社製品）２；路面油吸着材　仕入先　ライフダクトカンパニー（株）代理店３；４；</v>
          </cell>
          <cell r="AF3225" t="str">
            <v>道路舗装補修材として、アスファルト常温合材及び速乾性アスファルト・コンクリート補修材の販売。防災用品として、路面流出油吸着材の販売。</v>
          </cell>
        </row>
        <row r="3226">
          <cell r="B3226">
            <v>12590</v>
          </cell>
          <cell r="C3226" t="str">
            <v>(株)北陽オートドアサービス</v>
          </cell>
          <cell r="D3226" t="str">
            <v>06-6392-1666</v>
          </cell>
          <cell r="E3226" t="str">
            <v>532-0033</v>
          </cell>
          <cell r="F3226" t="str">
            <v>大阪府大阪市淀川区新高6-14-58</v>
          </cell>
          <cell r="G3226" t="str">
            <v>大阪市</v>
          </cell>
          <cell r="H3226" t="str">
            <v/>
          </cell>
          <cell r="I3226" t="str">
            <v>代表取締役 相原　潤</v>
          </cell>
          <cell r="J3226" t="str">
            <v>本店</v>
          </cell>
          <cell r="K3226" t="str">
            <v>06-6396-1174</v>
          </cell>
          <cell r="L3226" t="str">
            <v>hokuyo@autodoor.co.jp</v>
          </cell>
          <cell r="M3226" t="str">
            <v>ﾎｸﾖｳｵｰﾄﾄﾞｱｻｰﾋﾞｽ</v>
          </cell>
          <cell r="N3226" t="str">
            <v>無</v>
          </cell>
          <cell r="O3226">
            <v>33</v>
          </cell>
          <cell r="P3226">
            <v>6</v>
          </cell>
          <cell r="Q3226">
            <v>3120001058337</v>
          </cell>
          <cell r="R3226">
            <v>10000</v>
          </cell>
          <cell r="S3226">
            <v>30666</v>
          </cell>
          <cell r="T3226">
            <v>110717</v>
          </cell>
          <cell r="V3226" t="str">
            <v>og179270</v>
          </cell>
          <cell r="W3226" t="str">
            <v>rw173737</v>
          </cell>
          <cell r="Y3226" t="str">
            <v/>
          </cell>
          <cell r="Z3226" t="str">
            <v/>
          </cell>
          <cell r="AA3226" t="str">
            <v/>
          </cell>
          <cell r="AB3226" t="str">
            <v/>
          </cell>
          <cell r="AC3226" t="str">
            <v/>
          </cell>
          <cell r="AD3226" t="str">
            <v/>
          </cell>
          <cell r="AE3226" t="str">
            <v>１；自動ドア装置の保守メンテナンス及び施工２；３；４；</v>
          </cell>
          <cell r="AF3226" t="str">
            <v>自動ドア装置の保守メンテナンス及び施工</v>
          </cell>
        </row>
        <row r="3227">
          <cell r="B3227">
            <v>12591</v>
          </cell>
          <cell r="C3227" t="str">
            <v>(株)リオス(合併による消滅）</v>
          </cell>
          <cell r="D3227" t="str">
            <v>086-200-1155</v>
          </cell>
          <cell r="E3227" t="str">
            <v>702-8006</v>
          </cell>
          <cell r="F3227" t="str">
            <v>岡山県岡山市中区藤崎564-5</v>
          </cell>
          <cell r="G3227" t="str">
            <v>岡山市</v>
          </cell>
          <cell r="H3227" t="str">
            <v/>
          </cell>
          <cell r="I3227" t="str">
            <v>代表取締役 松田　久</v>
          </cell>
          <cell r="J3227" t="str">
            <v>本店</v>
          </cell>
          <cell r="K3227" t="str">
            <v>086-200-1260</v>
          </cell>
          <cell r="L3227" t="str">
            <v>shizuka@rios.co.jp</v>
          </cell>
          <cell r="M3227" t="str">
            <v>ﾘｵｽ</v>
          </cell>
          <cell r="N3227" t="str">
            <v>無</v>
          </cell>
          <cell r="O3227">
            <v>14</v>
          </cell>
          <cell r="P3227">
            <v>84</v>
          </cell>
          <cell r="Q3227">
            <v>9260001008405</v>
          </cell>
          <cell r="R3227">
            <v>10000</v>
          </cell>
          <cell r="S3227">
            <v>769624</v>
          </cell>
          <cell r="T3227">
            <v>2010066</v>
          </cell>
          <cell r="V3227" t="str">
            <v>nq122889</v>
          </cell>
          <cell r="W3227" t="str">
            <v>jt167865</v>
          </cell>
          <cell r="Y3227" t="str">
            <v>036，14，36，44，57，58，</v>
          </cell>
          <cell r="Z3227">
            <v>58</v>
          </cell>
          <cell r="AA3227">
            <v>44</v>
          </cell>
          <cell r="AB3227">
            <v>57</v>
          </cell>
          <cell r="AC3227">
            <v>36</v>
          </cell>
          <cell r="AD3227" t="str">
            <v/>
          </cell>
          <cell r="AE3227" t="str">
            <v>１；システム開発、販売及びシステムの保守・サポート他２；自社パッケージソフト及びサーバー、パソコン、プリンタ等３；自社パッケージソフトを使用しての運用処理業務、データ入力業務他４；サーバー、パソコン、プリンタ、スキャナ等周辺機器及びソフトウェア</v>
          </cell>
          <cell r="AF3227" t="str">
            <v>バスや鉄道など運行状況をリアルタイムに把握できるロケーションシステムの構築、GISエンジンを用いての上下水道・粗大ごみ情報などを地図上に配置するシステムの構築及びドキュメントのスキャニングからファイリング、検索、運用に至る様々な業務に対してシステム開発及びサービスの提供</v>
          </cell>
        </row>
        <row r="3228">
          <cell r="B3228">
            <v>12593</v>
          </cell>
          <cell r="C3228" t="str">
            <v>創和クリエイティブライフ(株)</v>
          </cell>
          <cell r="D3228" t="str">
            <v>078-806-8015</v>
          </cell>
          <cell r="E3228" t="str">
            <v>657-0831</v>
          </cell>
          <cell r="F3228" t="str">
            <v>兵庫県神戸市灘区水道筋5-1-15</v>
          </cell>
          <cell r="G3228" t="str">
            <v>神戸市</v>
          </cell>
          <cell r="H3228" t="str">
            <v/>
          </cell>
          <cell r="I3228" t="str">
            <v>代表取締役 関口　義茂</v>
          </cell>
          <cell r="J3228" t="str">
            <v>本店</v>
          </cell>
          <cell r="K3228" t="str">
            <v>078-806-8025</v>
          </cell>
          <cell r="L3228" t="str">
            <v>sekiguti@sowa-cl.co.jp</v>
          </cell>
          <cell r="M3228" t="str">
            <v>ｿｳﾜｸﾘｴｲﾃｨﾌﾞﾗｲﾌ</v>
          </cell>
          <cell r="N3228" t="str">
            <v>無</v>
          </cell>
          <cell r="O3228">
            <v>10</v>
          </cell>
          <cell r="P3228">
            <v>6</v>
          </cell>
          <cell r="Q3228">
            <v>8140001032723</v>
          </cell>
          <cell r="R3228">
            <v>10000</v>
          </cell>
          <cell r="S3228">
            <v>14518</v>
          </cell>
          <cell r="T3228">
            <v>46000</v>
          </cell>
          <cell r="V3228" t="str">
            <v>hs172242</v>
          </cell>
          <cell r="W3228" t="str">
            <v>ua168045</v>
          </cell>
          <cell r="Y3228" t="str">
            <v>57，58，77，</v>
          </cell>
          <cell r="Z3228">
            <v>80</v>
          </cell>
          <cell r="AA3228">
            <v>57</v>
          </cell>
          <cell r="AB3228">
            <v>58</v>
          </cell>
          <cell r="AC3228" t="str">
            <v/>
          </cell>
          <cell r="AD3228" t="str">
            <v/>
          </cell>
          <cell r="AE3228" t="str">
            <v>１；特定健診の受診勧奨業務、特定保健指導の実施、糖尿病性腎症重症化予防訪問、各種計画策定２；３；４；</v>
          </cell>
          <cell r="AF3228" t="str">
            <v>特定健康診査の受診勧奨業務、特定保健指導の実施、各種計画の策定等</v>
          </cell>
        </row>
        <row r="3229">
          <cell r="B3229">
            <v>12597</v>
          </cell>
          <cell r="C3229" t="str">
            <v>(株)マックスコム</v>
          </cell>
          <cell r="D3229" t="str">
            <v>03-6870-5800</v>
          </cell>
          <cell r="E3229" t="str">
            <v>151-8583</v>
          </cell>
          <cell r="F3229" t="str">
            <v>東京都渋谷区代々木2-2-1</v>
          </cell>
          <cell r="G3229" t="str">
            <v>東京都</v>
          </cell>
          <cell r="H3229" t="str">
            <v/>
          </cell>
          <cell r="I3229" t="str">
            <v>代表取締役社長 小関　剛史</v>
          </cell>
          <cell r="J3229" t="str">
            <v>本店</v>
          </cell>
          <cell r="K3229" t="str">
            <v>03-5358-2620</v>
          </cell>
          <cell r="L3229" t="str">
            <v>nyusatsu@max-com.co.jp</v>
          </cell>
          <cell r="M3229" t="str">
            <v>ﾏｯｸｽｺﾑ</v>
          </cell>
          <cell r="N3229" t="str">
            <v>無</v>
          </cell>
          <cell r="O3229">
            <v>23</v>
          </cell>
          <cell r="P3229">
            <v>2885</v>
          </cell>
          <cell r="Q3229">
            <v>3011001040626</v>
          </cell>
          <cell r="R3229">
            <v>150000</v>
          </cell>
          <cell r="S3229">
            <v>3721732</v>
          </cell>
          <cell r="T3229">
            <v>8174289</v>
          </cell>
          <cell r="V3229" t="str">
            <v>lk109091</v>
          </cell>
          <cell r="W3229" t="str">
            <v>dk198359</v>
          </cell>
          <cell r="Y3229" t="str">
            <v>56，57，</v>
          </cell>
          <cell r="Z3229">
            <v>80</v>
          </cell>
          <cell r="AA3229">
            <v>57</v>
          </cell>
          <cell r="AB3229">
            <v>56</v>
          </cell>
          <cell r="AC3229" t="str">
            <v/>
          </cell>
          <cell r="AD3229" t="str">
            <v/>
          </cell>
          <cell r="AE3229" t="str">
            <v>１；２；３；一般労働者派遣事業許可証４；</v>
          </cell>
          <cell r="AF3229" t="str">
            <v>ＢＰＯ事業２３年の豊富な経験と人材ナレッジが蓄積されています。データ入力から資料発送までワンストップオペレーションサービスを提供します。コスト削減だけでなく、生産性向上も実現いたします。</v>
          </cell>
        </row>
        <row r="3230">
          <cell r="B3230">
            <v>12599</v>
          </cell>
          <cell r="C3230" t="str">
            <v>(株)ブレインファーム</v>
          </cell>
          <cell r="D3230" t="str">
            <v>06-6441-2211</v>
          </cell>
          <cell r="E3230" t="str">
            <v>550-0003</v>
          </cell>
          <cell r="F3230" t="str">
            <v>大阪府大阪市西区京町堀1-6-2</v>
          </cell>
          <cell r="G3230" t="str">
            <v>大阪市</v>
          </cell>
          <cell r="H3230" t="str">
            <v/>
          </cell>
          <cell r="I3230" t="str">
            <v>代表取締役 新谷　聡美</v>
          </cell>
          <cell r="J3230" t="str">
            <v>本店</v>
          </cell>
          <cell r="K3230" t="str">
            <v>050-3588-0077</v>
          </cell>
          <cell r="L3230" t="str">
            <v>info@brainfirm.co.jp</v>
          </cell>
          <cell r="M3230" t="str">
            <v>ﾌﾞﾚｲﾝﾌｧｰﾑ</v>
          </cell>
          <cell r="N3230" t="str">
            <v>無</v>
          </cell>
          <cell r="O3230">
            <v>20</v>
          </cell>
          <cell r="P3230">
            <v>20</v>
          </cell>
          <cell r="Q3230">
            <v>2120001165605</v>
          </cell>
          <cell r="R3230">
            <v>10000</v>
          </cell>
          <cell r="S3230">
            <v>16858</v>
          </cell>
          <cell r="T3230">
            <v>58513</v>
          </cell>
          <cell r="V3230" t="str">
            <v>yl177621</v>
          </cell>
          <cell r="W3230" t="str">
            <v>rd197867</v>
          </cell>
          <cell r="Y3230" t="str">
            <v>057，57，63，77，</v>
          </cell>
          <cell r="Z3230">
            <v>80</v>
          </cell>
          <cell r="AA3230">
            <v>77</v>
          </cell>
          <cell r="AB3230">
            <v>63</v>
          </cell>
          <cell r="AC3230">
            <v>57</v>
          </cell>
          <cell r="AD3230" t="str">
            <v/>
          </cell>
          <cell r="AE3230" t="str">
            <v>１；計画策定、指定管理・PFI公募支援、観光振興、地域のまちづくりを主とした行政サービス、施設運営準備支援、運営事業者公募支援、第三者評価、人事評価制度改善支援、経営診断２；３；各種講座運営（研修・セミナーのカリキュラム開発と実施）４；データ入力</v>
          </cell>
          <cell r="AF3230" t="str">
            <v>計画策定、指定管理・PFI公募支援、観光振興、地域のまちづくりを主とした行政サービス、施設運営準備支援、運営事業者公募支援、第三者評価、人事評価制度改善支援、研修・セミナーのカリキュラム開発と実施、経営診断、市場調査、顧客満足度調査、世論調査、データ入力</v>
          </cell>
        </row>
        <row r="3231">
          <cell r="B3231">
            <v>12600</v>
          </cell>
          <cell r="C3231" t="str">
            <v>オリファサービス債権回収(株)</v>
          </cell>
          <cell r="D3231" t="str">
            <v>03-6233-3450</v>
          </cell>
          <cell r="E3231" t="str">
            <v>169-0072</v>
          </cell>
          <cell r="F3231" t="str">
            <v>東京都新宿区大久保1-3-21</v>
          </cell>
          <cell r="G3231" t="str">
            <v>東京都</v>
          </cell>
          <cell r="H3231" t="str">
            <v/>
          </cell>
          <cell r="I3231" t="str">
            <v>代表取締役社長 松浦　治</v>
          </cell>
          <cell r="J3231" t="str">
            <v>本店</v>
          </cell>
          <cell r="K3231" t="str">
            <v>03-6233-3455</v>
          </cell>
          <cell r="L3231" t="str">
            <v>kayo.iwai@orifaservice.co.jp</v>
          </cell>
          <cell r="M3231" t="str">
            <v>ｵﾘﾌｧｻｰﾋﾞｽｻｲｹﾝｶｲｼｭｳ</v>
          </cell>
          <cell r="N3231" t="str">
            <v>無</v>
          </cell>
          <cell r="O3231">
            <v>14</v>
          </cell>
          <cell r="P3231">
            <v>241</v>
          </cell>
          <cell r="Q3231">
            <v>4013301021635</v>
          </cell>
          <cell r="R3231">
            <v>500000</v>
          </cell>
          <cell r="S3231">
            <v>821892</v>
          </cell>
          <cell r="T3231">
            <v>1238788</v>
          </cell>
          <cell r="V3231" t="str">
            <v>ok127605</v>
          </cell>
          <cell r="W3231" t="str">
            <v>eo139731</v>
          </cell>
          <cell r="Y3231" t="str">
            <v/>
          </cell>
          <cell r="Z3231" t="str">
            <v/>
          </cell>
          <cell r="AA3231" t="str">
            <v/>
          </cell>
          <cell r="AB3231" t="str">
            <v/>
          </cell>
          <cell r="AC3231" t="str">
            <v/>
          </cell>
          <cell r="AD3231" t="str">
            <v/>
          </cell>
          <cell r="AE3231" t="str">
            <v>１；現地調査、債権管理回収２；３；４；</v>
          </cell>
          <cell r="AF3231" t="str">
            <v>債権管理回収業務、現地調査業務</v>
          </cell>
        </row>
        <row r="3232">
          <cell r="B3232">
            <v>12602</v>
          </cell>
          <cell r="C3232" t="str">
            <v>(株)ブレインワークス</v>
          </cell>
          <cell r="D3232" t="str">
            <v>03-5759-5133</v>
          </cell>
          <cell r="E3232" t="str">
            <v>141-0031</v>
          </cell>
          <cell r="F3232" t="str">
            <v>東京都品川区西五反田6丁目2番7号 ｳｴｽﾄｻｲﾄﾞ五反田ﾋﾞﾙ3階</v>
          </cell>
          <cell r="G3232" t="str">
            <v>東京都</v>
          </cell>
          <cell r="H3232" t="str">
            <v>東京本社</v>
          </cell>
          <cell r="I3232" t="str">
            <v>取締役　 営業事業部長　大</v>
          </cell>
          <cell r="J3232" t="str">
            <v>兵庫県神戸市</v>
          </cell>
          <cell r="K3232" t="str">
            <v>03-5759-5547</v>
          </cell>
          <cell r="L3232" t="str">
            <v>bworks@bwg.co.jp</v>
          </cell>
          <cell r="M3232" t="str">
            <v>ﾌﾞﾚｲﾝﾜ-ｸｽ</v>
          </cell>
          <cell r="N3232" t="str">
            <v>有</v>
          </cell>
          <cell r="O3232">
            <v>25</v>
          </cell>
          <cell r="P3232">
            <v>34</v>
          </cell>
          <cell r="Q3232">
            <v>4140000000000</v>
          </cell>
          <cell r="R3232">
            <v>255420</v>
          </cell>
          <cell r="S3232">
            <v>190927</v>
          </cell>
          <cell r="T3232">
            <v>529399</v>
          </cell>
          <cell r="V3232" t="str">
            <v>ke110106</v>
          </cell>
          <cell r="W3232" t="str">
            <v>bd197995</v>
          </cell>
          <cell r="Y3232" t="str">
            <v/>
          </cell>
          <cell r="Z3232" t="str">
            <v/>
          </cell>
          <cell r="AA3232" t="str">
            <v/>
          </cell>
          <cell r="AB3232" t="str">
            <v/>
          </cell>
          <cell r="AC3232" t="str">
            <v/>
          </cell>
          <cell r="AD3232" t="str">
            <v/>
          </cell>
          <cell r="AE3232" t="str">
            <v>１；２；３；４；</v>
          </cell>
          <cell r="AF3232" t="str">
            <v>日々の業務改善からＩＣＴ環境の構築、リスクマネージメント、アジア展開まで。経営環境が大きく変化する中、最適なソリュージョンを探求していきます。</v>
          </cell>
        </row>
        <row r="3233">
          <cell r="B3233">
            <v>12603</v>
          </cell>
          <cell r="C3233" t="str">
            <v>ソフトバンク(株)</v>
          </cell>
          <cell r="D3233" t="str">
            <v>03-6889-2699</v>
          </cell>
          <cell r="E3233" t="str">
            <v>105-7529</v>
          </cell>
          <cell r="F3233" t="str">
            <v>東京都港区海岸1-7-1</v>
          </cell>
          <cell r="G3233" t="str">
            <v>東京都</v>
          </cell>
          <cell r="I3233" t="str">
            <v>代表取締役 今井　康之</v>
          </cell>
          <cell r="J3233" t="str">
            <v>東京都</v>
          </cell>
          <cell r="K3233" t="str">
            <v>03-4288-2613</v>
          </cell>
          <cell r="L3233" t="str">
            <v/>
          </cell>
          <cell r="M3233" t="str">
            <v>ｿﾌﾄﾊﾞﾝｸ</v>
          </cell>
          <cell r="N3233" t="str">
            <v>有</v>
          </cell>
          <cell r="O3233">
            <v>32</v>
          </cell>
          <cell r="P3233">
            <v>22675</v>
          </cell>
          <cell r="Q3233">
            <v>9010400000000</v>
          </cell>
          <cell r="R3233">
            <v>197694000</v>
          </cell>
          <cell r="S3233">
            <v>657334000</v>
          </cell>
          <cell r="T3233">
            <v>3199362000</v>
          </cell>
          <cell r="V3233" t="str">
            <v>bn152409</v>
          </cell>
          <cell r="W3233" t="str">
            <v>tw175638</v>
          </cell>
          <cell r="Y3233" t="str">
            <v>36.44.50.57.58.63.65.80</v>
          </cell>
          <cell r="Z3233">
            <v>80</v>
          </cell>
          <cell r="AA3233">
            <v>36</v>
          </cell>
          <cell r="AB3233">
            <v>44</v>
          </cell>
          <cell r="AC3233">
            <v>58</v>
          </cell>
          <cell r="AD3233" t="str">
            <v/>
          </cell>
          <cell r="AE3233" t="str">
            <v>１；２；各種通信回線・ネットワーク回線の提供（おとくライン、ＷＡＮ、ＬＡＮ等）、人工知能（Ｗａｔｓｏｎ、ＡＩ等）、精密機械（ロボット（ペッパー等））３；電子機器類販売、通信用機械器具４；通信用機械器具、パソコン等、サーバー、コンピュータ周辺機器、モバイル端末、電話交換機</v>
          </cell>
          <cell r="AF3233" t="str">
            <v>得意とする業種や発注を希望する業種：情報処理（システム系）、電気通信回線提供、リース・レンタル、電子機器類販売、機械・設備の保守・点検・管理、広告、精密機械（ロボット（ペッパー等））、人工知能、電波調査、導入後の効果測定、導入前の検証、設置環境調査等、イベントの企画・運営</v>
          </cell>
        </row>
        <row r="3234">
          <cell r="B3234">
            <v>12605</v>
          </cell>
          <cell r="C3234" t="str">
            <v>田中電気(株)</v>
          </cell>
          <cell r="D3234" t="str">
            <v>06-4705-9730</v>
          </cell>
          <cell r="E3234" t="str">
            <v>541-0056</v>
          </cell>
          <cell r="F3234" t="str">
            <v>大阪府大阪市中央区久太郎町1-9-5</v>
          </cell>
          <cell r="G3234" t="str">
            <v>大阪市</v>
          </cell>
          <cell r="H3234" t="str">
            <v>西日本支店</v>
          </cell>
          <cell r="I3234" t="str">
            <v>支店長 小村　光次</v>
          </cell>
          <cell r="J3234" t="str">
            <v>東京都</v>
          </cell>
          <cell r="K3234" t="str">
            <v>06-6264-0921</v>
          </cell>
          <cell r="L3234" t="str">
            <v>t-newsatsu@tanaka-denki.co.jp</v>
          </cell>
          <cell r="M3234" t="str">
            <v>ﾀﾅｶﾃﾞﾝｷ</v>
          </cell>
          <cell r="N3234" t="str">
            <v>有</v>
          </cell>
          <cell r="O3234">
            <v>66</v>
          </cell>
          <cell r="P3234">
            <v>240</v>
          </cell>
          <cell r="Q3234">
            <v>2010001022478</v>
          </cell>
          <cell r="R3234">
            <v>60000</v>
          </cell>
          <cell r="S3234">
            <v>1026703</v>
          </cell>
          <cell r="T3234">
            <v>6139194</v>
          </cell>
          <cell r="V3234" t="str">
            <v>op100778</v>
          </cell>
          <cell r="W3234" t="str">
            <v>gi185450</v>
          </cell>
          <cell r="Y3234" t="str">
            <v>36，38，44，</v>
          </cell>
          <cell r="Z3234">
            <v>36</v>
          </cell>
          <cell r="AA3234">
            <v>44</v>
          </cell>
          <cell r="AB3234" t="str">
            <v/>
          </cell>
          <cell r="AC3234" t="str">
            <v/>
          </cell>
          <cell r="AD3234" t="str">
            <v>その他ドローン、防災用品（非常食、ヘルメット、消火器）の販売も可能です。</v>
          </cell>
          <cell r="AE3234" t="str">
            <v>１；パナソニック（株）、ソフトバンク（株）、（株）東芝、（株）ＪＶＣケンウッド２；パナソニック（株）、ソフトバンク（株）、（株）ＪＶＣケンウッド３；４；</v>
          </cell>
          <cell r="AF3234" t="str">
            <v>当社は電気通信事業を中心に東京都千代田区で半世紀をこえる歴史がある企業です。現在は業務用無線の販売およびレンタル、ドローン（無人航空機）事業、携帯電話販売等多岐に渡る事業を展開しています。</v>
          </cell>
        </row>
        <row r="3235">
          <cell r="B3235">
            <v>12606</v>
          </cell>
          <cell r="C3235" t="str">
            <v>チリ化成(株)</v>
          </cell>
          <cell r="D3235" t="str">
            <v>0736-66-9917</v>
          </cell>
          <cell r="E3235" t="str">
            <v>649-6124</v>
          </cell>
          <cell r="F3235" t="str">
            <v>和歌山県紀の川市桃山町市場547-3</v>
          </cell>
          <cell r="G3235" t="str">
            <v>紀の川市</v>
          </cell>
          <cell r="H3235" t="str">
            <v/>
          </cell>
          <cell r="I3235" t="str">
            <v>代表取締役 小川　量也</v>
          </cell>
          <cell r="J3235" t="str">
            <v>本店</v>
          </cell>
          <cell r="K3235" t="str">
            <v>0736-66-9918</v>
          </cell>
          <cell r="L3235" t="str">
            <v>na-uenishi@chri-kasei.jp</v>
          </cell>
          <cell r="M3235" t="str">
            <v>ﾁﾘｶｾｲｶﾌﾞｼｷｶﾞｲｼｬ</v>
          </cell>
          <cell r="N3235" t="str">
            <v>無</v>
          </cell>
          <cell r="O3235">
            <v>49</v>
          </cell>
          <cell r="P3235">
            <v>13</v>
          </cell>
          <cell r="Q3235">
            <v>1170001007844</v>
          </cell>
          <cell r="R3235">
            <v>10000</v>
          </cell>
          <cell r="S3235">
            <v>42218</v>
          </cell>
          <cell r="T3235">
            <v>307952</v>
          </cell>
          <cell r="V3235" t="str">
            <v>my170051</v>
          </cell>
          <cell r="W3235" t="str">
            <v>ia113791</v>
          </cell>
          <cell r="Y3235" t="str">
            <v/>
          </cell>
          <cell r="Z3235">
            <v>80</v>
          </cell>
          <cell r="AA3235" t="str">
            <v/>
          </cell>
          <cell r="AB3235" t="str">
            <v/>
          </cell>
          <cell r="AC3235" t="str">
            <v/>
          </cell>
          <cell r="AD3235" t="str">
            <v>一般社団法人日本公園施設業協会会員</v>
          </cell>
          <cell r="AE3235" t="str">
            <v>１；遊具点検・砂場殺菌処理２；３；４；</v>
          </cell>
          <cell r="AF3235" t="str">
            <v>資格保有者が、幼・保育園、小・中学校又は、公園等に設置されている遊具の点検を行い、修繕、撤去、更新を行う。又、砂場の砂を一切薬剤を使用せずに、高熱のバーナーで処理をし、殺菌、殺虫を行う。</v>
          </cell>
        </row>
        <row r="3236">
          <cell r="B3236">
            <v>12608</v>
          </cell>
          <cell r="C3236" t="str">
            <v>日興通信(株)</v>
          </cell>
          <cell r="D3236" t="str">
            <v>06-7223-8425</v>
          </cell>
          <cell r="E3236" t="str">
            <v>541-0047</v>
          </cell>
          <cell r="F3236" t="str">
            <v>大阪府大阪市中央区淡路町1-4-9</v>
          </cell>
          <cell r="G3236" t="str">
            <v>大阪市</v>
          </cell>
          <cell r="H3236" t="str">
            <v>大阪支店</v>
          </cell>
          <cell r="I3236" t="str">
            <v>支店長 鈴木　健一郎</v>
          </cell>
          <cell r="J3236" t="str">
            <v>東京都</v>
          </cell>
          <cell r="K3236" t="str">
            <v>06-7223-8426</v>
          </cell>
          <cell r="L3236" t="str">
            <v>nyosaka@nikkotelecom.co.jp</v>
          </cell>
          <cell r="M3236" t="str">
            <v>ﾆｯｺｳﾂｳｼﾝ</v>
          </cell>
          <cell r="N3236" t="str">
            <v>有</v>
          </cell>
          <cell r="O3236">
            <v>58</v>
          </cell>
          <cell r="P3236">
            <v>463</v>
          </cell>
          <cell r="Q3236">
            <v>9010901015459</v>
          </cell>
          <cell r="R3236">
            <v>496000</v>
          </cell>
          <cell r="S3236">
            <v>2510260</v>
          </cell>
          <cell r="T3236">
            <v>19975000</v>
          </cell>
          <cell r="V3236" t="str">
            <v>mz135031</v>
          </cell>
          <cell r="W3236" t="str">
            <v>qg111573</v>
          </cell>
          <cell r="Y3236" t="str">
            <v>12，36，58，</v>
          </cell>
          <cell r="Z3236">
            <v>36</v>
          </cell>
          <cell r="AA3236">
            <v>12</v>
          </cell>
          <cell r="AB3236">
            <v>58</v>
          </cell>
          <cell r="AC3236" t="str">
            <v/>
          </cell>
          <cell r="AD3236" t="str">
            <v/>
          </cell>
          <cell r="AE3236" t="str">
            <v>１；日本電気　エプソン販売　ダイワボウ情報システム　サンワサプライ　エレコム　２；東京書籍　さつき　鈴木楽器販売３；４；</v>
          </cell>
          <cell r="AF3236" t="str">
            <v>当社は、官庁・自治体、学校及び民間企業等へPCサーバ等の情報機器や固定電話、携帯電話等の通信機器を中心に売買または賃貸借を得意としている企業でございます。また社内には技術者が多数おり、企画提案から設置工事保守・サポートまで1社で対応できるのが当社の強みでございます。</v>
          </cell>
        </row>
        <row r="3237">
          <cell r="B3237">
            <v>12611</v>
          </cell>
          <cell r="C3237" t="str">
            <v>エコユニット(株)</v>
          </cell>
          <cell r="D3237" t="str">
            <v>03-5879-2001</v>
          </cell>
          <cell r="E3237" t="str">
            <v>132-0021</v>
          </cell>
          <cell r="F3237" t="str">
            <v>東京都江戸川区中央1-18-12-603</v>
          </cell>
          <cell r="G3237" t="str">
            <v>東京都</v>
          </cell>
          <cell r="H3237" t="str">
            <v/>
          </cell>
          <cell r="I3237" t="str">
            <v>代表取締役 荒川　とも子</v>
          </cell>
          <cell r="J3237" t="str">
            <v>本店</v>
          </cell>
          <cell r="K3237" t="str">
            <v>03-5879-2002</v>
          </cell>
          <cell r="L3237" t="str">
            <v>kq84647@dc5.so-net.ne.jp</v>
          </cell>
          <cell r="M3237" t="str">
            <v>ｴｺﾕﾆｯﾄ</v>
          </cell>
          <cell r="N3237" t="str">
            <v>無</v>
          </cell>
          <cell r="O3237">
            <v>8</v>
          </cell>
          <cell r="P3237">
            <v>3</v>
          </cell>
          <cell r="Q3237">
            <v>5011701015743</v>
          </cell>
          <cell r="R3237">
            <v>4000</v>
          </cell>
          <cell r="S3237">
            <v>-13671</v>
          </cell>
          <cell r="T3237">
            <v>2179</v>
          </cell>
          <cell r="V3237" t="str">
            <v>ku110602</v>
          </cell>
          <cell r="W3237" t="str">
            <v>lq195593</v>
          </cell>
          <cell r="Y3237" t="str">
            <v/>
          </cell>
          <cell r="Z3237" t="str">
            <v/>
          </cell>
          <cell r="AA3237" t="str">
            <v/>
          </cell>
          <cell r="AB3237" t="str">
            <v/>
          </cell>
          <cell r="AC3237" t="str">
            <v/>
          </cell>
          <cell r="AD3237" t="str">
            <v/>
          </cell>
          <cell r="AE3237" t="str">
            <v>１；火葬残骨灰処理２；３；４；</v>
          </cell>
          <cell r="AF3237" t="str">
            <v>火葬残骨灰処理業務</v>
          </cell>
        </row>
        <row r="3238">
          <cell r="B3238">
            <v>12614</v>
          </cell>
          <cell r="C3238" t="str">
            <v>(株)寿楽園</v>
          </cell>
          <cell r="D3238" t="str">
            <v>0797-87-8118</v>
          </cell>
          <cell r="E3238" t="str">
            <v>665-0821</v>
          </cell>
          <cell r="F3238" t="str">
            <v>兵庫県宝塚市安倉北5-1041-3</v>
          </cell>
          <cell r="G3238" t="str">
            <v>宝塚市</v>
          </cell>
          <cell r="H3238" t="str">
            <v/>
          </cell>
          <cell r="I3238" t="str">
            <v>代表取締役 中井　智規</v>
          </cell>
          <cell r="J3238" t="str">
            <v>本店</v>
          </cell>
          <cell r="K3238" t="str">
            <v>0797-87-3161</v>
          </cell>
          <cell r="L3238" t="str">
            <v>info@jyurakuen.co.jp</v>
          </cell>
          <cell r="M3238" t="str">
            <v>ｼﾞｭﾗｸｴﾝ</v>
          </cell>
          <cell r="N3238" t="str">
            <v>無</v>
          </cell>
          <cell r="O3238">
            <v>46</v>
          </cell>
          <cell r="P3238">
            <v>7</v>
          </cell>
          <cell r="Q3238">
            <v>8140001081605</v>
          </cell>
          <cell r="R3238">
            <v>20000</v>
          </cell>
          <cell r="S3238">
            <v>76725</v>
          </cell>
          <cell r="T3238">
            <v>435458</v>
          </cell>
          <cell r="V3238" t="str">
            <v>zg161803</v>
          </cell>
          <cell r="W3238" t="str">
            <v>sw181163</v>
          </cell>
          <cell r="Y3238" t="str">
            <v>052，20，22，52，53，54，</v>
          </cell>
          <cell r="Z3238">
            <v>20</v>
          </cell>
          <cell r="AA3238">
            <v>22</v>
          </cell>
          <cell r="AB3238">
            <v>53</v>
          </cell>
          <cell r="AC3238">
            <v>52</v>
          </cell>
          <cell r="AD3238" t="str">
            <v>０スポーツ用品に含まれないスポーツ関連機器・遊具の本体及び部品の販売。スポーツグランドの維持管理業務。</v>
          </cell>
          <cell r="AE3238" t="str">
            <v>１；スポーツ機器（野球場ネット、サッカーゴール等、グランド関係品）、遊具（鉄棒、ブランコ等）及びこれらの部品２；樹木・草花・種苗他、園芸関係品。３；包括年間維持管理、及び一部補修業務（遊具、グランド、芝生、樹木等）。４；樹木・芝生・草花等の害虫駆除。</v>
          </cell>
          <cell r="AF3238" t="str">
            <v>ブランコ等遊具の補修及び納品（部品を含む）。グランド整備・公園遊具等のスポーツ設備の施工、遊具設置等。張芝工事、植栽等の造園工事、法面処理（種子吹付）。これらの維持管理、管理。施設や公園等の樹木・草花に寄生する害虫の駆除業務。</v>
          </cell>
        </row>
        <row r="3239">
          <cell r="B3239">
            <v>12621</v>
          </cell>
          <cell r="C3239" t="str">
            <v>(株)三原商会</v>
          </cell>
          <cell r="D3239" t="str">
            <v>072-775-3621</v>
          </cell>
          <cell r="E3239" t="str">
            <v>664-0854</v>
          </cell>
          <cell r="F3239" t="str">
            <v>兵庫県伊丹市南町2-3-7</v>
          </cell>
          <cell r="G3239" t="str">
            <v>伊丹市</v>
          </cell>
          <cell r="H3239" t="str">
            <v/>
          </cell>
          <cell r="I3239" t="str">
            <v>代表取締役 三原　正年</v>
          </cell>
          <cell r="J3239" t="str">
            <v>本店</v>
          </cell>
          <cell r="K3239" t="str">
            <v>072-775-3622</v>
          </cell>
          <cell r="L3239" t="str">
            <v>mihara@mihara-shoukai.com</v>
          </cell>
          <cell r="M3239" t="str">
            <v>ﾐﾊﾗｼｮｳｶｲ</v>
          </cell>
          <cell r="N3239" t="str">
            <v>無</v>
          </cell>
          <cell r="O3239">
            <v>49</v>
          </cell>
          <cell r="P3239">
            <v>5</v>
          </cell>
          <cell r="Q3239">
            <v>7140001093873</v>
          </cell>
          <cell r="R3239">
            <v>10000</v>
          </cell>
          <cell r="S3239">
            <v>16960</v>
          </cell>
          <cell r="T3239">
            <v>148313</v>
          </cell>
          <cell r="V3239" t="str">
            <v>pj180264</v>
          </cell>
          <cell r="W3239" t="str">
            <v>jk113513</v>
          </cell>
          <cell r="Y3239" t="str">
            <v>03，</v>
          </cell>
          <cell r="Z3239" t="str">
            <v/>
          </cell>
          <cell r="AA3239" t="str">
            <v/>
          </cell>
          <cell r="AB3239" t="str">
            <v/>
          </cell>
          <cell r="AC3239" t="str">
            <v/>
          </cell>
          <cell r="AD3239" t="str">
            <v/>
          </cell>
          <cell r="AE3239" t="str">
            <v>１；ジーベック社・アイトス社・コーコス信岡社・自重堂社などの大手作業服メーカーをはじめ、ショーワグローブ社・おたふく手袋社などの作業用手袋メーカーを仕入先に持っております。２；３；４；</v>
          </cell>
          <cell r="AF3239" t="str">
            <v>作業服、軍手皮手袋などの作業用手袋を卸販売している。他にも診察衣や看護衣などの医療用白衣やヘルメット・安全靴などの安全用品も取り扱う。</v>
          </cell>
        </row>
        <row r="3240">
          <cell r="B3240">
            <v>12623</v>
          </cell>
          <cell r="C3240" t="str">
            <v>(株)アソウ・ヒューマニーセンター</v>
          </cell>
          <cell r="D3240" t="str">
            <v>06-6348-5900</v>
          </cell>
          <cell r="E3240" t="str">
            <v>530-0003</v>
          </cell>
          <cell r="F3240" t="str">
            <v>大阪府大阪市北区堂島1丁目6番20号</v>
          </cell>
          <cell r="G3240" t="str">
            <v>大阪市</v>
          </cell>
          <cell r="H3240" t="str">
            <v>大阪支店</v>
          </cell>
          <cell r="I3240" t="str">
            <v>支店長 光本　勝也</v>
          </cell>
          <cell r="J3240" t="str">
            <v>福岡県福岡市</v>
          </cell>
          <cell r="K3240" t="str">
            <v>06-6348-3939</v>
          </cell>
          <cell r="L3240" t="str">
            <v>sakaguchi-m01@ahc-net.co.jp</v>
          </cell>
          <cell r="M3240" t="str">
            <v>ｱｿｳ･ﾋｭｰﾏﾆｰｾﾝﾀｰ</v>
          </cell>
          <cell r="N3240" t="str">
            <v>有</v>
          </cell>
          <cell r="O3240">
            <v>34</v>
          </cell>
          <cell r="P3240">
            <v>257</v>
          </cell>
          <cell r="Q3240">
            <v>7290001006060</v>
          </cell>
          <cell r="R3240">
            <v>50000</v>
          </cell>
          <cell r="S3240">
            <v>578550</v>
          </cell>
          <cell r="T3240">
            <v>7782366</v>
          </cell>
          <cell r="V3240" t="str">
            <v>ct154368</v>
          </cell>
          <cell r="W3240" t="str">
            <v>xo199533</v>
          </cell>
          <cell r="Y3240" t="str">
            <v>56，</v>
          </cell>
          <cell r="Z3240">
            <v>80</v>
          </cell>
          <cell r="AA3240">
            <v>56</v>
          </cell>
          <cell r="AB3240" t="str">
            <v/>
          </cell>
          <cell r="AC3240" t="str">
            <v/>
          </cell>
          <cell r="AD3240" t="str">
            <v/>
          </cell>
          <cell r="AE3240" t="str">
            <v>１；保有する許可証・プライバシーマーク、有料職業紹介事業許可証、一般労働者派遣事業許可証。２；保有する許可証・プライバシーマーク、有料職業紹介事業許可証、一般労働者派遣事業許可証。３；４；</v>
          </cell>
          <cell r="AF3240" t="str">
            <v>当社は就労支援（生活保護受給者、生活困窮者、障がい者、高年齢者、若年、女性等）や、生活困窮者自立相談支援等、就労困難者の支援に力を入れております。その他研修（アンガ―マネジメント、就職支援セミナー、ビジネスマナー、障がい者（支援者・求職者・企業向け等）も行っております。</v>
          </cell>
        </row>
        <row r="3241">
          <cell r="B3241">
            <v>12627</v>
          </cell>
          <cell r="C3241" t="str">
            <v>肉のマルヤス</v>
          </cell>
          <cell r="D3241" t="str">
            <v>06-6436-2044</v>
          </cell>
          <cell r="E3241" t="str">
            <v>661-0033</v>
          </cell>
          <cell r="F3241" t="str">
            <v>兵庫県尼崎市南武庫之荘2-16-8</v>
          </cell>
          <cell r="G3241" t="str">
            <v>尼崎市</v>
          </cell>
          <cell r="H3241" t="str">
            <v/>
          </cell>
          <cell r="I3241" t="str">
            <v xml:space="preserve"> 安次嶺　優子</v>
          </cell>
          <cell r="J3241" t="str">
            <v>本店</v>
          </cell>
          <cell r="K3241" t="str">
            <v>06-6438-5918</v>
          </cell>
          <cell r="L3241" t="str">
            <v/>
          </cell>
          <cell r="M3241" t="str">
            <v>ﾆｸﾉﾏﾙﾔｽ</v>
          </cell>
          <cell r="N3241" t="str">
            <v>無</v>
          </cell>
          <cell r="O3241">
            <v>16</v>
          </cell>
          <cell r="P3241">
            <v>7</v>
          </cell>
          <cell r="Q3241" t="str">
            <v/>
          </cell>
          <cell r="R3241" t="str">
            <v/>
          </cell>
          <cell r="S3241" t="str">
            <v/>
          </cell>
          <cell r="T3241">
            <v>124823</v>
          </cell>
          <cell r="V3241" t="str">
            <v>fk122606</v>
          </cell>
          <cell r="W3241" t="str">
            <v>et158650</v>
          </cell>
          <cell r="Y3241" t="str">
            <v/>
          </cell>
          <cell r="Z3241" t="str">
            <v/>
          </cell>
          <cell r="AA3241" t="str">
            <v/>
          </cell>
          <cell r="AB3241" t="str">
            <v/>
          </cell>
          <cell r="AC3241" t="str">
            <v/>
          </cell>
          <cell r="AD3241" t="str">
            <v/>
          </cell>
          <cell r="AE3241">
            <v>0</v>
          </cell>
          <cell r="AF3241" t="str">
            <v/>
          </cell>
        </row>
        <row r="3242">
          <cell r="B3242">
            <v>12629</v>
          </cell>
          <cell r="C3242" t="str">
            <v>(株)リクルートライフスタイル</v>
          </cell>
          <cell r="D3242" t="str">
            <v>03-6835-1000</v>
          </cell>
          <cell r="E3242" t="str">
            <v>100-6640</v>
          </cell>
          <cell r="F3242" t="str">
            <v>東京都千代田区丸の内1-9-2</v>
          </cell>
          <cell r="G3242" t="str">
            <v>東京都</v>
          </cell>
          <cell r="H3242" t="str">
            <v/>
          </cell>
          <cell r="I3242" t="str">
            <v>代表取締役社長 淺野　健</v>
          </cell>
          <cell r="J3242" t="str">
            <v>本店</v>
          </cell>
          <cell r="K3242" t="str">
            <v/>
          </cell>
          <cell r="L3242" t="str">
            <v>nyusatusikaku@waku-2.com</v>
          </cell>
          <cell r="M3242" t="str">
            <v>ﾘｸﾙｰﾄﾗｲﾌｽﾀｲﾙ</v>
          </cell>
          <cell r="N3242" t="str">
            <v>無</v>
          </cell>
          <cell r="O3242">
            <v>6</v>
          </cell>
          <cell r="P3242">
            <v>3313</v>
          </cell>
          <cell r="Q3242">
            <v>4010001149427</v>
          </cell>
          <cell r="R3242">
            <v>150000</v>
          </cell>
          <cell r="S3242">
            <v>8398762</v>
          </cell>
          <cell r="T3242">
            <v>54483412</v>
          </cell>
          <cell r="V3242" t="str">
            <v>nc141985</v>
          </cell>
          <cell r="W3242" t="str">
            <v>zm119398</v>
          </cell>
          <cell r="Y3242" t="str">
            <v>064，58，63，64，65，77，</v>
          </cell>
          <cell r="Z3242">
            <v>65</v>
          </cell>
          <cell r="AA3242">
            <v>77</v>
          </cell>
          <cell r="AB3242">
            <v>80</v>
          </cell>
          <cell r="AC3242">
            <v>64</v>
          </cell>
          <cell r="AD3242" t="str">
            <v>スマートデバイス向けアプリの企画・開発、Ｆａｃｅｂｏｏｋページ作成など</v>
          </cell>
          <cell r="AE3242" t="str">
            <v>１；雑誌媒体・ネット広告の企画、作成など２；ＧＡＰ調査・ＧＰＳ調査など３；観光ガイドブックの企画・編集、観光基本計画作成、地域活性ワークショップの企画・運営など４；プロモーションムービーの企画・制作など</v>
          </cell>
          <cell r="AF3242" t="str">
            <v>各種雑誌・ネット報告等の企画作成、市場・動向・教育等の調査実施、イベント企画等を取り扱っております。　※障害者の雇用の促進等に関する法律における報告義務については、特例子会社制度により法令基準を達成しております。</v>
          </cell>
        </row>
        <row r="3243">
          <cell r="B3243">
            <v>12632</v>
          </cell>
          <cell r="C3243" t="str">
            <v>(株)ＪＴＢコミュニケーションデザイン</v>
          </cell>
          <cell r="D3243" t="str">
            <v>03-5657-0600</v>
          </cell>
          <cell r="E3243" t="str">
            <v>556-0017</v>
          </cell>
          <cell r="F3243" t="str">
            <v>東京都港区芝三丁目23番1号</v>
          </cell>
          <cell r="G3243" t="str">
            <v>東京都</v>
          </cell>
          <cell r="H3243" t="str">
            <v/>
          </cell>
          <cell r="I3243" t="str">
            <v>代表取締役 古野　浩樹</v>
          </cell>
          <cell r="J3243" t="str">
            <v>本店</v>
          </cell>
          <cell r="K3243" t="str">
            <v>03-5657-0631</v>
          </cell>
          <cell r="L3243" t="str">
            <v>contactus@jtbcom.co.jp</v>
          </cell>
          <cell r="M3243" t="str">
            <v>ｼﾞｴｲﾃｲ-ﾋﾞ-ｺﾐﾕﾆｹ-ｼﾖﾝﾃﾞｻﾞｲﾝ</v>
          </cell>
          <cell r="N3243" t="str">
            <v>無</v>
          </cell>
          <cell r="O3243">
            <v>30</v>
          </cell>
          <cell r="P3243">
            <v>1395</v>
          </cell>
          <cell r="Q3243">
            <v>2010700000000</v>
          </cell>
          <cell r="R3243">
            <v>100000</v>
          </cell>
          <cell r="S3243">
            <v>6334757</v>
          </cell>
          <cell r="T3243">
            <v>32837376</v>
          </cell>
          <cell r="V3243" t="str">
            <v>xb130069</v>
          </cell>
          <cell r="W3243" t="str">
            <v>bg193938</v>
          </cell>
          <cell r="Y3243" t="str">
            <v>43.58.63.65.77.80</v>
          </cell>
          <cell r="Z3243">
            <v>65</v>
          </cell>
          <cell r="AA3243">
            <v>63</v>
          </cell>
          <cell r="AB3243">
            <v>77</v>
          </cell>
          <cell r="AC3243">
            <v>80</v>
          </cell>
          <cell r="AD3243" t="str">
            <v/>
          </cell>
          <cell r="AE3243" t="str">
            <v>１；２；誘客プロモーション、折込広告、看板、パンフレット、ＷＥＢページのデザイン３；博覧会、展示会、国際会議等の企画運営実施４；マーケティング調査</v>
          </cell>
          <cell r="AF3243" t="str">
            <v>ＪＴＢグループのソリューション提供会社として誘客プロモーション、展示会、博覧会、国際会議等の企画運営を主力業務とし観光公共施設の運営及び電力供給、試験、検定の運営も取り扱っております。</v>
          </cell>
        </row>
        <row r="3244">
          <cell r="B3244">
            <v>12633</v>
          </cell>
          <cell r="C3244" t="str">
            <v>ＡＩＧ損害保険(株)</v>
          </cell>
          <cell r="D3244" t="str">
            <v>06-7223-2040</v>
          </cell>
          <cell r="E3244" t="str">
            <v>530-0011</v>
          </cell>
          <cell r="F3244" t="str">
            <v>大阪府大深町43525</v>
          </cell>
          <cell r="G3244" t="str">
            <v>大深町</v>
          </cell>
          <cell r="H3244" t="str">
            <v>大阪コーポレートキャリアエージェント営業部</v>
          </cell>
          <cell r="I3244" t="str">
            <v>部長 四宮　貢</v>
          </cell>
          <cell r="J3244" t="str">
            <v>東京都</v>
          </cell>
          <cell r="K3244" t="str">
            <v>06-6375-7124</v>
          </cell>
          <cell r="L3244" t="str">
            <v>icon.makamuraken@aig.co.jp</v>
          </cell>
          <cell r="M3244" t="str">
            <v>ｴｰｱｲｼﾞｰｿﾝｶﾞｲﾎｹﾝ</v>
          </cell>
          <cell r="N3244" t="str">
            <v>有</v>
          </cell>
          <cell r="O3244">
            <v>8</v>
          </cell>
          <cell r="P3244">
            <v>7272</v>
          </cell>
          <cell r="Q3244">
            <v>5010001146209</v>
          </cell>
          <cell r="R3244">
            <v>13762242</v>
          </cell>
          <cell r="S3244" t="str">
            <v/>
          </cell>
          <cell r="T3244">
            <v>106788000</v>
          </cell>
          <cell r="V3244" t="str">
            <v>hp142808</v>
          </cell>
          <cell r="W3244" t="str">
            <v>dk188936</v>
          </cell>
          <cell r="Y3244" t="str">
            <v/>
          </cell>
          <cell r="Z3244" t="str">
            <v/>
          </cell>
          <cell r="AA3244" t="str">
            <v/>
          </cell>
          <cell r="AB3244" t="str">
            <v/>
          </cell>
          <cell r="AC3244" t="str">
            <v/>
          </cell>
          <cell r="AD3244" t="str">
            <v/>
          </cell>
          <cell r="AE3244" t="str">
            <v>１；２；３；４；</v>
          </cell>
          <cell r="AF3244" t="str">
            <v>損害保険</v>
          </cell>
        </row>
        <row r="3245">
          <cell r="B3245">
            <v>12635</v>
          </cell>
          <cell r="C3245" t="str">
            <v>日本旅行ビジネスソリューションズ(株)</v>
          </cell>
          <cell r="D3245" t="str">
            <v>06-4796-3733</v>
          </cell>
          <cell r="E3245" t="str">
            <v>530-0001</v>
          </cell>
          <cell r="F3245" t="str">
            <v>大阪府大阪市北区梅田1-11-4 大阪駅前第4ﾋﾞﾙ12F</v>
          </cell>
          <cell r="G3245" t="str">
            <v>大阪市</v>
          </cell>
          <cell r="H3245" t="str">
            <v/>
          </cell>
          <cell r="I3245" t="str">
            <v>代表取締役 髙橋　秀実</v>
          </cell>
          <cell r="J3245" t="str">
            <v>本店</v>
          </cell>
          <cell r="K3245" t="str">
            <v>06-4796-3737</v>
          </cell>
          <cell r="L3245" t="str">
            <v>minori_nakatomi@nta.co.jp</v>
          </cell>
          <cell r="M3245" t="str">
            <v>ﾆﾎﾝﾘｮｺｳﾋﾞｼﾞﾈｽｿﾘｭｰｼｮﾝｽﾞ</v>
          </cell>
          <cell r="N3245" t="str">
            <v>無</v>
          </cell>
          <cell r="O3245">
            <v>32</v>
          </cell>
          <cell r="P3245">
            <v>86</v>
          </cell>
          <cell r="Q3245">
            <v>3120001068658</v>
          </cell>
          <cell r="R3245">
            <v>40000</v>
          </cell>
          <cell r="S3245">
            <v>164917</v>
          </cell>
          <cell r="T3245">
            <v>557588</v>
          </cell>
          <cell r="V3245" t="str">
            <v>yr113052</v>
          </cell>
          <cell r="W3245" t="str">
            <v>is191919</v>
          </cell>
          <cell r="Y3245" t="str">
            <v>058，56，57，58，59，63，64，65，67，77，</v>
          </cell>
          <cell r="Z3245">
            <v>63</v>
          </cell>
          <cell r="AA3245">
            <v>64</v>
          </cell>
          <cell r="AB3245">
            <v>65</v>
          </cell>
          <cell r="AC3245">
            <v>58</v>
          </cell>
          <cell r="AD3245" t="str">
            <v>旅行業者代理業登録</v>
          </cell>
          <cell r="AE3245" t="str">
            <v>１；２；３；４；</v>
          </cell>
          <cell r="AF3245" t="str">
            <v>地域の観光展や物産展などのイベント企画・実施告知・運営業務、地域の観光情報発信業務、地域振興・地域活性化事業企画・運営など。種々アンケート調査・分析業務。地域振興に関する地域実態調査業務。アプリの開発・保守業務など。</v>
          </cell>
        </row>
        <row r="3246">
          <cell r="B3246">
            <v>12639</v>
          </cell>
          <cell r="C3246" t="str">
            <v>(株)Ｆ－Ｐｏｗｅｒ</v>
          </cell>
          <cell r="D3246" t="str">
            <v>03-5544-8672</v>
          </cell>
          <cell r="E3246" t="str">
            <v>108-0023</v>
          </cell>
          <cell r="F3246" t="str">
            <v>東京都港区芝浦3-1-21</v>
          </cell>
          <cell r="G3246" t="str">
            <v>東京都</v>
          </cell>
          <cell r="H3246" t="str">
            <v/>
          </cell>
          <cell r="I3246" t="str">
            <v>代表取締役 沖　隆</v>
          </cell>
          <cell r="J3246" t="str">
            <v>本店</v>
          </cell>
          <cell r="K3246" t="str">
            <v>03-5544-8404</v>
          </cell>
          <cell r="L3246" t="str">
            <v>nyusatsu-tanto@f-power.co.jp</v>
          </cell>
          <cell r="M3246" t="str">
            <v>ｴﾌﾊﾟﾜｰ</v>
          </cell>
          <cell r="N3246" t="str">
            <v>無</v>
          </cell>
          <cell r="O3246">
            <v>9</v>
          </cell>
          <cell r="P3246">
            <v>184</v>
          </cell>
          <cell r="Q3246">
            <v>2010701022133</v>
          </cell>
          <cell r="R3246">
            <v>5289000</v>
          </cell>
          <cell r="S3246">
            <v>5466288</v>
          </cell>
          <cell r="T3246">
            <v>159910300</v>
          </cell>
          <cell r="V3246" t="str">
            <v>ws108862</v>
          </cell>
          <cell r="W3246" t="str">
            <v>uk195397</v>
          </cell>
          <cell r="Y3246" t="str">
            <v>43，</v>
          </cell>
          <cell r="Z3246">
            <v>43</v>
          </cell>
          <cell r="AA3246">
            <v>80</v>
          </cell>
          <cell r="AB3246" t="str">
            <v/>
          </cell>
          <cell r="AC3246" t="str">
            <v/>
          </cell>
          <cell r="AD3246" t="str">
            <v/>
          </cell>
          <cell r="AE3246" t="str">
            <v>１；小売電気事業者（平成２７年１０月８日登録）２；余剰電力の買受３；４；</v>
          </cell>
          <cell r="AF3246" t="str">
            <v>電力の売買業務、発電及び電力の供給業務</v>
          </cell>
        </row>
        <row r="3247">
          <cell r="B3247">
            <v>12640</v>
          </cell>
          <cell r="C3247" t="str">
            <v>ペンタフ(株)</v>
          </cell>
          <cell r="D3247" t="str">
            <v>06-6458-1231</v>
          </cell>
          <cell r="E3247" t="str">
            <v>531-0076</v>
          </cell>
          <cell r="F3247" t="str">
            <v>大阪府大阪市北区大淀中1-7-10</v>
          </cell>
          <cell r="G3247" t="str">
            <v>大阪市</v>
          </cell>
          <cell r="H3247" t="str">
            <v/>
          </cell>
          <cell r="I3247" t="str">
            <v>代表取締役 平田　喜彦</v>
          </cell>
          <cell r="J3247" t="str">
            <v>本店</v>
          </cell>
          <cell r="K3247" t="str">
            <v>06-6458-1221</v>
          </cell>
          <cell r="L3247" t="str">
            <v>info@pentough.com</v>
          </cell>
          <cell r="M3247" t="str">
            <v>ﾍﾟﾝﾀﾌ</v>
          </cell>
          <cell r="N3247" t="str">
            <v>無</v>
          </cell>
          <cell r="O3247">
            <v>27</v>
          </cell>
          <cell r="P3247">
            <v>38</v>
          </cell>
          <cell r="Q3247">
            <v>2120001144625</v>
          </cell>
          <cell r="R3247">
            <v>10000</v>
          </cell>
          <cell r="S3247">
            <v>222887</v>
          </cell>
          <cell r="T3247">
            <v>515034</v>
          </cell>
          <cell r="V3247" t="str">
            <v>ot155861</v>
          </cell>
          <cell r="W3247" t="str">
            <v>um199319</v>
          </cell>
          <cell r="Y3247" t="str">
            <v>42，79，</v>
          </cell>
          <cell r="Z3247">
            <v>79</v>
          </cell>
          <cell r="AA3247">
            <v>42</v>
          </cell>
          <cell r="AB3247" t="str">
            <v/>
          </cell>
          <cell r="AC3247" t="str">
            <v/>
          </cell>
          <cell r="AD3247" t="str">
            <v/>
          </cell>
          <cell r="AE3247" t="str">
            <v>１；下水道不明水調査、流量調査、管渠内ＴＶカメラ調査、送煙調査、人孔目視調査、宅内桝誤接続調査２；下水道用定置型流量計、下水道用ポータブル流量計、注水圧気試験装置、各種水位流量計用管渠内設置装置、圧力式水位計・テープ式水位計、立坑カメラ、水位流量計遠隔監視用通信端末３；４；</v>
          </cell>
          <cell r="AF3247" t="str">
            <v>１圧力チップによる水位スクリーニング、雨水管理・下水熱他の機能診断２水位・流量調査、送煙検査、誤接検査、注水・圧気検査３ＴＶカメラ検査、展開カメラ検査、衝撃弾性波検査、ソフトコア検査、管内踏査４面速式・フリューム式流量計、レベル計・レベルスイッチ・粘度計、遠隔監視装置</v>
          </cell>
        </row>
        <row r="3248">
          <cell r="B3248">
            <v>12641</v>
          </cell>
          <cell r="C3248" t="str">
            <v>(株)エルコム</v>
          </cell>
          <cell r="D3248" t="str">
            <v>06-6838-4851</v>
          </cell>
          <cell r="E3248" t="str">
            <v>532-0011</v>
          </cell>
          <cell r="F3248" t="str">
            <v>大阪府大阪市淀川区西中島6-8-20</v>
          </cell>
          <cell r="G3248" t="str">
            <v>大阪市</v>
          </cell>
          <cell r="H3248" t="str">
            <v>大阪営業所</v>
          </cell>
          <cell r="I3248" t="str">
            <v>所長 林 孝和</v>
          </cell>
          <cell r="J3248" t="str">
            <v>東京都</v>
          </cell>
          <cell r="K3248" t="str">
            <v>06-6838-4852</v>
          </cell>
          <cell r="L3248" t="str">
            <v>sales@elcom-net.co.jp</v>
          </cell>
          <cell r="M3248" t="str">
            <v>ｴﾙｺﾑ</v>
          </cell>
          <cell r="N3248" t="str">
            <v>有</v>
          </cell>
          <cell r="O3248">
            <v>43</v>
          </cell>
          <cell r="P3248">
            <v>56</v>
          </cell>
          <cell r="Q3248">
            <v>9010801001856</v>
          </cell>
          <cell r="R3248">
            <v>86400</v>
          </cell>
          <cell r="S3248">
            <v>333466</v>
          </cell>
          <cell r="T3248">
            <v>1650224</v>
          </cell>
          <cell r="V3248" t="str">
            <v>kz170925</v>
          </cell>
          <cell r="W3248" t="str">
            <v>ll131333</v>
          </cell>
          <cell r="Y3248" t="str">
            <v>015，15，44，48，</v>
          </cell>
          <cell r="Z3248">
            <v>80</v>
          </cell>
          <cell r="AA3248">
            <v>44</v>
          </cell>
          <cell r="AB3248">
            <v>48</v>
          </cell>
          <cell r="AC3248">
            <v>15</v>
          </cell>
          <cell r="AD3248" t="str">
            <v/>
          </cell>
          <cell r="AE3248" t="str">
            <v>１；自動券売機　ＩＣカード対応チャージ機　両替機　入退場管理システム等の販売　特芝浦自販機　特マグナスコミュニケーションズ２；自動券売機　ＩＣカード対応チャージ機　両替機　入退場管理システム等のリース　レンタル３；自動券売機　ＩＣカード対応チャージ機　両替機　入退場管理システム等の保守点検業務４；自動券売機　ＩＣカード対応チャージ機　両替機　入退場管理システム等の消耗品の販売</v>
          </cell>
          <cell r="AF3248" t="str">
            <v>タッチパネル式発券機　ＩＣカード対応チャージ機・発券機　ボタン式券売機　両替機　入退場管理システム　料金精算装置　カード販売機　窓口チケット販売機　ＰＯＳレジ機　駐輪場システムの販売　保守点検　レンタル　各消耗品の販売</v>
          </cell>
        </row>
        <row r="3249">
          <cell r="B3249">
            <v>12642</v>
          </cell>
          <cell r="C3249" t="str">
            <v>(株)エデュケーショナルネットワーク</v>
          </cell>
          <cell r="D3249" t="str">
            <v>03-5275-2101</v>
          </cell>
          <cell r="E3249" t="str">
            <v>102-0071</v>
          </cell>
          <cell r="F3249" t="str">
            <v>東京都千代田区富士見2-11-11</v>
          </cell>
          <cell r="G3249" t="str">
            <v>東京都</v>
          </cell>
          <cell r="H3249" t="str">
            <v/>
          </cell>
          <cell r="I3249" t="str">
            <v>代表取締役 二瓶　嘉男</v>
          </cell>
          <cell r="J3249" t="str">
            <v>本店</v>
          </cell>
          <cell r="K3249" t="str">
            <v>03-5275-2110</v>
          </cell>
          <cell r="L3249" t="str">
            <v>nyusatsu@e-network.jp</v>
          </cell>
          <cell r="M3249" t="str">
            <v>ｴﾃﾞｭｹｰｼｮﾅﾙﾈｯﾄﾜｰｸ</v>
          </cell>
          <cell r="N3249" t="str">
            <v>無</v>
          </cell>
          <cell r="O3249">
            <v>15</v>
          </cell>
          <cell r="P3249">
            <v>263</v>
          </cell>
          <cell r="Q3249">
            <v>5010001082973</v>
          </cell>
          <cell r="R3249">
            <v>243900</v>
          </cell>
          <cell r="S3249">
            <v>3414695</v>
          </cell>
          <cell r="T3249">
            <v>9286638</v>
          </cell>
          <cell r="V3249" t="str">
            <v>jr164457</v>
          </cell>
          <cell r="W3249" t="str">
            <v>va193773</v>
          </cell>
          <cell r="Y3249" t="str">
            <v>077，12，56，57，58，63，64，65，77，</v>
          </cell>
          <cell r="Z3249">
            <v>80</v>
          </cell>
          <cell r="AA3249">
            <v>56</v>
          </cell>
          <cell r="AB3249">
            <v>58</v>
          </cell>
          <cell r="AC3249">
            <v>77</v>
          </cell>
          <cell r="AD3249" t="str">
            <v>【１２】教育材料…小学生～高校生を対象とした学習参考書・問題集（自社製品）</v>
          </cell>
          <cell r="AE3249" t="str">
            <v>１；１学習支援事業（補習講座・英語キャンプ等の企画運営）２教育機関・教員対象セミナー・研修の企画運営（講師派遣含む）３職業紹介（有料職業紹介事業許可証あり）２；教職員・ＡＬＴ・学習指導員等の派遣（労働者派遣事業許可証あり）３；１学力テストの開発・処理（作問・採点システム構築・帳票作成等）２ホームページの作成・保守３ＷＥＢ出願システムの導入提案４；１マークシート作成・処理２教育関連調査（学校評価・授業評価・教員評価）の企画・実施３調査結果を用いたコンサルティング</v>
          </cell>
          <cell r="AF3249" t="str">
            <v>当社は首都圏・関西圏の教育機関を中心に学習支援（補習講座運営）、教員・ＡＬＴ派遣紹介、広報支援（印刷物・ＨＰ作成）、教務コンサル、教育関連調査の実施及び集計分析等のサービスを提供しています。また、小～高校生向けの参考書・問題集やテストの制作・販売も行っています。</v>
          </cell>
        </row>
        <row r="3250">
          <cell r="B3250">
            <v>12645</v>
          </cell>
          <cell r="C3250" t="str">
            <v>新エネルギー開発(株)</v>
          </cell>
          <cell r="D3250" t="str">
            <v>072-778-1212</v>
          </cell>
          <cell r="E3250" t="str">
            <v>664-8510</v>
          </cell>
          <cell r="F3250" t="str">
            <v>兵庫県伊丹市中央5-5-10</v>
          </cell>
          <cell r="G3250" t="str">
            <v>伊丹市</v>
          </cell>
          <cell r="H3250" t="str">
            <v/>
          </cell>
          <cell r="I3250" t="str">
            <v>代表取締役 北嶋　太郎</v>
          </cell>
          <cell r="J3250" t="str">
            <v>本店</v>
          </cell>
          <cell r="K3250" t="str">
            <v>072-778-7100</v>
          </cell>
          <cell r="L3250" t="str">
            <v>new-energy@itami-grp.co.jp</v>
          </cell>
          <cell r="M3250" t="str">
            <v>ｼﾝｴﾈﾙｷﾞｰｶｲﾊﾂ</v>
          </cell>
          <cell r="N3250" t="str">
            <v>無</v>
          </cell>
          <cell r="O3250">
            <v>7</v>
          </cell>
          <cell r="P3250">
            <v>20</v>
          </cell>
          <cell r="Q3250">
            <v>9140001084185</v>
          </cell>
          <cell r="R3250">
            <v>300000</v>
          </cell>
          <cell r="S3250">
            <v>892863</v>
          </cell>
          <cell r="T3250">
            <v>3670119</v>
          </cell>
          <cell r="V3250" t="str">
            <v>tf155165</v>
          </cell>
          <cell r="W3250" t="str">
            <v>nm113968</v>
          </cell>
          <cell r="Y3250" t="str">
            <v>43，</v>
          </cell>
          <cell r="Z3250" t="str">
            <v/>
          </cell>
          <cell r="AA3250" t="str">
            <v/>
          </cell>
          <cell r="AB3250" t="str">
            <v/>
          </cell>
          <cell r="AC3250" t="str">
            <v/>
          </cell>
          <cell r="AD3250" t="str">
            <v/>
          </cell>
          <cell r="AE3250" t="str">
            <v>１；小売電気事業を営もうとする者の登録２；３；４；</v>
          </cell>
          <cell r="AF3250" t="str">
            <v>電力ブランド「伊丹産業のでんき」として、地域密着型の電力会社を目指しております。当社は、クリーンな自然エネルギーを中心に「エネルギーのベストミックス」を常に考え、低炭素社会実現に大きく貢献しています。</v>
          </cell>
        </row>
        <row r="3251">
          <cell r="B3251">
            <v>12647</v>
          </cell>
          <cell r="C3251" t="str">
            <v>(株)ダイキョウクリーン</v>
          </cell>
          <cell r="D3251" t="str">
            <v>0798-40-0910</v>
          </cell>
          <cell r="E3251" t="str">
            <v>663-8142</v>
          </cell>
          <cell r="F3251" t="str">
            <v>兵庫県西宮市鳴尾浜2-1-16</v>
          </cell>
          <cell r="G3251" t="str">
            <v>西宮市</v>
          </cell>
          <cell r="H3251" t="str">
            <v/>
          </cell>
          <cell r="I3251" t="str">
            <v>代表取締役 津田　政房</v>
          </cell>
          <cell r="J3251" t="str">
            <v>本店</v>
          </cell>
          <cell r="K3251" t="str">
            <v>0798-40-0911</v>
          </cell>
          <cell r="L3251" t="str">
            <v/>
          </cell>
          <cell r="M3251" t="str">
            <v>ﾀﾞｲｷｮｳｸﾘｰﾝ</v>
          </cell>
          <cell r="N3251" t="str">
            <v>無</v>
          </cell>
          <cell r="O3251">
            <v>3</v>
          </cell>
          <cell r="P3251">
            <v>32</v>
          </cell>
          <cell r="Q3251">
            <v>4140001100574</v>
          </cell>
          <cell r="R3251">
            <v>80000</v>
          </cell>
          <cell r="S3251">
            <v>-5849</v>
          </cell>
          <cell r="T3251">
            <v>329924</v>
          </cell>
          <cell r="V3251" t="str">
            <v>uw177028</v>
          </cell>
          <cell r="W3251" t="str">
            <v>nj172602</v>
          </cell>
          <cell r="Y3251" t="str">
            <v/>
          </cell>
          <cell r="Z3251" t="str">
            <v/>
          </cell>
          <cell r="AA3251" t="str">
            <v/>
          </cell>
          <cell r="AB3251" t="str">
            <v/>
          </cell>
          <cell r="AC3251" t="str">
            <v/>
          </cell>
          <cell r="AD3251" t="str">
            <v/>
          </cell>
          <cell r="AE3251">
            <v>0</v>
          </cell>
          <cell r="AF3251" t="str">
            <v/>
          </cell>
        </row>
        <row r="3252">
          <cell r="B3252">
            <v>12649</v>
          </cell>
          <cell r="C3252" t="str">
            <v>(株)ルックメディカル</v>
          </cell>
          <cell r="D3252" t="str">
            <v>072-768-9133</v>
          </cell>
          <cell r="E3252" t="str">
            <v>664-0001</v>
          </cell>
          <cell r="F3252" t="str">
            <v>兵庫県伊丹市荒牧7-7-27</v>
          </cell>
          <cell r="G3252" t="str">
            <v>宝塚市</v>
          </cell>
          <cell r="H3252" t="str">
            <v/>
          </cell>
          <cell r="I3252" t="str">
            <v>代表取締役 上田　裕次郎</v>
          </cell>
          <cell r="J3252" t="str">
            <v>本店</v>
          </cell>
          <cell r="K3252" t="str">
            <v>072-768-9144</v>
          </cell>
          <cell r="L3252" t="str">
            <v>lookmedical1001@dune.ocn..ne.jp</v>
          </cell>
          <cell r="M3252" t="str">
            <v>ﾙｯｸﾒﾃﾞｨｶﾙ</v>
          </cell>
          <cell r="N3252" t="str">
            <v>無</v>
          </cell>
          <cell r="O3252">
            <v>3</v>
          </cell>
          <cell r="P3252">
            <v>10</v>
          </cell>
          <cell r="Q3252">
            <v>2140001099578</v>
          </cell>
          <cell r="R3252">
            <v>8000</v>
          </cell>
          <cell r="S3252">
            <v>8000</v>
          </cell>
          <cell r="T3252">
            <v>930110</v>
          </cell>
          <cell r="V3252" t="str">
            <v>dm117717</v>
          </cell>
          <cell r="W3252" t="str">
            <v>mt133553</v>
          </cell>
          <cell r="Y3252" t="str">
            <v>9，39，41，</v>
          </cell>
          <cell r="Z3252">
            <v>39</v>
          </cell>
          <cell r="AA3252">
            <v>41</v>
          </cell>
          <cell r="AB3252">
            <v>9</v>
          </cell>
          <cell r="AC3252" t="str">
            <v/>
          </cell>
          <cell r="AD3252" t="str">
            <v>高度管理医療機器販売貸与業許可証、医療機器修理業許可証</v>
          </cell>
          <cell r="AE3252" t="str">
            <v>１；日本アルコン株式会社、カールツァイスメディテック株式会社、株式会社ニデック、株式会社ホワイトメディカル、ＨＯＹＡ株式会社、参天製薬株式会社、エイエムオー・ジャパン株式会社、マニー株式会社、他２；株式会社トプコンメディカルジャパン、株式会社トーメーコーポレーション、株式会社イナミ、株式会社日本ルミナス、カイインダストリーズ株式会社、株式会社タカギセイコー、他３；川本産業株式会社、ハクゾウメディカル株式会社、日本メディカルプロダクツ株式会社、株式会社ホギメディカル、名古屋眼鏡株式会社、ビーバービジテックインターナショナルジャパン株式会社、他４；</v>
          </cell>
          <cell r="AF3252" t="str">
            <v>医療機器の販売、修理及びそのメンテナンス。電子応用光学機器の販売、修理及びメンテナンス。医療施設の経営に関するコンサルティング。</v>
          </cell>
        </row>
        <row r="3253">
          <cell r="B3253">
            <v>12650</v>
          </cell>
          <cell r="C3253" t="str">
            <v>(株)株式会社大栄</v>
          </cell>
          <cell r="D3253" t="str">
            <v>0798-48-6980</v>
          </cell>
          <cell r="E3253" t="str">
            <v>663-8142</v>
          </cell>
          <cell r="F3253" t="str">
            <v>兵庫県西宮市鳴尾浜2-1-26</v>
          </cell>
          <cell r="G3253" t="str">
            <v>西宮市</v>
          </cell>
          <cell r="H3253" t="str">
            <v/>
          </cell>
          <cell r="I3253" t="str">
            <v>代表取締役 木村　裕之</v>
          </cell>
          <cell r="J3253" t="str">
            <v>本店</v>
          </cell>
          <cell r="K3253" t="str">
            <v>0798-48-6980</v>
          </cell>
          <cell r="L3253" t="str">
            <v>info@daiei.company</v>
          </cell>
          <cell r="M3253" t="str">
            <v>ｶﾌﾞｼｷｶﾞｲｼｬﾀﾞｲｴｲ</v>
          </cell>
          <cell r="N3253" t="str">
            <v>無</v>
          </cell>
          <cell r="O3253">
            <v>8</v>
          </cell>
          <cell r="P3253">
            <v>77</v>
          </cell>
          <cell r="Q3253">
            <v>4140001074083</v>
          </cell>
          <cell r="R3253">
            <v>10000</v>
          </cell>
          <cell r="S3253">
            <v>232809386</v>
          </cell>
          <cell r="T3253">
            <v>862469106</v>
          </cell>
          <cell r="V3253" t="str">
            <v>yo123942</v>
          </cell>
          <cell r="W3253" t="str">
            <v>uq169795</v>
          </cell>
          <cell r="Y3253" t="str">
            <v>68，</v>
          </cell>
          <cell r="Z3253" t="str">
            <v/>
          </cell>
          <cell r="AA3253" t="str">
            <v/>
          </cell>
          <cell r="AB3253" t="str">
            <v/>
          </cell>
          <cell r="AC3253" t="str">
            <v/>
          </cell>
          <cell r="AD3253" t="str">
            <v/>
          </cell>
          <cell r="AE3253" t="str">
            <v>１；２；３；４；</v>
          </cell>
          <cell r="AF3253" t="str">
            <v>一般廃棄物の収集運搬、産業廃棄物の収集運搬を行っております。</v>
          </cell>
        </row>
        <row r="3254">
          <cell r="B3254">
            <v>12653</v>
          </cell>
          <cell r="C3254" t="str">
            <v>(株)アート</v>
          </cell>
          <cell r="D3254" t="str">
            <v>072-958-9075</v>
          </cell>
          <cell r="E3254" t="str">
            <v>583-0863</v>
          </cell>
          <cell r="F3254" t="str">
            <v>大阪府羽曳野市蔵之内583-1</v>
          </cell>
          <cell r="G3254" t="str">
            <v>羽曳野市</v>
          </cell>
          <cell r="H3254" t="str">
            <v/>
          </cell>
          <cell r="I3254" t="str">
            <v>代表取締役 武田　豊</v>
          </cell>
          <cell r="J3254" t="str">
            <v>本店</v>
          </cell>
          <cell r="K3254" t="str">
            <v>072-958-9076</v>
          </cell>
          <cell r="L3254" t="str">
            <v>art.nyuusatsu@leaf.ocn.ne.jp</v>
          </cell>
          <cell r="M3254" t="str">
            <v>ｱｰﾄ</v>
          </cell>
          <cell r="N3254" t="str">
            <v>無</v>
          </cell>
          <cell r="O3254">
            <v>27</v>
          </cell>
          <cell r="P3254">
            <v>29</v>
          </cell>
          <cell r="Q3254">
            <v>5120101031877</v>
          </cell>
          <cell r="R3254">
            <v>20000</v>
          </cell>
          <cell r="S3254">
            <v>132232</v>
          </cell>
          <cell r="T3254">
            <v>843421</v>
          </cell>
          <cell r="V3254" t="str">
            <v>uh187966</v>
          </cell>
          <cell r="W3254" t="str">
            <v>sj158969</v>
          </cell>
          <cell r="Y3254" t="str">
            <v/>
          </cell>
          <cell r="Z3254" t="str">
            <v/>
          </cell>
          <cell r="AA3254" t="str">
            <v/>
          </cell>
          <cell r="AB3254" t="str">
            <v/>
          </cell>
          <cell r="AC3254" t="str">
            <v/>
          </cell>
          <cell r="AD3254" t="str">
            <v/>
          </cell>
          <cell r="AE3254" t="str">
            <v>１；２；３；４；</v>
          </cell>
          <cell r="AF3254" t="str">
            <v>埋蔵文化財発掘調査に係る調査・測量・遺物整理・調査員及び作業員派遣・リース</v>
          </cell>
        </row>
        <row r="3255">
          <cell r="B3255">
            <v>12654</v>
          </cell>
          <cell r="C3255" t="str">
            <v>(株)テスク</v>
          </cell>
          <cell r="D3255" t="str">
            <v>078-232-1125</v>
          </cell>
          <cell r="E3255" t="str">
            <v>651-0083</v>
          </cell>
          <cell r="F3255" t="str">
            <v>兵庫県神戸市中央区浜辺通4-1-23</v>
          </cell>
          <cell r="G3255" t="str">
            <v>神戸市</v>
          </cell>
          <cell r="H3255" t="str">
            <v>神戸営業所</v>
          </cell>
          <cell r="I3255" t="str">
            <v>営業所長 有山　広幸</v>
          </cell>
          <cell r="J3255" t="str">
            <v>大阪府東大阪市</v>
          </cell>
          <cell r="K3255" t="str">
            <v>078-232-1135</v>
          </cell>
          <cell r="L3255" t="str">
            <v>tesuku@tesuku.co.jp</v>
          </cell>
          <cell r="M3255" t="str">
            <v>ﾃｽｸ</v>
          </cell>
          <cell r="N3255" t="str">
            <v>有</v>
          </cell>
          <cell r="O3255">
            <v>54</v>
          </cell>
          <cell r="P3255">
            <v>50</v>
          </cell>
          <cell r="Q3255">
            <v>7122001004894</v>
          </cell>
          <cell r="R3255">
            <v>10000</v>
          </cell>
          <cell r="S3255">
            <v>151649</v>
          </cell>
          <cell r="T3255">
            <v>337634</v>
          </cell>
          <cell r="V3255" t="str">
            <v>oi165832</v>
          </cell>
          <cell r="W3255" t="str">
            <v>df189866</v>
          </cell>
          <cell r="Y3255" t="str">
            <v/>
          </cell>
          <cell r="Z3255" t="str">
            <v/>
          </cell>
          <cell r="AA3255" t="str">
            <v/>
          </cell>
          <cell r="AB3255" t="str">
            <v/>
          </cell>
          <cell r="AC3255" t="str">
            <v/>
          </cell>
          <cell r="AD3255" t="str">
            <v/>
          </cell>
          <cell r="AE3255" t="str">
            <v>１；図面ＣＡＤ化業務２；３；４；</v>
          </cell>
          <cell r="AF3255" t="str">
            <v>コンサル（下水道管渠設計・下水道台帳作成・浸透対策詳細設計・下水道管更正設計・下水道耐震設計）　測量（基準点測量・地形測量・用地測量・土地区画整理測量・各種台帳作成に関わる測量）　図面ＣＡＤ化業務</v>
          </cell>
        </row>
        <row r="3256">
          <cell r="B3256">
            <v>12657</v>
          </cell>
          <cell r="C3256" t="str">
            <v>国際チャート(株)</v>
          </cell>
          <cell r="D3256" t="str">
            <v>048-728-8314</v>
          </cell>
          <cell r="E3256" t="str">
            <v>363-0002</v>
          </cell>
          <cell r="F3256" t="str">
            <v>埼玉県桶川市赤堀1ｰ30</v>
          </cell>
          <cell r="G3256" t="str">
            <v>桶川市</v>
          </cell>
          <cell r="H3256" t="str">
            <v>本社</v>
          </cell>
          <cell r="I3256" t="str">
            <v>営業統括部長 橘　昌典</v>
          </cell>
          <cell r="J3256" t="str">
            <v>埼玉県桶川市</v>
          </cell>
          <cell r="K3256" t="str">
            <v>050-3737-3151</v>
          </cell>
          <cell r="L3256" t="str">
            <v>saitama@ml.kcp.co.jp</v>
          </cell>
          <cell r="M3256" t="str">
            <v>ｺｸｻｲﾁｬｰﾄ</v>
          </cell>
          <cell r="N3256" t="str">
            <v>有</v>
          </cell>
          <cell r="O3256">
            <v>55</v>
          </cell>
          <cell r="P3256">
            <v>139</v>
          </cell>
          <cell r="Q3256">
            <v>2030001041996</v>
          </cell>
          <cell r="R3256">
            <v>376800</v>
          </cell>
          <cell r="S3256">
            <v>1646970</v>
          </cell>
          <cell r="T3256">
            <v>4099902</v>
          </cell>
          <cell r="V3256" t="str">
            <v>dy136240</v>
          </cell>
          <cell r="W3256" t="str">
            <v>oo113639</v>
          </cell>
          <cell r="Y3256" t="str">
            <v>74，76，</v>
          </cell>
          <cell r="Z3256">
            <v>74</v>
          </cell>
          <cell r="AA3256">
            <v>76</v>
          </cell>
          <cell r="AB3256" t="str">
            <v/>
          </cell>
          <cell r="AC3256" t="str">
            <v/>
          </cell>
          <cell r="AD3256" t="str">
            <v/>
          </cell>
          <cell r="AE3256" t="str">
            <v>１；検針用ＨＴプリンタ用紙・計測用記録紙・医療用記録紙２；ごみ警告用シール３；４；</v>
          </cell>
          <cell r="AF3256" t="str">
            <v>検針用ＨＴプリンタ用紙・計測用記録紙・医療用記録紙・ごみ警告用シール</v>
          </cell>
        </row>
        <row r="3257">
          <cell r="B3257">
            <v>12658</v>
          </cell>
          <cell r="C3257" t="str">
            <v>(株)ユニワーク</v>
          </cell>
          <cell r="D3257" t="str">
            <v>0773-20-1934</v>
          </cell>
          <cell r="E3257" t="str">
            <v>620-0855</v>
          </cell>
          <cell r="F3257" t="str">
            <v>京都府福知山市土師新町3-11</v>
          </cell>
          <cell r="G3257" t="str">
            <v>福知山市</v>
          </cell>
          <cell r="H3257" t="str">
            <v/>
          </cell>
          <cell r="I3257" t="str">
            <v>代表取締役 細見　健介</v>
          </cell>
          <cell r="J3257" t="str">
            <v>本店</v>
          </cell>
          <cell r="K3257" t="str">
            <v>0773-20-2402</v>
          </cell>
          <cell r="L3257" t="str">
            <v>jimu@uni-work.co.jp</v>
          </cell>
          <cell r="M3257" t="str">
            <v>ﾕﾆﾜｰｸ</v>
          </cell>
          <cell r="N3257" t="str">
            <v>無</v>
          </cell>
          <cell r="O3257">
            <v>29</v>
          </cell>
          <cell r="P3257">
            <v>23</v>
          </cell>
          <cell r="Q3257">
            <v>1130001041376</v>
          </cell>
          <cell r="R3257">
            <v>10000</v>
          </cell>
          <cell r="S3257">
            <v>2128</v>
          </cell>
          <cell r="T3257">
            <v>458690</v>
          </cell>
          <cell r="V3257" t="str">
            <v>vd155782</v>
          </cell>
          <cell r="W3257" t="str">
            <v>mk118386</v>
          </cell>
          <cell r="Y3257" t="str">
            <v>03，04，</v>
          </cell>
          <cell r="Z3257">
            <v>3</v>
          </cell>
          <cell r="AA3257">
            <v>4</v>
          </cell>
          <cell r="AB3257" t="str">
            <v/>
          </cell>
          <cell r="AC3257" t="str">
            <v/>
          </cell>
          <cell r="AD3257" t="str">
            <v/>
          </cell>
          <cell r="AE3257" t="str">
            <v>１；（株）ヤギコーポレーション、（株）サンペックスイスト、（株）チクマ、（株）アイトス、（株）クロダルマ　等２；（株）だいこく、（株）丸五、チトセ（株）　等３；４；</v>
          </cell>
          <cell r="AF3257" t="str">
            <v>制服、事務服、作業服、運動用被服、病院等衣料等の衣料全般。安全靴、長靴等の履物全般。ヘルメット、軍手等の保安用品など、衣料品全般においてお客様のニーズに合わせてご用意いたします。</v>
          </cell>
        </row>
        <row r="3258">
          <cell r="B3258">
            <v>12659</v>
          </cell>
          <cell r="C3258" t="str">
            <v>大和化成(株)</v>
          </cell>
          <cell r="D3258" t="str">
            <v>06-6767-3133</v>
          </cell>
          <cell r="E3258" t="str">
            <v>543-0022</v>
          </cell>
          <cell r="F3258" t="str">
            <v>大阪府大阪市天王寺区味原本町1-11</v>
          </cell>
          <cell r="G3258" t="str">
            <v>大阪市</v>
          </cell>
          <cell r="H3258" t="str">
            <v/>
          </cell>
          <cell r="I3258" t="str">
            <v>代表取締役 伊藤　秀之</v>
          </cell>
          <cell r="J3258" t="str">
            <v>本店</v>
          </cell>
          <cell r="K3258" t="str">
            <v>06-6767-3133</v>
          </cell>
          <cell r="L3258" t="str">
            <v>info@daiwa1952.com</v>
          </cell>
          <cell r="M3258" t="str">
            <v>ﾀﾞｲﾜｶｾｲ</v>
          </cell>
          <cell r="N3258" t="str">
            <v>無</v>
          </cell>
          <cell r="O3258">
            <v>67</v>
          </cell>
          <cell r="P3258">
            <v>20</v>
          </cell>
          <cell r="Q3258">
            <v>9120001015472</v>
          </cell>
          <cell r="R3258">
            <v>10000</v>
          </cell>
          <cell r="S3258">
            <v>61479</v>
          </cell>
          <cell r="T3258">
            <v>493013</v>
          </cell>
          <cell r="V3258" t="str">
            <v>uf104292</v>
          </cell>
          <cell r="W3258" t="str">
            <v>kk169939</v>
          </cell>
          <cell r="Y3258" t="str">
            <v>012，9，12，38，39，46，54，62，67，</v>
          </cell>
          <cell r="Z3258">
            <v>9</v>
          </cell>
          <cell r="AA3258">
            <v>39</v>
          </cell>
          <cell r="AB3258">
            <v>54</v>
          </cell>
          <cell r="AC3258">
            <v>12</v>
          </cell>
          <cell r="AD3258" t="str">
            <v>オージオメータの校正検査を行っております。</v>
          </cell>
          <cell r="AE3258" t="str">
            <v>１；株式会社　合同東邦　株式会社メディセオ２；株式会社タニタ　Ａ＆Ｄ株式会社３；自社施工４；学校保健福祉カタログ　株式会社　日本医療器研究所</v>
          </cell>
          <cell r="AF3258" t="str">
            <v>当社は、医薬品、医療機器の卸をしておりまして、学校保健室や教育委員会に検診器具や衛生材料、医薬品を納めております。日本医療器研究所の代理店をしておりますので、保健室でご使用いただく商品は全て取扱いしております。</v>
          </cell>
        </row>
        <row r="3259">
          <cell r="B3259">
            <v>12660</v>
          </cell>
          <cell r="C3259" t="str">
            <v>オリックス・ファシリティーズ(株)</v>
          </cell>
          <cell r="D3259" t="str">
            <v>075-841-7550</v>
          </cell>
          <cell r="E3259" t="str">
            <v>600-8385</v>
          </cell>
          <cell r="F3259" t="str">
            <v>京都府京都市下京区大宮通仏光寺下る五坊大宮町99</v>
          </cell>
          <cell r="G3259" t="str">
            <v>京都市</v>
          </cell>
          <cell r="H3259" t="str">
            <v/>
          </cell>
          <cell r="I3259" t="str">
            <v>代表取締役 深谷　健司</v>
          </cell>
          <cell r="J3259" t="str">
            <v>本店</v>
          </cell>
          <cell r="K3259" t="str">
            <v>075-841-7666</v>
          </cell>
          <cell r="L3259" t="str">
            <v>gijyutu-kanri@grp.daikyo.co.jp</v>
          </cell>
          <cell r="M3259" t="str">
            <v>ｵﾘｯｸｽﾌｧｼﾘﾃｨｰｽﾞ</v>
          </cell>
          <cell r="N3259" t="str">
            <v>無</v>
          </cell>
          <cell r="O3259">
            <v>43</v>
          </cell>
          <cell r="P3259">
            <v>2379</v>
          </cell>
          <cell r="Q3259">
            <v>8130001019358</v>
          </cell>
          <cell r="R3259">
            <v>857500</v>
          </cell>
          <cell r="S3259">
            <v>5864141</v>
          </cell>
          <cell r="T3259">
            <v>50267431</v>
          </cell>
          <cell r="V3259" t="str">
            <v>id112658</v>
          </cell>
          <cell r="W3259" t="str">
            <v>od199899</v>
          </cell>
          <cell r="Y3259" t="str">
            <v>047，46，47，48，49，54，</v>
          </cell>
          <cell r="Z3259">
            <v>46</v>
          </cell>
          <cell r="AA3259">
            <v>54</v>
          </cell>
          <cell r="AB3259">
            <v>48</v>
          </cell>
          <cell r="AC3259">
            <v>47</v>
          </cell>
          <cell r="AD3259" t="str">
            <v>その他許可・認可については別紙「業務登録等」を添付いたします。</v>
          </cell>
          <cell r="AE3259" t="str">
            <v>１；２；建築物環境衛生総合管理業、建築物飲料水貯水槽清掃業、建築物清掃業３；建築物環境衛生総合管理業４；</v>
          </cell>
          <cell r="AF3259" t="str">
            <v>『ビルメンテナンス』『ＰＭ事業（不動産管理）』『ＣＭ事業（工事監理）』『工事事業（工事請負）』の４つのサービスをリンクさせた、当社独自の資産管理でトータルにサポートし、建物の資産価値の維持・向上を実現するサービスを提供しています。</v>
          </cell>
        </row>
        <row r="3260">
          <cell r="B3260">
            <v>12661</v>
          </cell>
          <cell r="C3260" t="str">
            <v>環境衛生薬品(株)</v>
          </cell>
          <cell r="D3260" t="str">
            <v>06-6267-8910</v>
          </cell>
          <cell r="E3260" t="str">
            <v>541-0053</v>
          </cell>
          <cell r="F3260" t="str">
            <v>大阪府大阪市中央区本町1-8-12</v>
          </cell>
          <cell r="G3260" t="str">
            <v>大阪市</v>
          </cell>
          <cell r="H3260" t="str">
            <v/>
          </cell>
          <cell r="I3260" t="str">
            <v>代表取締役 黒田　泰壽</v>
          </cell>
          <cell r="J3260" t="str">
            <v>本店</v>
          </cell>
          <cell r="K3260" t="str">
            <v>06-6267-8913</v>
          </cell>
          <cell r="L3260" t="str">
            <v>s_naganuma@kanyaku.co.jp</v>
          </cell>
          <cell r="M3260" t="str">
            <v>ｶﾝｷｮｳｴｲｾｲﾔｸﾋﾝ</v>
          </cell>
          <cell r="N3260" t="str">
            <v>無</v>
          </cell>
          <cell r="O3260">
            <v>57</v>
          </cell>
          <cell r="P3260">
            <v>44</v>
          </cell>
          <cell r="Q3260">
            <v>3120001042398</v>
          </cell>
          <cell r="R3260">
            <v>15000</v>
          </cell>
          <cell r="S3260">
            <v>349416</v>
          </cell>
          <cell r="T3260">
            <v>680262</v>
          </cell>
          <cell r="V3260" t="str">
            <v>ch158016</v>
          </cell>
          <cell r="W3260" t="str">
            <v>so179889</v>
          </cell>
          <cell r="Y3260" t="str">
            <v>52，78，</v>
          </cell>
          <cell r="Z3260">
            <v>78</v>
          </cell>
          <cell r="AA3260">
            <v>80</v>
          </cell>
          <cell r="AB3260">
            <v>52</v>
          </cell>
          <cell r="AC3260" t="str">
            <v/>
          </cell>
          <cell r="AD3260" t="str">
            <v/>
          </cell>
          <cell r="AE3260" t="str">
            <v>１；衛生検査所登録２；作業環境測定（作業環境測定機関登録　作業環境測定法施行規則別表第一号から第五号まですべての作業場）３；建築物ねずみ昆虫等防除業登録４；</v>
          </cell>
          <cell r="AF3260" t="str">
            <v>検便・検尿等の臨床検査業務、第１号から第５号の作業環境測定業務、害虫・害獣の防除業務</v>
          </cell>
        </row>
        <row r="3261">
          <cell r="B3261">
            <v>12662</v>
          </cell>
          <cell r="C3261" t="str">
            <v>(医)健人会</v>
          </cell>
          <cell r="D3261" t="str">
            <v>06-6308-3908</v>
          </cell>
          <cell r="E3261" t="str">
            <v>532-0011</v>
          </cell>
          <cell r="F3261" t="str">
            <v>大阪府大阪市淀川区西中島4-4-21</v>
          </cell>
          <cell r="G3261" t="str">
            <v>大阪市</v>
          </cell>
          <cell r="H3261" t="str">
            <v>健人会　那須クリニック</v>
          </cell>
          <cell r="I3261" t="str">
            <v>理事長 弘田　俊行</v>
          </cell>
          <cell r="J3261" t="str">
            <v>大阪府大阪市</v>
          </cell>
          <cell r="K3261" t="str">
            <v>06-6308-3631</v>
          </cell>
          <cell r="L3261" t="str">
            <v>osako@kentkai-nasuclinic.or.jp</v>
          </cell>
          <cell r="M3261" t="str">
            <v>ｹﾝﾄｶｲ</v>
          </cell>
          <cell r="N3261" t="str">
            <v>有</v>
          </cell>
          <cell r="O3261">
            <v>34</v>
          </cell>
          <cell r="P3261">
            <v>70</v>
          </cell>
          <cell r="Q3261">
            <v>8120005005058</v>
          </cell>
          <cell r="R3261">
            <v>10000</v>
          </cell>
          <cell r="S3261">
            <v>693319</v>
          </cell>
          <cell r="T3261">
            <v>988174</v>
          </cell>
          <cell r="V3261" t="str">
            <v>nf136125</v>
          </cell>
          <cell r="W3261" t="str">
            <v>jl193913</v>
          </cell>
          <cell r="Y3261" t="str">
            <v/>
          </cell>
          <cell r="Z3261" t="str">
            <v/>
          </cell>
          <cell r="AA3261" t="str">
            <v/>
          </cell>
          <cell r="AB3261" t="str">
            <v/>
          </cell>
          <cell r="AC3261" t="str">
            <v/>
          </cell>
          <cell r="AD3261" t="str">
            <v/>
          </cell>
          <cell r="AE3261" t="str">
            <v>１；２；３；４；</v>
          </cell>
          <cell r="AF3261" t="str">
            <v>定期健康診断・特殊健康診断・婦人科健康診断等</v>
          </cell>
        </row>
        <row r="3262">
          <cell r="B3262">
            <v>12663</v>
          </cell>
          <cell r="C3262" t="str">
            <v>(株)環境開発</v>
          </cell>
          <cell r="D3262" t="str">
            <v>06-6305-3603</v>
          </cell>
          <cell r="E3262" t="str">
            <v>532-0011</v>
          </cell>
          <cell r="F3262" t="str">
            <v>大阪府大阪市淀川区西中島7-6-12</v>
          </cell>
          <cell r="G3262" t="str">
            <v>大阪市</v>
          </cell>
          <cell r="H3262" t="str">
            <v>大阪営業所</v>
          </cell>
          <cell r="I3262" t="str">
            <v>所長 伴　繁夫</v>
          </cell>
          <cell r="J3262" t="str">
            <v>福岡県福岡市</v>
          </cell>
          <cell r="K3262" t="str">
            <v>06-6305-3609</v>
          </cell>
          <cell r="L3262" t="str">
            <v>eigyo-oosaka@kankyo-k.co.jp</v>
          </cell>
          <cell r="M3262" t="str">
            <v>ｶﾝｷｮｳｶｲﾊﾂ</v>
          </cell>
          <cell r="N3262" t="str">
            <v>有</v>
          </cell>
          <cell r="O3262">
            <v>51</v>
          </cell>
          <cell r="P3262">
            <v>351</v>
          </cell>
          <cell r="Q3262">
            <v>4290001012210</v>
          </cell>
          <cell r="R3262">
            <v>476000</v>
          </cell>
          <cell r="S3262">
            <v>7533601</v>
          </cell>
          <cell r="T3262">
            <v>8057524</v>
          </cell>
          <cell r="V3262" t="str">
            <v>yg117282</v>
          </cell>
          <cell r="W3262" t="str">
            <v>jo139879</v>
          </cell>
          <cell r="Y3262" t="str">
            <v>79，</v>
          </cell>
          <cell r="Z3262">
            <v>79</v>
          </cell>
          <cell r="AA3262" t="str">
            <v/>
          </cell>
          <cell r="AB3262" t="str">
            <v/>
          </cell>
          <cell r="AC3262" t="str">
            <v/>
          </cell>
          <cell r="AD3262" t="str">
            <v/>
          </cell>
          <cell r="AE3262" t="str">
            <v>１；管内テレビカメラ調査、目視調査、流量調査、誤接調査、送煙調査、下水道管清掃２；３；４；</v>
          </cell>
          <cell r="AF3262" t="str">
            <v>下水道施設を対象とした清掃・調査・工事を行い、特に管更生工事や下水処理施設等のコンクリート防食工事を得意とします。各工法協会にも加盟し、豊富な施工実績が有ります。加盟協会：日本下水道管路管理業協会、３ＳＩＣＰ技術協会、ＳＰＲ工法協会、パルテム技術協会、ＰＦＬ工法協会等</v>
          </cell>
        </row>
        <row r="3263">
          <cell r="B3263">
            <v>12664</v>
          </cell>
          <cell r="C3263" t="str">
            <v>(株)タナカ関西ディスプレイ</v>
          </cell>
          <cell r="D3263" t="str">
            <v>072-960-0056</v>
          </cell>
          <cell r="E3263" t="str">
            <v>578-0911</v>
          </cell>
          <cell r="F3263" t="str">
            <v>大阪府東大阪市中新開1-6-14</v>
          </cell>
          <cell r="G3263" t="str">
            <v>東大阪市</v>
          </cell>
          <cell r="H3263" t="str">
            <v/>
          </cell>
          <cell r="I3263" t="str">
            <v>代表取締役 田中　司郎</v>
          </cell>
          <cell r="J3263" t="str">
            <v>本店</v>
          </cell>
          <cell r="K3263" t="str">
            <v>072-940-7077</v>
          </cell>
          <cell r="L3263" t="str">
            <v>t.noma@tanakanet.co.jp</v>
          </cell>
          <cell r="M3263" t="str">
            <v>ﾀﾅｶｶﾝｻｲﾃﾞｨｽﾌﾟﾚｲ</v>
          </cell>
          <cell r="N3263" t="str">
            <v>無</v>
          </cell>
          <cell r="O3263">
            <v>36</v>
          </cell>
          <cell r="P3263">
            <v>8</v>
          </cell>
          <cell r="Q3263">
            <v>9122001025492</v>
          </cell>
          <cell r="R3263">
            <v>10000</v>
          </cell>
          <cell r="S3263">
            <v>61807</v>
          </cell>
          <cell r="T3263">
            <v>207396</v>
          </cell>
          <cell r="V3263" t="str">
            <v>le149219</v>
          </cell>
          <cell r="W3263" t="str">
            <v>eｒ173959</v>
          </cell>
          <cell r="Y3263" t="str">
            <v>16，76，</v>
          </cell>
          <cell r="Z3263">
            <v>16</v>
          </cell>
          <cell r="AA3263">
            <v>76</v>
          </cell>
          <cell r="AB3263" t="str">
            <v/>
          </cell>
          <cell r="AC3263" t="str">
            <v/>
          </cell>
          <cell r="AD3263" t="str">
            <v/>
          </cell>
          <cell r="AE3263" t="str">
            <v>１；選挙公営ポスター掲示板２；シール、マグネット３；４；</v>
          </cell>
          <cell r="AF3263" t="str">
            <v>選挙ポスター掲示板（ＳＴボード）の販売元として、関西圏域では半数以上の納入実績があります。また、印刷、枠付け、施工といった２次加工にも取り組み、近年ではその生産、加工器材を利用した一般看板や啓発看板、説明板等の分野にも販売の幅を広げております。</v>
          </cell>
        </row>
        <row r="3264">
          <cell r="B3264">
            <v>12665</v>
          </cell>
          <cell r="C3264" t="str">
            <v>(株)シュア・テクノ・ソリューション．</v>
          </cell>
          <cell r="D3264" t="str">
            <v>06-6395-1192</v>
          </cell>
          <cell r="E3264" t="str">
            <v>532-0005</v>
          </cell>
          <cell r="F3264" t="str">
            <v>大阪府大阪市淀川区三国本町1-6-21</v>
          </cell>
          <cell r="G3264" t="str">
            <v>大阪市</v>
          </cell>
          <cell r="H3264" t="str">
            <v/>
          </cell>
          <cell r="I3264" t="str">
            <v>代表取締役 中島　宏記</v>
          </cell>
          <cell r="J3264" t="str">
            <v>本店</v>
          </cell>
          <cell r="K3264" t="str">
            <v>06-6395-1193</v>
          </cell>
          <cell r="L3264" t="str">
            <v>sewer-techno@sewer.co.jp</v>
          </cell>
          <cell r="M3264" t="str">
            <v>ｼｭｱ･ﾃｸﾉ･ｼｮﾘｭｰｼｮﾝ.</v>
          </cell>
          <cell r="N3264" t="str">
            <v>無</v>
          </cell>
          <cell r="O3264">
            <v>11</v>
          </cell>
          <cell r="P3264">
            <v>19</v>
          </cell>
          <cell r="Q3264">
            <v>4120001122109</v>
          </cell>
          <cell r="R3264">
            <v>10000</v>
          </cell>
          <cell r="S3264">
            <v>44068</v>
          </cell>
          <cell r="T3264">
            <v>208192</v>
          </cell>
          <cell r="V3264" t="str">
            <v>hk178830</v>
          </cell>
          <cell r="W3264" t="str">
            <v>wf191197</v>
          </cell>
          <cell r="Y3264" t="str">
            <v>41，79，</v>
          </cell>
          <cell r="Z3264">
            <v>80</v>
          </cell>
          <cell r="AA3264">
            <v>79</v>
          </cell>
          <cell r="AB3264" t="str">
            <v/>
          </cell>
          <cell r="AC3264" t="str">
            <v/>
          </cell>
          <cell r="AD3264" t="str">
            <v/>
          </cell>
          <cell r="AE3264" t="str">
            <v>１；公共下水道の不明水調査（流量調査、マンホール目視調査、人孔調査、誤接続調査、送煙など）２；３；４；</v>
          </cell>
          <cell r="AF3264" t="str">
            <v>公共下水道における不明水調査（流量調査、誤接続調査、人孔調査など）</v>
          </cell>
        </row>
        <row r="3265">
          <cell r="B3265">
            <v>12666</v>
          </cell>
          <cell r="C3265" t="str">
            <v>兵庫スバル自動車(株)</v>
          </cell>
          <cell r="D3265" t="str">
            <v>078-861-8350</v>
          </cell>
          <cell r="E3265" t="str">
            <v>657-0845</v>
          </cell>
          <cell r="F3265" t="str">
            <v>兵庫県神戸市灘区岩屋中町2丁目2-7</v>
          </cell>
          <cell r="G3265" t="str">
            <v>神戸市</v>
          </cell>
          <cell r="H3265" t="str">
            <v>営業第一部　経路１課</v>
          </cell>
          <cell r="I3265" t="str">
            <v>課長 木内　一茂</v>
          </cell>
          <cell r="J3265" t="str">
            <v>兵庫県神戸市</v>
          </cell>
          <cell r="K3265" t="str">
            <v>078-882-0220</v>
          </cell>
          <cell r="L3265" t="str">
            <v>tokuhan@hyougo.subaru.or.jp</v>
          </cell>
          <cell r="M3265" t="str">
            <v>ﾋｮｳｺﾞｽﾊﾞﾙｼﾞﾄﾞｳｼｬ</v>
          </cell>
          <cell r="N3265" t="str">
            <v>有</v>
          </cell>
          <cell r="O3265">
            <v>59</v>
          </cell>
          <cell r="P3265">
            <v>386</v>
          </cell>
          <cell r="Q3265">
            <v>3410001004363</v>
          </cell>
          <cell r="R3265">
            <v>9100</v>
          </cell>
          <cell r="S3265">
            <v>1500728</v>
          </cell>
          <cell r="T3265">
            <v>19943000</v>
          </cell>
          <cell r="V3265" t="str">
            <v>ra174520</v>
          </cell>
          <cell r="W3265" t="str">
            <v>dq171389</v>
          </cell>
          <cell r="Y3265" t="str">
            <v>23，24，26，</v>
          </cell>
          <cell r="Z3265">
            <v>23</v>
          </cell>
          <cell r="AA3265">
            <v>26</v>
          </cell>
          <cell r="AB3265">
            <v>24</v>
          </cell>
          <cell r="AC3265" t="str">
            <v/>
          </cell>
          <cell r="AD3265" t="str">
            <v/>
          </cell>
          <cell r="AE3265" t="str">
            <v>１；レガシィ、レヴォーグ、インプレッサ、ＷＲＸＳＴＩ，ＷＲＸＳ４，フォレスター、ＳＵＢＡＲＸＶ，ＢＲＺ，サンバー他２；部品販売、車検、点検、修理等３；福祉車両（トランスケア）、その他架装車両４；</v>
          </cell>
          <cell r="AF3265" t="str">
            <v>スバルは安全対策に大きく力を注ぎ、独自の運転支援システム「EyeSight」を開発しました。「社会から自動車事故をゼロとしたい」という思いを形にしたものです。搭載車も続々登場しています。この「ぶつからない車アイサイト」でのお取引を希望いたします。</v>
          </cell>
        </row>
        <row r="3266">
          <cell r="B3266">
            <v>12667</v>
          </cell>
          <cell r="C3266" t="str">
            <v>星和建設(株)</v>
          </cell>
          <cell r="D3266" t="str">
            <v>0727-83-8200</v>
          </cell>
          <cell r="E3266" t="str">
            <v>664-0027</v>
          </cell>
          <cell r="F3266" t="str">
            <v>兵庫県西宮市甲陽園東山町11-5</v>
          </cell>
          <cell r="G3266" t="str">
            <v>伊丹市</v>
          </cell>
          <cell r="H3266" t="str">
            <v>伊丹支社</v>
          </cell>
          <cell r="I3266" t="str">
            <v>代表取締役 小松　美礼</v>
          </cell>
          <cell r="J3266" t="str">
            <v>兵庫県西宮市</v>
          </cell>
          <cell r="K3266" t="str">
            <v>0727-83-8207</v>
          </cell>
          <cell r="L3266" t="str">
            <v>den.den.part2@jade.plala.or.jp</v>
          </cell>
          <cell r="M3266" t="str">
            <v>ｾｲﾜｹﾝｾﾂ</v>
          </cell>
          <cell r="N3266" t="str">
            <v>無</v>
          </cell>
          <cell r="O3266">
            <v>43</v>
          </cell>
          <cell r="P3266">
            <v>12</v>
          </cell>
          <cell r="Q3266">
            <v>2140001069192</v>
          </cell>
          <cell r="R3266">
            <v>40000</v>
          </cell>
          <cell r="S3266">
            <v>46109</v>
          </cell>
          <cell r="T3266">
            <v>72448</v>
          </cell>
          <cell r="V3266" t="str">
            <v>wm177714</v>
          </cell>
          <cell r="W3266" t="str">
            <v>jr195569</v>
          </cell>
          <cell r="Y3266" t="str">
            <v>55，68，</v>
          </cell>
          <cell r="Z3266">
            <v>68</v>
          </cell>
          <cell r="AA3266">
            <v>55</v>
          </cell>
          <cell r="AB3266" t="str">
            <v/>
          </cell>
          <cell r="AC3266" t="str">
            <v/>
          </cell>
          <cell r="AD3266" t="str">
            <v/>
          </cell>
          <cell r="AE3266" t="str">
            <v>１；産業廃棄物収集運搬業許可証、一般貨物自動車運送事業許可書２；産業廃棄物収集運搬業許可証、一般貨物自動車運送事業許可書３；４；</v>
          </cell>
          <cell r="AF3266" t="str">
            <v>土木、水道、解体工事、浄水場の浮きごみ清掃、クリーンセンターから出る焼却灰の残滓運搬業務の運送事業まで幅広くしている総合建設会社であります。</v>
          </cell>
        </row>
        <row r="3267">
          <cell r="B3267">
            <v>12669</v>
          </cell>
          <cell r="C3267" t="str">
            <v>(株)山久</v>
          </cell>
          <cell r="D3267" t="str">
            <v>06-6707-6011</v>
          </cell>
          <cell r="E3267" t="str">
            <v>547-0027</v>
          </cell>
          <cell r="F3267" t="str">
            <v>大阪府大阪市平野区喜連1-9-35</v>
          </cell>
          <cell r="G3267" t="str">
            <v>大阪市</v>
          </cell>
          <cell r="H3267" t="str">
            <v/>
          </cell>
          <cell r="I3267" t="str">
            <v>代表取締役 葛川　善久</v>
          </cell>
          <cell r="J3267" t="str">
            <v>本店</v>
          </cell>
          <cell r="K3267" t="str">
            <v>06-6709-6027</v>
          </cell>
          <cell r="L3267" t="str">
            <v>h.yagi@kk-yamakyu.co.jp</v>
          </cell>
          <cell r="M3267" t="str">
            <v>ﾔﾏｷｭｳ</v>
          </cell>
          <cell r="N3267" t="str">
            <v>無</v>
          </cell>
          <cell r="O3267">
            <v>36</v>
          </cell>
          <cell r="P3267">
            <v>183</v>
          </cell>
          <cell r="Q3267">
            <v>4120001021979</v>
          </cell>
          <cell r="R3267">
            <v>30000</v>
          </cell>
          <cell r="S3267">
            <v>172355</v>
          </cell>
          <cell r="T3267">
            <v>8072413</v>
          </cell>
          <cell r="V3267" t="str">
            <v>jv116512</v>
          </cell>
          <cell r="W3267" t="str">
            <v>dh195533</v>
          </cell>
          <cell r="Y3267" t="str">
            <v>02，</v>
          </cell>
          <cell r="Z3267">
            <v>80</v>
          </cell>
          <cell r="AA3267" t="str">
            <v/>
          </cell>
          <cell r="AB3267" t="str">
            <v/>
          </cell>
          <cell r="AC3267" t="str">
            <v/>
          </cell>
          <cell r="AD3267" t="str">
            <v/>
          </cell>
          <cell r="AE3267" t="str">
            <v>１；清涼飲料水自動販売機設置。仕入先：サントリービバレッジソリューション（株）、キリンビバレッジ（株）、サンガリア２；３；４；</v>
          </cell>
          <cell r="AF3267" t="str">
            <v>自動販売機のオペレーターとしての仕事である自動販売機の設置、清涼飲料水補充等の自動販売機の管理を確実に遂行することを目指す。</v>
          </cell>
        </row>
        <row r="3268">
          <cell r="B3268">
            <v>12672</v>
          </cell>
          <cell r="C3268" t="str">
            <v>誠心エンジニアリング(株)（登録の取下げ）</v>
          </cell>
          <cell r="D3268" t="str">
            <v>077-577-2420</v>
          </cell>
          <cell r="E3268" t="str">
            <v>520-0111</v>
          </cell>
          <cell r="F3268" t="str">
            <v>滋賀県大津市千野1‐1‐66</v>
          </cell>
          <cell r="G3268" t="str">
            <v>大津市</v>
          </cell>
          <cell r="H3268" t="str">
            <v>関西営業所</v>
          </cell>
          <cell r="I3268" t="str">
            <v>営業所長 真辺 幸生</v>
          </cell>
          <cell r="J3268" t="str">
            <v>東京都</v>
          </cell>
          <cell r="K3268" t="str">
            <v>077-577-2421</v>
          </cell>
          <cell r="L3268" t="str">
            <v>s-manabe@sec-eco.co.jp</v>
          </cell>
          <cell r="M3268" t="str">
            <v>ｾｲｼﾝｴﾝｼﾞﾆｱﾘﾝｸﾞ</v>
          </cell>
          <cell r="N3268" t="str">
            <v>有</v>
          </cell>
          <cell r="O3268">
            <v>39</v>
          </cell>
          <cell r="P3268">
            <v>45</v>
          </cell>
          <cell r="Q3268">
            <v>7010601022014</v>
          </cell>
          <cell r="R3268">
            <v>35000</v>
          </cell>
          <cell r="S3268">
            <v>-146560</v>
          </cell>
          <cell r="T3268">
            <v>419507</v>
          </cell>
          <cell r="V3268" t="str">
            <v>sn140369</v>
          </cell>
          <cell r="W3268" t="str">
            <v>si157393</v>
          </cell>
          <cell r="Y3268" t="str">
            <v>041，10，41，48，</v>
          </cell>
          <cell r="Z3268">
            <v>80</v>
          </cell>
          <cell r="AA3268">
            <v>48</v>
          </cell>
          <cell r="AB3268">
            <v>10</v>
          </cell>
          <cell r="AC3268">
            <v>41</v>
          </cell>
          <cell r="AD3268" t="str">
            <v/>
          </cell>
          <cell r="AE3268" t="str">
            <v>１；環境監視自動測定機器（水質、大気等）保守点検２；水質観測設備点検３；環境監視自動測定機器用試薬４；環境監視自動測定機器</v>
          </cell>
          <cell r="AF3268" t="str">
            <v>創業以来、環境監視自動測定機器（水質、大気等）の保守点検を主な業務としており、試薬、消耗部品等の供給も行います。</v>
          </cell>
        </row>
        <row r="3269">
          <cell r="B3269">
            <v>12673</v>
          </cell>
          <cell r="C3269" t="str">
            <v>野村興産(株)</v>
          </cell>
          <cell r="D3269" t="str">
            <v>06-4706-1345</v>
          </cell>
          <cell r="E3269" t="str">
            <v>541-0043</v>
          </cell>
          <cell r="F3269" t="str">
            <v>大阪府大阪市中央区高麗橋2-1-2</v>
          </cell>
          <cell r="G3269" t="str">
            <v>大阪市</v>
          </cell>
          <cell r="H3269" t="str">
            <v>関西営業所</v>
          </cell>
          <cell r="I3269" t="str">
            <v>所長 佐々木　智寅</v>
          </cell>
          <cell r="J3269" t="str">
            <v>東京都</v>
          </cell>
          <cell r="K3269" t="str">
            <v>06-4706-1346</v>
          </cell>
          <cell r="L3269" t="str">
            <v>yamada@nomurakohsan.co.jp</v>
          </cell>
          <cell r="M3269" t="str">
            <v>ﾉﾑﾗｺｳｻﾝ</v>
          </cell>
          <cell r="N3269" t="str">
            <v>有</v>
          </cell>
          <cell r="O3269">
            <v>44</v>
          </cell>
          <cell r="P3269">
            <v>252</v>
          </cell>
          <cell r="Q3269">
            <v>8010001054020</v>
          </cell>
          <cell r="R3269">
            <v>182095</v>
          </cell>
          <cell r="S3269">
            <v>2546326</v>
          </cell>
          <cell r="T3269">
            <v>3990530</v>
          </cell>
          <cell r="V3269" t="str">
            <v>xr109590</v>
          </cell>
          <cell r="W3269" t="str">
            <v>fi126637</v>
          </cell>
          <cell r="Y3269" t="str">
            <v>68，</v>
          </cell>
          <cell r="Z3269">
            <v>68</v>
          </cell>
          <cell r="AA3269">
            <v>80</v>
          </cell>
          <cell r="AB3269" t="str">
            <v/>
          </cell>
          <cell r="AC3269" t="str">
            <v/>
          </cell>
          <cell r="AD3269" t="str">
            <v/>
          </cell>
          <cell r="AE3269" t="str">
            <v>１；廃乾電池、蛍光灯、水銀含有廃棄物処理処分リサイクル２；廃乾電池、蛍光灯、水銀含有廃棄物処理処分リサイクル３；４；</v>
          </cell>
          <cell r="AF3269" t="str">
            <v>廃乾電池、蛍光灯、水銀含有廃棄物処理処分リサイクル。国内唯一の水銀をリサイクル出来ます。</v>
          </cell>
        </row>
        <row r="3270">
          <cell r="B3270">
            <v>12674</v>
          </cell>
          <cell r="C3270" t="str">
            <v>ダイキチレントオール(株)</v>
          </cell>
          <cell r="D3270" t="str">
            <v>0798-74-2680</v>
          </cell>
          <cell r="E3270" t="str">
            <v>662-0863</v>
          </cell>
          <cell r="F3270" t="str">
            <v>兵庫県西宮市室川町10-27</v>
          </cell>
          <cell r="G3270" t="str">
            <v>西宮市</v>
          </cell>
          <cell r="H3270" t="str">
            <v>西宮営業所</v>
          </cell>
          <cell r="I3270" t="str">
            <v>代表取締役 久保　篤志</v>
          </cell>
          <cell r="J3270" t="str">
            <v>大阪府東大阪市</v>
          </cell>
          <cell r="K3270" t="str">
            <v>0798-74-2681</v>
          </cell>
          <cell r="L3270" t="str">
            <v>fujishige@daikichi-rentall.co.jp</v>
          </cell>
          <cell r="M3270" t="str">
            <v>ﾀﾞｲｷﾁﾚﾝﾄｵｰﾙ</v>
          </cell>
          <cell r="N3270" t="str">
            <v>有</v>
          </cell>
          <cell r="O3270">
            <v>36</v>
          </cell>
          <cell r="P3270">
            <v>71</v>
          </cell>
          <cell r="Q3270">
            <v>7122001014150</v>
          </cell>
          <cell r="R3270">
            <v>12000</v>
          </cell>
          <cell r="S3270">
            <v>377702</v>
          </cell>
          <cell r="T3270">
            <v>930717</v>
          </cell>
          <cell r="V3270" t="str">
            <v>at151128</v>
          </cell>
          <cell r="W3270" t="str">
            <v>ms191939</v>
          </cell>
          <cell r="Y3270" t="str">
            <v>14，16，44，63，</v>
          </cell>
          <cell r="Z3270">
            <v>63</v>
          </cell>
          <cell r="AA3270">
            <v>44</v>
          </cell>
          <cell r="AB3270">
            <v>80</v>
          </cell>
          <cell r="AC3270" t="str">
            <v/>
          </cell>
          <cell r="AD3270" t="str">
            <v>事務機器、選挙用品の項目についてはレンタル・リースの対応をさせていただきます</v>
          </cell>
          <cell r="AE3270" t="str">
            <v>１；２；３；レンタル全般対応可能４；</v>
          </cell>
          <cell r="AF3270" t="str">
            <v>イベント（お祭り、式典、展示会、大会等）の会場設営業務及び、什器類（机・イス他）やイベント用品のレンタルを行います</v>
          </cell>
        </row>
        <row r="3271">
          <cell r="B3271">
            <v>12675</v>
          </cell>
          <cell r="C3271" t="str">
            <v>日生自動車販売(株)</v>
          </cell>
          <cell r="D3271" t="str">
            <v>072-781-8369</v>
          </cell>
          <cell r="E3271" t="str">
            <v>664-0020</v>
          </cell>
          <cell r="F3271" t="str">
            <v>兵庫県伊丹市寺本東1-1-28</v>
          </cell>
          <cell r="G3271" t="str">
            <v>伊丹市</v>
          </cell>
          <cell r="H3271" t="str">
            <v/>
          </cell>
          <cell r="I3271" t="str">
            <v>代表取締役 花井　寿暢</v>
          </cell>
          <cell r="J3271" t="str">
            <v>本店</v>
          </cell>
          <cell r="K3271" t="str">
            <v>072-779-9075</v>
          </cell>
          <cell r="L3271" t="str">
            <v>nissei@jc5.so-net.ne.jp</v>
          </cell>
          <cell r="M3271" t="str">
            <v>ﾆｯｾｲｼﾞﾄﾞｳｼｬﾊﾝﾊﾞｲ</v>
          </cell>
          <cell r="N3271" t="str">
            <v>無</v>
          </cell>
          <cell r="O3271">
            <v>55</v>
          </cell>
          <cell r="P3271">
            <v>1</v>
          </cell>
          <cell r="Q3271">
            <v>9140001078749</v>
          </cell>
          <cell r="R3271">
            <v>10000</v>
          </cell>
          <cell r="S3271">
            <v>10000</v>
          </cell>
          <cell r="T3271">
            <v>21231</v>
          </cell>
          <cell r="V3271" t="str">
            <v>kl154786</v>
          </cell>
          <cell r="W3271" t="str">
            <v>me159133</v>
          </cell>
          <cell r="Y3271" t="str">
            <v/>
          </cell>
          <cell r="Z3271" t="str">
            <v/>
          </cell>
          <cell r="AA3271" t="str">
            <v/>
          </cell>
          <cell r="AB3271" t="str">
            <v/>
          </cell>
          <cell r="AC3271" t="str">
            <v/>
          </cell>
          <cell r="AD3271" t="str">
            <v/>
          </cell>
          <cell r="AE3271" t="str">
            <v>１；２；３；４；</v>
          </cell>
          <cell r="AF3271" t="str">
            <v>自動車の点検・整備及び車検整備。新車及び中古車の販売</v>
          </cell>
        </row>
        <row r="3272">
          <cell r="B3272">
            <v>12676</v>
          </cell>
          <cell r="C3272" t="str">
            <v>旭防災設備(株)</v>
          </cell>
          <cell r="D3272" t="str">
            <v>06-6228-9550</v>
          </cell>
          <cell r="E3272" t="str">
            <v>541-0043</v>
          </cell>
          <cell r="F3272" t="str">
            <v>大阪府大阪市中央区高麗橋2-2-2</v>
          </cell>
          <cell r="G3272" t="str">
            <v>大阪市</v>
          </cell>
          <cell r="H3272" t="str">
            <v>大阪支店</v>
          </cell>
          <cell r="I3272" t="str">
            <v>大阪支店長 和田　葉子</v>
          </cell>
          <cell r="J3272" t="str">
            <v>東京都</v>
          </cell>
          <cell r="K3272" t="str">
            <v>06-6228-9552</v>
          </cell>
          <cell r="L3272" t="str">
            <v>yuuko.tusaka@red.zero.jp</v>
          </cell>
          <cell r="M3272" t="str">
            <v>ｱｻﾋﾎﾞｳｻｲｾﾂﾋﾞ</v>
          </cell>
          <cell r="N3272" t="str">
            <v>有</v>
          </cell>
          <cell r="O3272">
            <v>54</v>
          </cell>
          <cell r="P3272">
            <v>35</v>
          </cell>
          <cell r="Q3272">
            <v>5010901000539</v>
          </cell>
          <cell r="R3272">
            <v>20000</v>
          </cell>
          <cell r="S3272">
            <v>585519</v>
          </cell>
          <cell r="T3272">
            <v>922533</v>
          </cell>
          <cell r="V3272" t="str">
            <v>ms183008</v>
          </cell>
          <cell r="W3272" t="str">
            <v>ri163933</v>
          </cell>
          <cell r="Y3272" t="str">
            <v>038，34，35，38，46，47，48，49，50，79，</v>
          </cell>
          <cell r="Z3272">
            <v>46</v>
          </cell>
          <cell r="AA3272">
            <v>80</v>
          </cell>
          <cell r="AB3272">
            <v>49</v>
          </cell>
          <cell r="AC3272">
            <v>38</v>
          </cell>
          <cell r="AD3272" t="str">
            <v/>
          </cell>
          <cell r="AE3272" t="str">
            <v>１；建築物調査・建築設備検査、外壁劣化診断２；防火設備検査、共同溝点検３；４；(株)初田製作所、ニッタン(株)、能美防災(株)、ホーチキ(株)、他</v>
          </cell>
          <cell r="AF3272" t="str">
            <v>消防施設工事：自動火災報知設備、ガス消火設備電気工事：蓄電池交換物品：建築物調査・建築設備検査・防火設備検査、外壁劣化診断、消防設備保守、共同溝点検</v>
          </cell>
        </row>
        <row r="3273">
          <cell r="B3273">
            <v>12678</v>
          </cell>
          <cell r="C3273" t="str">
            <v>富士通Ｊaｐaｎ（株）</v>
          </cell>
          <cell r="D3273" t="str">
            <v>06-4802-8881</v>
          </cell>
          <cell r="E3273" t="str">
            <v>531-0072</v>
          </cell>
          <cell r="F3273" t="str">
            <v>大阪府大阪市北区豊崎5-4-9</v>
          </cell>
          <cell r="G3273" t="str">
            <v>大阪市</v>
          </cell>
          <cell r="H3273" t="str">
            <v>コンストラクション事業本部　ICTビジネス統括部　関西ビジネス部</v>
          </cell>
          <cell r="I3273" t="str">
            <v>部長 小西　和幸</v>
          </cell>
          <cell r="J3273" t="str">
            <v>東京都</v>
          </cell>
          <cell r="K3273" t="str">
            <v>06-6374-3703</v>
          </cell>
          <cell r="L3273" t="str">
            <v>fjm-kansai-buppin@dl.jp.fujitsu.com</v>
          </cell>
          <cell r="M3273" t="str">
            <v>ﾌｼﾞﾂｳｼﾞｬﾊﾟﾝ</v>
          </cell>
          <cell r="N3273" t="str">
            <v>有</v>
          </cell>
          <cell r="O3273">
            <v>71</v>
          </cell>
          <cell r="P3273">
            <v>3387</v>
          </cell>
          <cell r="Q3273">
            <v>5010001006767</v>
          </cell>
          <cell r="R3273">
            <v>12220000</v>
          </cell>
          <cell r="S3273">
            <v>29102935</v>
          </cell>
          <cell r="T3273">
            <v>199949131</v>
          </cell>
          <cell r="V3273" t="str">
            <v>lf107065</v>
          </cell>
          <cell r="W3273" t="str">
            <v>hx188953</v>
          </cell>
          <cell r="Y3273" t="str">
            <v>050，36，50，57，58，</v>
          </cell>
          <cell r="Z3273">
            <v>36</v>
          </cell>
          <cell r="AA3273">
            <v>58</v>
          </cell>
          <cell r="AB3273">
            <v>57</v>
          </cell>
          <cell r="AC3273">
            <v>50</v>
          </cell>
          <cell r="AD3273" t="str">
            <v/>
          </cell>
          <cell r="AE3273" t="str">
            <v>１；２；３；４；電話機交換機保守（ＰＢＸ等）</v>
          </cell>
          <cell r="AF3273" t="str">
            <v>通信機器、電子機器およびこれらの部品の販売、工事請負及び保守。ソフトウェアの研究、開発、販売、コンサルティング。情報ネットワークサービスの研究開発。電機工事の請負</v>
          </cell>
        </row>
        <row r="3274">
          <cell r="B3274">
            <v>12679</v>
          </cell>
          <cell r="C3274" t="str">
            <v>ＨＯＹＡデジタルソリューションズ(株)</v>
          </cell>
          <cell r="D3274" t="str">
            <v>03-5913-2302</v>
          </cell>
          <cell r="E3274" t="str">
            <v>164-8545</v>
          </cell>
          <cell r="F3274" t="str">
            <v>東京都中野区中野4-10-2</v>
          </cell>
          <cell r="G3274" t="str">
            <v>東京都</v>
          </cell>
          <cell r="H3274" t="str">
            <v>アドミニストレーションサポートグループ</v>
          </cell>
          <cell r="I3274" t="str">
            <v>取締役兼経理担当長 渡辺　徹</v>
          </cell>
          <cell r="J3274" t="str">
            <v>東京都</v>
          </cell>
          <cell r="K3274" t="str">
            <v>03-3228-3119</v>
          </cell>
          <cell r="L3274" t="str">
            <v>hideaki.sakamoto@hoya.com</v>
          </cell>
          <cell r="M3274" t="str">
            <v>ﾎｰﾔﾃﾞｼﾞﾀﾙｿﾘｭｰｼｮﾝｽﾞ</v>
          </cell>
          <cell r="N3274" t="str">
            <v>有</v>
          </cell>
          <cell r="O3274">
            <v>16</v>
          </cell>
          <cell r="P3274">
            <v>182</v>
          </cell>
          <cell r="Q3274">
            <v>6011101032933</v>
          </cell>
          <cell r="R3274">
            <v>450000</v>
          </cell>
          <cell r="S3274">
            <v>987964</v>
          </cell>
          <cell r="T3274">
            <v>3333179</v>
          </cell>
          <cell r="V3274" t="str">
            <v>wu175490</v>
          </cell>
          <cell r="W3274" t="str">
            <v>df153665</v>
          </cell>
          <cell r="Y3274" t="str">
            <v>080，36，38，44，50，58，</v>
          </cell>
          <cell r="Z3274">
            <v>44</v>
          </cell>
          <cell r="AA3274">
            <v>58</v>
          </cell>
          <cell r="AB3274">
            <v>50</v>
          </cell>
          <cell r="AC3274">
            <v>80</v>
          </cell>
          <cell r="AD3274" t="str">
            <v/>
          </cell>
          <cell r="AE3274" t="str">
            <v>１；自動音声電話案内システム等賃貸借２；自動音声電話案内システム構築業務委託３；自動音声電話案内システム機器の点検・保守４；自動音声電話案内システム機器等</v>
          </cell>
          <cell r="AF3274" t="str">
            <v>自社で開発をした音声合成ソフトウェアを用いて「自動音声電話案内システム」を自治体の徴税部門を中心にご提供しております。</v>
          </cell>
        </row>
        <row r="3275">
          <cell r="B3275">
            <v>12681</v>
          </cell>
          <cell r="C3275" t="str">
            <v>(株)Ｖ－Ｐｏｗｅｒ</v>
          </cell>
          <cell r="D3275" t="str">
            <v>03-3458-4745</v>
          </cell>
          <cell r="E3275" t="str">
            <v>140-0002</v>
          </cell>
          <cell r="F3275" t="str">
            <v>東京都品川区東品川三丁目6番5号</v>
          </cell>
          <cell r="G3275" t="str">
            <v>東京都</v>
          </cell>
          <cell r="H3275" t="str">
            <v/>
          </cell>
          <cell r="I3275" t="str">
            <v>代表取締役 小室　正則</v>
          </cell>
          <cell r="J3275" t="str">
            <v>本店</v>
          </cell>
          <cell r="K3275" t="str">
            <v>03-5479-1535</v>
          </cell>
          <cell r="L3275" t="str">
            <v>n.ueno@v-power.co.jp</v>
          </cell>
          <cell r="M3275" t="str">
            <v>ﾌﾞｲﾊﾟﾜｰ</v>
          </cell>
          <cell r="N3275" t="str">
            <v>無</v>
          </cell>
          <cell r="O3275">
            <v>8</v>
          </cell>
          <cell r="P3275">
            <v>8</v>
          </cell>
          <cell r="Q3275">
            <v>2010701025128</v>
          </cell>
          <cell r="R3275">
            <v>40000</v>
          </cell>
          <cell r="S3275">
            <v>121820</v>
          </cell>
          <cell r="T3275">
            <v>9365868</v>
          </cell>
          <cell r="V3275" t="str">
            <v>mn114380</v>
          </cell>
          <cell r="W3275" t="str">
            <v>oj116175</v>
          </cell>
          <cell r="Y3275" t="str">
            <v>43，</v>
          </cell>
          <cell r="Z3275">
            <v>43</v>
          </cell>
          <cell r="AA3275" t="str">
            <v/>
          </cell>
          <cell r="AB3275" t="str">
            <v/>
          </cell>
          <cell r="AC3275" t="str">
            <v/>
          </cell>
          <cell r="AD3275" t="str">
            <v/>
          </cell>
          <cell r="AE3275" t="str">
            <v>１；電力供給、余剰電力買取２；３；４；</v>
          </cell>
          <cell r="AF3275" t="str">
            <v>電力供給、余剰電力購入、電力コンサルティング</v>
          </cell>
        </row>
        <row r="3276">
          <cell r="B3276">
            <v>12682</v>
          </cell>
          <cell r="C3276" t="str">
            <v>(株)流通研究所</v>
          </cell>
          <cell r="D3276" t="str">
            <v>046-295-0831</v>
          </cell>
          <cell r="E3276" t="str">
            <v>243-0003</v>
          </cell>
          <cell r="F3276" t="str">
            <v>神奈川家厚木市寿町1-4-3-2</v>
          </cell>
          <cell r="G3276" t="str">
            <v>厚木市</v>
          </cell>
          <cell r="H3276" t="str">
            <v/>
          </cell>
          <cell r="I3276" t="str">
            <v>代表取締役 村上　充</v>
          </cell>
          <cell r="J3276" t="str">
            <v>本店</v>
          </cell>
          <cell r="K3276" t="str">
            <v>046-295-0834</v>
          </cell>
          <cell r="L3276" t="str">
            <v>info@ryutsu-kenkyusho.co.jp</v>
          </cell>
          <cell r="M3276" t="str">
            <v>ﾘｭｳﾂｳｹﾝｷｭｳｼﾞｮ</v>
          </cell>
          <cell r="N3276" t="str">
            <v>無</v>
          </cell>
          <cell r="O3276">
            <v>26</v>
          </cell>
          <cell r="P3276">
            <v>17</v>
          </cell>
          <cell r="Q3276">
            <v>1021001023144</v>
          </cell>
          <cell r="R3276">
            <v>48800</v>
          </cell>
          <cell r="S3276">
            <v>81574</v>
          </cell>
          <cell r="T3276">
            <v>285661</v>
          </cell>
          <cell r="V3276" t="str">
            <v>ly159580</v>
          </cell>
          <cell r="W3276" t="str">
            <v>uk198965</v>
          </cell>
          <cell r="Y3276" t="str">
            <v>065，57，58，63，64，65，77，</v>
          </cell>
          <cell r="Z3276">
            <v>80</v>
          </cell>
          <cell r="AA3276">
            <v>77</v>
          </cell>
          <cell r="AB3276">
            <v>63</v>
          </cell>
          <cell r="AC3276">
            <v>65</v>
          </cell>
          <cell r="AD3276" t="str">
            <v/>
          </cell>
          <cell r="AE3276" t="str">
            <v>１；産業分野（農業振興）の各種計画策定、総合計画、基本構想、都市計画、行政運営等策定及び進行管理に関する業務、農水産業振興に関するコンサルティング業務全般２；市場・社会・経済等調査・研究、農水産業振興に関する調査全般３；イベントの企画・運営４；チラシ・冊子・ポスター等作成、各種デザイン</v>
          </cell>
          <cell r="AF3276" t="str">
            <v>産業分野の各種計画策定、農水産業振興に関する調査・コンサルティング業務全般、市場・社会・経済等調査・研究、イベント企画・運営、農産物販路開拓、特産品開発、６次産業化、農水産業経営改善・組織化、マーケティング調査、各種デザイン、研修、地図・公図等図面作成、行政診断、台帳照合</v>
          </cell>
        </row>
        <row r="3277">
          <cell r="B3277">
            <v>12683</v>
          </cell>
          <cell r="C3277" t="str">
            <v>セイコーメディカル(株)</v>
          </cell>
          <cell r="D3277" t="str">
            <v>072-531-3610</v>
          </cell>
          <cell r="E3277" t="str">
            <v>595-0012</v>
          </cell>
          <cell r="F3277" t="str">
            <v>大阪泉大津北豊中町2丁目5‐28</v>
          </cell>
          <cell r="G3277" t="str">
            <v>泉大津</v>
          </cell>
          <cell r="H3277" t="str">
            <v>大阪</v>
          </cell>
          <cell r="I3277" t="str">
            <v>支店長 松浦　宗隆</v>
          </cell>
          <cell r="J3277" t="str">
            <v>和歌山県和歌山市</v>
          </cell>
          <cell r="K3277" t="str">
            <v>072-531-3619</v>
          </cell>
          <cell r="L3277" t="str">
            <v/>
          </cell>
          <cell r="M3277" t="str">
            <v/>
          </cell>
          <cell r="N3277" t="str">
            <v>有</v>
          </cell>
          <cell r="O3277">
            <v>64</v>
          </cell>
          <cell r="P3277">
            <v>199</v>
          </cell>
          <cell r="Q3277">
            <v>6170001001743</v>
          </cell>
          <cell r="R3277">
            <v>30000</v>
          </cell>
          <cell r="S3277" t="str">
            <v/>
          </cell>
          <cell r="T3277">
            <v>16376381</v>
          </cell>
          <cell r="V3277" t="str">
            <v>kg156751</v>
          </cell>
          <cell r="W3277" t="str">
            <v>py106973</v>
          </cell>
          <cell r="Y3277" t="str">
            <v>010，9，10，39，41，</v>
          </cell>
          <cell r="Z3277">
            <v>39</v>
          </cell>
          <cell r="AA3277">
            <v>9</v>
          </cell>
          <cell r="AB3277">
            <v>41</v>
          </cell>
          <cell r="AC3277">
            <v>10</v>
          </cell>
          <cell r="AD3277" t="str">
            <v/>
          </cell>
          <cell r="AE3277" t="str">
            <v>１；高度管理医療機器等販売業・貸与業許可証、医療機器修理業許可、動物用高度管理医療機器等販売・賃貸業許可　主たる仕入先：富士フイルムメディカル株式会社‐特約店、株式会社島津製作所‐特約店２；医薬品販売業許可証　主たる仕入先：ニプロ株式会社‐特約店、扶桑薬品‐特約店３；４；毒物劇物一般販売業登録票</v>
          </cell>
          <cell r="AF3277" t="str">
            <v>医療機器・設備・消耗品の小売・卸売・修理、理化学機器・公害防止機器の販売及びサービス、福祉用具貸与・介護用品販売</v>
          </cell>
        </row>
        <row r="3278">
          <cell r="B3278">
            <v>12684</v>
          </cell>
          <cell r="C3278" t="str">
            <v>内山緑地建設(株)</v>
          </cell>
          <cell r="D3278" t="str">
            <v>078-951-6611</v>
          </cell>
          <cell r="E3278" t="str">
            <v>651-1505</v>
          </cell>
          <cell r="F3278" t="str">
            <v>兵庫県神戸市北区道場町日下部字小溝352-1</v>
          </cell>
          <cell r="G3278" t="str">
            <v>神戸市</v>
          </cell>
          <cell r="H3278" t="str">
            <v>関西支店</v>
          </cell>
          <cell r="I3278" t="str">
            <v>支店長 山本　文男</v>
          </cell>
          <cell r="J3278" t="str">
            <v>福岡県久留米市</v>
          </cell>
          <cell r="K3278" t="str">
            <v>078-651-6398</v>
          </cell>
          <cell r="L3278" t="str">
            <v>ryokuchi41-kansai@uchiyama-net.co.jp</v>
          </cell>
          <cell r="M3278" t="str">
            <v>ｳﾁﾔﾏﾘｮｸﾁｹﾝｾﾂ</v>
          </cell>
          <cell r="N3278" t="str">
            <v>有</v>
          </cell>
          <cell r="O3278">
            <v>63</v>
          </cell>
          <cell r="P3278">
            <v>121</v>
          </cell>
          <cell r="Q3278">
            <v>2290001050658</v>
          </cell>
          <cell r="R3278">
            <v>435000</v>
          </cell>
          <cell r="S3278">
            <v>1122885</v>
          </cell>
          <cell r="T3278">
            <v>4900856</v>
          </cell>
          <cell r="V3278" t="str">
            <v>zg158809</v>
          </cell>
          <cell r="W3278" t="str">
            <v>zq186979</v>
          </cell>
          <cell r="Y3278" t="str">
            <v>22，53，55，</v>
          </cell>
          <cell r="Z3278">
            <v>53</v>
          </cell>
          <cell r="AA3278">
            <v>22</v>
          </cell>
          <cell r="AB3278" t="str">
            <v/>
          </cell>
          <cell r="AC3278" t="str">
            <v/>
          </cell>
          <cell r="AD3278" t="str">
            <v/>
          </cell>
          <cell r="AE3278" t="str">
            <v>１；建設業　大臣許可　特２７－５４５号２；福岡県久留米市、千葉県君津市に圃場３；４；</v>
          </cell>
          <cell r="AF3278" t="str">
            <v>造園工事の施工・設計・メンテナンスを行う総合造園業です。造園工事を中心に官民問わず、豊富な施工実績があります。福岡県と千葉県に圃場を有しています。</v>
          </cell>
        </row>
        <row r="3279">
          <cell r="B3279">
            <v>12685</v>
          </cell>
          <cell r="C3279" t="str">
            <v>東和コンサルタント(株)</v>
          </cell>
          <cell r="D3279" t="str">
            <v>06-6338-6687</v>
          </cell>
          <cell r="E3279" t="str">
            <v>564-0001</v>
          </cell>
          <cell r="F3279" t="str">
            <v>大阪府吹田市岸部北一丁目13番4号</v>
          </cell>
          <cell r="G3279" t="str">
            <v>吹田市</v>
          </cell>
          <cell r="H3279" t="str">
            <v>関西営業所</v>
          </cell>
          <cell r="I3279" t="str">
            <v>所長 玉腰　豊</v>
          </cell>
          <cell r="J3279" t="str">
            <v>岐阜県瑞穂市</v>
          </cell>
          <cell r="K3279" t="str">
            <v>06-6537-1779</v>
          </cell>
          <cell r="L3279" t="str">
            <v>eigyo@towaconsul.com</v>
          </cell>
          <cell r="M3279" t="str">
            <v>ﾄｳﾜｺﾝｻﾙﾀﾝﾄ</v>
          </cell>
          <cell r="N3279" t="str">
            <v>有</v>
          </cell>
          <cell r="O3279">
            <v>40</v>
          </cell>
          <cell r="P3279">
            <v>27</v>
          </cell>
          <cell r="Q3279">
            <v>5200001010064</v>
          </cell>
          <cell r="R3279">
            <v>10000</v>
          </cell>
          <cell r="S3279">
            <v>261176</v>
          </cell>
          <cell r="T3279">
            <v>318070</v>
          </cell>
          <cell r="V3279" t="str">
            <v>na182671</v>
          </cell>
          <cell r="W3279" t="str">
            <v>ks133733</v>
          </cell>
          <cell r="Y3279" t="str">
            <v>79，</v>
          </cell>
          <cell r="Z3279" t="str">
            <v/>
          </cell>
          <cell r="AA3279" t="str">
            <v/>
          </cell>
          <cell r="AB3279" t="str">
            <v/>
          </cell>
          <cell r="AC3279" t="str">
            <v/>
          </cell>
          <cell r="AD3279" t="str">
            <v/>
          </cell>
          <cell r="AE3279" t="str">
            <v>１；上水道施設漏水調査、水圧調査、流量調査、管路調査、学校等施設漏水調査。２；３；４；</v>
          </cell>
          <cell r="AF3279" t="str">
            <v>上水道施設漏水調査、水圧調査、流量調査、管路調査、学校等施設漏水調査。</v>
          </cell>
        </row>
        <row r="3280">
          <cell r="B3280">
            <v>12686</v>
          </cell>
          <cell r="C3280" t="str">
            <v>パナソニック(株)</v>
          </cell>
          <cell r="D3280" t="str">
            <v>06-6946-6216</v>
          </cell>
          <cell r="E3280" t="str">
            <v>540-6214</v>
          </cell>
          <cell r="F3280" t="str">
            <v>大阪府大阪市大阪市中央区城見2-1-61</v>
          </cell>
          <cell r="G3280" t="str">
            <v>大阪市</v>
          </cell>
          <cell r="H3280" t="str">
            <v>近畿電材営業部　大阪中央電材営業所</v>
          </cell>
          <cell r="I3280" t="str">
            <v>所長 常岡　昇一</v>
          </cell>
          <cell r="J3280" t="str">
            <v>大阪府門真市</v>
          </cell>
          <cell r="K3280" t="str">
            <v>06-6945-5826</v>
          </cell>
          <cell r="L3280" t="str">
            <v>ichinose.kayo@jp.panasonic.com</v>
          </cell>
          <cell r="M3280" t="str">
            <v>ﾊﾟﾅｿﾆｯｸ</v>
          </cell>
          <cell r="N3280" t="str">
            <v>有</v>
          </cell>
          <cell r="O3280">
            <v>83</v>
          </cell>
          <cell r="P3280">
            <v>61311</v>
          </cell>
          <cell r="Q3280">
            <v>5120001158218</v>
          </cell>
          <cell r="R3280">
            <v>258740000</v>
          </cell>
          <cell r="S3280">
            <v>1358177000</v>
          </cell>
          <cell r="T3280">
            <v>4056083000</v>
          </cell>
          <cell r="V3280" t="str">
            <v>zi171869</v>
          </cell>
          <cell r="W3280" t="str">
            <v>ov133993</v>
          </cell>
          <cell r="Y3280" t="str">
            <v>57，</v>
          </cell>
          <cell r="Z3280" t="str">
            <v/>
          </cell>
          <cell r="AA3280" t="str">
            <v/>
          </cell>
          <cell r="AB3280" t="str">
            <v/>
          </cell>
          <cell r="AC3280" t="str">
            <v/>
          </cell>
          <cell r="AD3280" t="str">
            <v/>
          </cell>
          <cell r="AE3280" t="str">
            <v>１；環境計画支援ＶＲ（バーチャルリアリティ）ソフトを使用し、３Ｄ空間の中で、設計検討、プレゼンテーションが可能です。２；３；４；</v>
          </cell>
          <cell r="AF3280" t="str">
            <v>環境計画支援ＶＲ（バーチャルリアリティ）ソフトを使用し、３Ｄ空間の中で、設計検討、プレゼンテーションが可能です。</v>
          </cell>
        </row>
        <row r="3281">
          <cell r="B3281">
            <v>12687</v>
          </cell>
          <cell r="C3281" t="str">
            <v>(有)ユニオン・サービス</v>
          </cell>
          <cell r="D3281" t="str">
            <v>072-784-1717</v>
          </cell>
          <cell r="E3281" t="str">
            <v>664-0008</v>
          </cell>
          <cell r="F3281" t="str">
            <v>兵庫県伊丹市荒牧南2-1-5</v>
          </cell>
          <cell r="G3281" t="str">
            <v>伊丹市</v>
          </cell>
          <cell r="H3281" t="str">
            <v/>
          </cell>
          <cell r="I3281" t="str">
            <v>代表取締役 水野　隆嘉</v>
          </cell>
          <cell r="J3281" t="str">
            <v>本店</v>
          </cell>
          <cell r="K3281" t="str">
            <v>072-784-1731</v>
          </cell>
          <cell r="L3281" t="str">
            <v>info@union-service.net</v>
          </cell>
          <cell r="M3281" t="str">
            <v>ﾕﾆｵﾝ･ｻｰﾋﾞｽ</v>
          </cell>
          <cell r="N3281" t="str">
            <v>無</v>
          </cell>
          <cell r="O3281">
            <v>29</v>
          </cell>
          <cell r="P3281">
            <v>10</v>
          </cell>
          <cell r="Q3281">
            <v>9140002064161</v>
          </cell>
          <cell r="R3281">
            <v>3000</v>
          </cell>
          <cell r="S3281">
            <v>48478</v>
          </cell>
          <cell r="T3281">
            <v>280724</v>
          </cell>
          <cell r="V3281" t="str">
            <v>qz124968</v>
          </cell>
          <cell r="W3281" t="str">
            <v>fz108192</v>
          </cell>
          <cell r="Y3281" t="str">
            <v>51，</v>
          </cell>
          <cell r="Z3281">
            <v>51</v>
          </cell>
          <cell r="AA3281" t="str">
            <v/>
          </cell>
          <cell r="AB3281" t="str">
            <v/>
          </cell>
          <cell r="AC3281" t="str">
            <v/>
          </cell>
          <cell r="AD3281" t="str">
            <v/>
          </cell>
          <cell r="AE3281" t="str">
            <v>１；建築物排水管清掃業登録兵庫県２２排第１４号の２、建築物飲料水貯水槽清掃業登録兵庫県１９貯第１４号の４２；３；４；</v>
          </cell>
          <cell r="AF3281" t="str">
            <v>弊社は、安全、安心、清潔な水を供給できるよう、誠実・丁寧を心掛け、清掃作業に取り組んでおります。</v>
          </cell>
        </row>
        <row r="3282">
          <cell r="B3282">
            <v>12688</v>
          </cell>
          <cell r="C3282" t="str">
            <v>(株)誠商会</v>
          </cell>
          <cell r="D3282" t="str">
            <v>090-8233-1931</v>
          </cell>
          <cell r="E3282" t="str">
            <v>664-0875</v>
          </cell>
          <cell r="F3282" t="str">
            <v>兵庫県伊丹市野間北6-1-11</v>
          </cell>
          <cell r="G3282" t="str">
            <v>伊丹市</v>
          </cell>
          <cell r="H3282" t="str">
            <v/>
          </cell>
          <cell r="I3282" t="str">
            <v xml:space="preserve"> 井原　幸三</v>
          </cell>
          <cell r="J3282" t="str">
            <v>本店</v>
          </cell>
          <cell r="K3282" t="str">
            <v/>
          </cell>
          <cell r="L3282" t="str">
            <v>makoto-shoukai@ozzio.jp</v>
          </cell>
          <cell r="M3282" t="str">
            <v>ﾏｺﾄｼｮｳｶｲ</v>
          </cell>
          <cell r="N3282" t="str">
            <v>無</v>
          </cell>
          <cell r="O3282">
            <v>45</v>
          </cell>
          <cell r="P3282">
            <v>6</v>
          </cell>
          <cell r="Q3282">
            <v>6140001080724</v>
          </cell>
          <cell r="R3282">
            <v>350</v>
          </cell>
          <cell r="S3282">
            <v>100</v>
          </cell>
          <cell r="T3282">
            <v>14000</v>
          </cell>
          <cell r="V3282" t="str">
            <v>qn139229</v>
          </cell>
          <cell r="W3282" t="str">
            <v>mk118720</v>
          </cell>
          <cell r="Y3282" t="str">
            <v/>
          </cell>
          <cell r="Z3282" t="str">
            <v/>
          </cell>
          <cell r="AA3282" t="str">
            <v/>
          </cell>
          <cell r="AB3282" t="str">
            <v/>
          </cell>
          <cell r="AC3282" t="str">
            <v/>
          </cell>
          <cell r="AD3282" t="str">
            <v/>
          </cell>
          <cell r="AE3282" t="str">
            <v>１；２；３；４；</v>
          </cell>
          <cell r="AF3282" t="str">
            <v>業務用洗剤及び衛生消耗品の販売</v>
          </cell>
        </row>
        <row r="3283">
          <cell r="B3283">
            <v>12689</v>
          </cell>
          <cell r="C3283" t="str">
            <v>(株)三電社</v>
          </cell>
          <cell r="D3283" t="str">
            <v>06-6421-7439</v>
          </cell>
          <cell r="E3283" t="str">
            <v>661-0001</v>
          </cell>
          <cell r="F3283" t="str">
            <v>兵庫県尼崎市塚口本町3-2-18</v>
          </cell>
          <cell r="G3283" t="str">
            <v>尼崎市</v>
          </cell>
          <cell r="H3283" t="str">
            <v>塚口北店</v>
          </cell>
          <cell r="I3283" t="str">
            <v>代表取締役 松本　登雄</v>
          </cell>
          <cell r="J3283" t="str">
            <v>兵庫県尼崎市</v>
          </cell>
          <cell r="K3283" t="str">
            <v>06-6429-3225</v>
          </cell>
          <cell r="L3283" t="str">
            <v>sanndennsya@tim.hi-ho.ne.jp</v>
          </cell>
          <cell r="M3283" t="str">
            <v>ｻﾝﾃﾞﾝｼｬ</v>
          </cell>
          <cell r="N3283" t="str">
            <v>有</v>
          </cell>
          <cell r="O3283">
            <v>55</v>
          </cell>
          <cell r="P3283">
            <v>12</v>
          </cell>
          <cell r="Q3283">
            <v>3140002041026</v>
          </cell>
          <cell r="R3283">
            <v>3000</v>
          </cell>
          <cell r="S3283">
            <v>3620</v>
          </cell>
          <cell r="T3283">
            <v>164120</v>
          </cell>
          <cell r="V3283" t="str">
            <v>pg132691</v>
          </cell>
          <cell r="W3283" t="str">
            <v>hu139939</v>
          </cell>
          <cell r="Y3283" t="str">
            <v>035，35，36，58，64，</v>
          </cell>
          <cell r="Z3283">
            <v>58</v>
          </cell>
          <cell r="AA3283">
            <v>64</v>
          </cell>
          <cell r="AB3283">
            <v>36</v>
          </cell>
          <cell r="AC3283">
            <v>35</v>
          </cell>
          <cell r="AD3283" t="str">
            <v/>
          </cell>
          <cell r="AE3283" t="str">
            <v>１；電気工事業、屋外広告業　兵庫県商標登録「プロモサイン」２；３；パナソニックコンシューマーマーケティング株式会社株式会社パナソニック中央電工４；</v>
          </cell>
          <cell r="AF3283" t="str">
            <v>デジタルサイネージに関連する、システム構築、コンテンツの制作、機器の設置工事、アフターメンテナンスまで弊社がワンストップで行います。パナソニックショップ部門も合わせ持っており、顧客からの信頼度も高く、医療分野では２５０か所以上の納入実績があります。</v>
          </cell>
        </row>
        <row r="3284">
          <cell r="B3284">
            <v>12690</v>
          </cell>
          <cell r="C3284" t="str">
            <v>(有)ウエグシステム</v>
          </cell>
          <cell r="D3284" t="str">
            <v>06-6493-1909</v>
          </cell>
          <cell r="E3284" t="str">
            <v>661-0983</v>
          </cell>
          <cell r="F3284" t="str">
            <v>兵庫県尼崎市口田中1-24-14</v>
          </cell>
          <cell r="G3284" t="str">
            <v>尼崎市</v>
          </cell>
          <cell r="H3284" t="str">
            <v/>
          </cell>
          <cell r="I3284" t="str">
            <v>取締役 道　由和</v>
          </cell>
          <cell r="J3284" t="str">
            <v>本店</v>
          </cell>
          <cell r="K3284" t="str">
            <v>06-6493-0850</v>
          </cell>
          <cell r="L3284" t="str">
            <v>tokusyu@helen.ocn.ne.jp</v>
          </cell>
          <cell r="M3284" t="str">
            <v>ｳｴｸﾞｼｽﾃﾑ</v>
          </cell>
          <cell r="N3284" t="str">
            <v>無</v>
          </cell>
          <cell r="O3284">
            <v>25</v>
          </cell>
          <cell r="P3284">
            <v>6</v>
          </cell>
          <cell r="Q3284">
            <v>8140002041797</v>
          </cell>
          <cell r="R3284">
            <v>3000</v>
          </cell>
          <cell r="S3284">
            <v>2047</v>
          </cell>
          <cell r="T3284">
            <v>57347</v>
          </cell>
          <cell r="V3284" t="str">
            <v>wl144994</v>
          </cell>
          <cell r="W3284" t="str">
            <v>hm139738</v>
          </cell>
          <cell r="Y3284" t="str">
            <v>037，35，37，48，62，</v>
          </cell>
          <cell r="Z3284">
            <v>48</v>
          </cell>
          <cell r="AA3284">
            <v>35</v>
          </cell>
          <cell r="AB3284">
            <v>62</v>
          </cell>
          <cell r="AC3284">
            <v>37</v>
          </cell>
          <cell r="AD3284" t="str">
            <v>業務用冷凍機器設備の保守管理において、機能性・経済性・収納性を重視し、食流通の様々な局面ごとの施設に対応致しています。</v>
          </cell>
          <cell r="AE3284" t="str">
            <v>１；ルームエアコンからビル用マルチエアコン、工場用エアコンまで幅広く空調設備の保守点検業務を行っており、特に業務用大型エアコンの保守管理に自信、実績がございます。２；家庭用、業務用、設備用・工場用エアコンなど幅広く取り扱っています。特・ダイキン工業株式会社３；エアコンクリーニングにおいて、最新の洗浄機器を利用し、エアコン本体を取り外すことなく行い、また、各部品は取り外して、専用洗浄剤で汚れを浮かし、高圧水洗浄により行っております。４；</v>
          </cell>
          <cell r="AF3284" t="str">
            <v>ルームエアコンからビル用マルチエアコン・工場用エアコンまで幅広く空調設備の保守点検業務を行っており特に業務用大型エアコンの保守管理。エアコンクリーニングにおいても業務用エアコン・大型エアコンの清掃には自信・実績あり。業務用冷凍機器設備の保守管理。</v>
          </cell>
        </row>
        <row r="3285">
          <cell r="B3285">
            <v>12691</v>
          </cell>
          <cell r="C3285" t="str">
            <v>高千穂産業(株)</v>
          </cell>
          <cell r="D3285" t="str">
            <v>052-915-1111</v>
          </cell>
          <cell r="E3285" t="str">
            <v>462-0041</v>
          </cell>
          <cell r="F3285" t="str">
            <v>愛知県名古屋市北区浪打町1-44-1</v>
          </cell>
          <cell r="G3285" t="str">
            <v>名古屋市</v>
          </cell>
          <cell r="H3285" t="str">
            <v/>
          </cell>
          <cell r="I3285" t="str">
            <v>代表取締役 中尾　俊彦</v>
          </cell>
          <cell r="J3285" t="str">
            <v>本店</v>
          </cell>
          <cell r="K3285" t="str">
            <v>052-915-1114</v>
          </cell>
          <cell r="L3285" t="str">
            <v>watabe@takachiho-sc.co.jp</v>
          </cell>
          <cell r="M3285" t="str">
            <v>ﾀｶﾁﾎｻﾝｷﾞｮｳ</v>
          </cell>
          <cell r="N3285" t="str">
            <v>無</v>
          </cell>
          <cell r="O3285">
            <v>60</v>
          </cell>
          <cell r="P3285">
            <v>85</v>
          </cell>
          <cell r="Q3285">
            <v>9180001012646</v>
          </cell>
          <cell r="R3285">
            <v>50000</v>
          </cell>
          <cell r="S3285">
            <v>1410786</v>
          </cell>
          <cell r="T3285">
            <v>1209226</v>
          </cell>
          <cell r="V3285" t="str">
            <v>ps167049</v>
          </cell>
          <cell r="W3285" t="str">
            <v>ub177179</v>
          </cell>
          <cell r="Y3285" t="str">
            <v>41，42，</v>
          </cell>
          <cell r="Z3285">
            <v>42</v>
          </cell>
          <cell r="AA3285">
            <v>41</v>
          </cell>
          <cell r="AB3285" t="str">
            <v/>
          </cell>
          <cell r="AC3285" t="str">
            <v/>
          </cell>
          <cell r="AD3285" t="str">
            <v/>
          </cell>
          <cell r="AE3285" t="str">
            <v>１；埋設ケーブル位置測定器２；有害ガス検知器３；４；</v>
          </cell>
          <cell r="AF3285" t="str">
            <v>当社は、電力・通信・ガス・上下水道・建設業界で用いる計測器・試験器を、自社で開発・設計・製造・販売が一貫して行える体制を維持しています。特に、埋設ケーブル位置測定器、有害ガス検知器は４０年以上の製造・販売実績を持ち幅広くご愛用頂いています。</v>
          </cell>
        </row>
        <row r="3286">
          <cell r="B3286">
            <v>12692</v>
          </cell>
          <cell r="C3286" t="str">
            <v>(株)ワイイーシーソリューションズ</v>
          </cell>
          <cell r="D3286" t="str">
            <v>045-662-3616</v>
          </cell>
          <cell r="E3286" t="str">
            <v>231-0023</v>
          </cell>
          <cell r="F3286" t="str">
            <v>神奈川県横浜市中区山下町22番地</v>
          </cell>
          <cell r="G3286" t="str">
            <v>横浜市</v>
          </cell>
          <cell r="H3286" t="str">
            <v/>
          </cell>
          <cell r="I3286" t="str">
            <v>代表取締役 松下　公哉</v>
          </cell>
          <cell r="J3286" t="str">
            <v>本店</v>
          </cell>
          <cell r="K3286" t="str">
            <v>045-662-3989</v>
          </cell>
          <cell r="L3286" t="str">
            <v>yec-public@yec.ne.jp</v>
          </cell>
          <cell r="M3286" t="str">
            <v>ﾜｲｲｰｼｰｿﾘｭｰｼｮﾝｽﾞ</v>
          </cell>
          <cell r="N3286" t="str">
            <v>無</v>
          </cell>
          <cell r="O3286">
            <v>49</v>
          </cell>
          <cell r="P3286">
            <v>257</v>
          </cell>
          <cell r="Q3286">
            <v>9020001029549</v>
          </cell>
          <cell r="R3286">
            <v>50000</v>
          </cell>
          <cell r="S3286">
            <v>524330</v>
          </cell>
          <cell r="T3286">
            <v>4559129</v>
          </cell>
          <cell r="V3286" t="str">
            <v>jx164658</v>
          </cell>
          <cell r="W3286" t="str">
            <v>dw159399</v>
          </cell>
          <cell r="Y3286" t="str">
            <v>36，57，58，</v>
          </cell>
          <cell r="Z3286">
            <v>58</v>
          </cell>
          <cell r="AA3286">
            <v>57</v>
          </cell>
          <cell r="AB3286">
            <v>36</v>
          </cell>
          <cell r="AC3286" t="str">
            <v/>
          </cell>
          <cell r="AD3286" t="str">
            <v/>
          </cell>
          <cell r="AE3286" t="str">
            <v>１；２；３；４；</v>
          </cell>
          <cell r="AF3286" t="str">
            <v>神奈川県内はもとより全国にいたる地方公共団体および民間企業に対し、ＩＣＴ活用のコンサルティングからシステムの構築や運用サービス、業務用アプリケーションソフトウエアの開発、ｉＤＣを活用してのＡＳＰサービスやアウトソーシングなどサービスとソリューションを提供しております。</v>
          </cell>
        </row>
        <row r="3287">
          <cell r="B3287">
            <v>12693</v>
          </cell>
          <cell r="C3287" t="str">
            <v>(株)豊中ロック</v>
          </cell>
          <cell r="D3287" t="str">
            <v>06-6334-7596</v>
          </cell>
          <cell r="E3287" t="str">
            <v>561-0817</v>
          </cell>
          <cell r="F3287" t="str">
            <v>大阪府豊中市浜2-8-5</v>
          </cell>
          <cell r="G3287" t="str">
            <v>豊中市</v>
          </cell>
          <cell r="H3287" t="str">
            <v/>
          </cell>
          <cell r="I3287" t="str">
            <v>代表取締役 落合　良太</v>
          </cell>
          <cell r="J3287" t="str">
            <v>本店</v>
          </cell>
          <cell r="K3287" t="str">
            <v>06-6334-6667</v>
          </cell>
          <cell r="L3287" t="str">
            <v>honbu@toyonaka-lock.co.jp</v>
          </cell>
          <cell r="M3287" t="str">
            <v>ﾄﾖﾅｶﾛｯｸ</v>
          </cell>
          <cell r="N3287" t="str">
            <v>無</v>
          </cell>
          <cell r="O3287">
            <v>31</v>
          </cell>
          <cell r="P3287">
            <v>11</v>
          </cell>
          <cell r="Q3287">
            <v>7120901024797</v>
          </cell>
          <cell r="R3287">
            <v>10000</v>
          </cell>
          <cell r="S3287">
            <v>35014</v>
          </cell>
          <cell r="T3287">
            <v>231575</v>
          </cell>
          <cell r="V3287" t="str">
            <v>vv141496</v>
          </cell>
          <cell r="W3287" t="str">
            <v>nm131613</v>
          </cell>
          <cell r="Y3287" t="str">
            <v>080，27，34，40，</v>
          </cell>
          <cell r="Z3287">
            <v>34</v>
          </cell>
          <cell r="AA3287">
            <v>40</v>
          </cell>
          <cell r="AB3287">
            <v>27</v>
          </cell>
          <cell r="AC3287">
            <v>80</v>
          </cell>
          <cell r="AD3287" t="str">
            <v>通常の鍵だけでなく、セキュリティ向上・入退室管理のためのカードリーダー、テンキー等のものや消防設備・非常口として発報と同時に解錠する「電気錠」にも対応が可能です。</v>
          </cell>
          <cell r="AE3287" t="str">
            <v>１；鍵・錠前・電気錠の販売及びメンテナンス　鍵・錠前・電気錠に関する全ての工事の設計、施工、取付２；鍵・錠前・電気錠の販売及びメンテナンス　鍵・錠前・電気錠に関する全ての工事の設計、施工、取付３；鍵・錠前・電気錠の販売及びメンテナンス　鍵・錠前・電気錠に関する全ての工事の設計、施工、取付４；鍵・錠前・電気錠の販売及びメンテナンス　鍵・錠前・電気錠に関する全ての工事の設計、施工、取付</v>
          </cell>
          <cell r="AF3287" t="str">
            <v>「電気」が分かるカギ屋として、様々な錠前を取り扱っています。セキュリティ向上・入退室管理のためのカードリーダー、テンキー等のものや消防設備・非常口として発報と同時に解錠する「電気錠」にも対応が可能です。取付工事に必要な「資格」「許可」「登録」「保険」等保有しております。</v>
          </cell>
        </row>
        <row r="3288">
          <cell r="B3288">
            <v>12694</v>
          </cell>
          <cell r="C3288" t="str">
            <v>山王(株)</v>
          </cell>
          <cell r="D3288" t="str">
            <v>096-214-6850</v>
          </cell>
          <cell r="E3288" t="str">
            <v>861-8043</v>
          </cell>
          <cell r="F3288" t="str">
            <v>熊本県熊本市東区戸島西5-5-57</v>
          </cell>
          <cell r="G3288" t="str">
            <v>熊本市</v>
          </cell>
          <cell r="H3288" t="str">
            <v/>
          </cell>
          <cell r="I3288" t="str">
            <v>代表取締役 深水　弘一</v>
          </cell>
          <cell r="J3288" t="str">
            <v>本店</v>
          </cell>
          <cell r="K3288" t="str">
            <v>096-214-6860</v>
          </cell>
          <cell r="L3288" t="str">
            <v>nyusatsu@kumamoto-sanou.co.jp</v>
          </cell>
          <cell r="M3288" t="str">
            <v>ｻﾝｵｳ</v>
          </cell>
          <cell r="N3288" t="str">
            <v>無</v>
          </cell>
          <cell r="O3288">
            <v>46</v>
          </cell>
          <cell r="P3288">
            <v>42</v>
          </cell>
          <cell r="Q3288">
            <v>4330001001893</v>
          </cell>
          <cell r="R3288">
            <v>50000</v>
          </cell>
          <cell r="S3288">
            <v>158339</v>
          </cell>
          <cell r="T3288">
            <v>2170402</v>
          </cell>
          <cell r="V3288" t="str">
            <v>au170672</v>
          </cell>
          <cell r="W3288" t="str">
            <v>ia197399</v>
          </cell>
          <cell r="Y3288" t="str">
            <v>33，</v>
          </cell>
          <cell r="Z3288">
            <v>33</v>
          </cell>
          <cell r="AA3288" t="str">
            <v/>
          </cell>
          <cell r="AB3288" t="str">
            <v/>
          </cell>
          <cell r="AC3288" t="str">
            <v/>
          </cell>
          <cell r="AD3288" t="str">
            <v/>
          </cell>
          <cell r="AE3288" t="str">
            <v>１；オレンジパッチ（特殊常温合材）２；３；４；</v>
          </cell>
          <cell r="AF3288" t="str">
            <v>「オレンジパッチ」は、アスファルト舗装の補修のために開発されたＶＯＣゼロの画期的な特殊常温合材です。</v>
          </cell>
        </row>
        <row r="3289">
          <cell r="B3289">
            <v>12696</v>
          </cell>
          <cell r="C3289" t="str">
            <v>(株)ＪＶＣケンウッド・公共産業システム</v>
          </cell>
          <cell r="D3289" t="str">
            <v>06-6450-4362</v>
          </cell>
          <cell r="E3289" t="str">
            <v>657-0862</v>
          </cell>
          <cell r="F3289" t="str">
            <v>大阪府大阪市福島区鷺洲1-11-19 大阪福島ｾﾝﾄﾗﾙﾋﾞﾙ4階</v>
          </cell>
          <cell r="G3289" t="str">
            <v>大阪市</v>
          </cell>
          <cell r="H3289" t="str">
            <v>関西支店</v>
          </cell>
          <cell r="I3289" t="str">
            <v>支店長 有働　正和</v>
          </cell>
          <cell r="J3289" t="str">
            <v>神奈川県横浜市</v>
          </cell>
          <cell r="K3289" t="str">
            <v>06-6450-4366</v>
          </cell>
          <cell r="L3289" t="str">
            <v>hashimoto.munehiro@jvckenwood.com</v>
          </cell>
          <cell r="M3289" t="str">
            <v>ｼﾞｴｲﾌﾞｲｼｰｹﾝｳﾂﾄﾞｺｳｷﾖｳｻﾝｷﾞﾖｳｼｽﾃﾑ</v>
          </cell>
          <cell r="N3289" t="str">
            <v>有</v>
          </cell>
          <cell r="O3289">
            <v>2</v>
          </cell>
          <cell r="P3289">
            <v>774</v>
          </cell>
          <cell r="Q3289">
            <v>3020000000000</v>
          </cell>
          <cell r="R3289">
            <v>300000</v>
          </cell>
          <cell r="S3289">
            <v>5609629</v>
          </cell>
          <cell r="T3289">
            <v>19134065</v>
          </cell>
          <cell r="V3289" t="str">
            <v>wa175130</v>
          </cell>
          <cell r="W3289" t="str">
            <v>bt199999</v>
          </cell>
          <cell r="Y3289" t="str">
            <v>36.38.49.50</v>
          </cell>
          <cell r="Z3289">
            <v>38</v>
          </cell>
          <cell r="AA3289">
            <v>36</v>
          </cell>
          <cell r="AB3289">
            <v>50</v>
          </cell>
          <cell r="AC3289">
            <v>49</v>
          </cell>
          <cell r="AD3289" t="str">
            <v/>
          </cell>
          <cell r="AE3289" t="str">
            <v>１；２；非常放送設備３；放送設備、音響設備、監視カメラ設備４；カメラ、放送設備保守</v>
          </cell>
          <cell r="AF3289" t="str">
            <v>高品質なＪＶＣ／ケンウッド各ブランドの業務用製品の販売のみならず、現場で培ってきた豊富な経験に裏打ちされたシステム提案、設計・施工、保守・整備まで一貫したサービスをご提案します。</v>
          </cell>
        </row>
        <row r="3290">
          <cell r="B3290">
            <v>12697</v>
          </cell>
          <cell r="C3290" t="str">
            <v>(株)マナユニット</v>
          </cell>
          <cell r="D3290" t="str">
            <v>072-737-8019</v>
          </cell>
          <cell r="E3290" t="str">
            <v>562-0036</v>
          </cell>
          <cell r="F3290" t="str">
            <v>大阪府箕面市船場西1-8-9</v>
          </cell>
          <cell r="G3290" t="str">
            <v>箕面市</v>
          </cell>
          <cell r="H3290" t="str">
            <v/>
          </cell>
          <cell r="I3290" t="str">
            <v>代表取締役 丹生　好人</v>
          </cell>
          <cell r="J3290" t="str">
            <v>本店</v>
          </cell>
          <cell r="K3290" t="str">
            <v>072-737-8091</v>
          </cell>
          <cell r="L3290" t="str">
            <v>manaunit@mana-unit.co.jp</v>
          </cell>
          <cell r="M3290" t="str">
            <v>ﾏﾅﾕﾆｯﾄ</v>
          </cell>
          <cell r="N3290" t="str">
            <v>無</v>
          </cell>
          <cell r="O3290">
            <v>4</v>
          </cell>
          <cell r="P3290">
            <v>5</v>
          </cell>
          <cell r="Q3290">
            <v>6120001184345</v>
          </cell>
          <cell r="R3290">
            <v>50000</v>
          </cell>
          <cell r="S3290">
            <v>-18554</v>
          </cell>
          <cell r="T3290">
            <v>152616</v>
          </cell>
          <cell r="V3290" t="str">
            <v>rf165920</v>
          </cell>
          <cell r="W3290" t="str">
            <v>vx169993</v>
          </cell>
          <cell r="Y3290" t="str">
            <v>03，04，38，</v>
          </cell>
          <cell r="Z3290">
            <v>3</v>
          </cell>
          <cell r="AA3290">
            <v>38</v>
          </cell>
          <cell r="AB3290">
            <v>4</v>
          </cell>
          <cell r="AC3290" t="str">
            <v/>
          </cell>
          <cell r="AD3290" t="str">
            <v/>
          </cell>
          <cell r="AE3290" t="str">
            <v>１；消防制服・活動服、救急服、救助服、防火服、防寒衣、雨衣、感染防止衣、防災服、作業服、一般制服・事務服、白衣、メディカルウェア、Ｔシャツ、タオル各種２；ゴム安全長靴、編上げ靴、安全靴、ヘルメット３；手袋、制帽・アポロキャップ４；</v>
          </cell>
          <cell r="AF3290" t="str">
            <v>消防制服・活動服、救急服、救助服、防火服、防寒衣、雨衣、感染防止衣、制帽・アポロキャップ、ヘルメット、ゴム安全長靴、編上げ靴、安全靴、防災服、作業服、一般制服・事務服、白衣、メディカルウェア、Ｔシャツ、タオル各種ほか。</v>
          </cell>
        </row>
        <row r="3291">
          <cell r="B3291">
            <v>12698</v>
          </cell>
          <cell r="C3291" t="str">
            <v>河村商店</v>
          </cell>
          <cell r="D3291" t="str">
            <v>072-752-3943</v>
          </cell>
          <cell r="E3291" t="str">
            <v>563-0058</v>
          </cell>
          <cell r="F3291" t="str">
            <v>大阪府池田市栄本町8-7</v>
          </cell>
          <cell r="G3291" t="str">
            <v>池田市</v>
          </cell>
          <cell r="H3291" t="str">
            <v/>
          </cell>
          <cell r="I3291" t="str">
            <v>代表者 河村　武彦</v>
          </cell>
          <cell r="J3291" t="str">
            <v>本店</v>
          </cell>
          <cell r="K3291" t="str">
            <v>072-752-2381</v>
          </cell>
          <cell r="L3291" t="str">
            <v>kawamura-ikeda@wombat.zaq.ne.jp</v>
          </cell>
          <cell r="M3291" t="str">
            <v>ｶﾜﾑﾗｼｮｳﾃﾝ</v>
          </cell>
          <cell r="N3291" t="str">
            <v>無</v>
          </cell>
          <cell r="O3291">
            <v>60</v>
          </cell>
          <cell r="P3291">
            <v>4</v>
          </cell>
          <cell r="Q3291" t="str">
            <v/>
          </cell>
          <cell r="R3291" t="str">
            <v/>
          </cell>
          <cell r="S3291">
            <v>3000</v>
          </cell>
          <cell r="T3291">
            <v>13929</v>
          </cell>
          <cell r="V3291" t="str">
            <v>zn158826</v>
          </cell>
          <cell r="W3291" t="str">
            <v>qv116379</v>
          </cell>
          <cell r="Y3291" t="str">
            <v>03，28，</v>
          </cell>
          <cell r="Z3291">
            <v>3</v>
          </cell>
          <cell r="AA3291">
            <v>28</v>
          </cell>
          <cell r="AB3291" t="str">
            <v/>
          </cell>
          <cell r="AC3291" t="str">
            <v/>
          </cell>
          <cell r="AD3291" t="str">
            <v/>
          </cell>
          <cell r="AE3291" t="str">
            <v>１；児童用白衣は自社製造品です。（前あき白衣、スモック、前掛、帽子、整理袋、などです）２；カーテン、カーペット、ブラインド、カーテンレール３；４；</v>
          </cell>
          <cell r="AF3291" t="str">
            <v>白衣（給食用児童白衣、調理人用白衣、ナース、ドクター）作業着などです。児童用白衣は、自社での製造品です。インテリア（カーテン、カーペット、ブラインド）です。</v>
          </cell>
        </row>
        <row r="3292">
          <cell r="B3292">
            <v>12699</v>
          </cell>
          <cell r="C3292" t="str">
            <v>モリヤマ電機通信工業(株)</v>
          </cell>
          <cell r="D3292" t="str">
            <v>078-452-5393</v>
          </cell>
          <cell r="E3292" t="str">
            <v>658-0016</v>
          </cell>
          <cell r="F3292" t="str">
            <v>兵庫県神戸市東灘区本山中町3-6-22-103</v>
          </cell>
          <cell r="G3292" t="str">
            <v>神戸市</v>
          </cell>
          <cell r="H3292" t="str">
            <v/>
          </cell>
          <cell r="I3292" t="str">
            <v>代表取締役 森山　実</v>
          </cell>
          <cell r="J3292" t="str">
            <v>本店</v>
          </cell>
          <cell r="K3292" t="str">
            <v>078-452-5394</v>
          </cell>
          <cell r="L3292" t="str">
            <v>moriyama@trust-it.co.jp</v>
          </cell>
          <cell r="M3292" t="str">
            <v>ﾓﾘﾔﾏﾃﾞﾝｷﾂｳｼﾝｺｳｷﾞｮｳ</v>
          </cell>
          <cell r="N3292" t="str">
            <v>無</v>
          </cell>
          <cell r="O3292">
            <v>1</v>
          </cell>
          <cell r="P3292">
            <v>1</v>
          </cell>
          <cell r="Q3292">
            <v>2140001098209</v>
          </cell>
          <cell r="R3292">
            <v>10000</v>
          </cell>
          <cell r="S3292">
            <v>15670</v>
          </cell>
          <cell r="T3292">
            <v>173052</v>
          </cell>
          <cell r="V3292" t="str">
            <v>hb157434</v>
          </cell>
          <cell r="W3292" t="str">
            <v>ku117979</v>
          </cell>
          <cell r="Y3292" t="str">
            <v>35，36，38，47，49，50，</v>
          </cell>
          <cell r="Z3292">
            <v>50</v>
          </cell>
          <cell r="AA3292">
            <v>47</v>
          </cell>
          <cell r="AB3292">
            <v>49</v>
          </cell>
          <cell r="AC3292" t="str">
            <v/>
          </cell>
          <cell r="AD3292" t="str">
            <v/>
          </cell>
          <cell r="AE3292" t="str">
            <v>１；一般建設業兵庫県知事許可（般－２８）第１１７００２号　２；一般建設業兵庫県知事許可（般－２８）第１１７００２号　３；一般建設業兵庫県知事許可（般－２８）第１１７００２号　４；</v>
          </cell>
          <cell r="AF3292" t="str">
            <v>放送・ＡＶ設備、構内ＬＡＮ設備、監視カメラ等の弱電工事を得意としています。会社としての実績が浅い分フットワークは軽く、現場への迅速な対応が可能です。</v>
          </cell>
        </row>
        <row r="3293">
          <cell r="B3293">
            <v>12700</v>
          </cell>
          <cell r="C3293" t="str">
            <v>兵庫ヨーク(株)</v>
          </cell>
          <cell r="D3293" t="str">
            <v>078-858-4911</v>
          </cell>
          <cell r="E3293" t="str">
            <v>658-0031</v>
          </cell>
          <cell r="F3293" t="str">
            <v>兵庫県神戸市東灘区向洋町東4-15-1</v>
          </cell>
          <cell r="G3293" t="str">
            <v>神戸市</v>
          </cell>
          <cell r="H3293" t="str">
            <v/>
          </cell>
          <cell r="I3293" t="str">
            <v>代表取締役 平野　豪治</v>
          </cell>
          <cell r="J3293" t="str">
            <v>本店</v>
          </cell>
          <cell r="K3293" t="str">
            <v>078-858-4922</v>
          </cell>
          <cell r="L3293" t="str">
            <v>ju-mitui@yoke.co.jp</v>
          </cell>
          <cell r="M3293" t="str">
            <v>ﾋｮｳｺﾞﾖｰｸ</v>
          </cell>
          <cell r="N3293" t="str">
            <v>無</v>
          </cell>
          <cell r="O3293">
            <v>31</v>
          </cell>
          <cell r="P3293">
            <v>6</v>
          </cell>
          <cell r="Q3293">
            <v>3140001012358</v>
          </cell>
          <cell r="R3293">
            <v>15000</v>
          </cell>
          <cell r="S3293">
            <v>-152475</v>
          </cell>
          <cell r="T3293">
            <v>117052</v>
          </cell>
          <cell r="V3293" t="str">
            <v>mr173668</v>
          </cell>
          <cell r="W3293" t="str">
            <v>jx197896</v>
          </cell>
          <cell r="Y3293" t="str">
            <v>02，</v>
          </cell>
          <cell r="Z3293" t="str">
            <v/>
          </cell>
          <cell r="AA3293" t="str">
            <v/>
          </cell>
          <cell r="AB3293" t="str">
            <v/>
          </cell>
          <cell r="AC3293" t="str">
            <v/>
          </cell>
          <cell r="AD3293" t="str">
            <v/>
          </cell>
          <cell r="AE3293" t="str">
            <v>１；愛知ヨーク（ヨーグルト・ゼリー）２；３；４；</v>
          </cell>
          <cell r="AF3293" t="str">
            <v>当社は飲むヨーグルトのパイオニアとして厳選された材料を用い健康な食品を消費者の皆様にお届けする使命のもと本物だけを追求し続けています。</v>
          </cell>
        </row>
        <row r="3294">
          <cell r="B3294">
            <v>12701</v>
          </cell>
          <cell r="C3294" t="str">
            <v>(株)ＮＥＸＴ</v>
          </cell>
          <cell r="D3294" t="str">
            <v>06-4807-6322</v>
          </cell>
          <cell r="E3294" t="str">
            <v>532-0003</v>
          </cell>
          <cell r="F3294" t="str">
            <v>大阪府大阪市淀川区宮原1-1-1</v>
          </cell>
          <cell r="G3294" t="str">
            <v>大阪市</v>
          </cell>
          <cell r="H3294" t="str">
            <v/>
          </cell>
          <cell r="I3294" t="str">
            <v>代表取締役　 多田　昌弘</v>
          </cell>
          <cell r="J3294" t="str">
            <v>本店</v>
          </cell>
          <cell r="K3294" t="str">
            <v>06-4807-6222</v>
          </cell>
          <cell r="L3294" t="str">
            <v>renraku-next@next-si.net</v>
          </cell>
          <cell r="M3294" t="str">
            <v>ﾈｸｽﾄ</v>
          </cell>
          <cell r="N3294" t="str">
            <v>無</v>
          </cell>
          <cell r="O3294">
            <v>11</v>
          </cell>
          <cell r="P3294">
            <v>3</v>
          </cell>
          <cell r="Q3294">
            <v>9120001126146</v>
          </cell>
          <cell r="R3294">
            <v>22220</v>
          </cell>
          <cell r="S3294">
            <v>33957</v>
          </cell>
          <cell r="T3294">
            <v>526753</v>
          </cell>
          <cell r="V3294" t="str">
            <v>sk123844</v>
          </cell>
          <cell r="W3294" t="str">
            <v>ow153589</v>
          </cell>
          <cell r="Y3294" t="str">
            <v>027，12，27，36，</v>
          </cell>
          <cell r="Z3294">
            <v>36</v>
          </cell>
          <cell r="AA3294">
            <v>12</v>
          </cell>
          <cell r="AB3294">
            <v>80</v>
          </cell>
          <cell r="AC3294">
            <v>27</v>
          </cell>
          <cell r="AD3294" t="str">
            <v>主な仕入先：Ｓｋｙ</v>
          </cell>
          <cell r="AE3294" t="str">
            <v>１；パソコン教育用ネットワークシステム、各種コンピュータ、モニタ、プリンタ、メモリ等の周辺機器、複写機、ＦＡＸ等のＯＡ機器２；各種市販ソフトウェア３；各種教育用視聴覚機器、プロジェクタ、映写機、業務用ＶＴＲ、音響機器　等４；各種鋼製什器、机、椅子　等</v>
          </cell>
          <cell r="AF3294" t="str">
            <v>各種ソフトウェア設計・開発・コンサルティング、各種コンピュータ／ネットワークのＳＩ事業、関連機器のＳＩ事業、上記関連分野のサービス事業（保守・講習・コンサルティング等）</v>
          </cell>
        </row>
        <row r="3295">
          <cell r="B3295">
            <v>12704</v>
          </cell>
          <cell r="C3295" t="str">
            <v>(株)法研関西</v>
          </cell>
          <cell r="D3295" t="str">
            <v>06-6364-1884</v>
          </cell>
          <cell r="E3295" t="str">
            <v>530-0045</v>
          </cell>
          <cell r="F3295" t="str">
            <v>大阪府大阪市北区天神西町8番19号</v>
          </cell>
          <cell r="G3295" t="str">
            <v>大阪市</v>
          </cell>
          <cell r="H3295" t="str">
            <v/>
          </cell>
          <cell r="I3295" t="str">
            <v>代表取締役 初田　俊哉</v>
          </cell>
          <cell r="J3295" t="str">
            <v>本店</v>
          </cell>
          <cell r="K3295" t="str">
            <v>06-6365-6338</v>
          </cell>
          <cell r="L3295" t="str">
            <v>991.a.watanabe@sociohealth.co.jp</v>
          </cell>
          <cell r="M3295" t="str">
            <v>ﾎｳｹﾝｶﾝｻｲ</v>
          </cell>
          <cell r="N3295" t="str">
            <v>無</v>
          </cell>
          <cell r="O3295" t="str">
            <v/>
          </cell>
          <cell r="P3295">
            <v>28</v>
          </cell>
          <cell r="Q3295">
            <v>3120001070250</v>
          </cell>
          <cell r="R3295">
            <v>10000</v>
          </cell>
          <cell r="S3295">
            <v>1210690</v>
          </cell>
          <cell r="T3295">
            <v>1070051</v>
          </cell>
          <cell r="V3295" t="str">
            <v>zo136563</v>
          </cell>
          <cell r="W3295" t="str">
            <v>md166793</v>
          </cell>
          <cell r="Y3295" t="str">
            <v>78，</v>
          </cell>
          <cell r="Z3295">
            <v>80</v>
          </cell>
          <cell r="AA3295">
            <v>78</v>
          </cell>
          <cell r="AB3295" t="str">
            <v/>
          </cell>
          <cell r="AC3295" t="str">
            <v/>
          </cell>
          <cell r="AD3295" t="str">
            <v/>
          </cell>
          <cell r="AE3295" t="str">
            <v>１；ストレスチェックサービス２；ストレスチェックサービス３；４；</v>
          </cell>
          <cell r="AF3295" t="str">
            <v>精神保健福祉士等が構築した専用システムにより、「ストレスチェックサービス」を実施しています。職場改善のアドバイスやコンサルテーション、管理職および一般職へのセミナー、ご家族も含めた電話や面接による相談窓口の設置、各種情報ツールの提供などを行っております。</v>
          </cell>
        </row>
        <row r="3296">
          <cell r="B3296">
            <v>12707</v>
          </cell>
          <cell r="C3296" t="str">
            <v>(有)ライチョウシステムズ</v>
          </cell>
          <cell r="D3296" t="str">
            <v>078-907-1365</v>
          </cell>
          <cell r="E3296" t="str">
            <v>650-0044</v>
          </cell>
          <cell r="F3296" t="str">
            <v>兵庫県神戸市北区有馬町128-7</v>
          </cell>
          <cell r="G3296" t="str">
            <v>神戸市</v>
          </cell>
          <cell r="H3296" t="str">
            <v/>
          </cell>
          <cell r="I3296" t="str">
            <v>代表取締役　 磯部　道生</v>
          </cell>
          <cell r="J3296" t="str">
            <v>本店</v>
          </cell>
          <cell r="K3296" t="str">
            <v>078-907-2457</v>
          </cell>
          <cell r="L3296" t="str">
            <v>info@raicho.jp</v>
          </cell>
          <cell r="M3296" t="str">
            <v>ﾗｲﾁﾖｳｼｽﾃﾑｽﾞ</v>
          </cell>
          <cell r="N3296" t="str">
            <v>無</v>
          </cell>
          <cell r="O3296">
            <v>22</v>
          </cell>
          <cell r="P3296">
            <v>5</v>
          </cell>
          <cell r="Q3296">
            <v>7140002010596</v>
          </cell>
          <cell r="R3296">
            <v>3000</v>
          </cell>
          <cell r="S3296">
            <v>46035</v>
          </cell>
          <cell r="T3296">
            <v>124098</v>
          </cell>
          <cell r="V3296" t="str">
            <v>qv145062</v>
          </cell>
          <cell r="W3296" t="str">
            <v>ｒw193893</v>
          </cell>
          <cell r="Y3296" t="str">
            <v>48.52.54.55.61.66.80</v>
          </cell>
          <cell r="Z3296">
            <v>48</v>
          </cell>
          <cell r="AA3296" t="str">
            <v/>
          </cell>
          <cell r="AB3296" t="str">
            <v/>
          </cell>
          <cell r="AC3296" t="str">
            <v/>
          </cell>
          <cell r="AD3296" t="str">
            <v/>
          </cell>
          <cell r="AE3296" t="str">
            <v>１；２；プールろ過設備の保守・点検・管理・修繕３；４；</v>
          </cell>
          <cell r="AF3296" t="str">
            <v>１．プールろ過装置の点検・整備・修繕　２．プール施設の設置・改修工事　３．管工事　４．塗装・防水工事　５．設備清掃　６．スポーツ用品</v>
          </cell>
        </row>
        <row r="3297">
          <cell r="B3297">
            <v>12708</v>
          </cell>
          <cell r="C3297" t="str">
            <v>ＮＥＣマグナスコミュニケーションズ(株)</v>
          </cell>
          <cell r="D3297" t="str">
            <v>06-6948-5185</v>
          </cell>
          <cell r="E3297" t="str">
            <v>534-0024</v>
          </cell>
          <cell r="F3297" t="str">
            <v>大阪府大阪市都島区東野田町一丁目7-4</v>
          </cell>
          <cell r="G3297" t="str">
            <v>大阪市</v>
          </cell>
          <cell r="H3297" t="str">
            <v>大阪カスタマーセンター</v>
          </cell>
          <cell r="I3297" t="str">
            <v>センター長 佐々木　大輝</v>
          </cell>
          <cell r="J3297" t="str">
            <v>東京都</v>
          </cell>
          <cell r="K3297" t="str">
            <v>06-6948-5760</v>
          </cell>
          <cell r="L3297" t="str">
            <v/>
          </cell>
          <cell r="M3297" t="str">
            <v>ｴﾇｲｰｼｰﾏｸﾞﾅｽｺﾐｭﾆｹｰｼｮﾝｽﾞ</v>
          </cell>
          <cell r="N3297" t="str">
            <v>有</v>
          </cell>
          <cell r="O3297">
            <v>33</v>
          </cell>
          <cell r="P3297">
            <v>444</v>
          </cell>
          <cell r="Q3297">
            <v>4010401022919</v>
          </cell>
          <cell r="R3297">
            <v>100000</v>
          </cell>
          <cell r="S3297">
            <v>1434608</v>
          </cell>
          <cell r="T3297">
            <v>18639605</v>
          </cell>
          <cell r="V3297" t="str">
            <v>tu103235</v>
          </cell>
          <cell r="W3297" t="str">
            <v>qs161555</v>
          </cell>
          <cell r="Y3297" t="str">
            <v>36，44，48，</v>
          </cell>
          <cell r="Z3297">
            <v>36</v>
          </cell>
          <cell r="AA3297">
            <v>48</v>
          </cell>
          <cell r="AB3297">
            <v>44</v>
          </cell>
          <cell r="AC3297" t="str">
            <v/>
          </cell>
          <cell r="AD3297" t="str">
            <v/>
          </cell>
          <cell r="AE3297" t="str">
            <v>１；券売機、精算機、証明書交付機、ＩＣチャージ機、入退場管理システム、駐輪場管理システム等自社製品の販売２；券売機、精算機、証明書交付機、ＩＣチャージ機、入退場管理システム、駐輪場管理システム等自社製品の保守３；券売機、精算機、証明書交付機、ＩＣチャージ機、入退場管理システム、駐輪場管理システム等自社製品の保守４；</v>
          </cell>
          <cell r="AF3297" t="str">
            <v>券売機、精算機、証明書交付機、ＩＣチャージ機、入退場管理システム、駐輪場管理システム等の販売・保守・リース及び通信機器、電子機器、光通信、センサ等に関連した装置の製造、販売、保守</v>
          </cell>
        </row>
        <row r="3298">
          <cell r="B3298">
            <v>12709</v>
          </cell>
          <cell r="C3298" t="str">
            <v>上林鑿泉工業株式会社(株)</v>
          </cell>
          <cell r="D3298" t="str">
            <v>075-601-8237</v>
          </cell>
          <cell r="E3298" t="str">
            <v>612-8488</v>
          </cell>
          <cell r="F3298" t="str">
            <v>京都府京都市伏見区下鳥羽東柳長町27</v>
          </cell>
          <cell r="G3298" t="str">
            <v>京都市</v>
          </cell>
          <cell r="H3298" t="str">
            <v/>
          </cell>
          <cell r="I3298" t="str">
            <v>代表取締役 上林　正幸</v>
          </cell>
          <cell r="J3298" t="str">
            <v>本店</v>
          </cell>
          <cell r="K3298" t="str">
            <v>075-601-3473</v>
          </cell>
          <cell r="L3298" t="str">
            <v>kanbayasisakusen@eagle.ocn.ne.jp</v>
          </cell>
          <cell r="M3298" t="str">
            <v>ｶﾝﾊﾞﾔｼｻｸｾﾝｺｳｷﾞｮｳ</v>
          </cell>
          <cell r="N3298" t="str">
            <v>無</v>
          </cell>
          <cell r="O3298">
            <v>56</v>
          </cell>
          <cell r="P3298">
            <v>9</v>
          </cell>
          <cell r="Q3298">
            <v>6130001014162</v>
          </cell>
          <cell r="R3298">
            <v>40000</v>
          </cell>
          <cell r="S3298">
            <v>161773</v>
          </cell>
          <cell r="T3298">
            <v>212928</v>
          </cell>
          <cell r="V3298" t="str">
            <v>en154155</v>
          </cell>
          <cell r="W3298" t="str">
            <v>ri188869</v>
          </cell>
          <cell r="Y3298" t="str">
            <v/>
          </cell>
          <cell r="Z3298" t="str">
            <v/>
          </cell>
          <cell r="AA3298" t="str">
            <v/>
          </cell>
          <cell r="AB3298" t="str">
            <v/>
          </cell>
          <cell r="AC3298" t="str">
            <v/>
          </cell>
          <cell r="AD3298" t="str">
            <v/>
          </cell>
          <cell r="AE3298" t="str">
            <v>１；８０その他　井戸設備関連商品・井内テレビカメラ調査２；３；４；</v>
          </cell>
          <cell r="AF3298" t="str">
            <v>さく井工事、井戸ポンプ工事及び関連機器納入、井戸浚渫及び改修工事、井戸設備に関係する配管工事</v>
          </cell>
        </row>
        <row r="3299">
          <cell r="B3299">
            <v>12710</v>
          </cell>
          <cell r="C3299" t="str">
            <v>高千穂商事(株)</v>
          </cell>
          <cell r="D3299" t="str">
            <v>03-6450-1011</v>
          </cell>
          <cell r="E3299" t="str">
            <v>105-0001</v>
          </cell>
          <cell r="F3299" t="str">
            <v>東京都港区虎ﾉ門5-3-20-415</v>
          </cell>
          <cell r="G3299" t="str">
            <v>東京都</v>
          </cell>
          <cell r="H3299" t="str">
            <v/>
          </cell>
          <cell r="I3299" t="str">
            <v>代表取締役 牧野　正明</v>
          </cell>
          <cell r="J3299" t="str">
            <v>本店</v>
          </cell>
          <cell r="K3299" t="str">
            <v>03-6659-5678</v>
          </cell>
          <cell r="L3299" t="str">
            <v>info@takachiho-s.com</v>
          </cell>
          <cell r="M3299" t="str">
            <v>ﾀｶﾁﾎｼｮｳｼﾞ</v>
          </cell>
          <cell r="N3299" t="str">
            <v>無</v>
          </cell>
          <cell r="O3299">
            <v>50</v>
          </cell>
          <cell r="P3299">
            <v>5</v>
          </cell>
          <cell r="Q3299">
            <v>3010401017011</v>
          </cell>
          <cell r="R3299">
            <v>10000</v>
          </cell>
          <cell r="S3299">
            <v>31168</v>
          </cell>
          <cell r="T3299">
            <v>140274</v>
          </cell>
          <cell r="V3299" t="str">
            <v>fl102283</v>
          </cell>
          <cell r="W3299" t="str">
            <v>ll116386</v>
          </cell>
          <cell r="Y3299" t="str">
            <v>73，</v>
          </cell>
          <cell r="Z3299" t="str">
            <v/>
          </cell>
          <cell r="AA3299" t="str">
            <v/>
          </cell>
          <cell r="AB3299" t="str">
            <v/>
          </cell>
          <cell r="AC3299" t="str">
            <v/>
          </cell>
          <cell r="AD3299" t="str">
            <v/>
          </cell>
          <cell r="AE3299" t="str">
            <v>１；改ざん防止用紙の印刷２；３；４；</v>
          </cell>
          <cell r="AF3299" t="str">
            <v>住民票等の改ざん防止用紙の印刷</v>
          </cell>
        </row>
        <row r="3300">
          <cell r="B3300">
            <v>12712</v>
          </cell>
          <cell r="C3300" t="str">
            <v>(株)ファン</v>
          </cell>
          <cell r="D3300" t="str">
            <v>078-806-8228</v>
          </cell>
          <cell r="E3300" t="str">
            <v>657-0028</v>
          </cell>
          <cell r="F3300" t="str">
            <v>兵庫県神戸市灘区森後町3-1-13</v>
          </cell>
          <cell r="G3300" t="str">
            <v>神戸市</v>
          </cell>
          <cell r="H3300" t="str">
            <v/>
          </cell>
          <cell r="I3300" t="str">
            <v>代表取締役 北尾　智</v>
          </cell>
          <cell r="J3300" t="str">
            <v>本店</v>
          </cell>
          <cell r="K3300" t="str">
            <v>078-806-8229</v>
          </cell>
          <cell r="L3300" t="str">
            <v>kitao@fun-co.jo</v>
          </cell>
          <cell r="M3300" t="str">
            <v>ﾌｧﾝ</v>
          </cell>
          <cell r="N3300" t="str">
            <v>無</v>
          </cell>
          <cell r="O3300">
            <v>4</v>
          </cell>
          <cell r="P3300">
            <v>1</v>
          </cell>
          <cell r="Q3300" t="str">
            <v/>
          </cell>
          <cell r="R3300">
            <v>1500</v>
          </cell>
          <cell r="S3300">
            <v>-6018</v>
          </cell>
          <cell r="T3300">
            <v>27635</v>
          </cell>
          <cell r="V3300" t="str">
            <v>cm115945</v>
          </cell>
          <cell r="W3300" t="str">
            <v>zw107700</v>
          </cell>
          <cell r="Y3300" t="str">
            <v>14，15，</v>
          </cell>
          <cell r="Z3300" t="str">
            <v/>
          </cell>
          <cell r="AA3300" t="str">
            <v/>
          </cell>
          <cell r="AB3300" t="str">
            <v/>
          </cell>
          <cell r="AC3300" t="str">
            <v/>
          </cell>
          <cell r="AD3300" t="str">
            <v/>
          </cell>
          <cell r="AE3300" t="str">
            <v>１；２；３；４；</v>
          </cell>
          <cell r="AF3300" t="str">
            <v>主に公立校で使用される拡大プリンター及びラミネーターの消耗品を価格メリットのあるオリジナル品で販売しております。</v>
          </cell>
        </row>
        <row r="3301">
          <cell r="B3301">
            <v>12714</v>
          </cell>
          <cell r="C3301" t="str">
            <v>神戸造園土木(株)</v>
          </cell>
          <cell r="D3301" t="str">
            <v>078-851-0661</v>
          </cell>
          <cell r="E3301" t="str">
            <v>657-0026</v>
          </cell>
          <cell r="F3301" t="str">
            <v>兵庫県神戸市灘区弓木町3-3-15-307号</v>
          </cell>
          <cell r="G3301" t="str">
            <v>神戸市</v>
          </cell>
          <cell r="H3301" t="str">
            <v/>
          </cell>
          <cell r="I3301" t="str">
            <v>代表取締役 筒井　教夫</v>
          </cell>
          <cell r="J3301" t="str">
            <v>本店</v>
          </cell>
          <cell r="K3301" t="str">
            <v>078-851-0662</v>
          </cell>
          <cell r="L3301" t="str">
            <v>landscape@koubezd.co.jp</v>
          </cell>
          <cell r="M3301" t="str">
            <v>ｺｳﾍﾞｿﾞｳｴﾝﾄﾞﾎﾞｸ</v>
          </cell>
          <cell r="N3301" t="str">
            <v>無</v>
          </cell>
          <cell r="O3301">
            <v>32</v>
          </cell>
          <cell r="P3301">
            <v>4</v>
          </cell>
          <cell r="Q3301">
            <v>4140001005559</v>
          </cell>
          <cell r="R3301">
            <v>20000</v>
          </cell>
          <cell r="S3301">
            <v>84405</v>
          </cell>
          <cell r="T3301">
            <v>71966</v>
          </cell>
          <cell r="V3301" t="str">
            <v>gd137096</v>
          </cell>
          <cell r="W3301" t="str">
            <v>qd199699</v>
          </cell>
          <cell r="Y3301" t="str">
            <v>66，</v>
          </cell>
          <cell r="Z3301">
            <v>80</v>
          </cell>
          <cell r="AA3301">
            <v>66</v>
          </cell>
          <cell r="AB3301" t="str">
            <v/>
          </cell>
          <cell r="AC3301" t="str">
            <v/>
          </cell>
          <cell r="AD3301" t="str">
            <v/>
          </cell>
          <cell r="AE3301" t="str">
            <v>１；公園遊具、学校遊具２；看板、掲示板、サイン３；４；</v>
          </cell>
          <cell r="AF3301" t="str">
            <v>「建設工事」公園整備工事を中心に、造園工事、植栽維持管理、グラウンドテニスコート等幅広く施工可能です。「物品」遊具を中心に、公園・学校関連施設用品をひろく扱っております。</v>
          </cell>
        </row>
        <row r="3302">
          <cell r="B3302">
            <v>12715</v>
          </cell>
          <cell r="C3302" t="str">
            <v>平林金属(株)</v>
          </cell>
          <cell r="D3302" t="str">
            <v>086-246-0011</v>
          </cell>
          <cell r="E3302" t="str">
            <v>700-0973</v>
          </cell>
          <cell r="F3302" t="str">
            <v>岡山県岡山市北区下中野347-104</v>
          </cell>
          <cell r="G3302" t="str">
            <v>岡山市</v>
          </cell>
          <cell r="H3302" t="str">
            <v/>
          </cell>
          <cell r="I3302" t="str">
            <v>代表取締役 平林　実</v>
          </cell>
          <cell r="J3302" t="str">
            <v>本店</v>
          </cell>
          <cell r="K3302" t="str">
            <v>086-246-1100</v>
          </cell>
          <cell r="L3302" t="str">
            <v>k-matsueda@hirakin.co.jp</v>
          </cell>
          <cell r="M3302" t="str">
            <v>ﾋﾗﾊﾞﾔｼｷﾝｿﾞｸ</v>
          </cell>
          <cell r="N3302" t="str">
            <v>無</v>
          </cell>
          <cell r="O3302">
            <v>58</v>
          </cell>
          <cell r="P3302">
            <v>322</v>
          </cell>
          <cell r="Q3302">
            <v>8260001005675</v>
          </cell>
          <cell r="R3302">
            <v>99800</v>
          </cell>
          <cell r="S3302">
            <v>8736849</v>
          </cell>
          <cell r="T3302">
            <v>17374569</v>
          </cell>
          <cell r="V3302" t="str">
            <v>os166257</v>
          </cell>
          <cell r="W3302" t="str">
            <v>az113389</v>
          </cell>
          <cell r="Y3302" t="str">
            <v/>
          </cell>
          <cell r="Z3302" t="str">
            <v/>
          </cell>
          <cell r="AA3302" t="str">
            <v/>
          </cell>
          <cell r="AB3302" t="str">
            <v/>
          </cell>
          <cell r="AC3302" t="str">
            <v/>
          </cell>
          <cell r="AD3302" t="str">
            <v/>
          </cell>
          <cell r="AE3302" t="str">
            <v>１；２；３；４；</v>
          </cell>
          <cell r="AF3302" t="str">
            <v>当社は、鉄・非鉄スクラップの買受、産業廃棄物の収集運搬及び処分を主たる業務としています。また、家電４品目の再商品化施設、自動車リサイクル施設も保有しており、さまざまな資源をリサイクルできます。</v>
          </cell>
        </row>
        <row r="3303">
          <cell r="B3303">
            <v>12717</v>
          </cell>
          <cell r="C3303" t="str">
            <v>きんでん関西サービス(株)</v>
          </cell>
          <cell r="D3303" t="str">
            <v>078-272-4480</v>
          </cell>
          <cell r="E3303" t="str">
            <v>651-0083</v>
          </cell>
          <cell r="F3303" t="str">
            <v>兵庫県神戸市中央区浜辺通2-1-30</v>
          </cell>
          <cell r="G3303" t="str">
            <v>神戸市</v>
          </cell>
          <cell r="H3303" t="str">
            <v>神戸支店</v>
          </cell>
          <cell r="I3303" t="str">
            <v>支店長 河村　成吉</v>
          </cell>
          <cell r="J3303" t="str">
            <v>大阪府大阪市</v>
          </cell>
          <cell r="K3303" t="str">
            <v>078-272-4479</v>
          </cell>
          <cell r="L3303" t="str">
            <v>watatani_makiko@kinden.co.jp</v>
          </cell>
          <cell r="M3303" t="str">
            <v>ｷﾝﾃﾞﾝｶﾝｻｲｻｰﾋﾞｽ</v>
          </cell>
          <cell r="N3303" t="str">
            <v>有</v>
          </cell>
          <cell r="O3303">
            <v>47</v>
          </cell>
          <cell r="P3303">
            <v>104</v>
          </cell>
          <cell r="Q3303">
            <v>4120001063237</v>
          </cell>
          <cell r="R3303">
            <v>200000</v>
          </cell>
          <cell r="S3303">
            <v>3593783</v>
          </cell>
          <cell r="T3303">
            <v>3942487</v>
          </cell>
          <cell r="V3303" t="str">
            <v>jf171791</v>
          </cell>
          <cell r="W3303" t="str">
            <v>ut119969</v>
          </cell>
          <cell r="Y3303" t="str">
            <v>34，35，38，47，49，</v>
          </cell>
          <cell r="Z3303">
            <v>47</v>
          </cell>
          <cell r="AA3303">
            <v>49</v>
          </cell>
          <cell r="AB3303" t="str">
            <v/>
          </cell>
          <cell r="AC3303" t="str">
            <v/>
          </cell>
          <cell r="AD3303" t="str">
            <v/>
          </cell>
          <cell r="AE3303" t="str">
            <v>１；２；３；４；</v>
          </cell>
          <cell r="AF3303" t="str">
            <v>電気設備工事・消防施設工事受変電設備及び電気設備の点検・保守管理消防施設の点検・保守管理</v>
          </cell>
        </row>
        <row r="3304">
          <cell r="B3304">
            <v>12718</v>
          </cell>
          <cell r="C3304" t="str">
            <v>ＡＮＥＯＳ(株)</v>
          </cell>
          <cell r="D3304" t="str">
            <v>03-5768-8251</v>
          </cell>
          <cell r="E3304" t="str">
            <v>152-0001</v>
          </cell>
          <cell r="F3304" t="str">
            <v>東京都目黒区中央町1-5-12</v>
          </cell>
          <cell r="G3304" t="str">
            <v/>
          </cell>
          <cell r="H3304" t="str">
            <v/>
          </cell>
          <cell r="I3304" t="str">
            <v>代表取締役 野澤　裕</v>
          </cell>
          <cell r="J3304" t="str">
            <v>本店</v>
          </cell>
          <cell r="K3304" t="str">
            <v>03-5768-8261</v>
          </cell>
          <cell r="L3304" t="str">
            <v>sales@aneos.co.lp</v>
          </cell>
          <cell r="M3304" t="str">
            <v>ﾆﾎﾝｴﾚｸﾄﾘｯｸｲﾝｽﾙﾒﾝﾄ</v>
          </cell>
          <cell r="N3304" t="str">
            <v>無</v>
          </cell>
          <cell r="O3304">
            <v>21</v>
          </cell>
          <cell r="P3304">
            <v>62</v>
          </cell>
          <cell r="Q3304">
            <v>5013201006743</v>
          </cell>
          <cell r="R3304">
            <v>10000</v>
          </cell>
          <cell r="S3304">
            <v>5671773</v>
          </cell>
          <cell r="T3304">
            <v>3291812</v>
          </cell>
          <cell r="V3304" t="str">
            <v>xz161819</v>
          </cell>
          <cell r="W3304" t="str">
            <v>in196311</v>
          </cell>
          <cell r="Y3304" t="str">
            <v>047，36，41，42，44，47，50，58，</v>
          </cell>
          <cell r="Z3304">
            <v>42</v>
          </cell>
          <cell r="AA3304">
            <v>41</v>
          </cell>
          <cell r="AB3304">
            <v>44</v>
          </cell>
          <cell r="AC3304">
            <v>47</v>
          </cell>
          <cell r="AD3304" t="str">
            <v>気象観測クラウドコンピューティングの構築可能</v>
          </cell>
          <cell r="AE3304" t="str">
            <v>１；風向風速計　雨量計　温度計　湿度計　気圧計　気象観測システム　地震計　水位計　データロガー　等２；日射計　日照計　現在天気計　視程計　シーロメータ　酸性雨自動分析システム　等３；気象観測システムの賃貸借４；気象観測システムの保守</v>
          </cell>
          <cell r="AF3304" t="str">
            <v>気象観測機器の専門メーカーとして開発・製造から施工、保守までを一貫して行っております。気象庁をはじめ全国の自治体の消防、防災関連部門に気象観測システムを多数納めております。気象観測のみならず地震の観測、河川の水防監視等にも幅広く対応することが出来ます。</v>
          </cell>
        </row>
        <row r="3305">
          <cell r="B3305">
            <v>12721</v>
          </cell>
          <cell r="C3305" t="str">
            <v>(株)繁信商会</v>
          </cell>
          <cell r="D3305" t="str">
            <v>072-777-5012</v>
          </cell>
          <cell r="E3305" t="str">
            <v>664-0898</v>
          </cell>
          <cell r="F3305" t="str">
            <v>兵庫県伊丹市千僧4-45</v>
          </cell>
          <cell r="G3305" t="str">
            <v>伊丹市</v>
          </cell>
          <cell r="H3305" t="str">
            <v/>
          </cell>
          <cell r="I3305" t="str">
            <v>代表取締役 西村　圭司</v>
          </cell>
          <cell r="J3305" t="str">
            <v>本店</v>
          </cell>
          <cell r="K3305" t="str">
            <v>072-777-5065</v>
          </cell>
          <cell r="L3305" t="str">
            <v>hanshinshokai@outlook.jp</v>
          </cell>
          <cell r="M3305" t="str">
            <v>ﾊﾝｼﾝｼｮｳｶｲ</v>
          </cell>
          <cell r="N3305" t="str">
            <v>無</v>
          </cell>
          <cell r="O3305">
            <v>45</v>
          </cell>
          <cell r="P3305">
            <v>5</v>
          </cell>
          <cell r="Q3305" t="str">
            <v/>
          </cell>
          <cell r="R3305" t="str">
            <v/>
          </cell>
          <cell r="S3305" t="str">
            <v/>
          </cell>
          <cell r="T3305" t="str">
            <v/>
          </cell>
          <cell r="V3305" t="str">
            <v>ec157378</v>
          </cell>
          <cell r="W3305" t="str">
            <v>kq159663</v>
          </cell>
          <cell r="Y3305" t="str">
            <v>54，55，</v>
          </cell>
          <cell r="Z3305" t="str">
            <v/>
          </cell>
          <cell r="AA3305" t="str">
            <v/>
          </cell>
          <cell r="AB3305" t="str">
            <v/>
          </cell>
          <cell r="AC3305" t="str">
            <v/>
          </cell>
          <cell r="AD3305" t="str">
            <v/>
          </cell>
          <cell r="AE3305" t="str">
            <v>１；建物清掃定期日常清掃２；３；４；</v>
          </cell>
          <cell r="AF3305" t="str">
            <v>建築美装・日常定期清掃・高圧洗浄・ハウスクリーニング・プール清掃・エアコン洗浄・ロープブランコゴンドラガラス清掃</v>
          </cell>
        </row>
        <row r="3306">
          <cell r="B3306">
            <v>12723</v>
          </cell>
          <cell r="C3306" t="str">
            <v>ＥＹ新日本有限責任監査法人</v>
          </cell>
          <cell r="D3306" t="str">
            <v>03-3503-1100</v>
          </cell>
          <cell r="E3306" t="str">
            <v>100-0006</v>
          </cell>
          <cell r="F3306" t="str">
            <v>東京都千代田区有楽町一丁目1番2号</v>
          </cell>
          <cell r="G3306" t="str">
            <v>東京都</v>
          </cell>
          <cell r="H3306" t="str">
            <v/>
          </cell>
          <cell r="I3306" t="str">
            <v>業務責任者 坂井　俊介</v>
          </cell>
          <cell r="J3306" t="str">
            <v>東京都</v>
          </cell>
          <cell r="K3306" t="str">
            <v>03-3503-1197</v>
          </cell>
          <cell r="L3306" t="str">
            <v>osakapublic.cbs@jp.ey.com</v>
          </cell>
          <cell r="M3306" t="str">
            <v>ｲｰﾜｲｼﾝﾆﾎﾝﾕｳｹﾞﾝｾｷﾆﾝｶﾝｻﾎｳｼﾞﾝ</v>
          </cell>
          <cell r="N3306" t="str">
            <v>有</v>
          </cell>
          <cell r="O3306">
            <v>18</v>
          </cell>
          <cell r="P3306">
            <v>5459</v>
          </cell>
          <cell r="Q3306">
            <v>1010005005059</v>
          </cell>
          <cell r="R3306">
            <v>1019000</v>
          </cell>
          <cell r="S3306">
            <v>13949000</v>
          </cell>
          <cell r="T3306">
            <v>98941000</v>
          </cell>
          <cell r="V3306" t="str">
            <v>ng187335</v>
          </cell>
          <cell r="W3306" t="str">
            <v>xb183936</v>
          </cell>
          <cell r="Y3306" t="str">
            <v>57，</v>
          </cell>
          <cell r="Z3306">
            <v>80</v>
          </cell>
          <cell r="AA3306">
            <v>57</v>
          </cell>
          <cell r="AB3306" t="str">
            <v/>
          </cell>
          <cell r="AC3306" t="str">
            <v/>
          </cell>
          <cell r="AD3306" t="str">
            <v/>
          </cell>
          <cell r="AE3306" t="str">
            <v>１；財務コンサルティング、監査、研修２；ＩＴコンサルティング　（ＣＩＯ補佐、情報セキュリティー監査）３；４；</v>
          </cell>
          <cell r="AF3306" t="str">
            <v>監査法人という専門性、独立性に優れた強みを生かし、財務並びにＩＴコンサルティング、監査（情報セキュリティー監査含む）及び研修業務等を提供させて頂きます。</v>
          </cell>
        </row>
        <row r="3307">
          <cell r="B3307">
            <v>12724</v>
          </cell>
          <cell r="C3307" t="str">
            <v>(有)北摂ユニホーム</v>
          </cell>
          <cell r="D3307" t="str">
            <v>072-779-2003</v>
          </cell>
          <cell r="E3307" t="str">
            <v>664-0008</v>
          </cell>
          <cell r="F3307" t="str">
            <v>兵庫県伊丹市荒牧南2-18-2</v>
          </cell>
          <cell r="G3307" t="str">
            <v>伊丹市</v>
          </cell>
          <cell r="H3307" t="str">
            <v/>
          </cell>
          <cell r="I3307" t="str">
            <v>代表取締役 上岡　祥晃</v>
          </cell>
          <cell r="J3307" t="str">
            <v>本店</v>
          </cell>
          <cell r="K3307" t="str">
            <v>0797-87-8281</v>
          </cell>
          <cell r="L3307" t="str">
            <v>hokusetsu-uni@aqua.plala.or.jp</v>
          </cell>
          <cell r="M3307" t="str">
            <v>ﾎｸｾﾂﾕﾆﾎｰﾑ</v>
          </cell>
          <cell r="N3307" t="str">
            <v>無</v>
          </cell>
          <cell r="O3307">
            <v>23</v>
          </cell>
          <cell r="P3307">
            <v>5</v>
          </cell>
          <cell r="Q3307">
            <v>6140002063991</v>
          </cell>
          <cell r="R3307">
            <v>300</v>
          </cell>
          <cell r="S3307">
            <v>300</v>
          </cell>
          <cell r="T3307">
            <v>136000</v>
          </cell>
          <cell r="V3307" t="str">
            <v>rx168502</v>
          </cell>
          <cell r="W3307" t="str">
            <v>ab111293</v>
          </cell>
          <cell r="Y3307" t="str">
            <v>03，07，20，</v>
          </cell>
          <cell r="Z3307">
            <v>20</v>
          </cell>
          <cell r="AA3307">
            <v>3</v>
          </cell>
          <cell r="AB3307">
            <v>7</v>
          </cell>
          <cell r="AC3307" t="str">
            <v/>
          </cell>
          <cell r="AD3307" t="str">
            <v/>
          </cell>
          <cell r="AE3307" t="str">
            <v>１；２；３；４；</v>
          </cell>
          <cell r="AF3307" t="str">
            <v>スポーツウェア・用品を扱っています。プリント・刺繍等、オリジナルの加工も承ります。</v>
          </cell>
        </row>
        <row r="3308">
          <cell r="B3308">
            <v>12726</v>
          </cell>
          <cell r="C3308" t="str">
            <v>(株)長大</v>
          </cell>
          <cell r="D3308" t="str">
            <v>078-251-1366</v>
          </cell>
          <cell r="E3308" t="str">
            <v>651-0088</v>
          </cell>
          <cell r="F3308" t="str">
            <v>兵庫県神戸市中央区小野柄通5-1-27</v>
          </cell>
          <cell r="G3308" t="str">
            <v>神戸市</v>
          </cell>
          <cell r="H3308" t="str">
            <v>神戸支店</v>
          </cell>
          <cell r="I3308" t="str">
            <v>支店長 藤原　靖男</v>
          </cell>
          <cell r="J3308" t="str">
            <v>東京都</v>
          </cell>
          <cell r="K3308" t="str">
            <v>078-251-1367</v>
          </cell>
          <cell r="L3308" t="str">
            <v>nyuusatsu-os@chodai.co.jp</v>
          </cell>
          <cell r="M3308" t="str">
            <v>ﾁｮｳﾀﾞｲ</v>
          </cell>
          <cell r="N3308" t="str">
            <v>有</v>
          </cell>
          <cell r="O3308">
            <v>50</v>
          </cell>
          <cell r="P3308">
            <v>745</v>
          </cell>
          <cell r="Q3308">
            <v>5010001050435</v>
          </cell>
          <cell r="R3308">
            <v>3107500</v>
          </cell>
          <cell r="S3308">
            <v>9384262</v>
          </cell>
          <cell r="T3308">
            <v>13811336</v>
          </cell>
          <cell r="V3308" t="str">
            <v>wd155606</v>
          </cell>
          <cell r="W3308" t="str">
            <v>ez133333</v>
          </cell>
          <cell r="Y3308" t="str">
            <v>057，57，58，77，</v>
          </cell>
          <cell r="Z3308">
            <v>80</v>
          </cell>
          <cell r="AA3308">
            <v>77</v>
          </cell>
          <cell r="AB3308">
            <v>58</v>
          </cell>
          <cell r="AC3308">
            <v>57</v>
          </cell>
          <cell r="AD3308" t="str">
            <v/>
          </cell>
          <cell r="AE3308" t="str">
            <v>１；ＰＦＩ・ＰＰＰ事業における導入可能性調査業務およびアドバイザリー業務２；まちづくり計画・地域公共交通計画に伴うアンケート調査など３；土木関係コンサルタント業務に関連するシステム開発・保守４；土木関係コンサルタント業務に関連する情報処理・データ入力</v>
          </cell>
          <cell r="AF3308" t="str">
            <v>長大橋梁及び一般橋梁の新設計画・補修補強計画、特殊構造物計画・設計、道路計画、交通計画、環境アセスメント、都市計画及び地方計画、情報システム開発、建築設計、ＰＦＩ・ＰＰＰアドバイザリー、交通量調査、環境調査など。</v>
          </cell>
        </row>
        <row r="3309">
          <cell r="B3309">
            <v>12728</v>
          </cell>
          <cell r="C3309" t="str">
            <v>(株)アイ・エス・エス</v>
          </cell>
          <cell r="D3309" t="str">
            <v>072-760-0010</v>
          </cell>
          <cell r="E3309" t="str">
            <v>563-0023</v>
          </cell>
          <cell r="F3309" t="str">
            <v>大阪府池田市井口堂1-10-27</v>
          </cell>
          <cell r="G3309" t="str">
            <v>池田市</v>
          </cell>
          <cell r="H3309" t="str">
            <v/>
          </cell>
          <cell r="I3309" t="str">
            <v>代表取締役 中野　和也</v>
          </cell>
          <cell r="J3309" t="str">
            <v>本店</v>
          </cell>
          <cell r="K3309" t="str">
            <v>072-760-0100</v>
          </cell>
          <cell r="L3309" t="str">
            <v>iss.honsya@gmail.com</v>
          </cell>
          <cell r="M3309" t="str">
            <v>ｱｲｴｽｴｽ</v>
          </cell>
          <cell r="N3309" t="str">
            <v>無</v>
          </cell>
          <cell r="O3309">
            <v>30</v>
          </cell>
          <cell r="P3309">
            <v>10</v>
          </cell>
          <cell r="Q3309">
            <v>1120901019332</v>
          </cell>
          <cell r="R3309">
            <v>10000</v>
          </cell>
          <cell r="S3309">
            <v>34100</v>
          </cell>
          <cell r="T3309">
            <v>119000</v>
          </cell>
          <cell r="V3309" t="str">
            <v>oi166419</v>
          </cell>
          <cell r="W3309" t="str">
            <v>dq139895</v>
          </cell>
          <cell r="Y3309" t="str">
            <v>63，</v>
          </cell>
          <cell r="Z3309">
            <v>80</v>
          </cell>
          <cell r="AA3309">
            <v>63</v>
          </cell>
          <cell r="AB3309" t="str">
            <v/>
          </cell>
          <cell r="AC3309" t="str">
            <v/>
          </cell>
          <cell r="AD3309" t="str">
            <v/>
          </cell>
          <cell r="AE3309" t="str">
            <v>１；イベント・催しの音響・照明機材操作、舞台設営、備品貸し出し。その催しに関連する看板・幕・パネル等の製作など。植樹式、除幕式等の備品（ショベル、テープカット、ハサミなど）２；町内のおまつり、コンサートなどの舞台設営　及び音響・照明の操作３；４；</v>
          </cell>
          <cell r="AF3309" t="str">
            <v>池田市民文化会館及び、箕面市の２つの会館のホール専属業者として舞台・照明・音響等の業務を受託。北摂での各種イベント・催事の業務全般を行う。大型テーマパークの音響・照明専属業者契約。主に音響・照明機器の操作が得意だが、舞台機材・備品等の物品貸出や販売代行提案見積も。</v>
          </cell>
        </row>
        <row r="3310">
          <cell r="B3310">
            <v>12729</v>
          </cell>
          <cell r="C3310" t="str">
            <v>エムジェイワン(株)</v>
          </cell>
          <cell r="D3310" t="str">
            <v>072-744-0926</v>
          </cell>
          <cell r="E3310" t="str">
            <v>664-0027</v>
          </cell>
          <cell r="F3310" t="str">
            <v>兵庫県伊丹市池尻1-118</v>
          </cell>
          <cell r="G3310" t="str">
            <v>伊丹市</v>
          </cell>
          <cell r="H3310" t="str">
            <v/>
          </cell>
          <cell r="I3310" t="str">
            <v>代表取締役 元山　義博</v>
          </cell>
          <cell r="J3310" t="str">
            <v>本店</v>
          </cell>
          <cell r="K3310" t="str">
            <v>072-781-2885</v>
          </cell>
          <cell r="L3310" t="str">
            <v>go8989@salsa.ocn.ne.jp</v>
          </cell>
          <cell r="M3310" t="str">
            <v>ｴﾑｼﾞｪｲﾜﾝｽﾎﾟｰﾂﾊﾝﾊﾞｲ</v>
          </cell>
          <cell r="N3310" t="str">
            <v>無</v>
          </cell>
          <cell r="O3310">
            <v>1</v>
          </cell>
          <cell r="P3310">
            <v>5</v>
          </cell>
          <cell r="Q3310">
            <v>6140001098568</v>
          </cell>
          <cell r="R3310">
            <v>5000</v>
          </cell>
          <cell r="S3310">
            <v>7225</v>
          </cell>
          <cell r="T3310">
            <v>171824</v>
          </cell>
          <cell r="V3310" t="str">
            <v>ml167227</v>
          </cell>
          <cell r="W3310" t="str">
            <v>uu119639</v>
          </cell>
          <cell r="Y3310" t="str">
            <v>022，20，22，54，55，</v>
          </cell>
          <cell r="Z3310">
            <v>20</v>
          </cell>
          <cell r="AA3310">
            <v>55</v>
          </cell>
          <cell r="AB3310">
            <v>54</v>
          </cell>
          <cell r="AC3310">
            <v>22</v>
          </cell>
          <cell r="AD3310" t="str">
            <v>プールの維持管理</v>
          </cell>
          <cell r="AE3310" t="str">
            <v>１；野球用品、ネットフェンス、運動用品全般、各種運動機器２；河川清掃、溝清掃、公園清掃３；４；</v>
          </cell>
          <cell r="AF3310" t="str">
            <v>グラウンドの施工、メンテナンス工事、年間維持管理業務。プール改修工事。消防施設工事。野球用品、体育用品販売。体育服・ユニフォーム、ノベルティグッズ等の企画販売。</v>
          </cell>
        </row>
        <row r="3311">
          <cell r="B3311">
            <v>12730</v>
          </cell>
          <cell r="C3311" t="str">
            <v>(株)ｌｉｎｋｗｏｒｋｓ</v>
          </cell>
          <cell r="D3311" t="str">
            <v>078-327-6033</v>
          </cell>
          <cell r="E3311" t="str">
            <v>650-0034</v>
          </cell>
          <cell r="F3311" t="str">
            <v>兵庫県神戸市中央区京町79番地</v>
          </cell>
          <cell r="G3311" t="str">
            <v>神戸市</v>
          </cell>
          <cell r="H3311" t="str">
            <v/>
          </cell>
          <cell r="I3311" t="str">
            <v>代表取締役 廣瀬　琢也</v>
          </cell>
          <cell r="J3311" t="str">
            <v>本店</v>
          </cell>
          <cell r="K3311" t="str">
            <v>078-327-6034</v>
          </cell>
          <cell r="L3311" t="str">
            <v>nyusatsu@linkworks.co.jp</v>
          </cell>
          <cell r="M3311" t="str">
            <v>ﾘﾝｸﾜｰｸｽ</v>
          </cell>
          <cell r="N3311" t="str">
            <v>無</v>
          </cell>
          <cell r="O3311">
            <v>14</v>
          </cell>
          <cell r="P3311">
            <v>416</v>
          </cell>
          <cell r="Q3311">
            <v>4140001027553</v>
          </cell>
          <cell r="R3311">
            <v>16000</v>
          </cell>
          <cell r="S3311">
            <v>26540</v>
          </cell>
          <cell r="T3311">
            <v>1950642</v>
          </cell>
          <cell r="V3311" t="str">
            <v>co187206</v>
          </cell>
          <cell r="W3311" t="str">
            <v>li199399</v>
          </cell>
          <cell r="Y3311" t="str">
            <v/>
          </cell>
          <cell r="Z3311" t="str">
            <v/>
          </cell>
          <cell r="AA3311" t="str">
            <v/>
          </cell>
          <cell r="AB3311" t="str">
            <v/>
          </cell>
          <cell r="AC3311" t="str">
            <v/>
          </cell>
          <cell r="AD3311" t="str">
            <v/>
          </cell>
          <cell r="AE3311" t="str">
            <v>１；スポーツ施設の運営管理屋内プール、屋外プール、フィットネスジム、スタジオにおける運動指導等も含む２；野外活動施設の運営管理プログラムに限らず、宿泊、食事を伴う施設内容３；高齢者向け運動プログラムの提供障がい者向け運動プログラムの提供４；</v>
          </cell>
          <cell r="AF3311" t="str">
            <v>スポーツ施設、野外活動施設の運営管理。</v>
          </cell>
        </row>
        <row r="3312">
          <cell r="B3312">
            <v>12731</v>
          </cell>
          <cell r="C3312" t="str">
            <v>(株)シビルロード</v>
          </cell>
          <cell r="D3312" t="str">
            <v>078-861-9006</v>
          </cell>
          <cell r="E3312" t="str">
            <v>530-0005</v>
          </cell>
          <cell r="F3312" t="str">
            <v>兵庫県神戸市灘区灘南通4丁目3番27号</v>
          </cell>
          <cell r="G3312" t="str">
            <v>神戸市</v>
          </cell>
          <cell r="H3312" t="str">
            <v/>
          </cell>
          <cell r="I3312" t="str">
            <v>代表取締役　 石田　健志</v>
          </cell>
          <cell r="J3312" t="str">
            <v>本店</v>
          </cell>
          <cell r="K3312" t="str">
            <v>078-861-9007</v>
          </cell>
          <cell r="L3312" t="str">
            <v>qqhr7ak9k@aqua.ocn.ne.jp</v>
          </cell>
          <cell r="M3312" t="str">
            <v>ｼﾋﾞﾙﾛ-ﾄﾞ</v>
          </cell>
          <cell r="N3312" t="str">
            <v>無</v>
          </cell>
          <cell r="O3312">
            <v>4</v>
          </cell>
          <cell r="P3312">
            <v>8</v>
          </cell>
          <cell r="Q3312">
            <v>2140000000000</v>
          </cell>
          <cell r="R3312">
            <v>3000</v>
          </cell>
          <cell r="S3312">
            <v>-5941</v>
          </cell>
          <cell r="T3312">
            <v>80787</v>
          </cell>
          <cell r="V3312" t="str">
            <v>yc168295</v>
          </cell>
          <cell r="W3312" t="str">
            <v>vj193339</v>
          </cell>
          <cell r="Y3312" t="str">
            <v>53.55.66.68</v>
          </cell>
          <cell r="Z3312">
            <v>55</v>
          </cell>
          <cell r="AA3312">
            <v>53</v>
          </cell>
          <cell r="AB3312">
            <v>68</v>
          </cell>
          <cell r="AC3312">
            <v>66</v>
          </cell>
          <cell r="AD3312" t="str">
            <v/>
          </cell>
          <cell r="AE3312" t="str">
            <v>１；２；路面清掃車・散水車・ダンプトラック３；ダンプトラック４；産業廃棄物収集運搬許可</v>
          </cell>
          <cell r="AF3312" t="str">
            <v>道路附属物復旧工事・清掃業務・交通安全施設・舗装工事・その他一般土木工事の業務をしております。</v>
          </cell>
        </row>
        <row r="3313">
          <cell r="B3313">
            <v>12733</v>
          </cell>
          <cell r="C3313" t="str">
            <v>(株)エイリン</v>
          </cell>
          <cell r="D3313" t="str">
            <v>075-381-5205</v>
          </cell>
          <cell r="E3313" t="str">
            <v>615-8012</v>
          </cell>
          <cell r="F3313" t="str">
            <v>京都府京都市西京区桂後水町1ｰ1</v>
          </cell>
          <cell r="G3313" t="str">
            <v>京都市</v>
          </cell>
          <cell r="H3313" t="str">
            <v/>
          </cell>
          <cell r="I3313" t="str">
            <v>代表取締役 中村　栄彦</v>
          </cell>
          <cell r="J3313" t="str">
            <v>本店</v>
          </cell>
          <cell r="K3313" t="str">
            <v>075-381-4465</v>
          </cell>
          <cell r="L3313" t="str">
            <v>s-mori@cycle-eirin.com</v>
          </cell>
          <cell r="M3313" t="str">
            <v>ｴｲﾘﾝ</v>
          </cell>
          <cell r="N3313" t="str">
            <v>無</v>
          </cell>
          <cell r="O3313">
            <v>19</v>
          </cell>
          <cell r="P3313">
            <v>47</v>
          </cell>
          <cell r="Q3313">
            <v>1130002018150</v>
          </cell>
          <cell r="R3313">
            <v>3000</v>
          </cell>
          <cell r="S3313">
            <v>-31857</v>
          </cell>
          <cell r="T3313">
            <v>492150</v>
          </cell>
          <cell r="V3313" t="str">
            <v>nh124050</v>
          </cell>
          <cell r="W3313" t="str">
            <v>qg169800</v>
          </cell>
          <cell r="Y3313" t="str">
            <v>25，68，</v>
          </cell>
          <cell r="Z3313">
            <v>25</v>
          </cell>
          <cell r="AA3313">
            <v>68</v>
          </cell>
          <cell r="AB3313" t="str">
            <v/>
          </cell>
          <cell r="AC3313" t="str">
            <v/>
          </cell>
          <cell r="AD3313" t="str">
            <v/>
          </cell>
          <cell r="AE3313" t="str">
            <v>１；古物商許可証・京都府自転車防犯登録登録所之証２；産業廃棄物収集運搬業許可証３；４；</v>
          </cell>
          <cell r="AF3313" t="str">
            <v>弊社は、在籍する２０名以上の自転車安全整備士が中古自転車を再生（リサイクル）し、自店舗での店頭販売、通信販売、海外輸出（仲介）、自転車買取事業などを行っております。お客様のライフスタイルに沿った自転車をご提案し、街の環境美化に協力したりも含め、社会貢献を目指しています。</v>
          </cell>
        </row>
        <row r="3314">
          <cell r="B3314">
            <v>12734</v>
          </cell>
          <cell r="C3314" t="str">
            <v>(株)日本都市計画研究所</v>
          </cell>
          <cell r="D3314" t="str">
            <v>075-712-1984</v>
          </cell>
          <cell r="E3314" t="str">
            <v>606-0805</v>
          </cell>
          <cell r="F3314" t="str">
            <v>京都府京都市左京区下鴨森本町25-1</v>
          </cell>
          <cell r="G3314" t="str">
            <v>京都市</v>
          </cell>
          <cell r="H3314" t="str">
            <v/>
          </cell>
          <cell r="I3314" t="str">
            <v>代表取締役 岩溪　達朗</v>
          </cell>
          <cell r="J3314" t="str">
            <v>本店</v>
          </cell>
          <cell r="K3314" t="str">
            <v>075-712-1903</v>
          </cell>
          <cell r="L3314" t="str">
            <v>bid@nittoken.com</v>
          </cell>
          <cell r="M3314" t="str">
            <v>ﾆﾎﾝﾄｼｹｲｶｸｹﾝｷｭｳｼｮ</v>
          </cell>
          <cell r="N3314" t="str">
            <v>無</v>
          </cell>
          <cell r="O3314">
            <v>32</v>
          </cell>
          <cell r="P3314">
            <v>10</v>
          </cell>
          <cell r="Q3314">
            <v>8130001007767</v>
          </cell>
          <cell r="R3314">
            <v>10000</v>
          </cell>
          <cell r="S3314">
            <v>-41841</v>
          </cell>
          <cell r="T3314">
            <v>42263</v>
          </cell>
          <cell r="V3314" t="str">
            <v>ea118110</v>
          </cell>
          <cell r="W3314" t="str">
            <v>gf153998</v>
          </cell>
          <cell r="Y3314" t="str">
            <v>77，</v>
          </cell>
          <cell r="Z3314">
            <v>80</v>
          </cell>
          <cell r="AA3314">
            <v>77</v>
          </cell>
          <cell r="AB3314" t="str">
            <v/>
          </cell>
          <cell r="AC3314" t="str">
            <v/>
          </cell>
          <cell r="AD3314" t="str">
            <v/>
          </cell>
          <cell r="AE3314" t="str">
            <v>１；総合計画、総合戦略、人口ビジョン、地域福祉計画、介護保険事業計画、障害者計画、子ども・子育て支援事業計画、保健福祉関連計画、産業振興関連計画、教育振興計画等の策定支援業務２；住民アンケート調査、ニーズ調査、企業立地意向調査等の調査・集計・分析業務３；４；</v>
          </cell>
          <cell r="AF3314" t="str">
            <v>弊社は、総合計画、総合戦略、人口ビジョン、地域福祉計画、介護保険事業計画、障害者計画、子ども・子育て支援事業計画、保健福祉関連計画、産業振興関連計画、教育振興計画等の策定支援および住民アンケート調査、ニーズ調査、企業立地意向調査等の調査・集計・分析を行っています。</v>
          </cell>
        </row>
        <row r="3315">
          <cell r="B3315">
            <v>12735</v>
          </cell>
          <cell r="C3315" t="str">
            <v>(株)パトナ</v>
          </cell>
          <cell r="D3315" t="str">
            <v>072-770-6210</v>
          </cell>
          <cell r="E3315" t="str">
            <v>664-0858</v>
          </cell>
          <cell r="F3315" t="str">
            <v>兵庫県伊丹市西台3-4-10-301</v>
          </cell>
          <cell r="G3315" t="str">
            <v>伊丹市</v>
          </cell>
          <cell r="H3315" t="str">
            <v/>
          </cell>
          <cell r="I3315" t="str">
            <v>代表取締役 出島　一志</v>
          </cell>
          <cell r="J3315" t="str">
            <v>本店</v>
          </cell>
          <cell r="K3315" t="str">
            <v>072-764-6766</v>
          </cell>
          <cell r="L3315" t="str">
            <v>patona.dezy@gmail.com</v>
          </cell>
          <cell r="M3315" t="str">
            <v>ﾊﾟﾄﾅ</v>
          </cell>
          <cell r="N3315" t="str">
            <v>無</v>
          </cell>
          <cell r="O3315">
            <v>10</v>
          </cell>
          <cell r="P3315">
            <v>4</v>
          </cell>
          <cell r="Q3315">
            <v>1140001083145</v>
          </cell>
          <cell r="R3315">
            <v>5000</v>
          </cell>
          <cell r="S3315">
            <v>12000</v>
          </cell>
          <cell r="T3315">
            <v>45000</v>
          </cell>
          <cell r="V3315" t="str">
            <v>sf140237</v>
          </cell>
          <cell r="W3315" t="str">
            <v>ev191916</v>
          </cell>
          <cell r="Y3315" t="str">
            <v>016，16，63，65，66，73，74，76，</v>
          </cell>
          <cell r="Z3315">
            <v>66</v>
          </cell>
          <cell r="AA3315">
            <v>73</v>
          </cell>
          <cell r="AB3315">
            <v>74</v>
          </cell>
          <cell r="AC3315">
            <v>16</v>
          </cell>
          <cell r="AD3315" t="str">
            <v/>
          </cell>
          <cell r="AE3315" t="str">
            <v>１；トタンやプレートのパネルサインからＬＥＤ等の電飾サイン、標識等の焼きつけ塗装、サイン、カッティングシート全般を主として、デザイン作成から施工まで請け負うことができます。２；名刺や各種封筒からチラシ、ポスター、冊子まで経験豊富なスタッフが丁寧な打ち合わせの上、デザインから対応いたします。３；用途に応じた各種伝票や圧着ハガキ等もサンプルなどご確認いただきながら、打合せから作成、印刷まで可能です。４；選挙用品の各種ツールの作成をいたします。屋外用ポスターから、掲示板の製作、設置、その他時代と共に多様化するツールのご提案から製作まで請け負うことができます。</v>
          </cell>
          <cell r="AF3315" t="str">
            <v>チラシ・ポスター等紙物印刷、電飾・パネル等看板事業全般をデザインから製作施工までを請け負うことができます。</v>
          </cell>
        </row>
        <row r="3316">
          <cell r="B3316">
            <v>12736</v>
          </cell>
          <cell r="C3316" t="str">
            <v>株式会社中尾酸素</v>
          </cell>
          <cell r="D3316" t="str">
            <v>0737-83-0001</v>
          </cell>
          <cell r="E3316" t="str">
            <v>649-0313</v>
          </cell>
          <cell r="F3316" t="str">
            <v>和歌山県有田市千田字左近483の2</v>
          </cell>
          <cell r="G3316" t="str">
            <v>有田市</v>
          </cell>
          <cell r="H3316" t="str">
            <v/>
          </cell>
          <cell r="I3316" t="str">
            <v>代表取締役　 中尾　浩章</v>
          </cell>
          <cell r="J3316" t="str">
            <v>本店</v>
          </cell>
          <cell r="K3316" t="str">
            <v>0737-83-0003</v>
          </cell>
          <cell r="L3316" t="str">
            <v>shimamoto@nakaosanso.co.jp</v>
          </cell>
          <cell r="M3316" t="str">
            <v>ｶﾌﾞｼｷｶﾞｲｼﾔﾅｶｵｻﾝｿ</v>
          </cell>
          <cell r="N3316" t="str">
            <v>無</v>
          </cell>
          <cell r="O3316">
            <v>80</v>
          </cell>
          <cell r="P3316">
            <v>24</v>
          </cell>
          <cell r="Q3316">
            <v>1170000000000</v>
          </cell>
          <cell r="R3316">
            <v>10000</v>
          </cell>
          <cell r="S3316">
            <v>10000</v>
          </cell>
          <cell r="T3316" t="str">
            <v/>
          </cell>
          <cell r="V3316" t="str">
            <v>yx162712</v>
          </cell>
          <cell r="W3316" t="str">
            <v>fd193393</v>
          </cell>
          <cell r="Y3316">
            <v>38</v>
          </cell>
          <cell r="Z3316">
            <v>38</v>
          </cell>
          <cell r="AA3316" t="str">
            <v/>
          </cell>
          <cell r="AB3316" t="str">
            <v/>
          </cell>
          <cell r="AC3316" t="str">
            <v/>
          </cell>
          <cell r="AD3316" t="str">
            <v/>
          </cell>
          <cell r="AE3316" t="str">
            <v>１；２；消防署で使用する高圧ガスボンベの検査及び充填３；４；</v>
          </cell>
          <cell r="AF3316" t="str">
            <v>高圧ガスの・販売において各業種のお客様に広く販売しております。又高圧ガスボンベの耐圧検査においても各消防署様及びコンビナート会社様の検査をしております。</v>
          </cell>
        </row>
        <row r="3317">
          <cell r="B3317">
            <v>12737</v>
          </cell>
          <cell r="C3317" t="str">
            <v>中央復建コンサルタンツ(株)</v>
          </cell>
          <cell r="D3317" t="str">
            <v>078-230-8200</v>
          </cell>
          <cell r="E3317" t="str">
            <v>651-0087</v>
          </cell>
          <cell r="F3317" t="str">
            <v>兵庫県神戸市中央区御幸通6-1-10</v>
          </cell>
          <cell r="G3317" t="str">
            <v>神戸市</v>
          </cell>
          <cell r="H3317" t="str">
            <v>神戸支社</v>
          </cell>
          <cell r="I3317" t="str">
            <v>支社長 石橋　裕之</v>
          </cell>
          <cell r="J3317" t="str">
            <v>大阪府大阪市</v>
          </cell>
          <cell r="K3317" t="str">
            <v>078-230-8202</v>
          </cell>
          <cell r="L3317" t="str">
            <v>kobe_eigyo@cfk.co.jp</v>
          </cell>
          <cell r="M3317" t="str">
            <v>ﾁｭｳｵｳﾌｯｹﾝｺﾝｻﾙﾀﾝﾂ</v>
          </cell>
          <cell r="N3317" t="str">
            <v>有</v>
          </cell>
          <cell r="O3317">
            <v>72</v>
          </cell>
          <cell r="P3317">
            <v>465</v>
          </cell>
          <cell r="Q3317">
            <v>3120001056860</v>
          </cell>
          <cell r="R3317">
            <v>306000</v>
          </cell>
          <cell r="S3317">
            <v>5550342</v>
          </cell>
          <cell r="T3317">
            <v>8041753</v>
          </cell>
          <cell r="V3317" t="str">
            <v>iz176396</v>
          </cell>
          <cell r="W3317" t="str">
            <v>na193319</v>
          </cell>
          <cell r="Y3317" t="str">
            <v>72，77，</v>
          </cell>
          <cell r="Z3317">
            <v>77</v>
          </cell>
          <cell r="AA3317">
            <v>72</v>
          </cell>
          <cell r="AB3317" t="str">
            <v/>
          </cell>
          <cell r="AC3317" t="str">
            <v/>
          </cell>
          <cell r="AD3317" t="str">
            <v/>
          </cell>
          <cell r="AE3317" t="str">
            <v>１；鹿児島市：鹿児島市公共交通ビジョン改定に係る調査検討業務委託２；神戸製鋼所：１７Ａ期末棚卸原料ヤード鉱石、発生品等測量作業３；４；</v>
          </cell>
          <cell r="AF3317" t="str">
            <v>総合的な視野に立って、あらゆる見地より技術的判断を下し、計画、調査、設計、管理などソフトからハードまでの一貫した業務遂行体制を身上としているゼネラルコンサルタントである。</v>
          </cell>
        </row>
        <row r="3318">
          <cell r="B3318">
            <v>12738</v>
          </cell>
          <cell r="C3318" t="str">
            <v>(株)ボーネルンド</v>
          </cell>
          <cell r="D3318" t="str">
            <v>06-6244-0131</v>
          </cell>
          <cell r="E3318" t="str">
            <v>542-0083</v>
          </cell>
          <cell r="F3318" t="str">
            <v>大阪府大阪市中央区東心斎橋1-16-29</v>
          </cell>
          <cell r="G3318" t="str">
            <v>大阪市</v>
          </cell>
          <cell r="H3318" t="str">
            <v>大阪営業所</v>
          </cell>
          <cell r="I3318" t="str">
            <v>営業所長 池田　健二</v>
          </cell>
          <cell r="J3318" t="str">
            <v>東京都</v>
          </cell>
          <cell r="K3318" t="str">
            <v>06-6244-0504</v>
          </cell>
          <cell r="L3318" t="str">
            <v>y-koike@bornelund.co.jp</v>
          </cell>
          <cell r="M3318" t="str">
            <v>ﾎﾞｰﾈﾙﾝﾄﾞ</v>
          </cell>
          <cell r="N3318" t="str">
            <v>有</v>
          </cell>
          <cell r="O3318">
            <v>37</v>
          </cell>
          <cell r="P3318">
            <v>533</v>
          </cell>
          <cell r="Q3318">
            <v>3011001036624</v>
          </cell>
          <cell r="R3318">
            <v>177590</v>
          </cell>
          <cell r="S3318">
            <v>1059531</v>
          </cell>
          <cell r="T3318">
            <v>6200909</v>
          </cell>
          <cell r="V3318" t="str">
            <v>or107007</v>
          </cell>
          <cell r="W3318" t="str">
            <v>xl195133</v>
          </cell>
          <cell r="Y3318" t="str">
            <v>027，12，17，20，27，63，</v>
          </cell>
          <cell r="Z3318">
            <v>17</v>
          </cell>
          <cell r="AA3318">
            <v>20</v>
          </cell>
          <cell r="AB3318">
            <v>12</v>
          </cell>
          <cell r="AC3318">
            <v>27</v>
          </cell>
          <cell r="AD3318" t="str">
            <v>公園遊具。コンパン社、ジクホルツ社</v>
          </cell>
          <cell r="AE3318" t="str">
            <v>１；ジムワールド社（マグフォーマー）、ガルトトーイ社、ジク社、ジョイトーイ社、シギキッド社２；運動用品等。サイバーホイール、ウィンザー社（乗用遊具）、エアトラックファクトリー社、コールド社、ボリー社、イマジネーションプレイグラウンド社３；知育玩具等。ジェグロ社、ナターン社、オーチャードトイ社４；保育室用家具等。ベカ社</v>
          </cell>
          <cell r="AF3318" t="str">
            <v>教育玩具、育児用具、教具・大型遊具、家具などの輸入・開発および販売</v>
          </cell>
        </row>
        <row r="3319">
          <cell r="B3319">
            <v>12739</v>
          </cell>
          <cell r="C3319" t="str">
            <v>(株)エイジェック</v>
          </cell>
          <cell r="D3319" t="str">
            <v>06-6371-5400</v>
          </cell>
          <cell r="E3319" t="str">
            <v>530-0011</v>
          </cell>
          <cell r="F3319" t="str">
            <v>大阪府大阪市北区大深町3-1</v>
          </cell>
          <cell r="G3319" t="str">
            <v>大阪市</v>
          </cell>
          <cell r="H3319" t="str">
            <v>大阪オフィス</v>
          </cell>
          <cell r="I3319" t="str">
            <v>統括本部長 平井　真次</v>
          </cell>
          <cell r="J3319" t="str">
            <v>東京都</v>
          </cell>
          <cell r="K3319" t="str">
            <v>06-6371-5401</v>
          </cell>
          <cell r="L3319" t="str">
            <v>t_sasaki@agekke.co.jp</v>
          </cell>
          <cell r="M3319" t="str">
            <v>ｴｲｼﾞｪｯｸ</v>
          </cell>
          <cell r="N3319" t="str">
            <v>有</v>
          </cell>
          <cell r="O3319">
            <v>17</v>
          </cell>
          <cell r="P3319">
            <v>12591</v>
          </cell>
          <cell r="Q3319">
            <v>3011101036128</v>
          </cell>
          <cell r="R3319">
            <v>10000</v>
          </cell>
          <cell r="S3319">
            <v>4888942</v>
          </cell>
          <cell r="T3319">
            <v>52594810</v>
          </cell>
          <cell r="V3319" t="str">
            <v>mt167511</v>
          </cell>
          <cell r="W3319" t="str">
            <v>wf186536</v>
          </cell>
          <cell r="Y3319" t="str">
            <v>059，56，57，59，</v>
          </cell>
          <cell r="Z3319">
            <v>56</v>
          </cell>
          <cell r="AA3319">
            <v>57</v>
          </cell>
          <cell r="AB3319">
            <v>80</v>
          </cell>
          <cell r="AC3319">
            <v>59</v>
          </cell>
          <cell r="AD3319" t="str">
            <v/>
          </cell>
          <cell r="AE3319" t="str">
            <v>１；労働者派遣事業許可　優良派遣事業者認定　プライバシーマーク　ＩＳＯ９００１　ＩＳＯ１４００１　ＩＳＯ２７００１　各種自治体事務業務　窓口庁舎案内業務等従事者派遣２；プライバシーマーク　ＩＳＯ９００１　ＩＳＯ１４００１　ＩＳＯ２７００１　各種自治体申請届出入力業務　各種自治体証明書作成業務等３；プライバシーマーク　ＩＳＯ９００１　ＩＳＯ１４００１　ＩＳＯ２７００１　各種自治体事務業務委託　窓口庁舎案内業務委託　各種終了支援業務委託等４；プライバシーマーク　ＩＳＯ９００１　ＩＳＯ１４００１　ＩＳＯ２７００１</v>
          </cell>
          <cell r="AF3319" t="str">
            <v>各種市民窓口サービスにおいて、ノウハウを生かした運営体制の構築、業務量の変動に適応する体制づくり、業務品質の維持と生産性の向上により、住民ニーズの多様化への対応、行政サービスの効率化など地方自治体の抱えている課題をパートナーとして解決いたします。</v>
          </cell>
        </row>
        <row r="3320">
          <cell r="B3320">
            <v>12740</v>
          </cell>
          <cell r="C3320" t="str">
            <v>(有)兵庫つまり抜きセンター</v>
          </cell>
          <cell r="D3320" t="str">
            <v>0795-22-6662</v>
          </cell>
          <cell r="E3320" t="str">
            <v>677-0044</v>
          </cell>
          <cell r="F3320" t="str">
            <v>兵庫県西脇市上野428-24</v>
          </cell>
          <cell r="G3320" t="str">
            <v>西脇市</v>
          </cell>
          <cell r="H3320" t="str">
            <v/>
          </cell>
          <cell r="I3320" t="str">
            <v>代表取締役 白川　保彦</v>
          </cell>
          <cell r="J3320" t="str">
            <v>本店</v>
          </cell>
          <cell r="K3320" t="str">
            <v>0795-23-7362</v>
          </cell>
          <cell r="L3320" t="str">
            <v>h-t-s-1027-y-s@tulip.sannet.ne.jp</v>
          </cell>
          <cell r="M3320" t="str">
            <v>ﾋｮｳｺﾞﾂﾏﾘﾇｷｾﾝﾀｰ</v>
          </cell>
          <cell r="N3320" t="str">
            <v>無</v>
          </cell>
          <cell r="O3320">
            <v>20</v>
          </cell>
          <cell r="P3320">
            <v>4</v>
          </cell>
          <cell r="Q3320">
            <v>4140002061428</v>
          </cell>
          <cell r="R3320">
            <v>5000</v>
          </cell>
          <cell r="S3320">
            <v>15105</v>
          </cell>
          <cell r="T3320">
            <v>75300</v>
          </cell>
          <cell r="V3320" t="str">
            <v>cs111264</v>
          </cell>
          <cell r="W3320" t="str">
            <v>fi120943</v>
          </cell>
          <cell r="Y3320" t="str">
            <v>051，51，68，79，</v>
          </cell>
          <cell r="Z3320">
            <v>79</v>
          </cell>
          <cell r="AA3320">
            <v>80</v>
          </cell>
          <cell r="AB3320">
            <v>68</v>
          </cell>
          <cell r="AC3320">
            <v>51</v>
          </cell>
          <cell r="AD3320" t="str">
            <v>自走式ＴＶカメラ搭載車、止水・内面補修車、パワージェッター搭載車、１１ｔ特殊強力吸引車、４ｔ強力吸引車、４ｔ高圧洗浄車ほか</v>
          </cell>
          <cell r="AE3320" t="str">
            <v>１；自走式ＴＶカメラ搭載車による管渠・暗渠の調査、清掃等２；側溝、水路等の清掃３；浄水場沈殿池等の汚泥等収集運搬４；貯水槽、受水槽の清掃</v>
          </cell>
          <cell r="AF3320" t="str">
            <v>ＴＶカメラ各管路調査及び止水工事、内面補修工ＡＳＳ、エポフィット工法、下水管渠機械浚渫工事、ピット槽及び側溝清掃等浚渫工事、管工事、産業廃棄物収集運搬、貯水槽・受水槽清掃、各種パイプ洗管工事</v>
          </cell>
        </row>
        <row r="3321">
          <cell r="B3321">
            <v>12742</v>
          </cell>
          <cell r="C3321" t="str">
            <v>吉川商事(株)</v>
          </cell>
          <cell r="D3321" t="str">
            <v>06-6261-6767</v>
          </cell>
          <cell r="E3321" t="str">
            <v>541-0057</v>
          </cell>
          <cell r="F3321" t="str">
            <v>大阪府大阪市中央区北久宝寺町2-1-7</v>
          </cell>
          <cell r="G3321" t="str">
            <v>大阪市</v>
          </cell>
          <cell r="H3321" t="str">
            <v/>
          </cell>
          <cell r="I3321" t="str">
            <v>代表取締役 吉川　滉一</v>
          </cell>
          <cell r="J3321" t="str">
            <v>本店</v>
          </cell>
          <cell r="K3321" t="str">
            <v>06-6261-2816</v>
          </cell>
          <cell r="L3321" t="str">
            <v>maruzen.mg@yoshikawa-shoji.co.jp</v>
          </cell>
          <cell r="M3321" t="str">
            <v>ﾖｼｶﾜｼｮｳｼﾞ</v>
          </cell>
          <cell r="N3321" t="str">
            <v>無</v>
          </cell>
          <cell r="O3321">
            <v>114</v>
          </cell>
          <cell r="P3321">
            <v>13</v>
          </cell>
          <cell r="Q3321">
            <v>8120001091829</v>
          </cell>
          <cell r="R3321">
            <v>49589</v>
          </cell>
          <cell r="S3321">
            <v>82226</v>
          </cell>
          <cell r="T3321">
            <v>686897</v>
          </cell>
          <cell r="V3321" t="str">
            <v>et165235</v>
          </cell>
          <cell r="W3321" t="str">
            <v>qu176393</v>
          </cell>
          <cell r="Y3321" t="str">
            <v>10，</v>
          </cell>
          <cell r="Z3321" t="str">
            <v/>
          </cell>
          <cell r="AA3321" t="str">
            <v/>
          </cell>
          <cell r="AB3321" t="str">
            <v/>
          </cell>
          <cell r="AC3321" t="str">
            <v/>
          </cell>
          <cell r="AD3321" t="str">
            <v>毒物劇物一般販売業登録票</v>
          </cell>
          <cell r="AE3321" t="str">
            <v>１；１０化学工業薬品　ポリ塩化アルミニウム　メーカー　セントラル硝子株式会社　代２；３；４；</v>
          </cell>
          <cell r="AF3321" t="str">
            <v>塩化カルシウム、ポリ塩化アルミニウム、塩化マグネシウム、硫酸バンド、次亜塩素酸ソーダ、消石灰、活性炭、苛性ソーダ、高分子凝集剤、重金属安定剤、塩化第二鉄、アンモニア水</v>
          </cell>
        </row>
        <row r="3322">
          <cell r="B3322">
            <v>12745</v>
          </cell>
          <cell r="C3322" t="str">
            <v>(株)ケーオウエイ</v>
          </cell>
          <cell r="D3322" t="str">
            <v>0796-24-5521</v>
          </cell>
          <cell r="E3322" t="str">
            <v>668-0011</v>
          </cell>
          <cell r="F3322" t="str">
            <v>兵庫県豊岡市山本173-1</v>
          </cell>
          <cell r="G3322" t="str">
            <v>豊岡市</v>
          </cell>
          <cell r="H3322" t="str">
            <v>北近畿営業所</v>
          </cell>
          <cell r="I3322" t="str">
            <v>北近畿営業所長 清水　健一</v>
          </cell>
          <cell r="J3322" t="str">
            <v>鳥取県米子市</v>
          </cell>
          <cell r="K3322" t="str">
            <v>0796-24-5546</v>
          </cell>
          <cell r="L3322" t="str">
            <v>k_izumi@koa-net.co.jp</v>
          </cell>
          <cell r="M3322" t="str">
            <v>ｹｰｵｳｴｲ</v>
          </cell>
          <cell r="N3322" t="str">
            <v>有</v>
          </cell>
          <cell r="O3322">
            <v>37</v>
          </cell>
          <cell r="P3322">
            <v>115</v>
          </cell>
          <cell r="Q3322">
            <v>3270001003229</v>
          </cell>
          <cell r="R3322">
            <v>100000</v>
          </cell>
          <cell r="S3322">
            <v>1213200</v>
          </cell>
          <cell r="T3322">
            <v>3886502</v>
          </cell>
          <cell r="V3322" t="str">
            <v>bc162386</v>
          </cell>
          <cell r="W3322" t="str">
            <v>eo113333</v>
          </cell>
          <cell r="Y3322" t="str">
            <v>044，14，15，27，36，44，57，58，</v>
          </cell>
          <cell r="Z3322">
            <v>58</v>
          </cell>
          <cell r="AA3322">
            <v>36</v>
          </cell>
          <cell r="AB3322">
            <v>57</v>
          </cell>
          <cell r="AC3322">
            <v>44</v>
          </cell>
          <cell r="AD3322" t="str">
            <v>日本アイ・ビー・エム（特）レノボ・ジャパン（特）富士ゼロックス（特）コクヨマーケティング（特）</v>
          </cell>
          <cell r="AE3322" t="str">
            <v>１；２；３；４；</v>
          </cell>
          <cell r="AF3322" t="str">
            <v>物品関係３６情報通信機器の販売・導入・設計・サポートやサービス５８システム開発業務のシステム・ソフトウェアの開発・設計・保守を鳥取県をはじめ兵庫県内の多くの自治体へ導入しております。メーカーにこだわらずお客様と共に課題を解決し最適な提案を行います。</v>
          </cell>
        </row>
        <row r="3323">
          <cell r="B3323">
            <v>12747</v>
          </cell>
          <cell r="C3323" t="str">
            <v>神戸医師協同組合</v>
          </cell>
          <cell r="D3323" t="str">
            <v>078-241-8995</v>
          </cell>
          <cell r="E3323" t="str">
            <v>658-0033</v>
          </cell>
          <cell r="F3323" t="str">
            <v>兵庫県神戸市中央区神若通3-2-15</v>
          </cell>
          <cell r="G3323" t="str">
            <v>神戸市</v>
          </cell>
          <cell r="H3323" t="str">
            <v/>
          </cell>
          <cell r="I3323" t="str">
            <v>代表理事　 藤原　克昌</v>
          </cell>
          <cell r="J3323" t="str">
            <v>本店</v>
          </cell>
          <cell r="K3323" t="str">
            <v>078-231-0910</v>
          </cell>
          <cell r="L3323" t="str">
            <v>miyamatu.hitoshi@kobe-ishikyo.or.jp</v>
          </cell>
          <cell r="M3323" t="str">
            <v>ｺｳﾍﾞｲｼｷﾖｳﾄﾞｳｸﾐｱｲ</v>
          </cell>
          <cell r="N3323" t="str">
            <v>無</v>
          </cell>
          <cell r="O3323">
            <v>61</v>
          </cell>
          <cell r="P3323">
            <v>195</v>
          </cell>
          <cell r="Q3323">
            <v>6140005003045</v>
          </cell>
          <cell r="R3323">
            <v>65915</v>
          </cell>
          <cell r="S3323">
            <v>2004012</v>
          </cell>
          <cell r="T3323">
            <v>10201102</v>
          </cell>
          <cell r="V3323" t="str">
            <v>er142221</v>
          </cell>
          <cell r="W3323" t="str">
            <v>ｒr198133</v>
          </cell>
          <cell r="Y3323" t="str">
            <v>2.3.5.6.9.28.37.39.44.62</v>
          </cell>
          <cell r="Z3323">
            <v>44</v>
          </cell>
          <cell r="AA3323">
            <v>2</v>
          </cell>
          <cell r="AB3323">
            <v>9</v>
          </cell>
          <cell r="AC3323">
            <v>39</v>
          </cell>
          <cell r="AD3323" t="str">
            <v/>
          </cell>
          <cell r="AE3323" t="str">
            <v>１；２；病院寝具賃貸、病衣賃貸、ウォッシャブルマット、他、寝装品リース洗濯３；給食材料（キューピー、味の素）４；ジェネリック医薬品（沢井製薬、ゼリヤ新薬）、インフルエンザワクチン（デンカ生研・北里研究所）</v>
          </cell>
          <cell r="AF3323" t="str">
            <v>当組合は兵庫県下の医師会員が組合員となり、医療と福祉の向上を図る為、昭和３２年に設立され、医薬品・衛生材料・医療機械器具、その他診療業務に必要な備品消耗品などの共同購入及び、入院患者の医療用寝具類リースとそれに伴う洗濯業務を行い、より良い療養環境づくりの支援をさせて頂いております。</v>
          </cell>
        </row>
        <row r="3324">
          <cell r="B3324">
            <v>12749</v>
          </cell>
          <cell r="C3324" t="str">
            <v>ハロー・テクノ(株)</v>
          </cell>
          <cell r="D3324" t="str">
            <v>06-6536-2251</v>
          </cell>
          <cell r="E3324" t="str">
            <v>550-0014</v>
          </cell>
          <cell r="F3324" t="str">
            <v>大阪府大阪市西区北堀江2-2-25</v>
          </cell>
          <cell r="G3324" t="str">
            <v>大阪市</v>
          </cell>
          <cell r="H3324" t="str">
            <v/>
          </cell>
          <cell r="I3324" t="str">
            <v>代表取締役 津田　賢二</v>
          </cell>
          <cell r="J3324" t="str">
            <v>本店</v>
          </cell>
          <cell r="K3324" t="str">
            <v>06-6536-2252</v>
          </cell>
          <cell r="L3324" t="str">
            <v>t-yamamoto.ht@hello-techno.co.jp</v>
          </cell>
          <cell r="M3324" t="str">
            <v>ﾊﾛｰﾃｸﾉ</v>
          </cell>
          <cell r="N3324" t="str">
            <v>無</v>
          </cell>
          <cell r="O3324">
            <v>11</v>
          </cell>
          <cell r="P3324">
            <v>66</v>
          </cell>
          <cell r="Q3324">
            <v>5120001134235</v>
          </cell>
          <cell r="R3324">
            <v>30000</v>
          </cell>
          <cell r="S3324">
            <v>226777</v>
          </cell>
          <cell r="T3324">
            <v>2000618</v>
          </cell>
          <cell r="V3324" t="str">
            <v>gf121666</v>
          </cell>
          <cell r="W3324" t="str">
            <v>dq116813</v>
          </cell>
          <cell r="Y3324" t="str">
            <v>48，</v>
          </cell>
          <cell r="Z3324">
            <v>80</v>
          </cell>
          <cell r="AA3324">
            <v>48</v>
          </cell>
          <cell r="AB3324" t="str">
            <v/>
          </cell>
          <cell r="AC3324" t="str">
            <v/>
          </cell>
          <cell r="AD3324" t="str">
            <v/>
          </cell>
          <cell r="AE3324" t="str">
            <v>１；コインパーキング機器販売（自社製品）・駐輪機・バイクロック２；コインパーキング保守・管理３；４；</v>
          </cell>
          <cell r="AF3324" t="str">
            <v>駐車場機器の開発から製造・販売さらには施工まで、駐車場経営からメンテナンス等パーキングシステムをトータル的にサポートすることが可能です。駐輪機、バイクロックも対応しております。</v>
          </cell>
        </row>
        <row r="3325">
          <cell r="B3325">
            <v>12750</v>
          </cell>
          <cell r="C3325" t="str">
            <v>シンコースポーツ兵庫(株)</v>
          </cell>
          <cell r="D3325" t="str">
            <v>078-272-3701</v>
          </cell>
          <cell r="E3325" t="str">
            <v>651-0087</v>
          </cell>
          <cell r="F3325" t="str">
            <v>兵庫県神戸市中央区御幸通4-2-20</v>
          </cell>
          <cell r="G3325" t="str">
            <v>神戸市</v>
          </cell>
          <cell r="H3325" t="str">
            <v/>
          </cell>
          <cell r="I3325" t="str">
            <v>代表取締役 石崎　健太</v>
          </cell>
          <cell r="J3325" t="str">
            <v>本店</v>
          </cell>
          <cell r="K3325" t="str">
            <v>078-272-3702</v>
          </cell>
          <cell r="L3325" t="str">
            <v>hyogo@shinko-sports.com</v>
          </cell>
          <cell r="M3325" t="str">
            <v>ｼﾝｺｰｽﾎﾟｰﾂﾋｮｳｺﾞ</v>
          </cell>
          <cell r="N3325" t="str">
            <v>無</v>
          </cell>
          <cell r="O3325">
            <v>2</v>
          </cell>
          <cell r="P3325">
            <v>5</v>
          </cell>
          <cell r="Q3325">
            <v>9140001101592</v>
          </cell>
          <cell r="R3325">
            <v>10000</v>
          </cell>
          <cell r="S3325">
            <v>9393</v>
          </cell>
          <cell r="T3325">
            <v>0</v>
          </cell>
          <cell r="V3325" t="str">
            <v>zo164828</v>
          </cell>
          <cell r="W3325" t="str">
            <v>jx119995</v>
          </cell>
          <cell r="Y3325" t="str">
            <v>020，20，45，63，</v>
          </cell>
          <cell r="Z3325">
            <v>80</v>
          </cell>
          <cell r="AA3325">
            <v>45</v>
          </cell>
          <cell r="AB3325">
            <v>63</v>
          </cell>
          <cell r="AC3325">
            <v>20</v>
          </cell>
          <cell r="AD3325" t="str">
            <v/>
          </cell>
          <cell r="AE3325" t="str">
            <v>１；スポーツ施設運営管理（トレーニング指導、受付、施設内清掃など）２；プール監視３；介護予防運動指導（運動機能向上、低栄養改善指導、転倒予防、口腔機能向上、尿失禁予防）４；スポーツ用品、トレーニングマシン</v>
          </cell>
          <cell r="AF3325" t="str">
            <v>人々の健やかな暮らしを応援するスポーツ文化施設のマネジメント会社です。創意工夫を合言葉によりよい人間形成の場として地域社会に貢献していきます。受付案内業務や施設の管理業務、また、介護予防事業にも積極的に取り組み、専門のスタッフのもとで実施しています。</v>
          </cell>
        </row>
        <row r="3326">
          <cell r="B3326">
            <v>12754</v>
          </cell>
          <cell r="C3326" t="str">
            <v>(同)アルタイル</v>
          </cell>
          <cell r="D3326" t="str">
            <v>0940-51-3079</v>
          </cell>
          <cell r="E3326" t="str">
            <v>811-3408</v>
          </cell>
          <cell r="F3326" t="str">
            <v>福岡県宗像市樟陽台2-14-6</v>
          </cell>
          <cell r="G3326" t="str">
            <v>宗像市</v>
          </cell>
          <cell r="H3326" t="str">
            <v/>
          </cell>
          <cell r="I3326" t="str">
            <v>代表社員 加藤　治</v>
          </cell>
          <cell r="J3326" t="str">
            <v>本店</v>
          </cell>
          <cell r="K3326" t="str">
            <v>0940-51-3079</v>
          </cell>
          <cell r="L3326" t="str">
            <v>kato@altairllc.jp</v>
          </cell>
          <cell r="M3326" t="str">
            <v>ｱﾙﾀｲﾙ</v>
          </cell>
          <cell r="N3326" t="str">
            <v>無</v>
          </cell>
          <cell r="O3326">
            <v>4</v>
          </cell>
          <cell r="P3326">
            <v>1</v>
          </cell>
          <cell r="Q3326">
            <v>2290003004752</v>
          </cell>
          <cell r="R3326">
            <v>100</v>
          </cell>
          <cell r="S3326">
            <v>100</v>
          </cell>
          <cell r="T3326">
            <v>11844</v>
          </cell>
          <cell r="V3326" t="str">
            <v>dw138150</v>
          </cell>
          <cell r="W3326" t="str">
            <v>sx196787</v>
          </cell>
          <cell r="Y3326" t="str">
            <v/>
          </cell>
          <cell r="Z3326" t="str">
            <v/>
          </cell>
          <cell r="AA3326" t="str">
            <v/>
          </cell>
          <cell r="AB3326" t="str">
            <v/>
          </cell>
          <cell r="AC3326" t="str">
            <v/>
          </cell>
          <cell r="AD3326" t="str">
            <v/>
          </cell>
          <cell r="AE3326" t="str">
            <v>１；プラネタリウム番組２；３；４；</v>
          </cell>
          <cell r="AF3326" t="str">
            <v>プラネタリウム番組制作委託、プラネタリウム番組販売、コンサルティング</v>
          </cell>
        </row>
        <row r="3327">
          <cell r="B3327">
            <v>12755</v>
          </cell>
          <cell r="C3327" t="str">
            <v>(株)トータルメディア開発研究所</v>
          </cell>
          <cell r="D3327" t="str">
            <v>03-3221-5558</v>
          </cell>
          <cell r="E3327" t="str">
            <v>102-0094</v>
          </cell>
          <cell r="F3327" t="str">
            <v>東京都東京都千代田区紀尾井町3‐23</v>
          </cell>
          <cell r="G3327" t="str">
            <v>東京都</v>
          </cell>
          <cell r="H3327" t="str">
            <v/>
          </cell>
          <cell r="I3327" t="str">
            <v>代表取締役 山村　健一郎</v>
          </cell>
          <cell r="J3327" t="str">
            <v>本店</v>
          </cell>
          <cell r="K3327" t="str">
            <v>03-3221-5521</v>
          </cell>
          <cell r="L3327" t="str">
            <v>eigyo2008@totalmedia.co.jp</v>
          </cell>
          <cell r="M3327" t="str">
            <v>ﾄｰﾀﾙﾒﾃﾞｨｱｶｲﾊﾂｹﾝｷｭｳｼｮ</v>
          </cell>
          <cell r="N3327" t="str">
            <v>無</v>
          </cell>
          <cell r="O3327">
            <v>48</v>
          </cell>
          <cell r="P3327">
            <v>207</v>
          </cell>
          <cell r="Q3327">
            <v>6010501009533</v>
          </cell>
          <cell r="R3327">
            <v>500000</v>
          </cell>
          <cell r="S3327">
            <v>2212148</v>
          </cell>
          <cell r="T3327">
            <v>7970368</v>
          </cell>
          <cell r="V3327" t="str">
            <v>md144510</v>
          </cell>
          <cell r="W3327" t="str">
            <v>hi151981</v>
          </cell>
          <cell r="Y3327" t="str">
            <v>63，64，</v>
          </cell>
          <cell r="Z3327" t="str">
            <v/>
          </cell>
          <cell r="AA3327" t="str">
            <v/>
          </cell>
          <cell r="AB3327" t="str">
            <v/>
          </cell>
          <cell r="AC3327" t="str">
            <v/>
          </cell>
          <cell r="AD3327" t="str">
            <v/>
          </cell>
          <cell r="AE3327" t="str">
            <v>１；博物館等の文化施設の調査・計画・構想、博物館等の展示スペース（展示物や展示装置）等に関して、製作設置等２；３；４；</v>
          </cell>
          <cell r="AF3327" t="str">
            <v>博物館等の文化施設の調査・計画・構想、博物館等の展示スペース（展示物や展示装置）等に関して、設計・製作・工事等の設置、及び開館後の運営・保守業務を行う。</v>
          </cell>
        </row>
        <row r="3328">
          <cell r="B3328">
            <v>12756</v>
          </cell>
          <cell r="C3328" t="str">
            <v>(株)ＴＴＮコーポレーション</v>
          </cell>
          <cell r="D3328" t="str">
            <v>072-785-1058</v>
          </cell>
          <cell r="E3328" t="str">
            <v>664-0831</v>
          </cell>
          <cell r="F3328" t="str">
            <v>兵庫県伊丹市北伊丹9‐80‐3</v>
          </cell>
          <cell r="G3328" t="str">
            <v>伊丹市</v>
          </cell>
          <cell r="H3328" t="str">
            <v/>
          </cell>
          <cell r="I3328" t="str">
            <v>代表取締役 辻野　佳秀</v>
          </cell>
          <cell r="J3328" t="str">
            <v>本店</v>
          </cell>
          <cell r="K3328" t="str">
            <v>072-778-0997</v>
          </cell>
          <cell r="L3328" t="str">
            <v/>
          </cell>
          <cell r="M3328" t="str">
            <v>ﾃｨﾃｨｴﾇｺｰﾎﾟﾚｰｼｮﾝ</v>
          </cell>
          <cell r="N3328" t="str">
            <v>無</v>
          </cell>
          <cell r="O3328">
            <v>29</v>
          </cell>
          <cell r="P3328">
            <v>356</v>
          </cell>
          <cell r="Q3328">
            <v>9140001078625</v>
          </cell>
          <cell r="R3328">
            <v>30000</v>
          </cell>
          <cell r="S3328">
            <v>271441</v>
          </cell>
          <cell r="T3328">
            <v>5731808</v>
          </cell>
          <cell r="V3328" t="str">
            <v>eg150021</v>
          </cell>
          <cell r="W3328" t="str">
            <v>kg187766</v>
          </cell>
          <cell r="Y3328" t="str">
            <v>34，</v>
          </cell>
          <cell r="Z3328">
            <v>34</v>
          </cell>
          <cell r="AA3328" t="str">
            <v/>
          </cell>
          <cell r="AB3328" t="str">
            <v/>
          </cell>
          <cell r="AC3328" t="str">
            <v/>
          </cell>
          <cell r="AD3328" t="str">
            <v/>
          </cell>
          <cell r="AE3328" t="str">
            <v>１；２；３；４；</v>
          </cell>
          <cell r="AF3328" t="str">
            <v>畳・襖の生産及び販売、建具工事を得意としています。</v>
          </cell>
        </row>
        <row r="3329">
          <cell r="B3329">
            <v>12761</v>
          </cell>
          <cell r="C3329" t="str">
            <v>ノダック(株)</v>
          </cell>
          <cell r="D3329" t="str">
            <v>048-711-7332</v>
          </cell>
          <cell r="E3329" t="str">
            <v>336-0025</v>
          </cell>
          <cell r="F3329" t="str">
            <v>埼玉県さいたま市南区文蔵3-28-6</v>
          </cell>
          <cell r="G3329" t="str">
            <v>さいたま市</v>
          </cell>
          <cell r="H3329" t="str">
            <v/>
          </cell>
          <cell r="I3329" t="str">
            <v>代表取締役 泉　肇</v>
          </cell>
          <cell r="J3329" t="str">
            <v>本店</v>
          </cell>
          <cell r="K3329" t="str">
            <v>048-711-7335</v>
          </cell>
          <cell r="L3329" t="str">
            <v>nodak@skyblue.ocn.ne.jp</v>
          </cell>
          <cell r="M3329" t="str">
            <v>ﾉﾀﾞｯｸ</v>
          </cell>
          <cell r="N3329" t="str">
            <v>無</v>
          </cell>
          <cell r="O3329">
            <v>47</v>
          </cell>
          <cell r="P3329">
            <v>87</v>
          </cell>
          <cell r="Q3329">
            <v>1120901030611</v>
          </cell>
          <cell r="R3329">
            <v>50000</v>
          </cell>
          <cell r="S3329">
            <v>924381</v>
          </cell>
          <cell r="T3329">
            <v>1872273</v>
          </cell>
          <cell r="V3329" t="str">
            <v>pp169091</v>
          </cell>
          <cell r="W3329" t="str">
            <v>dm133553</v>
          </cell>
          <cell r="Y3329" t="str">
            <v>055，40，51，55，79，</v>
          </cell>
          <cell r="Z3329">
            <v>80</v>
          </cell>
          <cell r="AA3329">
            <v>79</v>
          </cell>
          <cell r="AB3329">
            <v>51</v>
          </cell>
          <cell r="AC3329">
            <v>55</v>
          </cell>
          <cell r="AD3329" t="str">
            <v>配水池等水底清掃ロボット、水中カラーＴＶカメラ装置</v>
          </cell>
          <cell r="AE3329" t="str">
            <v>１；配水池等上水道施設の清掃、保守・点検、修繕。　潜水作業・水中作業。２；配水池等上水道施設のカメラ調査、潜水調査。３；貯水槽清掃４；池、湖沼等の水草刈取</v>
          </cell>
          <cell r="AF3329" t="str">
            <v>潜水士による潜水工事、水中作業を得意としています。不断水工法による上水道施設の清掃、保守点検、調査業務等多くの実績を有しています。</v>
          </cell>
        </row>
        <row r="3330">
          <cell r="B3330">
            <v>12763</v>
          </cell>
          <cell r="C3330" t="str">
            <v>(株)ハシモト</v>
          </cell>
          <cell r="D3330" t="str">
            <v>06-6433-0365</v>
          </cell>
          <cell r="E3330" t="str">
            <v>661-0047</v>
          </cell>
          <cell r="F3330" t="str">
            <v>兵庫県尼崎市西昆陽2-35-21</v>
          </cell>
          <cell r="G3330" t="str">
            <v>尼崎市</v>
          </cell>
          <cell r="H3330" t="str">
            <v/>
          </cell>
          <cell r="I3330" t="str">
            <v>代表取締役 橋本　達夫</v>
          </cell>
          <cell r="J3330" t="str">
            <v>本店</v>
          </cell>
          <cell r="K3330" t="str">
            <v>06-6436-0564</v>
          </cell>
          <cell r="L3330" t="str">
            <v>kabuhashimoto@ybb.ne.jp</v>
          </cell>
          <cell r="M3330" t="str">
            <v>ﾊｼﾓﾄ</v>
          </cell>
          <cell r="N3330" t="str">
            <v>無</v>
          </cell>
          <cell r="O3330">
            <v>33</v>
          </cell>
          <cell r="P3330">
            <v>7</v>
          </cell>
          <cell r="Q3330">
            <v>7140001050783</v>
          </cell>
          <cell r="R3330">
            <v>10000</v>
          </cell>
          <cell r="S3330">
            <v>256</v>
          </cell>
          <cell r="T3330">
            <v>137783</v>
          </cell>
          <cell r="V3330" t="str">
            <v>lb124781</v>
          </cell>
          <cell r="W3330" t="str">
            <v>rs178968</v>
          </cell>
          <cell r="Y3330" t="str">
            <v>66，</v>
          </cell>
          <cell r="Z3330" t="str">
            <v/>
          </cell>
          <cell r="AA3330" t="str">
            <v/>
          </cell>
          <cell r="AB3330" t="str">
            <v/>
          </cell>
          <cell r="AC3330" t="str">
            <v/>
          </cell>
          <cell r="AD3330" t="str">
            <v/>
          </cell>
          <cell r="AE3330" t="str">
            <v>１；公園内看板・注意看板・保安用品・標識看板・掲示板などを取扱いしています。２；３；４；</v>
          </cell>
          <cell r="AF3330" t="str">
            <v>安全施設を特に希望します。標識・反射鏡・防護柵・公園等の緊急復旧に対応しています。機械、従業員も多く抱えているので迅速な施工が可能です。公園内看板・注意看板・保安用品・道路標識・サイン標識関係・コミュニティー掲示板などを取扱いしています。</v>
          </cell>
        </row>
        <row r="3331">
          <cell r="B3331">
            <v>12764</v>
          </cell>
          <cell r="C3331" t="str">
            <v>(株)エース・ウォーター</v>
          </cell>
          <cell r="D3331" t="str">
            <v>06-6192-9771</v>
          </cell>
          <cell r="E3331" t="str">
            <v>564-0052</v>
          </cell>
          <cell r="F3331" t="str">
            <v>大阪府吹田市広芝町4-34</v>
          </cell>
          <cell r="G3331" t="str">
            <v>吹田市</v>
          </cell>
          <cell r="H3331" t="str">
            <v>大阪営業所</v>
          </cell>
          <cell r="I3331" t="str">
            <v>所長 大西　健司</v>
          </cell>
          <cell r="J3331" t="str">
            <v>福岡県福岡市</v>
          </cell>
          <cell r="K3331" t="str">
            <v>06-6192-9772</v>
          </cell>
          <cell r="L3331" t="str">
            <v>oosaka.acewater@gmail.com</v>
          </cell>
          <cell r="M3331" t="str">
            <v>ｴｰｽ･ｳｫｰﾀｰ</v>
          </cell>
          <cell r="N3331" t="str">
            <v>有</v>
          </cell>
          <cell r="O3331">
            <v>48</v>
          </cell>
          <cell r="P3331">
            <v>49</v>
          </cell>
          <cell r="Q3331">
            <v>1290001016692</v>
          </cell>
          <cell r="R3331">
            <v>50000</v>
          </cell>
          <cell r="S3331">
            <v>138715</v>
          </cell>
          <cell r="T3331">
            <v>4497465</v>
          </cell>
          <cell r="V3331" t="str">
            <v>bz181352</v>
          </cell>
          <cell r="W3331" t="str">
            <v>oc125038</v>
          </cell>
          <cell r="Y3331" t="str">
            <v>33，40，41，42，</v>
          </cell>
          <cell r="Z3331">
            <v>33</v>
          </cell>
          <cell r="AA3331">
            <v>40</v>
          </cell>
          <cell r="AB3331">
            <v>42</v>
          </cell>
          <cell r="AC3331">
            <v>41</v>
          </cell>
          <cell r="AD3331" t="str">
            <v/>
          </cell>
          <cell r="AE3331" t="str">
            <v>１；各種バルブ（前澤工業　清水合金製作所）ダクタイル鋳鉄管（栗本鉄工所　遠山鐵工所）塩ビ製パイプ（クボタケミックス）ＳＵＳ製パイプ（明和工業）２；ポンプ各種（荏原製作所　鶴見製作所）３；各種流量計など（各メーカー）４；メーター等の量水器（金門製作所　愛知時計電気）計装設備等（メタウォーター）</v>
          </cell>
          <cell r="AF3331" t="str">
            <v>傾斜板沈降装置、傾斜管沈降装置の設計・製作・施工。アルミ製覆蓋設備の設計・製作・施工。バルブ・ポンプの据付工事。計装設備などの電気工事。　物品（各種バルブ・配管類・他上下水道用資材、計測機器、電気設備、水処理機器、各種ポンプ、土木資材、ステンレスタンクなど）</v>
          </cell>
        </row>
        <row r="3332">
          <cell r="B3332">
            <v>12765</v>
          </cell>
          <cell r="C3332" t="str">
            <v>ハードグラス工業(株)</v>
          </cell>
          <cell r="D3332" t="str">
            <v>072-784-2506</v>
          </cell>
          <cell r="E3332" t="str">
            <v>664-0831</v>
          </cell>
          <cell r="F3332" t="str">
            <v>兵庫県伊丹市北伊丹7-79</v>
          </cell>
          <cell r="G3332" t="str">
            <v>伊丹市</v>
          </cell>
          <cell r="H3332" t="str">
            <v/>
          </cell>
          <cell r="I3332" t="str">
            <v>代表取締役 下岡　嵩</v>
          </cell>
          <cell r="J3332" t="str">
            <v>本店</v>
          </cell>
          <cell r="K3332" t="str">
            <v>072-770-7400</v>
          </cell>
          <cell r="L3332" t="str">
            <v>hard.kanri@dream.com</v>
          </cell>
          <cell r="M3332" t="str">
            <v>ﾊｰﾄﾞｸﾞﾗｽｺｳｷﾞｮｳ</v>
          </cell>
          <cell r="N3332" t="str">
            <v>無</v>
          </cell>
          <cell r="O3332">
            <v>40</v>
          </cell>
          <cell r="P3332">
            <v>228</v>
          </cell>
          <cell r="Q3332">
            <v>9140001078773</v>
          </cell>
          <cell r="R3332">
            <v>201200</v>
          </cell>
          <cell r="S3332">
            <v>1293377</v>
          </cell>
          <cell r="T3332">
            <v>4005980</v>
          </cell>
          <cell r="V3332" t="str">
            <v>gt135723</v>
          </cell>
          <cell r="W3332" t="str">
            <v>uo113999</v>
          </cell>
          <cell r="Y3332" t="str">
            <v>34，</v>
          </cell>
          <cell r="Z3332">
            <v>34</v>
          </cell>
          <cell r="AA3332" t="str">
            <v/>
          </cell>
          <cell r="AB3332" t="str">
            <v/>
          </cell>
          <cell r="AC3332" t="str">
            <v/>
          </cell>
          <cell r="AD3332" t="str">
            <v/>
          </cell>
          <cell r="AE3332" t="str">
            <v>１；自社生産のガラス製品２；３；４；</v>
          </cell>
          <cell r="AF3332" t="str">
            <v>安全ガラス（強化ガラス、合わせガラス）ペアガラス（複層ガラス）を用いた工事を得意としております。自社工場で生産し、経験豊かな技術者による設計・施工と、短期間かつフレキシブルな対応が可能です。安全・安心・エコなガラスを貴市の建物・施設にお届けすることができます。</v>
          </cell>
        </row>
        <row r="3333">
          <cell r="B3333">
            <v>12768</v>
          </cell>
          <cell r="C3333" t="str">
            <v>(株)ＵＲリンケージ</v>
          </cell>
          <cell r="D3333" t="str">
            <v>078-647-8232</v>
          </cell>
          <cell r="E3333" t="str">
            <v>655-0029</v>
          </cell>
          <cell r="F3333" t="str">
            <v>兵庫県神戸市垂水区天ﾉ下町1-1-269</v>
          </cell>
          <cell r="G3333" t="str">
            <v>神戸市</v>
          </cell>
          <cell r="H3333" t="str">
            <v>西日本支社兵庫営業所</v>
          </cell>
          <cell r="I3333" t="str">
            <v>所長　 金澤　保文</v>
          </cell>
          <cell r="J3333" t="str">
            <v>東京都</v>
          </cell>
          <cell r="K3333" t="str">
            <v>078-647-8235</v>
          </cell>
          <cell r="L3333" t="str">
            <v>kikaku@urlk.co.jp</v>
          </cell>
          <cell r="M3333" t="str">
            <v>ﾕ-ｱ-ﾙﾘﾝｹ-ｼﾞ</v>
          </cell>
          <cell r="N3333" t="str">
            <v>有</v>
          </cell>
          <cell r="O3333">
            <v>44</v>
          </cell>
          <cell r="P3333">
            <v>1841</v>
          </cell>
          <cell r="Q3333">
            <v>3010000000000</v>
          </cell>
          <cell r="R3333">
            <v>100000</v>
          </cell>
          <cell r="S3333">
            <v>15399903</v>
          </cell>
          <cell r="T3333">
            <v>22925901</v>
          </cell>
          <cell r="V3333" t="str">
            <v>av185547</v>
          </cell>
          <cell r="W3333" t="str">
            <v>bh193997</v>
          </cell>
          <cell r="Y3333">
            <v>56.8</v>
          </cell>
          <cell r="Z3333">
            <v>56</v>
          </cell>
          <cell r="AA3333">
            <v>80</v>
          </cell>
          <cell r="AB3333" t="str">
            <v/>
          </cell>
          <cell r="AC3333" t="str">
            <v/>
          </cell>
          <cell r="AD3333" t="str">
            <v/>
          </cell>
          <cell r="AE3333" t="str">
            <v>１；２；まちづくり事業における発注者支援３；まちづくり事業における調査、まちづくり事業における発注者支援等４；</v>
          </cell>
          <cell r="AF3333" t="str">
            <v>ＵＲ都市機構の開発事業への支援業務を通じて培ってきた実績と経験そ活かし、公的団体や民間の行う事業・業務において支援いたします。都市計画、土木、建設、建築、設計、積算、補償など多岐にわたり専門分野へのコンサルティングを行います。</v>
          </cell>
        </row>
        <row r="3334">
          <cell r="B3334">
            <v>12769</v>
          </cell>
          <cell r="C3334" t="str">
            <v>新日本管検工業(有)</v>
          </cell>
          <cell r="D3334" t="str">
            <v>072-772-1959</v>
          </cell>
          <cell r="E3334" t="str">
            <v>664-0852</v>
          </cell>
          <cell r="F3334" t="str">
            <v>兵庫県伊丹市南本町7-1-1-606</v>
          </cell>
          <cell r="G3334" t="str">
            <v>伊丹市</v>
          </cell>
          <cell r="H3334" t="str">
            <v/>
          </cell>
          <cell r="I3334" t="str">
            <v>取締役 渡海　優</v>
          </cell>
          <cell r="J3334" t="str">
            <v>本店</v>
          </cell>
          <cell r="K3334" t="str">
            <v>072-772-1959</v>
          </cell>
          <cell r="L3334" t="str">
            <v>shinnihonkanken@gmail.com</v>
          </cell>
          <cell r="M3334" t="str">
            <v>ｼﾝﾆﾎﾝｶﾝｹﾝｺｳｷﾞｮｳ</v>
          </cell>
          <cell r="N3334" t="str">
            <v>無</v>
          </cell>
          <cell r="O3334">
            <v>13</v>
          </cell>
          <cell r="P3334">
            <v>1</v>
          </cell>
          <cell r="Q3334">
            <v>5140002027816</v>
          </cell>
          <cell r="R3334">
            <v>3000</v>
          </cell>
          <cell r="S3334">
            <v>6381</v>
          </cell>
          <cell r="T3334">
            <v>17703</v>
          </cell>
          <cell r="V3334" t="str">
            <v>wf124331</v>
          </cell>
          <cell r="W3334" t="str">
            <v>qf195989</v>
          </cell>
          <cell r="Y3334" t="str">
            <v>79，</v>
          </cell>
          <cell r="Z3334">
            <v>79</v>
          </cell>
          <cell r="AA3334">
            <v>80</v>
          </cell>
          <cell r="AB3334" t="str">
            <v/>
          </cell>
          <cell r="AC3334" t="str">
            <v/>
          </cell>
          <cell r="AD3334" t="str">
            <v/>
          </cell>
          <cell r="AE3334" t="str">
            <v>１；下水管路調査用ＴＶカメラ装置搭載車１台ほか調査装置　等調査全般２；コンクリート劣化度測定　等３；４；</v>
          </cell>
          <cell r="AF3334" t="str">
            <v>下水道管渠施設のエキスパートとして、その技術力は全国からも高く評価されています。阪神大震災・東日本大震災・熊本地震等の災害復旧にも貢献してきました。独自のノウハウで、調査から補修まで高い技術力を提供できます。</v>
          </cell>
        </row>
        <row r="3335">
          <cell r="B3335">
            <v>12770</v>
          </cell>
          <cell r="C3335" t="str">
            <v>(株)サンワールド</v>
          </cell>
          <cell r="D3335" t="str">
            <v>0480-22-5665</v>
          </cell>
          <cell r="E3335" t="str">
            <v>346-0029</v>
          </cell>
          <cell r="F3335" t="str">
            <v>埼玉県久喜市除堀158-3</v>
          </cell>
          <cell r="G3335" t="str">
            <v>久喜市</v>
          </cell>
          <cell r="H3335" t="str">
            <v/>
          </cell>
          <cell r="I3335" t="str">
            <v>代表取締役 藤田　俊一</v>
          </cell>
          <cell r="J3335" t="str">
            <v>本店</v>
          </cell>
          <cell r="K3335" t="str">
            <v>0480-22-5271</v>
          </cell>
          <cell r="L3335" t="str">
            <v>sunworld-kansai@snow.ocn.ne.jp</v>
          </cell>
          <cell r="M3335" t="str">
            <v>ｻﾝﾜｰﾙﾄﾞ</v>
          </cell>
          <cell r="N3335" t="str">
            <v>無</v>
          </cell>
          <cell r="O3335">
            <v>27</v>
          </cell>
          <cell r="P3335">
            <v>49</v>
          </cell>
          <cell r="Q3335">
            <v>2030001030751</v>
          </cell>
          <cell r="R3335">
            <v>30000</v>
          </cell>
          <cell r="S3335">
            <v>99725</v>
          </cell>
          <cell r="T3335">
            <v>890019</v>
          </cell>
          <cell r="V3335" t="str">
            <v>ix123186</v>
          </cell>
          <cell r="W3335" t="str">
            <v>ga107555</v>
          </cell>
          <cell r="Y3335" t="str">
            <v>02，9，38，</v>
          </cell>
          <cell r="Z3335">
            <v>2</v>
          </cell>
          <cell r="AA3335">
            <v>38</v>
          </cell>
          <cell r="AB3335">
            <v>9</v>
          </cell>
          <cell r="AC3335" t="str">
            <v/>
          </cell>
          <cell r="AD3335" t="str">
            <v/>
          </cell>
          <cell r="AE3335" t="str">
            <v>１；合成着色料・合成保存料・化学調味料を一切使用していない保育用おやつ及び食材、調味料の企画・製造・販売２；保育園、幼稚園、こども園等で防災用品として使用される非常用備蓄食品、飲料の販売３；保育園、幼稚園、こども園等で使用する使い捨て手袋やマスク、ペーパータオル等の衛生用品４；</v>
          </cell>
          <cell r="AF3335" t="str">
            <v>弊社はお子様に安心して召し上がっていただけるお菓子、給食用調味料、及び食材を企画、販売させていただいております。すべて自然の素材だけを原料に、合成調味料、合成着色料、保存料等を一切使用せず、全国の公私立保育園様、幼稚園様、こども園様などで長く信頼をいただいております。</v>
          </cell>
        </row>
        <row r="3336">
          <cell r="B3336">
            <v>12771</v>
          </cell>
          <cell r="C3336" t="str">
            <v>(株)ミライト・テクノロジーズ</v>
          </cell>
          <cell r="D3336" t="str">
            <v>078-940-4605</v>
          </cell>
          <cell r="E3336" t="str">
            <v>658-0033</v>
          </cell>
          <cell r="F3336" t="str">
            <v>兵庫県神戸市東灘区向洋町西3-1-10</v>
          </cell>
          <cell r="G3336" t="str">
            <v>神戸市</v>
          </cell>
          <cell r="H3336" t="str">
            <v>兵庫支店</v>
          </cell>
          <cell r="I3336" t="str">
            <v>兵庫支店長 中見　和広</v>
          </cell>
          <cell r="J3336" t="str">
            <v>大阪府大阪市</v>
          </cell>
          <cell r="K3336" t="str">
            <v>078-940-4604</v>
          </cell>
          <cell r="L3336" t="str">
            <v xml:space="preserve">mtc-hyogo.siten@mirait.co.jp </v>
          </cell>
          <cell r="M3336" t="str">
            <v>ﾐﾗｲﾄﾃｸﾉﾛｼﾞｰｽﾞ</v>
          </cell>
          <cell r="N3336" t="str">
            <v>有</v>
          </cell>
          <cell r="O3336">
            <v>57</v>
          </cell>
          <cell r="P3336">
            <v>1194</v>
          </cell>
          <cell r="Q3336">
            <v>4120001048989</v>
          </cell>
          <cell r="R3336">
            <v>3804034</v>
          </cell>
          <cell r="S3336">
            <v>39378105</v>
          </cell>
          <cell r="T3336">
            <v>75839311</v>
          </cell>
          <cell r="V3336" t="str">
            <v>dv180238</v>
          </cell>
          <cell r="W3336" t="str">
            <v>jj165319</v>
          </cell>
          <cell r="Y3336" t="str">
            <v>047，35，36，47，50，58，61，</v>
          </cell>
          <cell r="Z3336">
            <v>36</v>
          </cell>
          <cell r="AA3336">
            <v>50</v>
          </cell>
          <cell r="AB3336">
            <v>35</v>
          </cell>
          <cell r="AC3336">
            <v>47</v>
          </cell>
          <cell r="AD3336" t="str">
            <v/>
          </cell>
          <cell r="AE3336" t="str">
            <v>１；ＮＴＴ特約店として、ビジネスホンや複合機等、通信関連機器を取り扱っております。（特）２；長年培ってきた、通信工事の技術により電話機や各種機器の保守体制が整っております。３；ＬＥＤ照明等大規模な物から、一般家庭様用の各種家電まで取り扱っております。４；エネルギーマネジメントシステムを活用した電力量の見える化、長期間運用におけるオンサイト保守や耐用年数に応じたメンテナンス等おこなっております。</v>
          </cell>
          <cell r="AF3336" t="str">
            <v>各種映像、Ｗｉ－Ｆｉ、通信ソリューションの設計、構築、保守、企業ネットワーク等の保守、運用サービス、ソフトウェアの開発、販売、システムコンサルティング、通信ネットワークシステム機器の販売、通信ネットワークインフラ設計、構築、保守、太陽光発電システムの企画、設計、構築、保守</v>
          </cell>
        </row>
        <row r="3337">
          <cell r="B3337">
            <v>12774</v>
          </cell>
          <cell r="C3337" t="str">
            <v>丸紅新電力(株)</v>
          </cell>
          <cell r="D3337" t="str">
            <v>03-3282-4788</v>
          </cell>
          <cell r="E3337" t="str">
            <v>103-6060</v>
          </cell>
          <cell r="F3337" t="str">
            <v>東京都中央区日本橋2-7-1</v>
          </cell>
          <cell r="G3337" t="str">
            <v>東京都</v>
          </cell>
          <cell r="H3337" t="str">
            <v/>
          </cell>
          <cell r="I3337" t="str">
            <v>代表取締役 山本　毅嗣</v>
          </cell>
          <cell r="J3337" t="str">
            <v>本店</v>
          </cell>
          <cell r="K3337" t="str">
            <v>03-3282-3309</v>
          </cell>
          <cell r="L3337" t="str">
            <v>PPS-TOKB722@denki.marubeni.co.jp</v>
          </cell>
          <cell r="M3337" t="str">
            <v>ﾏﾙﾍﾞﾆｼﾝﾃﾞﾝﾘｮｸ</v>
          </cell>
          <cell r="N3337" t="str">
            <v>無</v>
          </cell>
          <cell r="O3337">
            <v>7</v>
          </cell>
          <cell r="P3337">
            <v>53</v>
          </cell>
          <cell r="Q3337">
            <v>9010001137740</v>
          </cell>
          <cell r="R3337">
            <v>100000</v>
          </cell>
          <cell r="S3337">
            <v>2820106</v>
          </cell>
          <cell r="T3337">
            <v>134767516</v>
          </cell>
          <cell r="V3337" t="str">
            <v>kh145689</v>
          </cell>
          <cell r="W3337" t="str">
            <v>tr999333</v>
          </cell>
          <cell r="Y3337" t="str">
            <v>43，</v>
          </cell>
          <cell r="Z3337">
            <v>43</v>
          </cell>
          <cell r="AA3337">
            <v>80</v>
          </cell>
          <cell r="AB3337" t="str">
            <v/>
          </cell>
          <cell r="AC3337" t="str">
            <v/>
          </cell>
          <cell r="AD3337" t="str">
            <v/>
          </cell>
          <cell r="AE3337" t="str">
            <v>１；電力供給（小売電気事業者登録）２；余剰電力の購入（小売電気事業者登録）３；４；</v>
          </cell>
          <cell r="AF3337" t="str">
            <v>５０年以上電力事業での経験ノウハウを世界中で積み重ねてきた総合商社を母体とし、総合商社の強みを活かし世界中から資源を調達し、安定した電力を供給しています。環境にやさしい多様な資源開発も行っています。</v>
          </cell>
        </row>
        <row r="3338">
          <cell r="B3338">
            <v>12776</v>
          </cell>
          <cell r="C3338" t="str">
            <v>(株)アースインフィニティ</v>
          </cell>
          <cell r="D3338" t="str">
            <v>06-4797-7522</v>
          </cell>
          <cell r="E3338" t="str">
            <v>530-0004</v>
          </cell>
          <cell r="F3338" t="str">
            <v>大阪府大阪市北区堂島浜2-2-28堂島アクシスビル2Ｆ</v>
          </cell>
          <cell r="G3338" t="str">
            <v>大阪府</v>
          </cell>
          <cell r="I3338" t="str">
            <v>代表取締役　濱田　幸一</v>
          </cell>
          <cell r="J3338" t="str">
            <v>本店</v>
          </cell>
          <cell r="K3338" t="str">
            <v>06-4797-7533</v>
          </cell>
          <cell r="L3338" t="str">
            <v>nogawa@earth-infinity.co.jp</v>
          </cell>
          <cell r="M3338" t="str">
            <v>ｱｰｽｲﾝﾌｨﾆﾃｨ</v>
          </cell>
          <cell r="N3338" t="str">
            <v>無</v>
          </cell>
          <cell r="O3338">
            <v>18</v>
          </cell>
          <cell r="P3338">
            <v>44</v>
          </cell>
          <cell r="Q3338">
            <v>4120001102102</v>
          </cell>
          <cell r="R3338">
            <v>99850</v>
          </cell>
          <cell r="S3338">
            <v>311939</v>
          </cell>
          <cell r="T3338">
            <v>3465186</v>
          </cell>
          <cell r="V3338" t="str">
            <v>kj146214</v>
          </cell>
          <cell r="W3338" t="str">
            <v>dr154326</v>
          </cell>
          <cell r="Y3338" t="str">
            <v>43,</v>
          </cell>
          <cell r="AF3338" t="str">
            <v>電力供給</v>
          </cell>
          <cell r="BA3338" t="str">
            <v>兵庫県</v>
          </cell>
        </row>
        <row r="3339">
          <cell r="B3339">
            <v>12777</v>
          </cell>
          <cell r="C3339" t="str">
            <v>ＪＦＥテクノス(株)</v>
          </cell>
          <cell r="D3339" t="str">
            <v>045-505-7370</v>
          </cell>
          <cell r="E3339" t="str">
            <v>230-0045</v>
          </cell>
          <cell r="F3339" t="str">
            <v>神奈川県横浜市鶴見区末広町二丁目1番地</v>
          </cell>
          <cell r="G3339" t="str">
            <v>横浜市</v>
          </cell>
          <cell r="H3339" t="str">
            <v/>
          </cell>
          <cell r="I3339" t="str">
            <v>代表取締役 吉田　誠太郎</v>
          </cell>
          <cell r="J3339" t="str">
            <v>本店</v>
          </cell>
          <cell r="K3339" t="str">
            <v>045-505-7983</v>
          </cell>
          <cell r="L3339" t="str">
            <v>jfe-tec-nyu@tec.jfe-eng.co.jp</v>
          </cell>
          <cell r="M3339" t="str">
            <v>ｼﾞｪｲｴﾌｲｰﾃｸﾉｽ</v>
          </cell>
          <cell r="N3339" t="str">
            <v>有</v>
          </cell>
          <cell r="O3339">
            <v>31</v>
          </cell>
          <cell r="P3339">
            <v>598</v>
          </cell>
          <cell r="Q3339">
            <v>2020001016727</v>
          </cell>
          <cell r="R3339">
            <v>301000</v>
          </cell>
          <cell r="S3339">
            <v>4245713</v>
          </cell>
          <cell r="T3339">
            <v>37081498</v>
          </cell>
          <cell r="V3339" t="str">
            <v>mu141227</v>
          </cell>
          <cell r="W3339" t="str">
            <v>vq167695</v>
          </cell>
          <cell r="Y3339" t="str">
            <v>48，</v>
          </cell>
          <cell r="Z3339" t="str">
            <v/>
          </cell>
          <cell r="AA3339" t="str">
            <v/>
          </cell>
          <cell r="AB3339" t="str">
            <v/>
          </cell>
          <cell r="AC3339" t="str">
            <v/>
          </cell>
          <cell r="AD3339" t="str">
            <v/>
          </cell>
          <cell r="AE3339" t="str">
            <v>１；機械式駐車場・駐輪場の機械設備のメンテナンスから保守用部品および機材の提供までトータルにサポート致します。２；３；４；</v>
          </cell>
          <cell r="AF3339" t="str">
            <v>当社はＪＦＥエンジニアリンググループの機械・設備メンテナンスを長年に亘り行い高度な技術力と経験を培ってきました。設備診断・メンテナンス計画から諸設備の保守・点検・更新・改造・設置まで一貫したサービスを提供します。</v>
          </cell>
        </row>
        <row r="3340">
          <cell r="B3340">
            <v>12778</v>
          </cell>
          <cell r="C3340" t="str">
            <v>(株)ＲＣＳコーポレーション</v>
          </cell>
          <cell r="D3340" t="str">
            <v>03-5155-6979</v>
          </cell>
          <cell r="E3340" t="str">
            <v>169-0072</v>
          </cell>
          <cell r="F3340" t="str">
            <v>東京都新宿区大久保2-3-9</v>
          </cell>
          <cell r="G3340" t="str">
            <v>東京都</v>
          </cell>
          <cell r="H3340" t="str">
            <v/>
          </cell>
          <cell r="I3340" t="str">
            <v>代表取締役 シャムレッフェル　レイモンド</v>
          </cell>
          <cell r="J3340" t="str">
            <v>本店</v>
          </cell>
          <cell r="K3340" t="str">
            <v>03-5155-6952</v>
          </cell>
          <cell r="L3340" t="str">
            <v>umezawa@rcs-ed.co.jp</v>
          </cell>
          <cell r="M3340" t="str">
            <v>ｱｰﾙｼｰｴｽｺｰﾎﾟﾚｰｼｮﾝ</v>
          </cell>
          <cell r="N3340" t="str">
            <v>無</v>
          </cell>
          <cell r="O3340">
            <v>29</v>
          </cell>
          <cell r="P3340">
            <v>140</v>
          </cell>
          <cell r="Q3340">
            <v>3011101059376</v>
          </cell>
          <cell r="R3340">
            <v>10000</v>
          </cell>
          <cell r="S3340">
            <v>134662</v>
          </cell>
          <cell r="T3340">
            <v>365022</v>
          </cell>
          <cell r="V3340" t="str">
            <v>aj104565</v>
          </cell>
          <cell r="W3340" t="str">
            <v>nv178975</v>
          </cell>
          <cell r="Y3340" t="str">
            <v>56，</v>
          </cell>
          <cell r="Z3340" t="str">
            <v/>
          </cell>
          <cell r="AA3340" t="str">
            <v/>
          </cell>
          <cell r="AB3340" t="str">
            <v/>
          </cell>
          <cell r="AC3340" t="str">
            <v/>
          </cell>
          <cell r="AD3340" t="str">
            <v/>
          </cell>
          <cell r="AE3340" t="str">
            <v>１；２；３；４；</v>
          </cell>
          <cell r="AF3340" t="str">
            <v>ＡＬＴ（外国語指導助手）派遣・配置</v>
          </cell>
        </row>
        <row r="3341">
          <cell r="B3341">
            <v>12780</v>
          </cell>
          <cell r="C3341" t="str">
            <v>(株)建設技術研究所</v>
          </cell>
          <cell r="D3341" t="str">
            <v>078-261-3060</v>
          </cell>
          <cell r="E3341" t="str">
            <v>651-0086</v>
          </cell>
          <cell r="F3341" t="str">
            <v>兵庫県神戸市中央区磯上通7-1-30</v>
          </cell>
          <cell r="G3341" t="str">
            <v>神戸市</v>
          </cell>
          <cell r="H3341" t="str">
            <v>神戸事務所</v>
          </cell>
          <cell r="I3341" t="str">
            <v>所長　 西本　隆</v>
          </cell>
          <cell r="J3341" t="str">
            <v>東京都</v>
          </cell>
          <cell r="K3341" t="str">
            <v>078-261-3061</v>
          </cell>
          <cell r="L3341" t="str">
            <v>e-osaka@ctie.co.jp</v>
          </cell>
          <cell r="M3341" t="str">
            <v>ｹﾝｾﾂｷﾞｼﾞﾕﾂｹﾝｷﾕｳｼﾞﾖ</v>
          </cell>
          <cell r="N3341" t="str">
            <v>有</v>
          </cell>
          <cell r="O3341">
            <v>55</v>
          </cell>
          <cell r="P3341">
            <v>1603</v>
          </cell>
          <cell r="Q3341">
            <v>7010000000000</v>
          </cell>
          <cell r="R3341">
            <v>3025875</v>
          </cell>
          <cell r="S3341">
            <v>26528476</v>
          </cell>
          <cell r="T3341">
            <v>34848328</v>
          </cell>
          <cell r="V3341" t="str">
            <v>ag156493</v>
          </cell>
          <cell r="W3341" t="str">
            <v>uｒ173697</v>
          </cell>
          <cell r="Y3341" t="str">
            <v>57.58.77.80</v>
          </cell>
          <cell r="Z3341">
            <v>58</v>
          </cell>
          <cell r="AA3341">
            <v>77</v>
          </cell>
          <cell r="AB3341">
            <v>57</v>
          </cell>
          <cell r="AC3341">
            <v>80</v>
          </cell>
          <cell r="AD3341" t="str">
            <v/>
          </cell>
          <cell r="AE3341" t="str">
            <v>１；２；３；４；</v>
          </cell>
          <cell r="AF3341" t="str">
            <v>当社は土木分野のみならず多岐にわたる分野において、質の高いサービスを提供することで、より良い国土づくりに貢献しております。＜主な業務内容＞上下水道や廃棄物等の土木施設全般の調査・計画・設計、インフラメンテナンス、ＢＣＰ、ＰＦＩ・ＰＰＰ、都市・交通計画等</v>
          </cell>
        </row>
        <row r="3342">
          <cell r="B3342">
            <v>12781</v>
          </cell>
          <cell r="C3342" t="str">
            <v>平和興業(株)</v>
          </cell>
          <cell r="D3342" t="str">
            <v>06-6672-0216</v>
          </cell>
          <cell r="E3342" t="str">
            <v>559-0007</v>
          </cell>
          <cell r="F3342" t="str">
            <v>大阪府大阪市住之江区粉浜西1-2-6</v>
          </cell>
          <cell r="G3342" t="str">
            <v>大阪市</v>
          </cell>
          <cell r="H3342" t="str">
            <v/>
          </cell>
          <cell r="I3342" t="str">
            <v>代表取締役 米澤　勉</v>
          </cell>
          <cell r="J3342" t="str">
            <v>本店</v>
          </cell>
          <cell r="K3342" t="str">
            <v>06-6675-5316</v>
          </cell>
          <cell r="L3342" t="str">
            <v>heiwakou@pearl.ocn.ne.jp</v>
          </cell>
          <cell r="M3342" t="str">
            <v>ﾍｲﾜｺｳｷﾞｮｳ</v>
          </cell>
          <cell r="N3342" t="str">
            <v>無</v>
          </cell>
          <cell r="O3342">
            <v>52</v>
          </cell>
          <cell r="P3342">
            <v>274</v>
          </cell>
          <cell r="Q3342">
            <v>9120001031610</v>
          </cell>
          <cell r="R3342">
            <v>33000</v>
          </cell>
          <cell r="S3342">
            <v>1741910</v>
          </cell>
          <cell r="T3342">
            <v>2443637</v>
          </cell>
          <cell r="V3342" t="str">
            <v>zl169416</v>
          </cell>
          <cell r="W3342" t="str">
            <v>oe175919</v>
          </cell>
          <cell r="Y3342" t="str">
            <v>054，45，46，47，48，49，52，54，55，68，79，</v>
          </cell>
          <cell r="Z3342">
            <v>79</v>
          </cell>
          <cell r="AA3342">
            <v>55</v>
          </cell>
          <cell r="AB3342">
            <v>47</v>
          </cell>
          <cell r="AC3342">
            <v>54</v>
          </cell>
          <cell r="AD3342" t="str">
            <v/>
          </cell>
          <cell r="AE3342" t="str">
            <v>１；２；３；４；</v>
          </cell>
          <cell r="AF3342" t="str">
            <v>管更生工事に力を入れています。　テレビカメラでの管内調査後排水管清掃も得意です。　国からは道路維持工事の仕事を頂いておりその中に道路排水設備維持も含まれます。　会社としての売り上げはビルメンテナンス業が主となります。</v>
          </cell>
        </row>
        <row r="3343">
          <cell r="B3343">
            <v>12782</v>
          </cell>
          <cell r="C3343" t="str">
            <v>(株)エス・エル</v>
          </cell>
          <cell r="D3343" t="str">
            <v>06-6468-7180</v>
          </cell>
          <cell r="E3343" t="str">
            <v>553-0005</v>
          </cell>
          <cell r="F3343" t="str">
            <v>大阪府大阪市福島区野田5-17-22</v>
          </cell>
          <cell r="G3343" t="str">
            <v>大阪市</v>
          </cell>
          <cell r="H3343" t="str">
            <v/>
          </cell>
          <cell r="I3343" t="str">
            <v>代表取締役 岸本　進</v>
          </cell>
          <cell r="J3343" t="str">
            <v>本店</v>
          </cell>
          <cell r="K3343" t="str">
            <v>06-6468-7104</v>
          </cell>
          <cell r="L3343" t="str">
            <v>info@kk-sl.co.jp</v>
          </cell>
          <cell r="M3343" t="str">
            <v>ｴｽ･ｴﾙ</v>
          </cell>
          <cell r="N3343" t="str">
            <v>無</v>
          </cell>
          <cell r="O3343">
            <v>53</v>
          </cell>
          <cell r="P3343">
            <v>40</v>
          </cell>
          <cell r="Q3343">
            <v>7120001034391</v>
          </cell>
          <cell r="R3343">
            <v>99650</v>
          </cell>
          <cell r="S3343">
            <v>428203</v>
          </cell>
          <cell r="T3343">
            <v>1447611</v>
          </cell>
          <cell r="V3343" t="str">
            <v>cx139087</v>
          </cell>
          <cell r="W3343" t="str">
            <v>ｒd165579</v>
          </cell>
          <cell r="Y3343" t="str">
            <v>48，51，</v>
          </cell>
          <cell r="Z3343">
            <v>48</v>
          </cell>
          <cell r="AA3343">
            <v>51</v>
          </cell>
          <cell r="AB3343" t="str">
            <v/>
          </cell>
          <cell r="AC3343" t="str">
            <v/>
          </cell>
          <cell r="AD3343" t="str">
            <v/>
          </cell>
          <cell r="AE3343" t="str">
            <v>１；２；３；４；</v>
          </cell>
          <cell r="AF3343" t="str">
            <v>営業品目は水処理プラント、除害施設、中水造水プラントの設計・施工・メンテナンス。得意とする業種は農村集落排水事業、汚水処理施設工事、厨房排水工事、浄化槽工事。特殊工法・特許工法として膜分離システム（活性汚泥を利用し大腸菌までカットする汚水システム）</v>
          </cell>
        </row>
        <row r="3344">
          <cell r="B3344">
            <v>12783</v>
          </cell>
          <cell r="C3344" t="str">
            <v>大崎データテック(株)</v>
          </cell>
          <cell r="D3344" t="str">
            <v>03-5447-2260</v>
          </cell>
          <cell r="E3344" t="str">
            <v>141-0022</v>
          </cell>
          <cell r="F3344" t="str">
            <v>東京都品川区東五反田2-1-10</v>
          </cell>
          <cell r="G3344" t="str">
            <v>東京都</v>
          </cell>
          <cell r="H3344" t="str">
            <v/>
          </cell>
          <cell r="I3344" t="str">
            <v>代表取締役 石本　裕章</v>
          </cell>
          <cell r="J3344" t="str">
            <v>本店</v>
          </cell>
          <cell r="K3344" t="str">
            <v>03-5447-0217</v>
          </cell>
          <cell r="L3344" t="str">
            <v>water-n@datatech.co.jp</v>
          </cell>
          <cell r="M3344" t="str">
            <v>ｵｵｻｷﾃﾞｰﾀﾃｯｸ</v>
          </cell>
          <cell r="N3344" t="str">
            <v>無</v>
          </cell>
          <cell r="O3344">
            <v>28</v>
          </cell>
          <cell r="P3344">
            <v>82</v>
          </cell>
          <cell r="Q3344">
            <v>3010701022603</v>
          </cell>
          <cell r="R3344">
            <v>350000</v>
          </cell>
          <cell r="S3344">
            <v>917207</v>
          </cell>
          <cell r="T3344">
            <v>2155436</v>
          </cell>
          <cell r="V3344" t="str">
            <v>xu102702</v>
          </cell>
          <cell r="W3344" t="str">
            <v>ze193668</v>
          </cell>
          <cell r="Y3344" t="str">
            <v>036，36，42，44，58，61，</v>
          </cell>
          <cell r="Z3344">
            <v>42</v>
          </cell>
          <cell r="AA3344">
            <v>58</v>
          </cell>
          <cell r="AB3344">
            <v>61</v>
          </cell>
          <cell r="AC3344">
            <v>36</v>
          </cell>
          <cell r="AD3344" t="str">
            <v/>
          </cell>
          <cell r="AE3344" t="str">
            <v>１；検針用機器（ハンディーターミナル、携帯型プリンタ）、ハイブリッド水道メーター２；水道総合管理システム３；検針・料金徴収・窓口・収納・滞納整理・会計受託業務４；検針用無線端末</v>
          </cell>
          <cell r="AF3344" t="str">
            <v>検針用機器（ハンディーターミナル、携帯型プリンタ）、ハイブリッド水道メーター、水道総合管理システム、検針・料金徴収・窓口・収納・滞納整理・会計受託業務</v>
          </cell>
        </row>
        <row r="3345">
          <cell r="B3345">
            <v>12784</v>
          </cell>
          <cell r="C3345" t="str">
            <v>東京インタープレイ(株)</v>
          </cell>
          <cell r="D3345" t="str">
            <v>03-5825-4028</v>
          </cell>
          <cell r="E3345" t="str">
            <v>103-0027</v>
          </cell>
          <cell r="F3345" t="str">
            <v>東京都中央区日本橋2-10-8</v>
          </cell>
          <cell r="G3345" t="str">
            <v>東京都</v>
          </cell>
          <cell r="H3345" t="str">
            <v/>
          </cell>
          <cell r="I3345" t="str">
            <v>代表取締役 米田　英輝</v>
          </cell>
          <cell r="J3345" t="str">
            <v>本店</v>
          </cell>
          <cell r="K3345" t="str">
            <v>03-5825-4037</v>
          </cell>
          <cell r="L3345" t="str">
            <v>info@tokyo-ip.co.jp</v>
          </cell>
          <cell r="M3345" t="str">
            <v>ﾄｳｷｮｳｲﾝﾀｰﾌﾟﾚｲ</v>
          </cell>
          <cell r="N3345" t="str">
            <v>無</v>
          </cell>
          <cell r="O3345">
            <v>6</v>
          </cell>
          <cell r="P3345">
            <v>8</v>
          </cell>
          <cell r="Q3345">
            <v>5010001148221</v>
          </cell>
          <cell r="R3345">
            <v>3000</v>
          </cell>
          <cell r="S3345">
            <v>7924</v>
          </cell>
          <cell r="T3345">
            <v>118389</v>
          </cell>
          <cell r="V3345" t="str">
            <v>gf171436</v>
          </cell>
          <cell r="W3345" t="str">
            <v>bs199893</v>
          </cell>
          <cell r="Y3345" t="str">
            <v>58，</v>
          </cell>
          <cell r="Z3345">
            <v>58</v>
          </cell>
          <cell r="AA3345" t="str">
            <v/>
          </cell>
          <cell r="AB3345" t="str">
            <v/>
          </cell>
          <cell r="AC3345" t="str">
            <v/>
          </cell>
          <cell r="AD3345" t="str">
            <v/>
          </cell>
          <cell r="AE3345" t="str">
            <v>１；文書共有システム（自社製品）２；３；４；</v>
          </cell>
          <cell r="AF3345" t="str">
            <v>システム（文書共有システム）の開発・運用保守業務が主な業務となります。</v>
          </cell>
        </row>
        <row r="3346">
          <cell r="B3346">
            <v>12786</v>
          </cell>
          <cell r="C3346" t="str">
            <v>大阪環境保全(株)</v>
          </cell>
          <cell r="D3346" t="str">
            <v>06-6609-5381</v>
          </cell>
          <cell r="E3346" t="str">
            <v>558-0013</v>
          </cell>
          <cell r="F3346" t="str">
            <v>大阪府大阪市住吉区我孫子東2-6-17</v>
          </cell>
          <cell r="G3346" t="str">
            <v>大阪市</v>
          </cell>
          <cell r="H3346" t="str">
            <v/>
          </cell>
          <cell r="I3346" t="str">
            <v>代表取締役 安野　俊一</v>
          </cell>
          <cell r="J3346" t="str">
            <v>本店</v>
          </cell>
          <cell r="K3346" t="str">
            <v>06-6609-5380</v>
          </cell>
          <cell r="L3346" t="str">
            <v>eigyo@osaka-env.co.jp</v>
          </cell>
          <cell r="M3346" t="str">
            <v>ｵｵｻｶｶﾝｷｮｳﾎｾﾞﾝ</v>
          </cell>
          <cell r="N3346" t="str">
            <v>無</v>
          </cell>
          <cell r="O3346">
            <v>40</v>
          </cell>
          <cell r="P3346">
            <v>27</v>
          </cell>
          <cell r="Q3346">
            <v>5120001034063</v>
          </cell>
          <cell r="R3346">
            <v>10000</v>
          </cell>
          <cell r="S3346">
            <v>220778</v>
          </cell>
          <cell r="T3346">
            <v>179355</v>
          </cell>
          <cell r="V3346" t="str">
            <v>zj105746</v>
          </cell>
          <cell r="W3346" t="str">
            <v>qv111539</v>
          </cell>
          <cell r="Y3346" t="str">
            <v>48，</v>
          </cell>
          <cell r="Z3346">
            <v>48</v>
          </cell>
          <cell r="AA3346" t="str">
            <v/>
          </cell>
          <cell r="AB3346" t="str">
            <v/>
          </cell>
          <cell r="AC3346" t="str">
            <v/>
          </cell>
          <cell r="AD3346" t="str">
            <v/>
          </cell>
          <cell r="AE3346" t="str">
            <v>１；環境測定機器保守点検２；３；４；</v>
          </cell>
          <cell r="AF3346" t="str">
            <v>大気・水質・土壌等の分析。排ガス・騒音・振動等の測定。絶縁油中等のＰＣＢ分析。アスベスト調査・分析。土壌汚染調査。作業環境測定。環境測定機器の保守点検。</v>
          </cell>
        </row>
        <row r="3347">
          <cell r="B3347">
            <v>12788</v>
          </cell>
          <cell r="C3347" t="str">
            <v>(株)ＪＣクレッセント</v>
          </cell>
          <cell r="D3347" t="str">
            <v>078-997-2382</v>
          </cell>
          <cell r="E3347" t="str">
            <v>651-2274</v>
          </cell>
          <cell r="F3347" t="str">
            <v>兵庫県神戸市西区竹の台6-6</v>
          </cell>
          <cell r="G3347" t="str">
            <v>神戸市</v>
          </cell>
          <cell r="H3347" t="str">
            <v/>
          </cell>
          <cell r="I3347" t="str">
            <v>代表取締役 岡本　享平</v>
          </cell>
          <cell r="J3347" t="str">
            <v>本店</v>
          </cell>
          <cell r="K3347" t="str">
            <v>078-997-2382</v>
          </cell>
          <cell r="L3347" t="str">
            <v>okamoto.kyouhei@gmail.com</v>
          </cell>
          <cell r="M3347" t="str">
            <v>ｼﾞｪｰｼｰｸﾚｯｾﾝﾄ</v>
          </cell>
          <cell r="N3347" t="str">
            <v>無</v>
          </cell>
          <cell r="O3347">
            <v>3</v>
          </cell>
          <cell r="P3347">
            <v>1</v>
          </cell>
          <cell r="Q3347">
            <v>2140001099470</v>
          </cell>
          <cell r="R3347">
            <v>5010</v>
          </cell>
          <cell r="S3347">
            <v>-4535</v>
          </cell>
          <cell r="T3347">
            <v>5735</v>
          </cell>
          <cell r="V3347" t="str">
            <v>uy165059</v>
          </cell>
          <cell r="W3347" t="str">
            <v>mg173993</v>
          </cell>
          <cell r="Y3347" t="str">
            <v>038，02，03，04，05，06，38，</v>
          </cell>
          <cell r="Z3347">
            <v>3</v>
          </cell>
          <cell r="AA3347">
            <v>4</v>
          </cell>
          <cell r="AB3347">
            <v>6</v>
          </cell>
          <cell r="AC3347">
            <v>38</v>
          </cell>
          <cell r="AD3347" t="str">
            <v>防災関連の備蓄水、食品、カンパンや寝袋等が得意</v>
          </cell>
          <cell r="AE3347" t="str">
            <v>１；作業服・制服・防寒着・雨着が得意２；安全靴・長靴・軍手・ゴム手袋が得意３；タオル及び防災毛布が得意４；消防関連手袋等が得意</v>
          </cell>
          <cell r="AF3347" t="str">
            <v>繊維製品、ゴム製品など作業服・衣料品関連を得意としております。また災害備蓄品に力を入れております。</v>
          </cell>
        </row>
        <row r="3348">
          <cell r="B3348">
            <v>12789</v>
          </cell>
          <cell r="C3348" t="str">
            <v>(株)バックスグループ</v>
          </cell>
          <cell r="D3348" t="str">
            <v>03-5793-7911</v>
          </cell>
          <cell r="E3348" t="str">
            <v>150-0013</v>
          </cell>
          <cell r="F3348" t="str">
            <v>東京都渋谷区恵比寿1-19-19</v>
          </cell>
          <cell r="G3348" t="str">
            <v>東京都</v>
          </cell>
          <cell r="H3348" t="str">
            <v/>
          </cell>
          <cell r="I3348" t="str">
            <v>代表取締役社長 岡田　努</v>
          </cell>
          <cell r="J3348" t="str">
            <v>本店</v>
          </cell>
          <cell r="K3348" t="str">
            <v>03-5793-7916</v>
          </cell>
          <cell r="L3348" t="str">
            <v/>
          </cell>
          <cell r="M3348" t="str">
            <v>ﾊﾞｯｸｽｸﾞﾙｰﾌﾟ</v>
          </cell>
          <cell r="N3348" t="str">
            <v>無</v>
          </cell>
          <cell r="O3348">
            <v>30</v>
          </cell>
          <cell r="P3348">
            <v>633</v>
          </cell>
          <cell r="Q3348">
            <v>3011001018770</v>
          </cell>
          <cell r="R3348">
            <v>423852</v>
          </cell>
          <cell r="S3348">
            <v>3551745</v>
          </cell>
          <cell r="T3348">
            <v>13122840</v>
          </cell>
          <cell r="V3348" t="str">
            <v>uq112372</v>
          </cell>
          <cell r="W3348" t="str">
            <v>jy170465</v>
          </cell>
          <cell r="Y3348" t="str">
            <v/>
          </cell>
          <cell r="Z3348" t="str">
            <v/>
          </cell>
          <cell r="AA3348" t="str">
            <v/>
          </cell>
          <cell r="AB3348" t="str">
            <v/>
          </cell>
          <cell r="AC3348" t="str">
            <v/>
          </cell>
          <cell r="AD3348" t="str">
            <v/>
          </cell>
          <cell r="AE3348">
            <v>0</v>
          </cell>
          <cell r="AF3348" t="str">
            <v/>
          </cell>
        </row>
        <row r="3349">
          <cell r="B3349">
            <v>12792</v>
          </cell>
          <cell r="C3349" t="str">
            <v>大阪電気保安(協)</v>
          </cell>
          <cell r="D3349" t="str">
            <v>072-949-3125</v>
          </cell>
          <cell r="E3349" t="str">
            <v>581-0037</v>
          </cell>
          <cell r="F3349" t="str">
            <v>大阪府八尾市太田3-217-11</v>
          </cell>
          <cell r="G3349" t="str">
            <v>八尾市</v>
          </cell>
          <cell r="H3349" t="str">
            <v/>
          </cell>
          <cell r="I3349" t="str">
            <v>代表理事 岩本　昌造</v>
          </cell>
          <cell r="J3349" t="str">
            <v>本店</v>
          </cell>
          <cell r="K3349" t="str">
            <v>072-949-3128</v>
          </cell>
          <cell r="L3349" t="str">
            <v>denki_hoan0206@yahoo.co.jp</v>
          </cell>
          <cell r="M3349" t="str">
            <v>ｵｵｻｶﾃﾞﾝｷﾎｱﾝ</v>
          </cell>
          <cell r="N3349" t="str">
            <v>無</v>
          </cell>
          <cell r="O3349">
            <v>10</v>
          </cell>
          <cell r="P3349">
            <v>18</v>
          </cell>
          <cell r="Q3349">
            <v>9122005002587</v>
          </cell>
          <cell r="R3349">
            <v>2900</v>
          </cell>
          <cell r="S3349">
            <v>2900</v>
          </cell>
          <cell r="T3349">
            <v>68796</v>
          </cell>
          <cell r="V3349" t="str">
            <v>ae168990</v>
          </cell>
          <cell r="W3349" t="str">
            <v>gm179396</v>
          </cell>
          <cell r="Y3349" t="str">
            <v>47，</v>
          </cell>
          <cell r="Z3349">
            <v>47</v>
          </cell>
          <cell r="AA3349" t="str">
            <v/>
          </cell>
          <cell r="AB3349" t="str">
            <v/>
          </cell>
          <cell r="AC3349" t="str">
            <v/>
          </cell>
          <cell r="AD3349" t="str">
            <v/>
          </cell>
          <cell r="AE3349" t="str">
            <v>１；自家用電気工作物保安管理業務２；３；４；</v>
          </cell>
          <cell r="AF3349" t="str">
            <v>自家用電気工作物保安管理業務</v>
          </cell>
        </row>
        <row r="3350">
          <cell r="B3350">
            <v>12793</v>
          </cell>
          <cell r="C3350" t="str">
            <v>キャリアロード(株)</v>
          </cell>
          <cell r="D3350" t="str">
            <v>06-7638-8366</v>
          </cell>
          <cell r="E3350" t="str">
            <v>556-0011</v>
          </cell>
          <cell r="F3350" t="str">
            <v>大阪府大阪市浪速区難波中1-10-4南海SK難波ﾋﾞﾙ3F</v>
          </cell>
          <cell r="G3350" t="str">
            <v>大阪市</v>
          </cell>
          <cell r="H3350" t="str">
            <v>難波事業所</v>
          </cell>
          <cell r="I3350" t="str">
            <v>事業所長 石田　律美</v>
          </cell>
          <cell r="J3350" t="str">
            <v>東京都</v>
          </cell>
          <cell r="K3350" t="str">
            <v>06-7638-8368</v>
          </cell>
          <cell r="L3350" t="str">
            <v>eigyobu@careerroad.co.jp</v>
          </cell>
          <cell r="M3350" t="str">
            <v>ｷｬﾘｱﾛｰﾄﾞ</v>
          </cell>
          <cell r="N3350" t="str">
            <v>有</v>
          </cell>
          <cell r="O3350">
            <v>56</v>
          </cell>
          <cell r="P3350">
            <v>2034</v>
          </cell>
          <cell r="Q3350">
            <v>9010401092148</v>
          </cell>
          <cell r="R3350">
            <v>100000</v>
          </cell>
          <cell r="S3350">
            <v>668394</v>
          </cell>
          <cell r="T3350">
            <v>11013256</v>
          </cell>
          <cell r="V3350" t="str">
            <v>ak141171</v>
          </cell>
          <cell r="W3350" t="str">
            <v>zj198679</v>
          </cell>
          <cell r="Y3350" t="str">
            <v/>
          </cell>
          <cell r="Z3350" t="str">
            <v/>
          </cell>
          <cell r="AA3350" t="str">
            <v/>
          </cell>
          <cell r="AB3350" t="str">
            <v/>
          </cell>
          <cell r="AC3350" t="str">
            <v/>
          </cell>
          <cell r="AD3350" t="str">
            <v/>
          </cell>
          <cell r="AE3350" t="str">
            <v>１；２；３；４；</v>
          </cell>
          <cell r="AF3350" t="str">
            <v>弊社は、物流最大手の日本通運株式会社の１００％子会社として、人材派遣業・請負業・人材紹介業・キャリアコンサルティング業を取り扱っています。特に人材派遣では一般事務・受付・電話交換・データ入力・荷役梱包・封入封緘作業を得意としており、熟練登録社員が多数在籍しています。</v>
          </cell>
        </row>
        <row r="3351">
          <cell r="B3351">
            <v>12794</v>
          </cell>
          <cell r="C3351" t="str">
            <v>ケーテーシステム(株)</v>
          </cell>
          <cell r="D3351" t="str">
            <v>078-642-7339</v>
          </cell>
          <cell r="E3351" t="str">
            <v>653-0035</v>
          </cell>
          <cell r="F3351" t="str">
            <v>兵庫県神戸市長田区庄田町4-1-13</v>
          </cell>
          <cell r="H3351" t="str">
            <v/>
          </cell>
          <cell r="I3351" t="str">
            <v>代表取締役　 川向　武彦</v>
          </cell>
          <cell r="J3351" t="str">
            <v>本店</v>
          </cell>
          <cell r="K3351" t="str">
            <v>078-642-7293</v>
          </cell>
          <cell r="L3351" t="str">
            <v>info@ketesystem.co.jp</v>
          </cell>
          <cell r="M3351" t="str">
            <v>ｹ-ﾃ-ｼｽﾃﾑ</v>
          </cell>
          <cell r="N3351" t="str">
            <v>無</v>
          </cell>
          <cell r="O3351">
            <v>15</v>
          </cell>
          <cell r="P3351">
            <v>3</v>
          </cell>
          <cell r="Q3351">
            <v>9130000000000</v>
          </cell>
          <cell r="R3351">
            <v>10000</v>
          </cell>
          <cell r="S3351">
            <v>132181</v>
          </cell>
          <cell r="T3351">
            <v>100215</v>
          </cell>
          <cell r="V3351" t="str">
            <v>qe119111</v>
          </cell>
          <cell r="W3351" t="str">
            <v>jm198396</v>
          </cell>
          <cell r="Y3351" t="str">
            <v>49,38,3</v>
          </cell>
          <cell r="Z3351">
            <v>49</v>
          </cell>
          <cell r="AA3351">
            <v>38</v>
          </cell>
          <cell r="AB3351">
            <v>3</v>
          </cell>
          <cell r="AC3351" t="str">
            <v/>
          </cell>
          <cell r="AD3351" t="str">
            <v/>
          </cell>
          <cell r="AE3351" t="str">
            <v>１；２；３；４；</v>
          </cell>
          <cell r="AF3351" t="str">
            <v>消防・防災設備の改修工事を得意としています。また消防施設の保守点検、消防用機器等の販売も併せて行っています。</v>
          </cell>
        </row>
        <row r="3352">
          <cell r="B3352">
            <v>12795</v>
          </cell>
          <cell r="C3352" t="str">
            <v>(株)サイネックス</v>
          </cell>
          <cell r="D3352" t="str">
            <v>06-6766-3341</v>
          </cell>
          <cell r="E3352" t="str">
            <v>530-0015</v>
          </cell>
          <cell r="F3352" t="str">
            <v>大阪府大阪市中央区瓦屋町3-6-13</v>
          </cell>
          <cell r="G3352" t="str">
            <v>大阪市</v>
          </cell>
          <cell r="H3352" t="str">
            <v/>
          </cell>
          <cell r="I3352" t="str">
            <v>代表取締役社長　 村田　吉優</v>
          </cell>
          <cell r="J3352" t="str">
            <v>本店</v>
          </cell>
          <cell r="K3352" t="str">
            <v>06-6766-3351</v>
          </cell>
          <cell r="L3352" t="str">
            <v>s.sugimura@scinex.co.jp</v>
          </cell>
          <cell r="M3352" t="str">
            <v>ｻｲﾈﾂｸｽ</v>
          </cell>
          <cell r="N3352" t="str">
            <v>無</v>
          </cell>
          <cell r="O3352">
            <v>65</v>
          </cell>
          <cell r="P3352">
            <v>716</v>
          </cell>
          <cell r="Q3352">
            <v>1120000000000</v>
          </cell>
          <cell r="R3352">
            <v>750000</v>
          </cell>
          <cell r="S3352">
            <v>6682182</v>
          </cell>
          <cell r="T3352">
            <v>8198635</v>
          </cell>
          <cell r="V3352" t="str">
            <v>ik139514</v>
          </cell>
          <cell r="W3352" t="str">
            <v>qx191995</v>
          </cell>
          <cell r="Y3352" t="str">
            <v>57.58.65.73.80</v>
          </cell>
          <cell r="Z3352">
            <v>65</v>
          </cell>
          <cell r="AA3352">
            <v>58</v>
          </cell>
          <cell r="AB3352">
            <v>80</v>
          </cell>
          <cell r="AC3352">
            <v>73</v>
          </cell>
          <cell r="AD3352" t="str">
            <v/>
          </cell>
          <cell r="AE3352" t="str">
            <v>１；２；広報誌等の企画・制作・印刷・配布３；クラウドサービスによる行政情報発信ホームページ及びアプリの作成・開発・運用保守など４；ふるさと納税事務一括代行</v>
          </cell>
          <cell r="AF3352" t="str">
            <v>地方自治体の財政負担なく発行する地方行政情報誌『わが街辞典』及び地域住民への広報に必要な印刷物の企画・制作・印刷・配布をはじめ、クラウドサービスによる行政情報発信ホームページ及びアプリの開発や保守、ふるさと納税支援事業等を行っております。</v>
          </cell>
        </row>
        <row r="3353">
          <cell r="B3353">
            <v>12798</v>
          </cell>
          <cell r="C3353" t="str">
            <v>ＮＴＴタウンページ(株)</v>
          </cell>
          <cell r="D3353" t="str">
            <v>03-6279-3097</v>
          </cell>
          <cell r="E3353" t="str">
            <v>164-0011</v>
          </cell>
          <cell r="F3353" t="str">
            <v>東京都中野区中央3-24-9</v>
          </cell>
          <cell r="G3353" t="str">
            <v>東京都</v>
          </cell>
          <cell r="H3353" t="str">
            <v>ソリューション営業部</v>
          </cell>
          <cell r="I3353" t="str">
            <v>取締役ソリューション営業部長 井上　登晃</v>
          </cell>
          <cell r="J3353" t="str">
            <v>東京都</v>
          </cell>
          <cell r="K3353" t="str">
            <v/>
          </cell>
          <cell r="L3353" t="str">
            <v>kns-soldb@ntt-tp.co.jp</v>
          </cell>
          <cell r="M3353" t="str">
            <v>ｴﾇﾃｨﾃｨﾀｳﾝﾍﾟｰｼﾞ</v>
          </cell>
          <cell r="N3353" t="str">
            <v>有</v>
          </cell>
          <cell r="O3353">
            <v>21</v>
          </cell>
          <cell r="P3353">
            <v>1868</v>
          </cell>
          <cell r="Q3353">
            <v>3010401036746</v>
          </cell>
          <cell r="R3353">
            <v>100000</v>
          </cell>
          <cell r="S3353">
            <v>10780000</v>
          </cell>
          <cell r="T3353">
            <v>36030000</v>
          </cell>
          <cell r="V3353" t="str">
            <v>jt111793</v>
          </cell>
          <cell r="W3353" t="str">
            <v>jp144198</v>
          </cell>
          <cell r="Y3353" t="str">
            <v>013，13，56，57，59，73，77，</v>
          </cell>
          <cell r="Z3353">
            <v>57</v>
          </cell>
          <cell r="AA3353">
            <v>80</v>
          </cell>
          <cell r="AB3353">
            <v>73</v>
          </cell>
          <cell r="AC3353">
            <v>13</v>
          </cell>
          <cell r="AD3353" t="str">
            <v>・タウンページデータベースから必要なデータを抽出～抽出先のデータへＤＭ発送～ＤＭ発送先へのアウトバウンドコールによる各種調査までワンストップで行います。</v>
          </cell>
          <cell r="AE3353" t="str">
            <v>１；・タウンページデータベース（事業所データ）からの抽出データの提供・タウンページデータベースを活用したデータマッチング及モバイル統計データ、経度緯度情報の組合せによるマーケティングテータの提供２；・自治体の総合受付及び多言語通訳サービス等のインバウンドコール対応業務・アウトバウンドコールによる各種調査３；・ハザードマップ、各種広報誌の企画、印刷及び配布・ＤＭの印刷、封入封緘、発送代行４；ハザードマップ、各種広報誌の企画、印刷及び配布</v>
          </cell>
          <cell r="AF3353" t="str">
            <v>1タウンページデータベース（事業所データ）からの抽出データの提供2ＤＭの印刷、封入封緘、発送代行3アウトバウンドコールによる各種調査4自治体の総合受付及び多言語通訳サービス等のインバウンドコール対応業務5ハザードマップ、各種広報誌の印刷及び配布1～3をワンストップで！</v>
          </cell>
        </row>
        <row r="3354">
          <cell r="B3354">
            <v>12799</v>
          </cell>
          <cell r="C3354" t="str">
            <v>フォーレスト</v>
          </cell>
          <cell r="D3354" t="str">
            <v>06-6415-8397</v>
          </cell>
          <cell r="E3354" t="str">
            <v>661-0026</v>
          </cell>
          <cell r="F3354" t="str">
            <v>兵庫県尼崎市水堂町1丁目19-6</v>
          </cell>
          <cell r="G3354" t="str">
            <v>尼崎市</v>
          </cell>
          <cell r="H3354" t="str">
            <v/>
          </cell>
          <cell r="I3354" t="str">
            <v xml:space="preserve"> 小松　雄大</v>
          </cell>
          <cell r="J3354" t="str">
            <v>本店</v>
          </cell>
          <cell r="K3354" t="str">
            <v>06-6415-8398</v>
          </cell>
          <cell r="L3354" t="str">
            <v>forrest@juno.ocn.ne.jp</v>
          </cell>
          <cell r="M3354" t="str">
            <v>ﾌｫｰﾚｽﾄ</v>
          </cell>
          <cell r="N3354" t="str">
            <v>無</v>
          </cell>
          <cell r="O3354">
            <v>28</v>
          </cell>
          <cell r="P3354">
            <v>3</v>
          </cell>
          <cell r="Q3354" t="str">
            <v/>
          </cell>
          <cell r="R3354">
            <v>2000</v>
          </cell>
          <cell r="S3354">
            <v>15000</v>
          </cell>
          <cell r="T3354">
            <v>20000</v>
          </cell>
          <cell r="V3354" t="str">
            <v>jv174279</v>
          </cell>
          <cell r="W3354" t="str">
            <v>xq167133</v>
          </cell>
          <cell r="Y3354" t="str">
            <v>066，66，73，74，76，</v>
          </cell>
          <cell r="Z3354">
            <v>73</v>
          </cell>
          <cell r="AA3354">
            <v>76</v>
          </cell>
          <cell r="AB3354">
            <v>74</v>
          </cell>
          <cell r="AC3354">
            <v>66</v>
          </cell>
          <cell r="AD3354" t="str">
            <v/>
          </cell>
          <cell r="AE3354" t="str">
            <v>１；２；３；４；</v>
          </cell>
          <cell r="AF3354" t="str">
            <v>印刷物全般において、クライアント様のご要望にお応えするをモットーに日々営業に精進しております。</v>
          </cell>
        </row>
        <row r="3355">
          <cell r="B3355">
            <v>12800</v>
          </cell>
          <cell r="C3355" t="str">
            <v>特定非営利活動法人グローバル教育推進機構</v>
          </cell>
          <cell r="D3355" t="str">
            <v>06-6210-2258</v>
          </cell>
          <cell r="E3355" t="str">
            <v>541-0056</v>
          </cell>
          <cell r="F3355" t="str">
            <v>大阪府大阪市中央区久太郎町4-2-15</v>
          </cell>
          <cell r="G3355" t="str">
            <v>大阪市</v>
          </cell>
          <cell r="H3355" t="str">
            <v/>
          </cell>
          <cell r="I3355" t="str">
            <v>理事 中園　潔</v>
          </cell>
          <cell r="J3355" t="str">
            <v>本店</v>
          </cell>
          <cell r="K3355" t="str">
            <v>06-6210-5572</v>
          </cell>
          <cell r="L3355" t="str">
            <v>shirai@npo-glad.org</v>
          </cell>
          <cell r="M3355" t="str">
            <v>ｸﾞﾛｰﾊﾞﾙｷｮｳｲｸｽｲｼﾝｷｺｳ</v>
          </cell>
          <cell r="N3355" t="str">
            <v>無</v>
          </cell>
          <cell r="O3355">
            <v>7</v>
          </cell>
          <cell r="P3355">
            <v>20</v>
          </cell>
          <cell r="Q3355">
            <v>2122005002750</v>
          </cell>
          <cell r="R3355">
            <v>0</v>
          </cell>
          <cell r="S3355">
            <v>21411</v>
          </cell>
          <cell r="T3355">
            <v>331513</v>
          </cell>
          <cell r="V3355" t="str">
            <v>pg158616</v>
          </cell>
          <cell r="W3355" t="str">
            <v>st113557</v>
          </cell>
          <cell r="Y3355" t="str">
            <v>56，</v>
          </cell>
          <cell r="Z3355">
            <v>56</v>
          </cell>
          <cell r="AA3355" t="str">
            <v/>
          </cell>
          <cell r="AB3355" t="str">
            <v/>
          </cell>
          <cell r="AC3355" t="str">
            <v/>
          </cell>
          <cell r="AD3355" t="str">
            <v/>
          </cell>
          <cell r="AE3355" t="str">
            <v>１；外国語指導助手派遣・業務委託２；３；４；</v>
          </cell>
          <cell r="AF3355" t="str">
            <v>弊社の源流はインターナショナルスクールを運営する法人です。東日本大震災後、母体のノウハウを活かし社会貢献事業に取組むことを目的として設立され公立学校を中心とした外国人講師の派遣業務を運営しています。</v>
          </cell>
        </row>
        <row r="3356">
          <cell r="B3356">
            <v>12801</v>
          </cell>
          <cell r="C3356" t="str">
            <v>壽環境機材(株)</v>
          </cell>
          <cell r="D3356" t="str">
            <v>06-6352-5880</v>
          </cell>
          <cell r="E3356" t="str">
            <v>530-0043</v>
          </cell>
          <cell r="F3356" t="str">
            <v>大阪府大阪市北区天満1-19-4</v>
          </cell>
          <cell r="G3356" t="str">
            <v>大阪市</v>
          </cell>
          <cell r="H3356" t="str">
            <v/>
          </cell>
          <cell r="I3356" t="str">
            <v>代表取締役 高木　眞敏</v>
          </cell>
          <cell r="J3356" t="str">
            <v>本店</v>
          </cell>
          <cell r="K3356" t="str">
            <v>06-6352-9367</v>
          </cell>
          <cell r="L3356" t="str">
            <v>k.kitano@kotobukikk.com</v>
          </cell>
          <cell r="M3356" t="str">
            <v>ｺﾄﾌﾞｷｶﾝｷｮｳｷｻﾞｲ</v>
          </cell>
          <cell r="N3356" t="str">
            <v>無</v>
          </cell>
          <cell r="O3356">
            <v>31</v>
          </cell>
          <cell r="P3356">
            <v>68</v>
          </cell>
          <cell r="Q3356">
            <v>9120001063918</v>
          </cell>
          <cell r="R3356">
            <v>32000</v>
          </cell>
          <cell r="S3356">
            <v>779343</v>
          </cell>
          <cell r="T3356">
            <v>2573730</v>
          </cell>
          <cell r="V3356" t="str">
            <v>dd154008</v>
          </cell>
          <cell r="W3356" t="str">
            <v>qw116199</v>
          </cell>
          <cell r="Y3356" t="str">
            <v>046，10，46，48，51，</v>
          </cell>
          <cell r="Z3356">
            <v>48</v>
          </cell>
          <cell r="AA3356">
            <v>10</v>
          </cell>
          <cell r="AB3356">
            <v>51</v>
          </cell>
          <cell r="AC3356">
            <v>46</v>
          </cell>
          <cell r="AD3356" t="str">
            <v/>
          </cell>
          <cell r="AE3356" t="str">
            <v>１；２；毒物劇物一般販売業３；４；</v>
          </cell>
          <cell r="AF3356" t="str">
            <v>【排水処理装置】加圧浮上装置、規格型加圧浮上装置、凝集沈殿処理装置【用水処理装置】急速ろ過装置、除鉄・除マンガン装置【洗浄装置】車両洗浄装置、部品洗浄装置、台車洗浄装置【メンテナンス（役務）】【工業用薬品・水処理剤】凝集剤、ＰＡＣ、苛性ソーダ、洗浄剤</v>
          </cell>
        </row>
        <row r="3357">
          <cell r="B3357">
            <v>12803</v>
          </cell>
          <cell r="C3357" t="str">
            <v>(株)綜合電装</v>
          </cell>
          <cell r="D3357" t="str">
            <v>06-6379-7565</v>
          </cell>
          <cell r="E3357" t="str">
            <v>533-0031</v>
          </cell>
          <cell r="F3357" t="str">
            <v>大阪府大阪市東淀川区西淡路1-3-26</v>
          </cell>
          <cell r="G3357" t="str">
            <v>大阪市</v>
          </cell>
          <cell r="H3357" t="str">
            <v/>
          </cell>
          <cell r="I3357" t="str">
            <v>代表取締役 高藤　俊信</v>
          </cell>
          <cell r="J3357" t="str">
            <v>本店</v>
          </cell>
          <cell r="K3357" t="str">
            <v>06-6379-7596</v>
          </cell>
          <cell r="L3357" t="str">
            <v>hayashi@k-soden.co.jp</v>
          </cell>
          <cell r="M3357" t="str">
            <v>ｿｳｺﾞｳﾃﾞﾝｿｳ</v>
          </cell>
          <cell r="N3357" t="str">
            <v>無</v>
          </cell>
          <cell r="O3357">
            <v>21</v>
          </cell>
          <cell r="P3357">
            <v>39</v>
          </cell>
          <cell r="Q3357">
            <v>4120001052181</v>
          </cell>
          <cell r="R3357">
            <v>20000</v>
          </cell>
          <cell r="S3357">
            <v>21328</v>
          </cell>
          <cell r="T3357">
            <v>570406</v>
          </cell>
          <cell r="V3357" t="str">
            <v>ok125608</v>
          </cell>
          <cell r="W3357" t="str">
            <v>hy174881</v>
          </cell>
          <cell r="Y3357" t="str">
            <v>42，47，48，</v>
          </cell>
          <cell r="Z3357">
            <v>42</v>
          </cell>
          <cell r="AA3357">
            <v>48</v>
          </cell>
          <cell r="AB3357">
            <v>47</v>
          </cell>
          <cell r="AC3357" t="str">
            <v/>
          </cell>
          <cell r="AD3357" t="str">
            <v/>
          </cell>
          <cell r="AE3357" t="str">
            <v>１；自動制御機器メーカーであるアズビル株式会社の販売代理をしています。２；３；４；</v>
          </cell>
          <cell r="AF3357" t="str">
            <v>自動制御機器メーカーであるアズビル株式会社販売店として自動制御機器・中央監視装置の販売・据付・施工・試運転調整・保守を主体事業としています。その他、ビル・工場・公共施設等全般の電気計装設備の設計施工を行っており、空調設備においては修繕・改修工事、保守全般に対応しています。</v>
          </cell>
        </row>
        <row r="3358">
          <cell r="B3358">
            <v>12804</v>
          </cell>
          <cell r="C3358" t="str">
            <v>(福)鵜足津福祉会</v>
          </cell>
          <cell r="D3358" t="str">
            <v>0875-74-7811</v>
          </cell>
          <cell r="E3358" t="str">
            <v>767-0021</v>
          </cell>
          <cell r="F3358" t="str">
            <v>香川県三豊市高瀬町佐股乙425-3</v>
          </cell>
          <cell r="G3358" t="str">
            <v>三豊市</v>
          </cell>
          <cell r="H3358" t="str">
            <v>高瀬荘</v>
          </cell>
          <cell r="I3358" t="str">
            <v>施設長　 片岡　光晴</v>
          </cell>
          <cell r="J3358" t="str">
            <v>香川県</v>
          </cell>
          <cell r="K3358" t="str">
            <v>0875-74-7818</v>
          </cell>
          <cell r="L3358" t="str">
            <v>ryousui@utazufukushikai.or.jp</v>
          </cell>
          <cell r="M3358" t="str">
            <v>ｳﾀﾂﾞﾌｸｼｶｲ</v>
          </cell>
          <cell r="N3358" t="str">
            <v>有</v>
          </cell>
          <cell r="O3358">
            <v>41</v>
          </cell>
          <cell r="P3358">
            <v>651</v>
          </cell>
          <cell r="Q3358">
            <v>1470005002456</v>
          </cell>
          <cell r="R3358">
            <v>1083168</v>
          </cell>
          <cell r="S3358">
            <v>18066678</v>
          </cell>
          <cell r="T3358">
            <v>60683</v>
          </cell>
          <cell r="V3358" t="str">
            <v>do114906</v>
          </cell>
          <cell r="W3358" t="str">
            <v>eｒ139987</v>
          </cell>
          <cell r="Y3358">
            <v>61</v>
          </cell>
          <cell r="Z3358">
            <v>61</v>
          </cell>
          <cell r="AA3358" t="str">
            <v/>
          </cell>
          <cell r="AB3358" t="str">
            <v/>
          </cell>
          <cell r="AC3358" t="str">
            <v/>
          </cell>
          <cell r="AD3358" t="str">
            <v/>
          </cell>
          <cell r="AE3358" t="str">
            <v>１；２；水道メーター３；４；</v>
          </cell>
          <cell r="AF3358" t="str">
            <v>就労継続支援Ｂ型事業所において、自社製の水道メーター（１３φ～４０φ）を製造、修理を行っております。</v>
          </cell>
        </row>
        <row r="3359">
          <cell r="B3359">
            <v>12805</v>
          </cell>
          <cell r="C3359" t="str">
            <v>荒尾電気設備管理事務所</v>
          </cell>
          <cell r="D3359" t="str">
            <v>072-768-9291</v>
          </cell>
          <cell r="E3359" t="str">
            <v>664-0897</v>
          </cell>
          <cell r="F3359" t="str">
            <v>兵庫県伊丹市桜ｹ丘1-2-16-305</v>
          </cell>
          <cell r="G3359" t="str">
            <v>伊丹市</v>
          </cell>
          <cell r="H3359" t="str">
            <v/>
          </cell>
          <cell r="I3359" t="str">
            <v xml:space="preserve"> 荒尾　孝高</v>
          </cell>
          <cell r="J3359" t="str">
            <v>本店</v>
          </cell>
          <cell r="K3359" t="str">
            <v>072-768-9292</v>
          </cell>
          <cell r="L3359" t="str">
            <v>arao-ksdk17@clock.ocn.ne.jp</v>
          </cell>
          <cell r="M3359" t="str">
            <v>ｱﾗｵﾃﾞﾝｷｾﾂﾋﾞｶﾝﾘｼﾞﾑｼｮ</v>
          </cell>
          <cell r="N3359" t="str">
            <v>無</v>
          </cell>
          <cell r="O3359">
            <v>2</v>
          </cell>
          <cell r="P3359">
            <v>1</v>
          </cell>
          <cell r="Q3359" t="str">
            <v/>
          </cell>
          <cell r="R3359">
            <v>3000</v>
          </cell>
          <cell r="S3359">
            <v>3000</v>
          </cell>
          <cell r="T3359">
            <v>9000</v>
          </cell>
          <cell r="V3359" t="str">
            <v>bv176107</v>
          </cell>
          <cell r="W3359" t="str">
            <v>gw137896</v>
          </cell>
          <cell r="Y3359" t="str">
            <v>47，</v>
          </cell>
          <cell r="Z3359">
            <v>47</v>
          </cell>
          <cell r="AA3359" t="str">
            <v/>
          </cell>
          <cell r="AB3359" t="str">
            <v/>
          </cell>
          <cell r="AC3359" t="str">
            <v/>
          </cell>
          <cell r="AD3359" t="str">
            <v/>
          </cell>
          <cell r="AE3359" t="str">
            <v>１；第３種電気主任技術者２；３；４；</v>
          </cell>
          <cell r="AF3359" t="str">
            <v>電気主任技術者業務の委託　自家用電気工作物に関する官庁手続き代行業務</v>
          </cell>
        </row>
        <row r="3360">
          <cell r="B3360">
            <v>12807</v>
          </cell>
          <cell r="C3360" t="str">
            <v>東洋冷熱工業(株)</v>
          </cell>
          <cell r="D3360" t="str">
            <v>079-234-0100</v>
          </cell>
          <cell r="E3360" t="str">
            <v>670-0952</v>
          </cell>
          <cell r="F3360" t="str">
            <v>兵庫県姫路市南条3-2</v>
          </cell>
          <cell r="G3360" t="str">
            <v>姫路市</v>
          </cell>
          <cell r="H3360" t="str">
            <v/>
          </cell>
          <cell r="I3360" t="str">
            <v>代表取締役 水谷　重樹</v>
          </cell>
          <cell r="J3360" t="str">
            <v>本店</v>
          </cell>
          <cell r="K3360" t="str">
            <v>079-234-0105</v>
          </cell>
          <cell r="L3360" t="str">
            <v>kawahara@toyoreinetsu.co.jp</v>
          </cell>
          <cell r="M3360" t="str">
            <v>ﾄｳﾖｳﾚｲﾈﾂｺｳｷﾞｮｳ</v>
          </cell>
          <cell r="N3360" t="str">
            <v>無</v>
          </cell>
          <cell r="O3360">
            <v>50</v>
          </cell>
          <cell r="P3360">
            <v>30</v>
          </cell>
          <cell r="Q3360">
            <v>7140001060246</v>
          </cell>
          <cell r="R3360">
            <v>20000</v>
          </cell>
          <cell r="S3360">
            <v>694484</v>
          </cell>
          <cell r="T3360">
            <v>2107672</v>
          </cell>
          <cell r="V3360" t="str">
            <v>xb175814</v>
          </cell>
          <cell r="W3360" t="str">
            <v>xa159999</v>
          </cell>
          <cell r="Y3360" t="str">
            <v>35，47，</v>
          </cell>
          <cell r="Z3360">
            <v>35</v>
          </cell>
          <cell r="AA3360">
            <v>47</v>
          </cell>
          <cell r="AB3360" t="str">
            <v/>
          </cell>
          <cell r="AC3360" t="str">
            <v/>
          </cell>
          <cell r="AD3360" t="str">
            <v/>
          </cell>
          <cell r="AE3360" t="str">
            <v>１；特：大阪ガス（株）２；空調設備の管理・点検・修繕３；４；</v>
          </cell>
          <cell r="AF3360" t="str">
            <v>空調・換気・排煙設備、ソーラーシステム等、大阪ガスとの協同により地域環境に優しいガス空調システムの提案・設計・施工、空調機器の販売、保守管理業務を行う</v>
          </cell>
        </row>
        <row r="3361">
          <cell r="B3361">
            <v>12808</v>
          </cell>
          <cell r="C3361" t="str">
            <v>(株)ＧＰＭＯ</v>
          </cell>
          <cell r="D3361" t="str">
            <v>06-6225-7379</v>
          </cell>
          <cell r="E3361" t="str">
            <v>532-0011</v>
          </cell>
          <cell r="F3361" t="str">
            <v>大阪府大阪市淀川区西中島6-2-3</v>
          </cell>
          <cell r="G3361" t="str">
            <v>大阪市</v>
          </cell>
          <cell r="H3361" t="str">
            <v>関西事務所</v>
          </cell>
          <cell r="I3361" t="str">
            <v>事務所長 神原　孝行</v>
          </cell>
          <cell r="J3361" t="str">
            <v>香川県高松市</v>
          </cell>
          <cell r="K3361" t="str">
            <v>06-7632-4057</v>
          </cell>
          <cell r="L3361" t="str">
            <v>kkanbara@gpmo.jp</v>
          </cell>
          <cell r="M3361" t="str">
            <v>ｼﾞｰﾋﾟｰｴﾑｵｰ</v>
          </cell>
          <cell r="N3361" t="str">
            <v>有</v>
          </cell>
          <cell r="O3361">
            <v>2</v>
          </cell>
          <cell r="P3361">
            <v>16</v>
          </cell>
          <cell r="Q3361">
            <v>4470001015797</v>
          </cell>
          <cell r="R3361">
            <v>30000</v>
          </cell>
          <cell r="S3361">
            <v>39765</v>
          </cell>
          <cell r="T3361">
            <v>183723</v>
          </cell>
          <cell r="V3361" t="str">
            <v>cc121958</v>
          </cell>
          <cell r="W3361" t="str">
            <v>xf171933</v>
          </cell>
          <cell r="Y3361" t="str">
            <v>046，46，63，77，</v>
          </cell>
          <cell r="Z3361">
            <v>77</v>
          </cell>
          <cell r="AA3361">
            <v>80</v>
          </cell>
          <cell r="AB3361">
            <v>63</v>
          </cell>
          <cell r="AC3361">
            <v>46</v>
          </cell>
          <cell r="AD3361" t="str">
            <v/>
          </cell>
          <cell r="AE3361" t="str">
            <v>１；官民連携事業に関わる各種調査業務、各種アンケート調査、各種市場調査等２；官民連携事業支援業務、公共経営支援業務等３；イベントおよびワークショップの企画、運営４；指定管理業務等</v>
          </cell>
          <cell r="AF3361" t="str">
            <v>測量、土木、その他コンサル及びそれに付随する業務を希望し、公共経営支援業務として、各種の調査、計画策定を得意とします。また、官民連携支援業務として導入可能性調査、アドバイザリー業務を得意とします。</v>
          </cell>
        </row>
        <row r="3362">
          <cell r="B3362">
            <v>12809</v>
          </cell>
          <cell r="C3362" t="str">
            <v>(株)ＣＴＩウイング</v>
          </cell>
          <cell r="D3362" t="str">
            <v>078-855-5061</v>
          </cell>
          <cell r="E3362" t="str">
            <v>651-0086</v>
          </cell>
          <cell r="F3362" t="str">
            <v>兵庫県神戸市中央区磯上通7-1-30</v>
          </cell>
          <cell r="G3362" t="str">
            <v>神戸市</v>
          </cell>
          <cell r="H3362" t="str">
            <v>兵庫事務所</v>
          </cell>
          <cell r="I3362" t="str">
            <v>所長　佐々木　良作</v>
          </cell>
          <cell r="J3362" t="str">
            <v>大阪府大阪市中央区道修町1-6-7</v>
          </cell>
          <cell r="K3362" t="str">
            <v>078-855-5062</v>
          </cell>
          <cell r="L3362" t="str">
            <v>ctiw04@tenor.ocn.ne.jp</v>
          </cell>
          <cell r="M3362" t="str">
            <v>ｼｰﾃｨｰｱｲｳｲﾝｸﾞ</v>
          </cell>
          <cell r="N3362" t="str">
            <v>有</v>
          </cell>
          <cell r="O3362">
            <v>31</v>
          </cell>
          <cell r="P3362">
            <v>81</v>
          </cell>
          <cell r="Q3362">
            <v>2120001085010</v>
          </cell>
          <cell r="R3362">
            <v>100000</v>
          </cell>
          <cell r="S3362">
            <v>214258</v>
          </cell>
          <cell r="T3362">
            <v>775938</v>
          </cell>
          <cell r="V3362" t="str">
            <v>sy117410</v>
          </cell>
          <cell r="W3362" t="str">
            <v>zk138665</v>
          </cell>
          <cell r="Y3362" t="str">
            <v>77，</v>
          </cell>
          <cell r="Z3362" t="str">
            <v>[物品]</v>
          </cell>
          <cell r="AA3362">
            <v>77</v>
          </cell>
          <cell r="AB3362" t="str">
            <v/>
          </cell>
          <cell r="AC3362" t="str">
            <v/>
          </cell>
          <cell r="AD3362" t="str">
            <v/>
          </cell>
          <cell r="AE3362" t="str">
            <v>１；２；３；４；</v>
          </cell>
          <cell r="AF3362" t="str">
            <v>大気・騒音・振動などの調査・解析、自動車騒音の面的評価、環境影響評価、交通量調査、アンケート調査、河川構造物設計、ダムの調査・計画・設計、道路及び道路構造物設計、道路に関する調査・点検、橋梁の調査・計画・設計、橋梁点検</v>
          </cell>
        </row>
        <row r="3363">
          <cell r="B3363">
            <v>12810</v>
          </cell>
          <cell r="C3363" t="str">
            <v>ティーメディクス(株)</v>
          </cell>
          <cell r="D3363" t="str">
            <v>03-3349-8590</v>
          </cell>
          <cell r="E3363" t="str">
            <v>160-0023</v>
          </cell>
          <cell r="F3363" t="str">
            <v>東京都新宿区西新宿1-22-2</v>
          </cell>
          <cell r="G3363" t="str">
            <v>東京都</v>
          </cell>
          <cell r="H3363" t="str">
            <v/>
          </cell>
          <cell r="I3363" t="str">
            <v>代表取締役 森　一晃</v>
          </cell>
          <cell r="J3363" t="str">
            <v>本店</v>
          </cell>
          <cell r="K3363" t="str">
            <v>03-3349-8591</v>
          </cell>
          <cell r="L3363" t="str">
            <v>nyusatsu_info@tmedix.com</v>
          </cell>
          <cell r="M3363" t="str">
            <v>ﾃｨｰﾒﾃﾞｨｸｽ</v>
          </cell>
          <cell r="N3363" t="str">
            <v>無</v>
          </cell>
          <cell r="O3363">
            <v>14</v>
          </cell>
          <cell r="P3363">
            <v>74</v>
          </cell>
          <cell r="Q3363">
            <v>5011101053360</v>
          </cell>
          <cell r="R3363">
            <v>50000</v>
          </cell>
          <cell r="S3363">
            <v>1162015</v>
          </cell>
          <cell r="T3363">
            <v>17078564</v>
          </cell>
          <cell r="V3363" t="str">
            <v>we143208</v>
          </cell>
          <cell r="W3363" t="str">
            <v>ln193787</v>
          </cell>
          <cell r="Y3363" t="str">
            <v>069，9，39，44，69，</v>
          </cell>
          <cell r="Z3363">
            <v>44</v>
          </cell>
          <cell r="AA3363">
            <v>39</v>
          </cell>
          <cell r="AB3363">
            <v>9</v>
          </cell>
          <cell r="AC3363">
            <v>69</v>
          </cell>
          <cell r="AD3363" t="str">
            <v/>
          </cell>
          <cell r="AE3363" t="str">
            <v>１；高度管理医療機器等販売業貸与業・医療機器修理業　オリンパス（株）製品２；高度管理医療機器等販売業貸与業　オリンパス（株）製品３；医薬品販売業　サラヤ（株）製アセサイドのみ４；古物商　オリンパス（株）製品</v>
          </cell>
          <cell r="AF3363" t="str">
            <v>医療機器全般のファイナンス提供・診療経営改善コンサルタント・医療関連用品の開発製造販売・高度管理医療機器の販売と賃貸</v>
          </cell>
        </row>
        <row r="3364">
          <cell r="B3364">
            <v>12811</v>
          </cell>
          <cell r="C3364" t="str">
            <v>フランスベッド株式会社</v>
          </cell>
          <cell r="D3364" t="str">
            <v>0798-23-5461</v>
          </cell>
          <cell r="E3364" t="str">
            <v>662-0934</v>
          </cell>
          <cell r="F3364" t="str">
            <v>兵庫県西宮市西宮浜1-41</v>
          </cell>
          <cell r="G3364" t="str">
            <v>西宮市</v>
          </cell>
          <cell r="H3364" t="str">
            <v>メディカル西宮営業所</v>
          </cell>
          <cell r="I3364" t="str">
            <v>所長 藤村　裕介</v>
          </cell>
          <cell r="J3364" t="str">
            <v>東京都昭島市</v>
          </cell>
          <cell r="K3364" t="str">
            <v>0798-23-5462</v>
          </cell>
          <cell r="L3364" t="str">
            <v/>
          </cell>
          <cell r="M3364" t="str">
            <v>ﾌﾗﾝｽﾍﾞｯﾄﾞｶﾌﾞｼｷｶｲｼｬ</v>
          </cell>
          <cell r="N3364" t="str">
            <v>有</v>
          </cell>
          <cell r="O3364">
            <v>74</v>
          </cell>
          <cell r="P3364">
            <v>2110</v>
          </cell>
          <cell r="Q3364">
            <v>5012801004462</v>
          </cell>
          <cell r="R3364">
            <v>5604500</v>
          </cell>
          <cell r="S3364">
            <v>35521000</v>
          </cell>
          <cell r="T3364">
            <v>50000000</v>
          </cell>
          <cell r="V3364" t="str">
            <v>gz102864</v>
          </cell>
          <cell r="W3364" t="str">
            <v>qn129704</v>
          </cell>
          <cell r="Y3364" t="str">
            <v/>
          </cell>
          <cell r="Z3364" t="str">
            <v/>
          </cell>
          <cell r="AA3364" t="str">
            <v/>
          </cell>
          <cell r="AB3364" t="str">
            <v/>
          </cell>
          <cell r="AC3364" t="str">
            <v/>
          </cell>
          <cell r="AD3364" t="str">
            <v/>
          </cell>
          <cell r="AE3364" t="str">
            <v>１；２；３；４；</v>
          </cell>
          <cell r="AF3364" t="str">
            <v/>
          </cell>
        </row>
        <row r="3365">
          <cell r="B3365">
            <v>12812</v>
          </cell>
          <cell r="C3365" t="str">
            <v>ジーブレイン(株)</v>
          </cell>
          <cell r="D3365" t="str">
            <v>075-465-9210</v>
          </cell>
          <cell r="E3365" t="str">
            <v>602-8466</v>
          </cell>
          <cell r="F3365" t="str">
            <v>京都府京都市上京区千本通元誓願寺上る南辻町369番地の3</v>
          </cell>
          <cell r="G3365" t="str">
            <v>京都市</v>
          </cell>
          <cell r="H3365" t="str">
            <v/>
          </cell>
          <cell r="I3365" t="str">
            <v>代表取締役社長 小柴　宏記</v>
          </cell>
          <cell r="J3365" t="str">
            <v>本店</v>
          </cell>
          <cell r="K3365" t="str">
            <v>075-465-9246</v>
          </cell>
          <cell r="L3365" t="str">
            <v>gb-info@gbrain.co.jp</v>
          </cell>
          <cell r="M3365" t="str">
            <v>ｼﾞｰﾌﾞﾚｲﾝ</v>
          </cell>
          <cell r="N3365" t="str">
            <v>無</v>
          </cell>
          <cell r="O3365">
            <v>3</v>
          </cell>
          <cell r="P3365">
            <v>7</v>
          </cell>
          <cell r="Q3365">
            <v>7130001058910</v>
          </cell>
          <cell r="R3365">
            <v>10000</v>
          </cell>
          <cell r="S3365">
            <v>-3542</v>
          </cell>
          <cell r="T3365">
            <v>20024</v>
          </cell>
          <cell r="V3365" t="str">
            <v>na174986</v>
          </cell>
          <cell r="W3365" t="str">
            <v>gj165603</v>
          </cell>
          <cell r="Y3365" t="str">
            <v>58，</v>
          </cell>
          <cell r="Z3365" t="str">
            <v/>
          </cell>
          <cell r="AA3365" t="str">
            <v/>
          </cell>
          <cell r="AB3365" t="str">
            <v/>
          </cell>
          <cell r="AC3365" t="str">
            <v/>
          </cell>
          <cell r="AD3365" t="str">
            <v/>
          </cell>
          <cell r="AE3365" t="str">
            <v>１；情報セキュリティ関連全般について、ご支援させて頂きます。２；３；４；</v>
          </cell>
          <cell r="AF3365" t="str">
            <v>地方自治体特有の業務を考慮した適切な監査方針に基づく情報セキュリティ管理の設計監査及び運用状況の監査を行ないます。さらに情報システムの適切な運用管理を確認するシステム監査と合わせたセキュリティ監査を行ないます。</v>
          </cell>
        </row>
        <row r="3366">
          <cell r="B3366">
            <v>12814</v>
          </cell>
          <cell r="C3366" t="str">
            <v>(株)ジェイエムエフ</v>
          </cell>
          <cell r="D3366" t="str">
            <v>06-6627-4665</v>
          </cell>
          <cell r="E3366" t="str">
            <v>545-0021</v>
          </cell>
          <cell r="F3366" t="str">
            <v>大阪府大阪市阿倍野区阪南町5-5-18</v>
          </cell>
          <cell r="G3366" t="str">
            <v>大阪市</v>
          </cell>
          <cell r="H3366" t="str">
            <v/>
          </cell>
          <cell r="I3366" t="str">
            <v>代表取締役 山田　典昭</v>
          </cell>
          <cell r="J3366" t="str">
            <v>本店</v>
          </cell>
          <cell r="K3366" t="str">
            <v>06-6627-4666</v>
          </cell>
          <cell r="L3366" t="str">
            <v>tsuji@nichidan-inc.co.jp</v>
          </cell>
          <cell r="M3366" t="str">
            <v>ｼﾞｪｲｴﾑｴﾌ</v>
          </cell>
          <cell r="N3366" t="str">
            <v>無</v>
          </cell>
          <cell r="O3366">
            <v>30</v>
          </cell>
          <cell r="P3366">
            <v>17</v>
          </cell>
          <cell r="Q3366">
            <v>5120001005436</v>
          </cell>
          <cell r="R3366">
            <v>10000</v>
          </cell>
          <cell r="S3366">
            <v>18090</v>
          </cell>
          <cell r="T3366">
            <v>48168</v>
          </cell>
          <cell r="V3366" t="str">
            <v>nh160519</v>
          </cell>
          <cell r="W3366" t="str">
            <v>dj199639</v>
          </cell>
          <cell r="Y3366" t="str">
            <v/>
          </cell>
          <cell r="Z3366" t="str">
            <v/>
          </cell>
          <cell r="AA3366" t="str">
            <v/>
          </cell>
          <cell r="AB3366" t="str">
            <v/>
          </cell>
          <cell r="AC3366" t="str">
            <v/>
          </cell>
          <cell r="AD3366" t="str">
            <v/>
          </cell>
          <cell r="AE3366" t="str">
            <v>１；２；３；４；</v>
          </cell>
          <cell r="AF3366" t="str">
            <v>病院、施設、学校等の給食業務</v>
          </cell>
        </row>
        <row r="3367">
          <cell r="B3367">
            <v>12815</v>
          </cell>
          <cell r="C3367" t="str">
            <v>(株)ｉｉ１０４</v>
          </cell>
          <cell r="D3367" t="str">
            <v>072-751-9104</v>
          </cell>
          <cell r="E3367" t="str">
            <v>563-0021</v>
          </cell>
          <cell r="F3367" t="str">
            <v>大阪府池田市畑1-5-27</v>
          </cell>
          <cell r="G3367" t="str">
            <v>池田市</v>
          </cell>
          <cell r="H3367" t="str">
            <v/>
          </cell>
          <cell r="I3367" t="str">
            <v>代表取締役 芳賀　慎一</v>
          </cell>
          <cell r="J3367" t="str">
            <v>本店</v>
          </cell>
          <cell r="K3367" t="str">
            <v>072-753-9981</v>
          </cell>
          <cell r="L3367" t="str">
            <v>eig@ii104.co.jp</v>
          </cell>
          <cell r="M3367" t="str">
            <v>ｱｲｱｲｲﾁﾏﾙﾖﾝ</v>
          </cell>
          <cell r="N3367" t="str">
            <v>無</v>
          </cell>
          <cell r="O3367">
            <v>6</v>
          </cell>
          <cell r="P3367">
            <v>12</v>
          </cell>
          <cell r="Q3367">
            <v>3120001124089</v>
          </cell>
          <cell r="R3367">
            <v>1000</v>
          </cell>
          <cell r="S3367">
            <v>701</v>
          </cell>
          <cell r="T3367">
            <v>80366</v>
          </cell>
          <cell r="V3367" t="str">
            <v>dm157722</v>
          </cell>
          <cell r="W3367" t="str">
            <v>aｒ139169</v>
          </cell>
          <cell r="Y3367" t="str">
            <v>076，58，63，76，</v>
          </cell>
          <cell r="Z3367">
            <v>63</v>
          </cell>
          <cell r="AA3367">
            <v>80</v>
          </cell>
          <cell r="AB3367">
            <v>58</v>
          </cell>
          <cell r="AC3367">
            <v>76</v>
          </cell>
          <cell r="AD3367" t="str">
            <v/>
          </cell>
          <cell r="AE3367" t="str">
            <v>１；職員研修、市民（障害者向け含む）向けの就職支援等、各種パソコン講習会の企画・運営２；学校ＩＣＴ支援員の配置業務３；ホームページ作成、更新業務４；点字印刷物発行（点訳を含む）</v>
          </cell>
          <cell r="AF3367" t="str">
            <v>弊社はパソコン講習会や学校ＩＣＴ支援員の配置実績がある「有限会社アイアイいちまるよん」の業務を引き継ぎ、各市町村様にて職員向け、市民（障害者向け含む）向けの各種パソコン講習会の企画・運営を行っております。また、ＷＥＢ制作や点字印刷物の制作（点訳を含む）も行っています。</v>
          </cell>
        </row>
        <row r="3368">
          <cell r="B3368">
            <v>12816</v>
          </cell>
          <cell r="C3368" t="str">
            <v>(株)ライト黒板製作所</v>
          </cell>
          <cell r="D3368" t="str">
            <v>078-985-1159</v>
          </cell>
          <cell r="E3368" t="str">
            <v>651-1502</v>
          </cell>
          <cell r="F3368" t="str">
            <v>兵庫県神戸市北区道場町塩田590</v>
          </cell>
          <cell r="G3368" t="str">
            <v>神戸市</v>
          </cell>
          <cell r="H3368" t="str">
            <v/>
          </cell>
          <cell r="I3368" t="str">
            <v>代表取締役 稲垣　主税</v>
          </cell>
          <cell r="J3368" t="str">
            <v>本店</v>
          </cell>
          <cell r="K3368" t="str">
            <v>078-985-1158</v>
          </cell>
          <cell r="L3368" t="str">
            <v>office@kokubanya.com</v>
          </cell>
          <cell r="M3368" t="str">
            <v>ﾗｲﾄｺｸﾊﾞﾝｾｲｻｸｼｮ</v>
          </cell>
          <cell r="N3368" t="str">
            <v>無</v>
          </cell>
          <cell r="O3368">
            <v>70</v>
          </cell>
          <cell r="P3368">
            <v>10</v>
          </cell>
          <cell r="Q3368">
            <v>1140001066645</v>
          </cell>
          <cell r="R3368">
            <v>10000</v>
          </cell>
          <cell r="S3368">
            <v>92111</v>
          </cell>
          <cell r="T3368">
            <v>97439</v>
          </cell>
          <cell r="V3368" t="str">
            <v>rh155088</v>
          </cell>
          <cell r="W3368" t="str">
            <v>rf193675</v>
          </cell>
          <cell r="Y3368" t="str">
            <v>12，66，</v>
          </cell>
          <cell r="Z3368">
            <v>12</v>
          </cell>
          <cell r="AA3368">
            <v>66</v>
          </cell>
          <cell r="AB3368" t="str">
            <v/>
          </cell>
          <cell r="AC3368" t="str">
            <v/>
          </cell>
          <cell r="AD3368" t="str">
            <v/>
          </cell>
          <cell r="AE3368" t="str">
            <v>１；自社製造の教室用黒板の納品、設置、修繕を希望します。建設業許可を保有しております。２；自社製造の教室用塗板、掲示板、屋外掲示板の納品、設置、修繕を希望します。建設業許可を保有しております。３；４；</v>
          </cell>
          <cell r="AF3368" t="str">
            <v>黒板掲示板の納品修繕修理を希望します。自社工場で平面及び両面黒板、ホワイトボード、月予定表等を製造し、神戸市や三田市の学校や公共施設を中心に納品してまいりました。サインや掲示板、看板などの実績も多数あり、幅広いご用命に迅速丁寧な施工で対応しますので、宜しくお願い致します。</v>
          </cell>
        </row>
        <row r="3369">
          <cell r="B3369">
            <v>12817</v>
          </cell>
          <cell r="C3369" t="str">
            <v>(株)ＥＣＣ</v>
          </cell>
          <cell r="D3369" t="str">
            <v>06-6352-3144</v>
          </cell>
          <cell r="E3369" t="str">
            <v>530-0044</v>
          </cell>
          <cell r="F3369" t="str">
            <v>大阪府大阪市北区東天満1-10-20</v>
          </cell>
          <cell r="G3369" t="str">
            <v>大阪市</v>
          </cell>
          <cell r="H3369" t="str">
            <v/>
          </cell>
          <cell r="I3369" t="str">
            <v>代表取締役 山口　勝美</v>
          </cell>
          <cell r="J3369" t="str">
            <v>本店</v>
          </cell>
          <cell r="K3369" t="str">
            <v>terauchi@ecc.co.jp</v>
          </cell>
          <cell r="L3369" t="str">
            <v>terauchi@ecc.co.jp</v>
          </cell>
          <cell r="M3369" t="str">
            <v>ｲｰｼｰｼｰ</v>
          </cell>
          <cell r="N3369" t="str">
            <v>無</v>
          </cell>
          <cell r="O3369">
            <v>56</v>
          </cell>
          <cell r="P3369">
            <v>1947</v>
          </cell>
          <cell r="Q3369">
            <v>6120001060629</v>
          </cell>
          <cell r="R3369">
            <v>45000</v>
          </cell>
          <cell r="S3369">
            <v>13607677</v>
          </cell>
          <cell r="T3369">
            <v>42879407</v>
          </cell>
          <cell r="V3369" t="str">
            <v>zt165433</v>
          </cell>
          <cell r="W3369" t="str">
            <v>ow161899</v>
          </cell>
          <cell r="Y3369" t="str">
            <v>12，13，63，</v>
          </cell>
          <cell r="Z3369" t="str">
            <v/>
          </cell>
          <cell r="AA3369" t="str">
            <v/>
          </cell>
          <cell r="AB3369" t="str">
            <v/>
          </cell>
          <cell r="AC3369" t="str">
            <v/>
          </cell>
          <cell r="AD3369" t="str">
            <v/>
          </cell>
          <cell r="AE3369" t="str">
            <v>１；２；３；４；</v>
          </cell>
          <cell r="AF3369" t="str">
            <v>弊社は英会話教育を基盤に多様な教育のあり方を探究し、広く社会に提供してきました。小学校での英語指導の本格導入にあたり、セミナーや指導ＶＯＤ、指導教材の販売により、現場教員の英語力や指導力向上のお手伝いが可能です。</v>
          </cell>
        </row>
        <row r="3370">
          <cell r="B3370">
            <v>12818</v>
          </cell>
          <cell r="C3370" t="str">
            <v>(株)ダイゾー</v>
          </cell>
          <cell r="D3370" t="str">
            <v>06-6577-2503</v>
          </cell>
          <cell r="E3370" t="str">
            <v>552-0013</v>
          </cell>
          <cell r="F3370" t="str">
            <v>大阪府大阪市港区福崎3-1-201</v>
          </cell>
          <cell r="G3370" t="str">
            <v>大阪市</v>
          </cell>
          <cell r="H3370" t="str">
            <v/>
          </cell>
          <cell r="I3370" t="str">
            <v>代表取締役 相川　武利</v>
          </cell>
          <cell r="J3370" t="str">
            <v>本店</v>
          </cell>
          <cell r="K3370" t="str">
            <v>06-6577-2520</v>
          </cell>
          <cell r="L3370" t="str">
            <v>y-ishitsubo@daizo.co.jp</v>
          </cell>
          <cell r="M3370" t="str">
            <v>ﾀﾞｲｿﾞｰ</v>
          </cell>
          <cell r="N3370" t="str">
            <v>無</v>
          </cell>
          <cell r="O3370">
            <v>44</v>
          </cell>
          <cell r="P3370">
            <v>817</v>
          </cell>
          <cell r="Q3370">
            <v>9120001030109</v>
          </cell>
          <cell r="R3370">
            <v>310000</v>
          </cell>
          <cell r="S3370">
            <v>22598265</v>
          </cell>
          <cell r="T3370">
            <v>42368578</v>
          </cell>
          <cell r="V3370" t="str">
            <v>mh140618</v>
          </cell>
          <cell r="W3370" t="str">
            <v>ig183313</v>
          </cell>
          <cell r="Y3370" t="str">
            <v>48，</v>
          </cell>
          <cell r="Z3370">
            <v>80</v>
          </cell>
          <cell r="AA3370">
            <v>48</v>
          </cell>
          <cell r="AB3370" t="str">
            <v/>
          </cell>
          <cell r="AC3370" t="str">
            <v/>
          </cell>
          <cell r="AD3370" t="str">
            <v/>
          </cell>
          <cell r="AE3370" t="str">
            <v>１；自転車駐車設備（平置式ラック、垂直二段式ラック、傾斜式ラック、スライド式ラック、バイクラック、電磁ロックシステム）２；自転車ラック、搬送コンベア等保守点検３；４；</v>
          </cell>
          <cell r="AF3370" t="str">
            <v>自転車・バイク駐車場設備の設計・製作・据付・保守点検　1自転車ラック2自転車搬送コンベア3電磁ロック式ラック　電磁ロックシステムを活用した駐輪場の管理運営業務</v>
          </cell>
        </row>
        <row r="3371">
          <cell r="B3371">
            <v>12819</v>
          </cell>
          <cell r="C3371" t="str">
            <v>(株)コートテック</v>
          </cell>
          <cell r="D3371" t="str">
            <v>0848-38-0208</v>
          </cell>
          <cell r="E3371" t="str">
            <v>729-0141</v>
          </cell>
          <cell r="F3371" t="str">
            <v>広島県尾道市高須町1095-42</v>
          </cell>
          <cell r="G3371" t="str">
            <v>尾道市</v>
          </cell>
          <cell r="H3371" t="str">
            <v/>
          </cell>
          <cell r="I3371" t="str">
            <v>代表取締役 上田　哲三</v>
          </cell>
          <cell r="J3371" t="str">
            <v>本店</v>
          </cell>
          <cell r="K3371" t="str">
            <v>0848-38-0209</v>
          </cell>
          <cell r="L3371" t="str">
            <v>coat@coat-tech.com</v>
          </cell>
          <cell r="M3371" t="str">
            <v>ｺｰﾄﾃｯｸ</v>
          </cell>
          <cell r="N3371" t="str">
            <v>無</v>
          </cell>
          <cell r="O3371">
            <v>15</v>
          </cell>
          <cell r="P3371">
            <v>28</v>
          </cell>
          <cell r="Q3371">
            <v>8240001039097</v>
          </cell>
          <cell r="R3371">
            <v>15000</v>
          </cell>
          <cell r="S3371">
            <v>22437</v>
          </cell>
          <cell r="T3371">
            <v>455649</v>
          </cell>
          <cell r="V3371" t="str">
            <v>ga110557</v>
          </cell>
          <cell r="W3371" t="str">
            <v>gh119139</v>
          </cell>
          <cell r="Y3371" t="str">
            <v>16，</v>
          </cell>
          <cell r="Z3371" t="str">
            <v/>
          </cell>
          <cell r="AA3371" t="str">
            <v/>
          </cell>
          <cell r="AB3371" t="str">
            <v/>
          </cell>
          <cell r="AC3371" t="str">
            <v/>
          </cell>
          <cell r="AD3371" t="str">
            <v/>
          </cell>
          <cell r="AE3371" t="str">
            <v>１；２；３；４；</v>
          </cell>
          <cell r="AF3371" t="str">
            <v>各種選挙ポスター掲示板（再生紙系）の製作、印刷、販売。選挙ポスター掲示板の設置、撤去等の業務。選挙ポスター掲示板用シルク印刷機（最大３×６板）を関東２台、西日本２台保有している。</v>
          </cell>
        </row>
        <row r="3372">
          <cell r="B3372">
            <v>12821</v>
          </cell>
          <cell r="C3372" t="str">
            <v>三住管財(株)</v>
          </cell>
          <cell r="D3372" t="str">
            <v>079-563-7500</v>
          </cell>
          <cell r="E3372" t="str">
            <v>669-1534</v>
          </cell>
          <cell r="F3372" t="str">
            <v>兵庫県三田市横山町9-16</v>
          </cell>
          <cell r="G3372" t="str">
            <v>三田市</v>
          </cell>
          <cell r="H3372" t="str">
            <v/>
          </cell>
          <cell r="I3372" t="str">
            <v>代表取締役 大石　康人</v>
          </cell>
          <cell r="J3372" t="str">
            <v>本店</v>
          </cell>
          <cell r="K3372" t="str">
            <v>079-563-7566</v>
          </cell>
          <cell r="L3372" t="str">
            <v>koumoto@misumi-kanzai.co.jp</v>
          </cell>
          <cell r="M3372" t="str">
            <v>ﾐｽﾐｶﾝｻﾞｲ</v>
          </cell>
          <cell r="N3372" t="str">
            <v>無</v>
          </cell>
          <cell r="O3372">
            <v>13</v>
          </cell>
          <cell r="P3372">
            <v>287</v>
          </cell>
          <cell r="Q3372">
            <v>4140001066948</v>
          </cell>
          <cell r="R3372">
            <v>10000</v>
          </cell>
          <cell r="S3372">
            <v>175625</v>
          </cell>
          <cell r="T3372">
            <v>741773</v>
          </cell>
          <cell r="V3372" t="str">
            <v>cj146370</v>
          </cell>
          <cell r="W3372" t="str">
            <v>br179983</v>
          </cell>
          <cell r="Y3372" t="str">
            <v>14，36，</v>
          </cell>
          <cell r="Z3372" t="str">
            <v/>
          </cell>
          <cell r="AA3372" t="str">
            <v/>
          </cell>
          <cell r="AB3372" t="str">
            <v/>
          </cell>
          <cell r="AC3372" t="str">
            <v/>
          </cell>
          <cell r="AD3372" t="str">
            <v/>
          </cell>
          <cell r="AE3372" t="str">
            <v>１；プリンター・輪転機・ＦＡＸ等のトナー及びインク類（純正品・汎用品・リサイクル品）の販売２；３；４；</v>
          </cell>
          <cell r="AF3372" t="str">
            <v>プリンター・輪転機・ＦＡＸ等のトナー及びインク類（純正品・汎用品・リサイクル品）の販売</v>
          </cell>
        </row>
        <row r="3373">
          <cell r="B3373">
            <v>12822</v>
          </cell>
          <cell r="C3373" t="str">
            <v>ＮＥＣソリューションイノベータ(株)</v>
          </cell>
          <cell r="D3373" t="str">
            <v>03-5534-2625</v>
          </cell>
          <cell r="E3373" t="str">
            <v>541-0058</v>
          </cell>
          <cell r="F3373" t="str">
            <v>東京都江東区新木場一丁目18番7号</v>
          </cell>
          <cell r="G3373" t="str">
            <v>東京都</v>
          </cell>
          <cell r="H3373" t="str">
            <v>営業統括本部</v>
          </cell>
          <cell r="I3373" t="str">
            <v>本部長　 神田　健治郎</v>
          </cell>
          <cell r="J3373" t="str">
            <v>東京都</v>
          </cell>
          <cell r="K3373" t="str">
            <v>03-5534-2559</v>
          </cell>
          <cell r="L3373" t="str">
            <v>kansai@nes.jp.nec.com</v>
          </cell>
          <cell r="M3373" t="str">
            <v>ｴﾇｲ-ｼ-ｿﾘﾕ-ｼﾖﾝｲﾉﾍﾞ-ﾀ</v>
          </cell>
          <cell r="N3373" t="str">
            <v>有</v>
          </cell>
          <cell r="O3373">
            <v>43</v>
          </cell>
          <cell r="P3373">
            <v>12853</v>
          </cell>
          <cell r="Q3373">
            <v>7010600000000</v>
          </cell>
          <cell r="R3373">
            <v>8668680</v>
          </cell>
          <cell r="S3373">
            <v>86592000</v>
          </cell>
          <cell r="T3373">
            <v>291779000</v>
          </cell>
          <cell r="V3373" t="str">
            <v>jc131091</v>
          </cell>
          <cell r="W3373" t="str">
            <v>qb199996</v>
          </cell>
          <cell r="Y3373" t="str">
            <v>36.57.58</v>
          </cell>
          <cell r="Z3373">
            <v>58</v>
          </cell>
          <cell r="AA3373">
            <v>36</v>
          </cell>
          <cell r="AB3373">
            <v>57</v>
          </cell>
          <cell r="AC3373" t="str">
            <v/>
          </cell>
          <cell r="AD3373" t="str">
            <v/>
          </cell>
          <cell r="AE3373" t="str">
            <v>１；２；３；日本電気株式会社４；</v>
          </cell>
          <cell r="AF3373" t="str">
            <v>システム構築、システム保守、技術サポート、アウトソーシング、教育などのサービスと、パソコン、タブレット、ワークステーション、パネルコンピュータ、シンクライアント、ディスプレイ、プロジェクタ、プリンタ等の物品販売</v>
          </cell>
        </row>
        <row r="3374">
          <cell r="B3374">
            <v>12823</v>
          </cell>
          <cell r="C3374" t="str">
            <v>ＨＡＲＶＥＹ(株)</v>
          </cell>
          <cell r="D3374" t="str">
            <v>052-744-1760</v>
          </cell>
          <cell r="E3374" t="str">
            <v>464-0852</v>
          </cell>
          <cell r="F3374" t="str">
            <v>愛知県名古屋市千種区青柳町5-6</v>
          </cell>
          <cell r="G3374" t="str">
            <v>名古屋市</v>
          </cell>
          <cell r="H3374" t="str">
            <v/>
          </cell>
          <cell r="I3374" t="str">
            <v>代表取締役 平林　貴</v>
          </cell>
          <cell r="J3374" t="str">
            <v>本店</v>
          </cell>
          <cell r="K3374" t="str">
            <v>052-744-1758</v>
          </cell>
          <cell r="L3374" t="str">
            <v>info@harvey-ltd.com</v>
          </cell>
          <cell r="M3374" t="str">
            <v>ﾊｰヴｪｲ</v>
          </cell>
          <cell r="N3374" t="str">
            <v>無</v>
          </cell>
          <cell r="O3374">
            <v>13</v>
          </cell>
          <cell r="P3374">
            <v>45</v>
          </cell>
          <cell r="Q3374">
            <v>1180001123913</v>
          </cell>
          <cell r="R3374">
            <v>51000</v>
          </cell>
          <cell r="S3374">
            <v>53721</v>
          </cell>
          <cell r="T3374">
            <v>230977</v>
          </cell>
          <cell r="V3374" t="str">
            <v>ko113988</v>
          </cell>
          <cell r="W3374" t="str">
            <v>ku193853</v>
          </cell>
          <cell r="Y3374" t="str">
            <v>057，36，44，50，55，57，58，65，66，67，72，73，76，77，</v>
          </cell>
          <cell r="Z3374">
            <v>58</v>
          </cell>
          <cell r="AA3374">
            <v>80</v>
          </cell>
          <cell r="AB3374">
            <v>72</v>
          </cell>
          <cell r="AC3374">
            <v>57</v>
          </cell>
          <cell r="AD3374" t="str">
            <v/>
          </cell>
          <cell r="AE3374" t="str">
            <v>１；ＧＩＳ関連システムの構築・保守・管理、その他各種システム開発・保守・管理２；航空写真・航空測量３；コールセンター（受架電）運営、大型看板・標識等調査保安点検、道路占用物調査、他各種調査委託４；データ入力・データ処理・データ変換</v>
          </cell>
          <cell r="AF3374" t="str">
            <v>ＧＩＳ　システム開発・保守・管理・賃貸借　航空写真撮影　コールセンター（受付、架電）　調査委託　データ入力・データ処理　印刷全般　デザイン　ハードウエア機器販売・保守・賃貸借（サーバ、ＰＣ、ＯＡ全般、ＧＰＳ機器、特殊詐欺対策機器）など</v>
          </cell>
        </row>
        <row r="3375">
          <cell r="B3375">
            <v>12826</v>
          </cell>
          <cell r="C3375" t="str">
            <v>ＫＩＣ(株)</v>
          </cell>
          <cell r="D3375" t="str">
            <v>06-6445-6522</v>
          </cell>
          <cell r="E3375" t="str">
            <v>550-0003</v>
          </cell>
          <cell r="F3375" t="str">
            <v>大阪府大阪市西区京町堀1丁目4番9号</v>
          </cell>
          <cell r="G3375" t="str">
            <v>大阪市</v>
          </cell>
          <cell r="H3375" t="str">
            <v/>
          </cell>
          <cell r="I3375" t="str">
            <v>取締役 粟井　正明</v>
          </cell>
          <cell r="J3375" t="str">
            <v>京都府京都市</v>
          </cell>
          <cell r="K3375" t="str">
            <v>06-6445-6523</v>
          </cell>
          <cell r="L3375" t="str">
            <v>075-255-0132</v>
          </cell>
          <cell r="M3375" t="str">
            <v>ｹｲｱｲｼｰ</v>
          </cell>
          <cell r="N3375" t="str">
            <v>有</v>
          </cell>
          <cell r="O3375">
            <v>4</v>
          </cell>
          <cell r="P3375">
            <v>15</v>
          </cell>
          <cell r="Q3375">
            <v>3130001052628</v>
          </cell>
          <cell r="R3375">
            <v>5000</v>
          </cell>
          <cell r="S3375">
            <v>5000</v>
          </cell>
          <cell r="T3375">
            <v>79382</v>
          </cell>
          <cell r="V3375" t="str">
            <v>sk101386</v>
          </cell>
          <cell r="W3375" t="str">
            <v>qa191386</v>
          </cell>
          <cell r="Y3375" t="str">
            <v/>
          </cell>
          <cell r="Z3375">
            <v>80</v>
          </cell>
          <cell r="AA3375" t="str">
            <v/>
          </cell>
          <cell r="AB3375" t="str">
            <v/>
          </cell>
          <cell r="AC3375" t="str">
            <v/>
          </cell>
          <cell r="AD3375" t="str">
            <v/>
          </cell>
          <cell r="AE3375" t="str">
            <v>１；損害保険（Ｃｈｕｂｂ損害保険、損保ジャパン日本興亜、東京海上、三井住友海上、楽天損保）２；３；４；</v>
          </cell>
          <cell r="AF3375" t="str">
            <v>傷害保険に特に注力しています。京阪神地区の各教育委員会に参入済み。</v>
          </cell>
        </row>
        <row r="3376">
          <cell r="B3376">
            <v>12828</v>
          </cell>
          <cell r="C3376" t="str">
            <v>ＮＣＳ＆Ａ(株)</v>
          </cell>
          <cell r="D3376" t="str">
            <v>06-6946-2352</v>
          </cell>
          <cell r="E3376" t="str">
            <v>540-6316</v>
          </cell>
          <cell r="F3376" t="str">
            <v>大阪府大阪市中央区城見1-3-7</v>
          </cell>
          <cell r="G3376" t="str">
            <v>大阪市</v>
          </cell>
          <cell r="H3376" t="str">
            <v/>
          </cell>
          <cell r="I3376" t="str">
            <v>代表取締役社長 辻　隆博</v>
          </cell>
          <cell r="J3376" t="str">
            <v>本店</v>
          </cell>
          <cell r="K3376" t="str">
            <v>06-6946-1965</v>
          </cell>
          <cell r="L3376" t="str">
            <v>info-lg@ncsa.jp</v>
          </cell>
          <cell r="M3376" t="str">
            <v>ｴﾇｼｰｴｽｱﾝﾄﾞｴｰ</v>
          </cell>
          <cell r="N3376" t="str">
            <v>無</v>
          </cell>
          <cell r="O3376">
            <v>57</v>
          </cell>
          <cell r="P3376">
            <v>1084</v>
          </cell>
          <cell r="Q3376">
            <v>8120001072787</v>
          </cell>
          <cell r="R3376">
            <v>3775100</v>
          </cell>
          <cell r="S3376">
            <v>8396715</v>
          </cell>
          <cell r="T3376">
            <v>16490108</v>
          </cell>
          <cell r="V3376" t="str">
            <v>lu108026</v>
          </cell>
          <cell r="W3376" t="str">
            <v>dd171995</v>
          </cell>
          <cell r="Y3376" t="str">
            <v>36，58，</v>
          </cell>
          <cell r="Z3376">
            <v>58</v>
          </cell>
          <cell r="AA3376">
            <v>36</v>
          </cell>
          <cell r="AB3376">
            <v>80</v>
          </cell>
          <cell r="AC3376" t="str">
            <v/>
          </cell>
          <cell r="AD3376" t="str">
            <v/>
          </cell>
          <cell r="AE3376" t="str">
            <v>１；２；特　日本電気　代　キヤノンマーケティングジャパン３；４；コールセンター業務</v>
          </cell>
          <cell r="AF3376" t="str">
            <v>全国の１５０を超える自治体に住民情報管理や確定申告支援などの基幹業務ソリューションを導入した実績と確かな技術力を背景に電子自治体構想やシステムの共同利用、自治体クラウドなど行政の情報化を推進しています。</v>
          </cell>
        </row>
        <row r="3377">
          <cell r="B3377">
            <v>12829</v>
          </cell>
          <cell r="C3377" t="str">
            <v>(株)ニシテック</v>
          </cell>
          <cell r="D3377" t="str">
            <v>078-262-7180</v>
          </cell>
          <cell r="E3377" t="str">
            <v>651-0085</v>
          </cell>
          <cell r="F3377" t="str">
            <v>兵庫県神戸市中央区八幡通4-2-14</v>
          </cell>
          <cell r="G3377" t="str">
            <v>神戸市</v>
          </cell>
          <cell r="H3377" t="str">
            <v>神戸支店</v>
          </cell>
          <cell r="I3377" t="str">
            <v>支店長 本田　正志</v>
          </cell>
          <cell r="J3377" t="str">
            <v>徳島県徳島市</v>
          </cell>
          <cell r="K3377" t="str">
            <v>078-262-7188</v>
          </cell>
          <cell r="L3377" t="str">
            <v>nt-buil-osaka@nishitec.co.jp</v>
          </cell>
          <cell r="M3377" t="str">
            <v>ﾆｼﾃｯｸ</v>
          </cell>
          <cell r="N3377" t="str">
            <v>有</v>
          </cell>
          <cell r="O3377">
            <v>38</v>
          </cell>
          <cell r="P3377">
            <v>86</v>
          </cell>
          <cell r="Q3377">
            <v>2480001001658</v>
          </cell>
          <cell r="R3377">
            <v>34000</v>
          </cell>
          <cell r="S3377">
            <v>823982</v>
          </cell>
          <cell r="T3377">
            <v>4567249</v>
          </cell>
          <cell r="V3377" t="str">
            <v>ib123321</v>
          </cell>
          <cell r="W3377" t="str">
            <v>dｒ197878</v>
          </cell>
          <cell r="Y3377" t="str">
            <v>42，47，</v>
          </cell>
          <cell r="Z3377">
            <v>47</v>
          </cell>
          <cell r="AA3377">
            <v>42</v>
          </cell>
          <cell r="AB3377">
            <v>80</v>
          </cell>
          <cell r="AC3377" t="str">
            <v/>
          </cell>
          <cell r="AD3377" t="str">
            <v/>
          </cell>
          <cell r="AE3377" t="str">
            <v>１；中央監視装置、自動制御設備　保守点検業務　（特：アズビル）、非常用発電装置　保守点検（特：ヤンマー）２；中央監視装置、自動制御機器（特：アズビル）３；非常用発電機（特：ヤンマー）、空調機、ファンコイルユニット（代：新晃工業）４；</v>
          </cell>
          <cell r="AF3377" t="str">
            <v>設備関連の中央監視設備・自動制御設備の工事を特に希望します。弊社は、阪神間では関西支社、神戸支店で中央監視装置、自動制御設備の設計・施工・保守点検業務の実績を積んできました。設計、施工、管理業者として、迅速で高品質な施工を目指します。</v>
          </cell>
        </row>
        <row r="3378">
          <cell r="B3378">
            <v>12833</v>
          </cell>
          <cell r="C3378" t="str">
            <v>大阪ＮＰＯセンター</v>
          </cell>
          <cell r="D3378" t="str">
            <v>06-6223-3303</v>
          </cell>
          <cell r="E3378" t="str">
            <v>541-0046</v>
          </cell>
          <cell r="F3378" t="str">
            <v>大阪府大阪市中央区平野町1-7-1</v>
          </cell>
          <cell r="G3378" t="str">
            <v>大阪市</v>
          </cell>
          <cell r="H3378" t="str">
            <v/>
          </cell>
          <cell r="I3378" t="str">
            <v>代表理事 金井　宏実</v>
          </cell>
          <cell r="J3378" t="str">
            <v>本店</v>
          </cell>
          <cell r="K3378" t="str">
            <v>06-6223-3306</v>
          </cell>
          <cell r="L3378" t="str">
            <v>info@osakanpo-center.com</v>
          </cell>
          <cell r="M3378" t="str">
            <v>ｵｵｻｶｴﾇﾋﾟｰｵｰｾﾝﾀｰ</v>
          </cell>
          <cell r="N3378" t="str">
            <v>無</v>
          </cell>
          <cell r="O3378">
            <v>22</v>
          </cell>
          <cell r="P3378">
            <v>30</v>
          </cell>
          <cell r="Q3378">
            <v>2120005004081</v>
          </cell>
          <cell r="R3378">
            <v>0</v>
          </cell>
          <cell r="S3378">
            <v>0</v>
          </cell>
          <cell r="T3378">
            <v>91218</v>
          </cell>
          <cell r="V3378" t="str">
            <v>it126001</v>
          </cell>
          <cell r="W3378" t="str">
            <v>ze113337</v>
          </cell>
          <cell r="Y3378" t="str">
            <v>63，77，</v>
          </cell>
          <cell r="Z3378">
            <v>80</v>
          </cell>
          <cell r="AA3378">
            <v>77</v>
          </cell>
          <cell r="AB3378" t="str">
            <v/>
          </cell>
          <cell r="AC3378" t="str">
            <v/>
          </cell>
          <cell r="AD3378" t="str">
            <v/>
          </cell>
          <cell r="AE3378" t="str">
            <v>１；地縁組織を含む市民活動支援に係る計画、業務企画運営及び協働に係る業務企画運営２；市民活動に係る計画、施策形成に関する調査３；４；</v>
          </cell>
          <cell r="AF3378" t="str">
            <v>市民活動・まちづくり活動に係る各種調査、計画策定をはじめ、市民活動団体・地縁組織・企業等の創業、経営相談および支援の実績を持つ。</v>
          </cell>
        </row>
        <row r="3379">
          <cell r="B3379">
            <v>12834</v>
          </cell>
          <cell r="C3379" t="str">
            <v>(株)マインズ</v>
          </cell>
          <cell r="D3379" t="str">
            <v>079-225-8866</v>
          </cell>
          <cell r="E3379" t="str">
            <v>670-0965</v>
          </cell>
          <cell r="F3379" t="str">
            <v>兵庫県姫路市東延末2‐24 ｱｰｸﾋﾞﾙ1F</v>
          </cell>
          <cell r="G3379" t="str">
            <v>姫路市</v>
          </cell>
          <cell r="H3379" t="str">
            <v/>
          </cell>
          <cell r="I3379" t="str">
            <v>代表取締役　 河本　尚吾</v>
          </cell>
          <cell r="J3379" t="str">
            <v>本店</v>
          </cell>
          <cell r="K3379" t="str">
            <v>079-225-8867</v>
          </cell>
          <cell r="L3379" t="str">
            <v>t.yano@minds-z.co.jp</v>
          </cell>
          <cell r="M3379" t="str">
            <v>ﾏｲﾝｽﾞ</v>
          </cell>
          <cell r="N3379" t="str">
            <v>無</v>
          </cell>
          <cell r="O3379">
            <v>11</v>
          </cell>
          <cell r="P3379">
            <v>50</v>
          </cell>
          <cell r="Q3379">
            <v>5140000000000</v>
          </cell>
          <cell r="R3379">
            <v>10000</v>
          </cell>
          <cell r="S3379">
            <v>87593</v>
          </cell>
          <cell r="T3379">
            <v>979379</v>
          </cell>
          <cell r="V3379" t="str">
            <v>uy155557</v>
          </cell>
          <cell r="W3379" t="str">
            <v>ar159179</v>
          </cell>
          <cell r="Y3379" t="str">
            <v>56.57.59.63.65.77.80</v>
          </cell>
          <cell r="Z3379">
            <v>56</v>
          </cell>
          <cell r="AA3379">
            <v>57</v>
          </cell>
          <cell r="AB3379">
            <v>63</v>
          </cell>
          <cell r="AC3379">
            <v>77</v>
          </cell>
          <cell r="AD3379" t="str">
            <v/>
          </cell>
          <cell r="AE3379" t="str">
            <v>１；２；受付・コールセンター・事務職・イベント・選挙受付・国勢調査・年末調整・給付金窓口など派遣又は委託業務、就労支援等を伴う人材育成関連事業等幅広く対応します３；公共料金の徴収業務委託・庁内で実施する人手を伴う業務。または、短期・単発のイベントへの対応などが可能です。４；求職者・女性向け・若年者向けの就職セミナー・研修事業など労働政策に関するイベント運営に対応できます。</v>
          </cell>
          <cell r="AF3379" t="str">
            <v>『受付・コールセンター・事務職・選挙受付・国勢調査・年末調整・給付金窓口など』派遣又は委託業務、『就労支援等』を伴う人材育成関連事業、『合同企業説明会など』のマッチング事業、『生活困窮者就労自立支援』関連事業など、人材に関する業務を幅広く対応可能です。</v>
          </cell>
        </row>
        <row r="3380">
          <cell r="B3380">
            <v>12835</v>
          </cell>
          <cell r="C3380" t="str">
            <v>(株)ダイキアクシス</v>
          </cell>
          <cell r="D3380" t="str">
            <v>0797-83-0065</v>
          </cell>
          <cell r="E3380" t="str">
            <v>665-0825</v>
          </cell>
          <cell r="F3380" t="str">
            <v>兵庫県宝塚市安倉西4-2-43</v>
          </cell>
          <cell r="G3380" t="str">
            <v>松山市</v>
          </cell>
          <cell r="H3380" t="str">
            <v>兵庫営業所</v>
          </cell>
          <cell r="I3380" t="str">
            <v>所長 谷山　智志</v>
          </cell>
          <cell r="J3380" t="str">
            <v>愛媛県松山市</v>
          </cell>
          <cell r="K3380" t="str">
            <v>0797-83-0066</v>
          </cell>
          <cell r="L3380" t="str">
            <v>hpadmin@daiki-axis.com</v>
          </cell>
          <cell r="M3380" t="str">
            <v>ﾀﾞｲｷｱｸｼｽ</v>
          </cell>
          <cell r="N3380" t="str">
            <v>有</v>
          </cell>
          <cell r="O3380">
            <v>44</v>
          </cell>
          <cell r="P3380">
            <v>525</v>
          </cell>
          <cell r="Q3380">
            <v>4500001005530</v>
          </cell>
          <cell r="R3380">
            <v>1983290</v>
          </cell>
          <cell r="S3380">
            <v>6824475</v>
          </cell>
          <cell r="T3380">
            <v>33561242</v>
          </cell>
          <cell r="V3380" t="str">
            <v>so124587</v>
          </cell>
          <cell r="W3380" t="str">
            <v>ep163265</v>
          </cell>
          <cell r="Y3380" t="str">
            <v>33，46，48，51，</v>
          </cell>
          <cell r="Z3380">
            <v>68</v>
          </cell>
          <cell r="AA3380" t="str">
            <v/>
          </cell>
          <cell r="AB3380" t="str">
            <v/>
          </cell>
          <cell r="AC3380" t="str">
            <v/>
          </cell>
          <cell r="AD3380" t="str">
            <v/>
          </cell>
          <cell r="AE3380" t="str">
            <v>１；浄化槽の保守点検２；各種排水処理施設の維持管理業務３；汚水処理場の維持管理業務４；ポンプ等の上下水道用材</v>
          </cell>
          <cell r="AF3380" t="str">
            <v>弊社は排水処理プラントメーカーで、下水道設備工事・マンホールポンプ場施設工事・農業集落排水処理施設及び浄化槽等、全国各地で全般に実績があり、排水処理であれば何でも出来ます。</v>
          </cell>
        </row>
        <row r="3381">
          <cell r="B3381">
            <v>12836</v>
          </cell>
          <cell r="C3381" t="str">
            <v>三輪運輸工業(株)</v>
          </cell>
          <cell r="D3381" t="str">
            <v>078-251-5001</v>
          </cell>
          <cell r="E3381" t="str">
            <v>651-0072</v>
          </cell>
          <cell r="F3381" t="str">
            <v>兵庫県神戸市中央区脇浜町2-1-16</v>
          </cell>
          <cell r="G3381" t="str">
            <v>神戸市</v>
          </cell>
          <cell r="H3381" t="str">
            <v/>
          </cell>
          <cell r="I3381" t="str">
            <v>代表取締役 木東　徳幸</v>
          </cell>
          <cell r="J3381" t="str">
            <v>本店</v>
          </cell>
          <cell r="K3381" t="str">
            <v>078-251-4525</v>
          </cell>
          <cell r="L3381" t="str">
            <v/>
          </cell>
          <cell r="M3381" t="str">
            <v>ﾐﾜｳﾝﾕｺｳｷﾞｮｳ</v>
          </cell>
          <cell r="N3381" t="str">
            <v>無</v>
          </cell>
          <cell r="O3381">
            <v>70</v>
          </cell>
          <cell r="P3381">
            <v>915</v>
          </cell>
          <cell r="Q3381">
            <v>3140001011228</v>
          </cell>
          <cell r="R3381">
            <v>120000</v>
          </cell>
          <cell r="S3381">
            <v>20289680</v>
          </cell>
          <cell r="T3381">
            <v>25469096</v>
          </cell>
          <cell r="V3381" t="str">
            <v>kj188122</v>
          </cell>
          <cell r="W3381" t="str">
            <v>zm181336</v>
          </cell>
          <cell r="Y3381" t="str">
            <v>68，</v>
          </cell>
          <cell r="Z3381">
            <v>68</v>
          </cell>
          <cell r="AA3381" t="str">
            <v/>
          </cell>
          <cell r="AB3381" t="str">
            <v/>
          </cell>
          <cell r="AC3381" t="str">
            <v/>
          </cell>
          <cell r="AD3381" t="str">
            <v/>
          </cell>
          <cell r="AE3381" t="str">
            <v>１；ＰＣＢ廃棄物の貴市内での移動並びに中間貯蔵・環境安全事業株式会社（ＪＥＳＣＯ　旧日本環境安全事業株式会社）大阪事業所・豊田事業所・北九州事業所への搬入を行いたい。２；３；４；</v>
          </cell>
          <cell r="AF3381" t="str">
            <v>１８８８年（明治２１年）の創業以来一世紀以上の間、物流会社として歩んできた実績とノウハウを基に、特別管理産業廃棄物（ＰＣＢ）収集運搬業務を行っております。</v>
          </cell>
        </row>
        <row r="3382">
          <cell r="B3382">
            <v>12837</v>
          </cell>
          <cell r="C3382" t="str">
            <v>(株)フソウ</v>
          </cell>
          <cell r="D3382" t="str">
            <v>06-6479-1671</v>
          </cell>
          <cell r="E3382" t="str">
            <v>550-0004</v>
          </cell>
          <cell r="F3382" t="str">
            <v>大阪府大阪市西区靭本町1-4-12</v>
          </cell>
          <cell r="G3382" t="str">
            <v>大阪市</v>
          </cell>
          <cell r="H3382" t="str">
            <v>大阪支社</v>
          </cell>
          <cell r="I3382" t="str">
            <v>支社長 神内　伸一</v>
          </cell>
          <cell r="J3382" t="str">
            <v>東京都</v>
          </cell>
          <cell r="K3382" t="str">
            <v>06-6479-1631</v>
          </cell>
          <cell r="L3382" t="str">
            <v>kobe@fuso-inc.co.jp</v>
          </cell>
          <cell r="M3382" t="str">
            <v>ﾌｿｳ</v>
          </cell>
          <cell r="N3382" t="str">
            <v>有</v>
          </cell>
          <cell r="O3382">
            <v>66</v>
          </cell>
          <cell r="P3382">
            <v>516</v>
          </cell>
          <cell r="Q3382">
            <v>9010001055694</v>
          </cell>
          <cell r="R3382">
            <v>3000000</v>
          </cell>
          <cell r="S3382">
            <v>30363821</v>
          </cell>
          <cell r="T3382">
            <v>48438978</v>
          </cell>
          <cell r="V3382" t="str">
            <v>ex104804</v>
          </cell>
          <cell r="W3382" t="str">
            <v>kｒ133398</v>
          </cell>
          <cell r="Y3382" t="str">
            <v>48，</v>
          </cell>
          <cell r="Z3382">
            <v>80</v>
          </cell>
          <cell r="AA3382">
            <v>48</v>
          </cell>
          <cell r="AB3382" t="str">
            <v/>
          </cell>
          <cell r="AC3382" t="str">
            <v/>
          </cell>
          <cell r="AD3382" t="str">
            <v/>
          </cell>
          <cell r="AE3382" t="str">
            <v>１；ダクタイル鋳鉄管　ビニルパイプ及び継手　弁栓類　フランジ接合材等２；上下水道処理施設機器保守点検等３；４；</v>
          </cell>
          <cell r="AF3382" t="str">
            <v>水道施設（前処理機・急速ろ過機・紫外線消毒装置。膜ろ過装置・オゾン活性炭注入装置・薬品注入設備・水管橋・配水池工事・飲料水兼用耐震性貯水槽）と、下水処理施設の機械設備工事を中心にしている綜合水処理企業です。</v>
          </cell>
        </row>
        <row r="3383">
          <cell r="B3383">
            <v>12838</v>
          </cell>
          <cell r="C3383" t="str">
            <v>菱電商事(株)</v>
          </cell>
          <cell r="D3383" t="str">
            <v>06-4797-3020</v>
          </cell>
          <cell r="E3383" t="str">
            <v>530-0003</v>
          </cell>
          <cell r="F3383" t="str">
            <v>大阪府大阪市北区堂島2-2-2</v>
          </cell>
          <cell r="G3383" t="str">
            <v>大阪市</v>
          </cell>
          <cell r="H3383" t="str">
            <v>関西支社</v>
          </cell>
          <cell r="I3383" t="str">
            <v>常務執行役員関西支社長 中村　真敏</v>
          </cell>
          <cell r="J3383" t="str">
            <v>東京都</v>
          </cell>
          <cell r="K3383" t="str">
            <v>06-4797-3800</v>
          </cell>
          <cell r="L3383" t="str">
            <v>yuusuke.asaka@mgw.ryoden.co.jp</v>
          </cell>
          <cell r="M3383" t="str">
            <v>ﾘｮｳﾃﾞﾝｼｮｳｼﾞ</v>
          </cell>
          <cell r="N3383" t="str">
            <v>有</v>
          </cell>
          <cell r="O3383">
            <v>71</v>
          </cell>
          <cell r="P3383">
            <v>1141</v>
          </cell>
          <cell r="Q3383">
            <v>8013301012440</v>
          </cell>
          <cell r="R3383">
            <v>10334000</v>
          </cell>
          <cell r="S3383">
            <v>55430000</v>
          </cell>
          <cell r="T3383">
            <v>210183000</v>
          </cell>
          <cell r="V3383" t="str">
            <v>oz186176</v>
          </cell>
          <cell r="W3383" t="str">
            <v>jo115399</v>
          </cell>
          <cell r="Y3383" t="str">
            <v>035，14，27，35，36，39，41，42，</v>
          </cell>
          <cell r="Z3383">
            <v>39</v>
          </cell>
          <cell r="AA3383">
            <v>36</v>
          </cell>
          <cell r="AB3383">
            <v>27</v>
          </cell>
          <cell r="AC3383">
            <v>35</v>
          </cell>
          <cell r="AD3383" t="str">
            <v/>
          </cell>
          <cell r="AE3383" t="str">
            <v>１；ＧＥヘルスケアジャパン（株）、高度管理医療機器等販売業貸与業許可２；ＤＥＬＬ（株）、ダイワボウ情報システム（株）、３；（株）オフィス企画、（株）岡村製作所、コクヨ（株）４；三菱電機住環境システムズ（株）</v>
          </cell>
          <cell r="AF3383" t="str">
            <v>サーバ、ＰＣ、モニタなどのＩＴ商材の販売。医療情報システムの販売。医療ネットワークの管理、構築。空調や什器などファシリティ機器の販売。</v>
          </cell>
        </row>
        <row r="3384">
          <cell r="B3384">
            <v>12840</v>
          </cell>
          <cell r="C3384" t="str">
            <v>(株)グリーンライフ</v>
          </cell>
          <cell r="D3384" t="str">
            <v>0798-26-3336</v>
          </cell>
          <cell r="E3384" t="str">
            <v>663-8114</v>
          </cell>
          <cell r="F3384" t="str">
            <v>兵庫県西宮市上甲子園5-6-2</v>
          </cell>
          <cell r="G3384" t="str">
            <v>西宮市</v>
          </cell>
          <cell r="H3384" t="str">
            <v/>
          </cell>
          <cell r="I3384" t="str">
            <v>代表取締役 福重　猛</v>
          </cell>
          <cell r="J3384" t="str">
            <v>本店</v>
          </cell>
          <cell r="K3384" t="str">
            <v>0798-26-3337</v>
          </cell>
          <cell r="L3384" t="str">
            <v>greenlife@ace.ocn.ne.jp</v>
          </cell>
          <cell r="M3384" t="str">
            <v>ｸﾞﾘｰﾝﾗｲﾌ</v>
          </cell>
          <cell r="N3384" t="str">
            <v>無</v>
          </cell>
          <cell r="O3384">
            <v>26</v>
          </cell>
          <cell r="P3384">
            <v>7</v>
          </cell>
          <cell r="Q3384">
            <v>4140001068556</v>
          </cell>
          <cell r="R3384">
            <v>10000</v>
          </cell>
          <cell r="S3384">
            <v>12238</v>
          </cell>
          <cell r="T3384">
            <v>88238</v>
          </cell>
          <cell r="V3384" t="str">
            <v>dg112142</v>
          </cell>
          <cell r="W3384" t="str">
            <v>sa157196</v>
          </cell>
          <cell r="Y3384" t="str">
            <v>052，22，52，53，55，</v>
          </cell>
          <cell r="Z3384">
            <v>53</v>
          </cell>
          <cell r="AA3384">
            <v>55</v>
          </cell>
          <cell r="AB3384">
            <v>22</v>
          </cell>
          <cell r="AC3384">
            <v>52</v>
          </cell>
          <cell r="AD3384" t="str">
            <v>学校法人の敷地内の植栽、清掃、害虫駆除等の全体的な維持管理業務を請け負っており、付随する業務については、柔軟に対応することが可能となっております。</v>
          </cell>
          <cell r="AE3384" t="str">
            <v>１；兵庫県知事許可（般－２９）第２１４０４６号　造園・土木２；兵庫県知事許可（般－２９）第２１４０４６号　造園・土木３；住友林業緑化株式会社、グンゼグリーン株式会社、株式会社北善塔４；兵庫県知事許可（般－２９）第２１４０４６号　造園・土木</v>
          </cell>
          <cell r="AF3384" t="str">
            <v>兵庫県や西宮市が発注する公園工事、植栽工事、森林整備事業、これらに類する委託業務等や資材の納品において、実績を積み高い評価を受けております。また、建設業法に規定する技術者が揃っているため幅広い業種の柔軟な対応が可能となっております。</v>
          </cell>
        </row>
        <row r="3385">
          <cell r="B3385">
            <v>12841</v>
          </cell>
          <cell r="C3385" t="str">
            <v>(株)Ｆｕｔａｊｉｍａ　Ｌｏｇｉ</v>
          </cell>
          <cell r="D3385" t="str">
            <v>06-6613-0878</v>
          </cell>
          <cell r="E3385" t="str">
            <v>559-0031</v>
          </cell>
          <cell r="F3385" t="str">
            <v>大阪府大阪市住之江区南港東4-10-27</v>
          </cell>
          <cell r="G3385" t="str">
            <v>大阪市</v>
          </cell>
          <cell r="H3385" t="str">
            <v/>
          </cell>
          <cell r="I3385" t="str">
            <v>代表取締役 田上　圭一</v>
          </cell>
          <cell r="J3385" t="str">
            <v>本店</v>
          </cell>
          <cell r="K3385" t="str">
            <v>06-6613-0879</v>
          </cell>
          <cell r="L3385" t="str">
            <v>s-sakaguchi@futajima-logi.co.jp</v>
          </cell>
          <cell r="M3385" t="str">
            <v>ﾌﾀｼﾞﾏﾛｷﾞ</v>
          </cell>
          <cell r="N3385" t="str">
            <v>無</v>
          </cell>
          <cell r="O3385">
            <v>56</v>
          </cell>
          <cell r="P3385">
            <v>32</v>
          </cell>
          <cell r="Q3385">
            <v>6120001031555</v>
          </cell>
          <cell r="R3385">
            <v>10000</v>
          </cell>
          <cell r="S3385">
            <v>0</v>
          </cell>
          <cell r="T3385">
            <v>446921</v>
          </cell>
          <cell r="V3385" t="str">
            <v>qx163084</v>
          </cell>
          <cell r="W3385" t="str">
            <v>dk193933</v>
          </cell>
          <cell r="Y3385" t="str">
            <v>020，10，12，20，</v>
          </cell>
          <cell r="Z3385">
            <v>12</v>
          </cell>
          <cell r="AA3385">
            <v>80</v>
          </cell>
          <cell r="AB3385">
            <v>10</v>
          </cell>
          <cell r="AC3385">
            <v>20</v>
          </cell>
          <cell r="AD3385" t="str">
            <v/>
          </cell>
          <cell r="AE3385" t="str">
            <v>１；塩化カルシウム・石灰（グランドライン）・真砂土・川砂２；真砂土・川砂３；塩化カルシウム・石灰（グランドライン）・真砂土・川砂４；塩化カルシウム・石灰（グランドライン）・真砂土・川砂</v>
          </cell>
          <cell r="AF3385" t="str">
            <v>学校や公共施設（グランド等）に粉塵防止剤の塩化カルシウム（にがり）散布・納品、白線用グランドライン（石灰）納品、真砂土・川砂の納品を行っております。</v>
          </cell>
        </row>
        <row r="3386">
          <cell r="B3386">
            <v>12845</v>
          </cell>
          <cell r="C3386" t="str">
            <v>特定非営利活動法人シンフォニー</v>
          </cell>
          <cell r="D3386" t="str">
            <v>06-6412-8025</v>
          </cell>
          <cell r="E3386" t="str">
            <v>660-0861</v>
          </cell>
          <cell r="F3386" t="str">
            <v>兵庫県尼崎市御園町5</v>
          </cell>
          <cell r="G3386" t="str">
            <v>尼崎市</v>
          </cell>
          <cell r="H3386" t="str">
            <v/>
          </cell>
          <cell r="I3386" t="str">
            <v>事務局長 持井　信二</v>
          </cell>
          <cell r="J3386" t="str">
            <v>兵庫県尼崎市</v>
          </cell>
          <cell r="K3386" t="str">
            <v>06-6412-8444</v>
          </cell>
          <cell r="L3386" t="str">
            <v/>
          </cell>
          <cell r="M3386" t="str">
            <v>ｼﾝﾌｫﾆｰ</v>
          </cell>
          <cell r="N3386" t="str">
            <v>有</v>
          </cell>
          <cell r="O3386">
            <v>21</v>
          </cell>
          <cell r="P3386">
            <v>31</v>
          </cell>
          <cell r="Q3386">
            <v>1140005011548</v>
          </cell>
          <cell r="R3386" t="str">
            <v/>
          </cell>
          <cell r="S3386">
            <v>25234</v>
          </cell>
          <cell r="T3386">
            <v>74051</v>
          </cell>
          <cell r="V3386" t="str">
            <v>vj136743</v>
          </cell>
          <cell r="W3386" t="str">
            <v>wi121665</v>
          </cell>
          <cell r="Y3386" t="str">
            <v/>
          </cell>
          <cell r="Z3386" t="str">
            <v/>
          </cell>
          <cell r="AA3386" t="str">
            <v/>
          </cell>
          <cell r="AB3386" t="str">
            <v/>
          </cell>
          <cell r="AC3386" t="str">
            <v/>
          </cell>
          <cell r="AD3386" t="str">
            <v/>
          </cell>
          <cell r="AE3386">
            <v>0</v>
          </cell>
          <cell r="AF3386" t="str">
            <v/>
          </cell>
        </row>
        <row r="3387">
          <cell r="B3387">
            <v>12847</v>
          </cell>
          <cell r="C3387" t="str">
            <v>シンフォニアエンジニアリング(株)</v>
          </cell>
          <cell r="D3387" t="str">
            <v>06-6744-2722</v>
          </cell>
          <cell r="E3387" t="str">
            <v>578-0977</v>
          </cell>
          <cell r="F3387" t="str">
            <v>大阪府東大阪市鴻池徳庵町3-65</v>
          </cell>
          <cell r="G3387" t="str">
            <v>東大阪市</v>
          </cell>
          <cell r="H3387" t="str">
            <v>大阪支社</v>
          </cell>
          <cell r="I3387" t="str">
            <v>取締役支社長 山田　裕克</v>
          </cell>
          <cell r="J3387" t="str">
            <v>三重県伊勢市</v>
          </cell>
          <cell r="K3387" t="str">
            <v>06-6744-0900</v>
          </cell>
          <cell r="L3387" t="str">
            <v>sdeise@sinfo-eng.co.jp</v>
          </cell>
          <cell r="M3387" t="str">
            <v>ｼﾝﾌｫﾆｱｴﾝｼﾞﾆｱﾘﾝｸﾞ</v>
          </cell>
          <cell r="N3387" t="str">
            <v>有</v>
          </cell>
          <cell r="O3387">
            <v>48</v>
          </cell>
          <cell r="P3387">
            <v>361</v>
          </cell>
          <cell r="Q3387">
            <v>2190001006711</v>
          </cell>
          <cell r="R3387">
            <v>100000</v>
          </cell>
          <cell r="S3387">
            <v>2924910</v>
          </cell>
          <cell r="T3387">
            <v>12858394</v>
          </cell>
          <cell r="V3387" t="str">
            <v>ea131722</v>
          </cell>
          <cell r="W3387" t="str">
            <v>kd135366</v>
          </cell>
          <cell r="Y3387" t="str">
            <v>036，15，36，44，47，48，</v>
          </cell>
          <cell r="Z3387">
            <v>47</v>
          </cell>
          <cell r="AA3387">
            <v>48</v>
          </cell>
          <cell r="AB3387">
            <v>44</v>
          </cell>
          <cell r="AC3387">
            <v>36</v>
          </cell>
          <cell r="AD3387" t="str">
            <v/>
          </cell>
          <cell r="AE3387" t="str">
            <v>１；自家用発電設備、受配電設備、道路の電気設備等の保守点検整備２；上下水道設備における電気設備の保守点検整備３；自動券売機、入退場管理システムのリース、及び、賃貸４；自動券売機、入退場管理システムの販売、及び、その消耗品（ロール紙、感熱紙等）、修理部品の販売</v>
          </cell>
          <cell r="AF3387" t="str">
            <v>自家発電装置、受配電盤、道路、トンネルの電気設備の保守点検と販売、自動券売機、入退場管理システムの保守点検と販売（賃貸、リースを含む）、ロール紙、感熱紙等の消耗品の販売</v>
          </cell>
        </row>
        <row r="3388">
          <cell r="B3388">
            <v>12848</v>
          </cell>
          <cell r="C3388" t="str">
            <v>オオノ開發(株)</v>
          </cell>
          <cell r="D3388" t="str">
            <v>089-909-7644</v>
          </cell>
          <cell r="E3388" t="str">
            <v>791-0242</v>
          </cell>
          <cell r="F3388" t="str">
            <v>愛媛県松山市北梅本町甲184番地</v>
          </cell>
          <cell r="G3388" t="str">
            <v>松山市</v>
          </cell>
          <cell r="H3388" t="str">
            <v/>
          </cell>
          <cell r="I3388" t="str">
            <v>代表取締役　 大野　剛嗣</v>
          </cell>
          <cell r="J3388" t="str">
            <v>本店</v>
          </cell>
          <cell r="K3388" t="str">
            <v>089-976-8623</v>
          </cell>
          <cell r="L3388" t="str">
            <v>matsumoto.tomoko@ohno-associates.jp</v>
          </cell>
          <cell r="M3388" t="str">
            <v>ｵｵﾉｶｲﾊﾂ</v>
          </cell>
          <cell r="N3388" t="str">
            <v>無</v>
          </cell>
          <cell r="O3388">
            <v>45</v>
          </cell>
          <cell r="P3388">
            <v>298</v>
          </cell>
          <cell r="Q3388">
            <v>7500000000000</v>
          </cell>
          <cell r="R3388">
            <v>70000</v>
          </cell>
          <cell r="S3388">
            <v>15197186</v>
          </cell>
          <cell r="T3388">
            <v>15216047</v>
          </cell>
          <cell r="V3388" t="str">
            <v>sv178504</v>
          </cell>
          <cell r="W3388" t="str">
            <v>aｒ137535</v>
          </cell>
          <cell r="Y3388">
            <v>68</v>
          </cell>
          <cell r="Z3388">
            <v>68</v>
          </cell>
          <cell r="AA3388" t="str">
            <v/>
          </cell>
          <cell r="AB3388" t="str">
            <v/>
          </cell>
          <cell r="AC3388" t="str">
            <v/>
          </cell>
          <cell r="AD3388" t="str">
            <v/>
          </cell>
          <cell r="AE3388" t="str">
            <v>１；２；低濃度ＰＣＢ廃棄物収集運搬・処分委託業務３；４；</v>
          </cell>
          <cell r="AF3388" t="str">
            <v>低濃度ＰＣＢ廃棄物収集運搬・処分委託業務</v>
          </cell>
        </row>
        <row r="3389">
          <cell r="B3389">
            <v>12850</v>
          </cell>
          <cell r="C3389" t="str">
            <v>(株)宇野</v>
          </cell>
          <cell r="D3389" t="str">
            <v>06-6437-5531</v>
          </cell>
          <cell r="E3389" t="str">
            <v>661-0033</v>
          </cell>
          <cell r="F3389" t="str">
            <v>兵庫県尼崎市南武庫之荘3丁目15-26</v>
          </cell>
          <cell r="G3389" t="str">
            <v>尼崎市</v>
          </cell>
          <cell r="H3389" t="str">
            <v/>
          </cell>
          <cell r="I3389" t="str">
            <v>代表取締役 川野　和彦</v>
          </cell>
          <cell r="J3389" t="str">
            <v>本店</v>
          </cell>
          <cell r="K3389" t="str">
            <v>06-6431-2810</v>
          </cell>
          <cell r="L3389" t="str">
            <v/>
          </cell>
          <cell r="M3389" t="str">
            <v>ｳﾉ</v>
          </cell>
          <cell r="N3389" t="str">
            <v>無</v>
          </cell>
          <cell r="O3389">
            <v>49</v>
          </cell>
          <cell r="P3389">
            <v>8</v>
          </cell>
          <cell r="Q3389">
            <v>2140001051209</v>
          </cell>
          <cell r="R3389">
            <v>10000</v>
          </cell>
          <cell r="S3389">
            <v>6148</v>
          </cell>
          <cell r="T3389">
            <v>355989</v>
          </cell>
          <cell r="V3389" t="str">
            <v>tg117286</v>
          </cell>
          <cell r="W3389" t="str">
            <v>gw138495</v>
          </cell>
          <cell r="Y3389" t="str">
            <v/>
          </cell>
          <cell r="Z3389" t="str">
            <v/>
          </cell>
          <cell r="AA3389" t="str">
            <v/>
          </cell>
          <cell r="AB3389" t="str">
            <v/>
          </cell>
          <cell r="AC3389" t="str">
            <v/>
          </cell>
          <cell r="AD3389" t="str">
            <v/>
          </cell>
          <cell r="AE3389">
            <v>0</v>
          </cell>
          <cell r="AF3389" t="str">
            <v/>
          </cell>
        </row>
        <row r="3390">
          <cell r="B3390">
            <v>12851</v>
          </cell>
          <cell r="C3390" t="str">
            <v>(株)ランドスケープ</v>
          </cell>
          <cell r="D3390" t="str">
            <v>072-794-0464</v>
          </cell>
          <cell r="E3390" t="str">
            <v>666-0112</v>
          </cell>
          <cell r="F3390" t="str">
            <v>兵庫県川西市大和西3丁目15-5</v>
          </cell>
          <cell r="G3390" t="str">
            <v>川西市</v>
          </cell>
          <cell r="H3390" t="str">
            <v/>
          </cell>
          <cell r="I3390" t="str">
            <v>代表取締役 上島　一洋</v>
          </cell>
          <cell r="J3390" t="str">
            <v>本店</v>
          </cell>
          <cell r="K3390" t="str">
            <v>072-794-0464</v>
          </cell>
          <cell r="L3390" t="str">
            <v/>
          </cell>
          <cell r="M3390" t="str">
            <v>ﾗﾝﾄﾞｽｹｰﾌﾟ</v>
          </cell>
          <cell r="N3390" t="str">
            <v>無</v>
          </cell>
          <cell r="O3390">
            <v>13</v>
          </cell>
          <cell r="P3390">
            <v>3</v>
          </cell>
          <cell r="Q3390">
            <v>9140001080886</v>
          </cell>
          <cell r="R3390">
            <v>1000</v>
          </cell>
          <cell r="S3390">
            <v>1000</v>
          </cell>
          <cell r="T3390">
            <v>11348</v>
          </cell>
          <cell r="V3390" t="str">
            <v>rg175808</v>
          </cell>
          <cell r="W3390" t="str">
            <v>ew139581</v>
          </cell>
          <cell r="Y3390" t="str">
            <v/>
          </cell>
          <cell r="Z3390" t="str">
            <v/>
          </cell>
          <cell r="AA3390" t="str">
            <v/>
          </cell>
          <cell r="AB3390" t="str">
            <v/>
          </cell>
          <cell r="AC3390" t="str">
            <v/>
          </cell>
          <cell r="AD3390" t="str">
            <v/>
          </cell>
          <cell r="AE3390">
            <v>0</v>
          </cell>
          <cell r="AF3390" t="str">
            <v/>
          </cell>
        </row>
        <row r="3391">
          <cell r="B3391">
            <v>12853</v>
          </cell>
          <cell r="C3391" t="str">
            <v>(株)ディーソル</v>
          </cell>
          <cell r="D3391" t="str">
            <v>06-6262-4361</v>
          </cell>
          <cell r="E3391" t="str">
            <v>541-0054</v>
          </cell>
          <cell r="F3391" t="str">
            <v>大阪府大阪市中央区南本町2-1-8</v>
          </cell>
          <cell r="G3391" t="str">
            <v>大阪市</v>
          </cell>
          <cell r="H3391" t="str">
            <v>西日本支店</v>
          </cell>
          <cell r="I3391" t="str">
            <v>支店長 乾　誠良</v>
          </cell>
          <cell r="J3391" t="str">
            <v>東京都日本橋</v>
          </cell>
          <cell r="K3391" t="str">
            <v>06-6262-4362</v>
          </cell>
          <cell r="L3391" t="str">
            <v>m-nakano@d2sol.co.jp</v>
          </cell>
          <cell r="M3391" t="str">
            <v>ﾃﾞｨｰｿﾙ</v>
          </cell>
          <cell r="N3391" t="str">
            <v>有</v>
          </cell>
          <cell r="O3391">
            <v>45</v>
          </cell>
          <cell r="P3391">
            <v>260</v>
          </cell>
          <cell r="Q3391">
            <v>2010001049249</v>
          </cell>
          <cell r="R3391">
            <v>80000</v>
          </cell>
          <cell r="S3391">
            <v>834405</v>
          </cell>
          <cell r="T3391">
            <v>7686638</v>
          </cell>
          <cell r="V3391" t="str">
            <v>rd148037</v>
          </cell>
          <cell r="W3391" t="str">
            <v>zs199918</v>
          </cell>
          <cell r="Y3391" t="str">
            <v>15，57，76，</v>
          </cell>
          <cell r="Z3391">
            <v>15</v>
          </cell>
          <cell r="AA3391">
            <v>57</v>
          </cell>
          <cell r="AB3391">
            <v>76</v>
          </cell>
          <cell r="AC3391" t="str">
            <v/>
          </cell>
          <cell r="AD3391" t="str">
            <v/>
          </cell>
          <cell r="AE3391" t="str">
            <v>１；印刷物全般　偽造防止用紙　ＰＰＣ用紙　ＩＪ用紙　水道検針用紙２；データ入力３；カード素材・カード印刷・ステッカー４；</v>
          </cell>
          <cell r="AF3391" t="str">
            <v>印刷物全般・カード素材・偽造防止用紙・印字及び封入封緘</v>
          </cell>
        </row>
        <row r="3392">
          <cell r="B3392">
            <v>12854</v>
          </cell>
          <cell r="C3392" t="str">
            <v>アイシン精機(株)</v>
          </cell>
          <cell r="D3392" t="str">
            <v>0566-24-9051</v>
          </cell>
          <cell r="E3392" t="str">
            <v>448-8650</v>
          </cell>
          <cell r="F3392" t="str">
            <v>愛知県刈谷市朝日町2-1</v>
          </cell>
          <cell r="G3392" t="str">
            <v>刈谷市</v>
          </cell>
          <cell r="H3392" t="str">
            <v>Ｌ＆Ｅ商品本部　サービス部</v>
          </cell>
          <cell r="I3392" t="str">
            <v>部長 中岡　勇造</v>
          </cell>
          <cell r="J3392" t="str">
            <v>愛知県刈谷市</v>
          </cell>
          <cell r="K3392" t="str">
            <v>0566-24-9530</v>
          </cell>
          <cell r="L3392" t="str">
            <v>atsuko-s@csd.aisin.co.jp</v>
          </cell>
          <cell r="M3392" t="str">
            <v>ｱｲｼﾝｾｲｷ</v>
          </cell>
          <cell r="N3392" t="str">
            <v>有</v>
          </cell>
          <cell r="O3392">
            <v>54</v>
          </cell>
          <cell r="P3392">
            <v>14439</v>
          </cell>
          <cell r="Q3392">
            <v>6180301013611</v>
          </cell>
          <cell r="R3392">
            <v>45049000</v>
          </cell>
          <cell r="S3392">
            <v>1356329000</v>
          </cell>
          <cell r="T3392">
            <v>873268000</v>
          </cell>
          <cell r="V3392" t="str">
            <v>yl176571</v>
          </cell>
          <cell r="W3392" t="str">
            <v>va139727</v>
          </cell>
          <cell r="Y3392" t="str">
            <v>48，</v>
          </cell>
          <cell r="Z3392">
            <v>48</v>
          </cell>
          <cell r="AA3392" t="str">
            <v/>
          </cell>
          <cell r="AB3392" t="str">
            <v/>
          </cell>
          <cell r="AC3392" t="str">
            <v/>
          </cell>
          <cell r="AD3392" t="str">
            <v/>
          </cell>
          <cell r="AE3392" t="str">
            <v>１；弊社製ガスヒートポンプエアコン（ＧＨＰ）の保守業務を希望します２；３；４；</v>
          </cell>
          <cell r="AF3392" t="str">
            <v>自動車部品で培った技術を活かし、住生活・エネルギー関連事業で豊かな社会づくりに貢献する「日々の暮らしに笑顔を」をめざし、暮らしに身近な商品（ＧＨＰエアコン等）を数多く製造・販売しております。その中で弊社製ＧＨＰエアコンの保守業務を希望し、登録申請いたします。</v>
          </cell>
        </row>
        <row r="3393">
          <cell r="B3393">
            <v>12855</v>
          </cell>
          <cell r="C3393" t="str">
            <v>群桐エコロ(株)</v>
          </cell>
          <cell r="D3393" t="str">
            <v>0276-55-0500</v>
          </cell>
          <cell r="E3393" t="str">
            <v>370-0351</v>
          </cell>
          <cell r="F3393" t="str">
            <v>群馬県太田市新田大町600-26</v>
          </cell>
          <cell r="G3393" t="str">
            <v>太田市</v>
          </cell>
          <cell r="H3393" t="str">
            <v/>
          </cell>
          <cell r="I3393" t="str">
            <v>代表取締役 山口　博</v>
          </cell>
          <cell r="J3393" t="str">
            <v>本店</v>
          </cell>
          <cell r="K3393" t="str">
            <v>0276-55-0501</v>
          </cell>
          <cell r="L3393" t="str">
            <v>info@grr.co.jp</v>
          </cell>
          <cell r="M3393" t="str">
            <v>ｸﾞﾝﾄｳｴｺﾛ</v>
          </cell>
          <cell r="N3393" t="str">
            <v>無</v>
          </cell>
          <cell r="O3393">
            <v>11</v>
          </cell>
          <cell r="P3393">
            <v>74</v>
          </cell>
          <cell r="Q3393">
            <v>5070001021323</v>
          </cell>
          <cell r="R3393">
            <v>20000</v>
          </cell>
          <cell r="S3393">
            <v>1419032</v>
          </cell>
          <cell r="T3393">
            <v>3393926</v>
          </cell>
          <cell r="V3393" t="str">
            <v>eu116065</v>
          </cell>
          <cell r="W3393" t="str">
            <v>ua113599</v>
          </cell>
          <cell r="Y3393" t="str">
            <v>68，</v>
          </cell>
          <cell r="Z3393">
            <v>68</v>
          </cell>
          <cell r="AA3393" t="str">
            <v/>
          </cell>
          <cell r="AB3393" t="str">
            <v/>
          </cell>
          <cell r="AC3393" t="str">
            <v/>
          </cell>
          <cell r="AD3393" t="str">
            <v/>
          </cell>
          <cell r="AE3393" t="str">
            <v>１；産業廃棄物処分、特別管理産業廃棄物処分、低濃度ＰＣＢ廃棄物の無害化処理（収集運搬含む）２；３；４；</v>
          </cell>
          <cell r="AF3393" t="str">
            <v>焼却溶融炉にて廃棄物を高温処理し無害化、「溶融スラグ」を回収後、砂の代替品等になる人工砂を建築資材として販売。廃油を処理し、再生重（燃料油）を精製、工場等へ販売及び施設内・焼却溶融施設で補助燃料として使用。低濃度ＰＣＢ廃棄物の処理は環境大臣の認定を受けてます。</v>
          </cell>
        </row>
        <row r="3394">
          <cell r="B3394">
            <v>12856</v>
          </cell>
          <cell r="C3394" t="str">
            <v>(株)芝本商店</v>
          </cell>
          <cell r="D3394" t="str">
            <v>079-422-2200</v>
          </cell>
          <cell r="E3394" t="str">
            <v>675-0032</v>
          </cell>
          <cell r="F3394" t="str">
            <v>兵庫県加古川市加古川町備後335番地</v>
          </cell>
          <cell r="G3394" t="str">
            <v>加古川市</v>
          </cell>
          <cell r="H3394" t="str">
            <v/>
          </cell>
          <cell r="I3394" t="str">
            <v>代表取締役 芝本　忠雄</v>
          </cell>
          <cell r="J3394" t="str">
            <v>本店</v>
          </cell>
          <cell r="K3394" t="str">
            <v>079-422-0771</v>
          </cell>
          <cell r="L3394" t="str">
            <v>info@shibasan.co.jp</v>
          </cell>
          <cell r="M3394" t="str">
            <v>ｼﾊﾞﾓﾄｼｮｳﾃﾝ</v>
          </cell>
          <cell r="N3394" t="str">
            <v>無</v>
          </cell>
          <cell r="O3394">
            <v>52</v>
          </cell>
          <cell r="P3394">
            <v>15</v>
          </cell>
          <cell r="Q3394">
            <v>9140001103382</v>
          </cell>
          <cell r="R3394">
            <v>10000</v>
          </cell>
          <cell r="S3394">
            <v>10756</v>
          </cell>
          <cell r="T3394">
            <v>438071</v>
          </cell>
          <cell r="V3394" t="str">
            <v>ps176230</v>
          </cell>
          <cell r="W3394" t="str">
            <v>jn181961</v>
          </cell>
          <cell r="Y3394" t="str">
            <v>22，31，38，</v>
          </cell>
          <cell r="Z3394" t="str">
            <v/>
          </cell>
          <cell r="AA3394" t="str">
            <v/>
          </cell>
          <cell r="AB3394" t="str">
            <v/>
          </cell>
          <cell r="AC3394" t="str">
            <v/>
          </cell>
          <cell r="AD3394" t="str">
            <v/>
          </cell>
          <cell r="AE3394" t="str">
            <v>１；災害時トリアージ用品一式（自社製品）テント・シート・タッグ・コーン・ステッカー　非常時対応型浄水装置（株式会社ＴＯＰウォーターシステムズ）ＴＯＰレスキューＲＯ２２；移動可能な家（スマートモデューロ）３；潅水資材（株式会社サンホープ）４；セメント二次製品</v>
          </cell>
          <cell r="AF3394" t="str">
            <v>弊社は創業５２年の建材その他卸売として営業実績を有し、近年では潅水資材・非常時対応型浄水装置・移動可能な家（スマートモデューロ）の販売も行っております。また、トリアージ用品については全国から多く受注頂いております。</v>
          </cell>
        </row>
        <row r="3395">
          <cell r="B3395">
            <v>12858</v>
          </cell>
          <cell r="C3395" t="str">
            <v>東京コンピュータサービス(株)</v>
          </cell>
          <cell r="D3395" t="str">
            <v>078-392-8721</v>
          </cell>
          <cell r="E3395" t="str">
            <v>650-0021</v>
          </cell>
          <cell r="F3395" t="str">
            <v>兵庫県神戸市中央区三宮町二丁目5番1号</v>
          </cell>
          <cell r="G3395" t="str">
            <v>神戸市</v>
          </cell>
          <cell r="H3395" t="str">
            <v>神戸支店</v>
          </cell>
          <cell r="I3395" t="str">
            <v>支店長 岡本　裕樹</v>
          </cell>
          <cell r="J3395" t="str">
            <v>東京都</v>
          </cell>
          <cell r="K3395" t="str">
            <v>078-392-8720</v>
          </cell>
          <cell r="L3395" t="str">
            <v>k-ishiguro@tcs-ipnet.co.jp</v>
          </cell>
          <cell r="M3395" t="str">
            <v>ﾄｳｷｮｳｺﾝﾋﾟｭｰﾀｻｰﾋﾞｽ</v>
          </cell>
          <cell r="N3395" t="str">
            <v>有</v>
          </cell>
          <cell r="O3395">
            <v>47</v>
          </cell>
          <cell r="P3395">
            <v>2200</v>
          </cell>
          <cell r="Q3395">
            <v>2010001095739</v>
          </cell>
          <cell r="R3395">
            <v>100000</v>
          </cell>
          <cell r="S3395">
            <v>12005223</v>
          </cell>
          <cell r="T3395">
            <v>29076780</v>
          </cell>
          <cell r="V3395" t="str">
            <v>jh121397</v>
          </cell>
          <cell r="W3395" t="str">
            <v>yu173711</v>
          </cell>
          <cell r="Y3395" t="str">
            <v>36，57，58，</v>
          </cell>
          <cell r="Z3395">
            <v>58</v>
          </cell>
          <cell r="AA3395">
            <v>57</v>
          </cell>
          <cell r="AB3395">
            <v>36</v>
          </cell>
          <cell r="AC3395" t="str">
            <v/>
          </cell>
          <cell r="AD3395" t="str">
            <v/>
          </cell>
          <cell r="AE3395" t="str">
            <v>１；２；３；４；</v>
          </cell>
          <cell r="AF3395" t="str">
            <v>システムインテグレーションサービス、システムコンサルティング、各種ソフトウェア開発、その他コンピュータ関連事業などのトータルコンピューティングサービス（ＯＡ機器販売を含む）を幅広い事業領域で提供しております。</v>
          </cell>
        </row>
        <row r="3396">
          <cell r="B3396">
            <v>12860</v>
          </cell>
          <cell r="C3396" t="str">
            <v>(株)ナガイ</v>
          </cell>
          <cell r="D3396" t="str">
            <v>06-4961-6650</v>
          </cell>
          <cell r="E3396" t="str">
            <v>661-0022</v>
          </cell>
          <cell r="F3396" t="str">
            <v>兵庫県尼崎市尾浜町1-11-14</v>
          </cell>
          <cell r="G3396" t="str">
            <v>尼崎市</v>
          </cell>
          <cell r="H3396" t="str">
            <v/>
          </cell>
          <cell r="I3396" t="str">
            <v>代表取締役 永井　孔一</v>
          </cell>
          <cell r="J3396" t="str">
            <v>本店</v>
          </cell>
          <cell r="K3396" t="str">
            <v>06-4961-6651</v>
          </cell>
          <cell r="L3396" t="str">
            <v>kishimoto-nagai.office@ares.eonet.ne.jp</v>
          </cell>
          <cell r="M3396" t="str">
            <v>ﾅｶﾞｲ</v>
          </cell>
          <cell r="N3396" t="str">
            <v>無</v>
          </cell>
          <cell r="O3396">
            <v>15</v>
          </cell>
          <cell r="P3396">
            <v>98</v>
          </cell>
          <cell r="Q3396">
            <v>3140001053377</v>
          </cell>
          <cell r="R3396">
            <v>3000</v>
          </cell>
          <cell r="S3396">
            <v>3000</v>
          </cell>
          <cell r="T3396">
            <v>154347</v>
          </cell>
          <cell r="V3396" t="str">
            <v>aq137678</v>
          </cell>
          <cell r="W3396" t="str">
            <v>ei139279</v>
          </cell>
          <cell r="Y3396" t="str">
            <v>54，</v>
          </cell>
          <cell r="Z3396" t="str">
            <v/>
          </cell>
          <cell r="AA3396" t="str">
            <v/>
          </cell>
          <cell r="AB3396" t="str">
            <v/>
          </cell>
          <cell r="AC3396" t="str">
            <v/>
          </cell>
          <cell r="AD3396" t="str">
            <v/>
          </cell>
          <cell r="AE3396" t="str">
            <v>１；建物の清掃２；３；４；</v>
          </cell>
          <cell r="AF3396" t="str">
            <v>建物の清掃実績は１５年お客様に信頼される業務を日々行っております</v>
          </cell>
        </row>
        <row r="3397">
          <cell r="B3397">
            <v>12861</v>
          </cell>
          <cell r="C3397" t="str">
            <v>ジャパンエレベーターサービス関西(株)</v>
          </cell>
          <cell r="D3397" t="str">
            <v>06-6125-5001</v>
          </cell>
          <cell r="E3397" t="str">
            <v>541-0044</v>
          </cell>
          <cell r="F3397" t="str">
            <v>大阪府大阪市中央区伏見町4‐2-14</v>
          </cell>
          <cell r="G3397" t="str">
            <v>大阪市</v>
          </cell>
          <cell r="H3397" t="str">
            <v/>
          </cell>
          <cell r="I3397" t="str">
            <v>代表取締役 宇野　真輔</v>
          </cell>
          <cell r="J3397" t="str">
            <v>本店</v>
          </cell>
          <cell r="K3397" t="str">
            <v>06-6125-5089</v>
          </cell>
          <cell r="L3397" t="str">
            <v>nyuusatsu-kansai@jes24.co.jp</v>
          </cell>
          <cell r="M3397" t="str">
            <v>ｼﾞｬﾊﾟﾝｴﾚﾍﾞｰﾀｰｻｰﾋﾞｽｶﾝｻｲ</v>
          </cell>
          <cell r="N3397" t="str">
            <v>無</v>
          </cell>
          <cell r="O3397">
            <v>2</v>
          </cell>
          <cell r="P3397">
            <v>39</v>
          </cell>
          <cell r="Q3397">
            <v>9010001171252</v>
          </cell>
          <cell r="R3397">
            <v>1000</v>
          </cell>
          <cell r="S3397">
            <v>-31691</v>
          </cell>
          <cell r="T3397">
            <v>139132</v>
          </cell>
          <cell r="V3397" t="str">
            <v>op172056</v>
          </cell>
          <cell r="W3397" t="str">
            <v>iw129735</v>
          </cell>
          <cell r="Y3397" t="str">
            <v>48，</v>
          </cell>
          <cell r="Z3397" t="str">
            <v/>
          </cell>
          <cell r="AA3397" t="str">
            <v/>
          </cell>
          <cell r="AB3397" t="str">
            <v/>
          </cell>
          <cell r="AC3397" t="str">
            <v/>
          </cell>
          <cell r="AD3397" t="str">
            <v/>
          </cell>
          <cell r="AE3397" t="str">
            <v>１；エレベータ、エスカレータ、小荷物専用樹等昇降機の保守点検２；３；４；</v>
          </cell>
          <cell r="AF3397" t="str">
            <v>エレベーター、エスカレーター等の昇降機の保守点検業務を行います。独立系の保守会社で唯一、遠隔監視・リモート点検が可能です。</v>
          </cell>
        </row>
        <row r="3398">
          <cell r="B3398">
            <v>12862</v>
          </cell>
          <cell r="C3398" t="str">
            <v>ケイティケイ(株)</v>
          </cell>
          <cell r="D3398" t="str">
            <v>06-6268-3350</v>
          </cell>
          <cell r="E3398" t="str">
            <v>542-0081</v>
          </cell>
          <cell r="F3398" t="str">
            <v>大阪府大阪市中央区南船場1-13-14</v>
          </cell>
          <cell r="G3398" t="str">
            <v>大阪市</v>
          </cell>
          <cell r="H3398" t="str">
            <v>大阪支店</v>
          </cell>
          <cell r="I3398" t="str">
            <v>支店長 鈴木　宏紀</v>
          </cell>
          <cell r="J3398" t="str">
            <v>愛知県名古屋市</v>
          </cell>
          <cell r="K3398" t="str">
            <v>06-6268-3351</v>
          </cell>
          <cell r="L3398" t="str">
            <v>soumu@ktk.gr.jp</v>
          </cell>
          <cell r="M3398" t="str">
            <v>ｹｲﾃｨｹｲ</v>
          </cell>
          <cell r="N3398" t="str">
            <v>有</v>
          </cell>
          <cell r="O3398">
            <v>47</v>
          </cell>
          <cell r="P3398">
            <v>192</v>
          </cell>
          <cell r="Q3398">
            <v>9180001016399</v>
          </cell>
          <cell r="R3398">
            <v>294675</v>
          </cell>
          <cell r="S3398">
            <v>2456596</v>
          </cell>
          <cell r="T3398">
            <v>8011122</v>
          </cell>
          <cell r="V3398" t="str">
            <v>mi152431</v>
          </cell>
          <cell r="W3398" t="str">
            <v>bn185302</v>
          </cell>
          <cell r="Y3398" t="str">
            <v>14，15，36，</v>
          </cell>
          <cell r="Z3398">
            <v>14</v>
          </cell>
          <cell r="AA3398">
            <v>15</v>
          </cell>
          <cell r="AB3398">
            <v>36</v>
          </cell>
          <cell r="AC3398" t="str">
            <v/>
          </cell>
          <cell r="AD3398" t="str">
            <v/>
          </cell>
          <cell r="AE3398" t="str">
            <v>１；文具全般、プリンタートナー等２；３；４；</v>
          </cell>
          <cell r="AF3398" t="str">
            <v>自社工場で生産されるリサイクルトナーを主力としたオフィスサプライ全般を提供しています。環境への貢献とコスト削減の両面で、お客様をサポートします。</v>
          </cell>
        </row>
        <row r="3399">
          <cell r="B3399">
            <v>12863</v>
          </cell>
          <cell r="C3399" t="str">
            <v>グリーンブルー(株)</v>
          </cell>
          <cell r="D3399" t="str">
            <v>079-441-7401</v>
          </cell>
          <cell r="E3399" t="str">
            <v>675-0017</v>
          </cell>
          <cell r="F3399" t="str">
            <v>兵庫県加古川市野口町良野1604</v>
          </cell>
          <cell r="G3399" t="str">
            <v>加古川市</v>
          </cell>
          <cell r="H3399" t="str">
            <v>加古川営業所</v>
          </cell>
          <cell r="I3399" t="str">
            <v>営業所長 村越　邦啓</v>
          </cell>
          <cell r="J3399" t="str">
            <v>神奈川県横浜市</v>
          </cell>
          <cell r="K3399" t="str">
            <v>079-441-7403</v>
          </cell>
          <cell r="L3399" t="str">
            <v>sales@greenblue.co.jp</v>
          </cell>
          <cell r="M3399" t="str">
            <v>ｸﾞﾘｰﾝﾌﾞﾙｰ</v>
          </cell>
          <cell r="N3399" t="str">
            <v>有</v>
          </cell>
          <cell r="O3399">
            <v>46</v>
          </cell>
          <cell r="P3399">
            <v>86</v>
          </cell>
          <cell r="Q3399">
            <v>8020001041835</v>
          </cell>
          <cell r="R3399">
            <v>77000</v>
          </cell>
          <cell r="S3399">
            <v>469761</v>
          </cell>
          <cell r="T3399">
            <v>1429563</v>
          </cell>
          <cell r="V3399" t="str">
            <v>gv138278</v>
          </cell>
          <cell r="W3399" t="str">
            <v>rz136328</v>
          </cell>
          <cell r="Y3399" t="str">
            <v>42，44，48，</v>
          </cell>
          <cell r="Z3399">
            <v>48</v>
          </cell>
          <cell r="AA3399">
            <v>42</v>
          </cell>
          <cell r="AB3399">
            <v>44</v>
          </cell>
          <cell r="AC3399" t="str">
            <v/>
          </cell>
          <cell r="AD3399" t="str">
            <v/>
          </cell>
          <cell r="AE3399" t="str">
            <v>１；大気汚染常時監視自動測定機器、排ガス分析装置等保守点検、校正サービス２；ＡＧＳＳ：可搬型温室効果ガス自動採取装置、ミクロスター：ファインバブル発生装置、各種環境測定機器の販売３；大気常時監視テレメータシステム、各種環境測定機器等のりーす・レンタル４；</v>
          </cell>
          <cell r="AF3399" t="str">
            <v>大気汚染自動測定機器、排ガス分析装置の保守点検を得意業務とし、業務に携わる技術者はすべて「環境大気常時監視技術者試験」の認定を受けています。加古川営業所を中心として、３０年度明石市、加古川市、高砂市、枚方市、三重県等大気汚染自動測定機器の保守管理を受注しています。</v>
          </cell>
        </row>
        <row r="3400">
          <cell r="B3400">
            <v>12864</v>
          </cell>
          <cell r="C3400" t="str">
            <v>(株)情報基盤開発</v>
          </cell>
          <cell r="D3400" t="str">
            <v>03-3816-1541</v>
          </cell>
          <cell r="E3400" t="str">
            <v>113-0033</v>
          </cell>
          <cell r="F3400" t="str">
            <v>東京都文京区本郷2-27-18 本郷BNﾋﾞﾙ5階</v>
          </cell>
          <cell r="G3400" t="str">
            <v>東京都</v>
          </cell>
          <cell r="H3400" t="str">
            <v/>
          </cell>
          <cell r="I3400" t="str">
            <v>代表取締役　 鎌田　長明</v>
          </cell>
          <cell r="J3400" t="str">
            <v>本店</v>
          </cell>
          <cell r="K3400" t="str">
            <v>03-6856-4600</v>
          </cell>
          <cell r="L3400" t="str">
            <v>eigyosp@altpaper.net</v>
          </cell>
          <cell r="M3400" t="str">
            <v>ｼﾞﾖｳﾎｳｷﾊﾞﾝｶｲﾊﾂ</v>
          </cell>
          <cell r="N3400" t="str">
            <v>無</v>
          </cell>
          <cell r="O3400">
            <v>14</v>
          </cell>
          <cell r="P3400">
            <v>21</v>
          </cell>
          <cell r="Q3400">
            <v>6010001100940</v>
          </cell>
          <cell r="R3400">
            <v>19440</v>
          </cell>
          <cell r="S3400">
            <v>70623</v>
          </cell>
          <cell r="T3400">
            <v>311019</v>
          </cell>
          <cell r="V3400" t="str">
            <v>da112624</v>
          </cell>
          <cell r="W3400" t="str">
            <v>dp123007</v>
          </cell>
          <cell r="Y3400">
            <v>80</v>
          </cell>
          <cell r="Z3400" t="str">
            <v/>
          </cell>
          <cell r="AA3400" t="str">
            <v/>
          </cell>
          <cell r="AB3400" t="str">
            <v/>
          </cell>
          <cell r="AC3400" t="str">
            <v/>
          </cell>
          <cell r="AD3400" t="str">
            <v/>
          </cell>
          <cell r="AE3400" t="str">
            <v>１；２；ストレスチェック業務委託３；４；</v>
          </cell>
          <cell r="AF3400" t="str">
            <v>株式会社情報基盤開発は東京大学発のベンチャー企業です。画像処理技術を元に、アンケートの自動入力、データ結果分析、ストレスチェック業務委託を中心に提供しております。</v>
          </cell>
        </row>
        <row r="3401">
          <cell r="B3401">
            <v>12865</v>
          </cell>
          <cell r="C3401" t="str">
            <v>(株)おぎそ</v>
          </cell>
          <cell r="D3401" t="str">
            <v>0572-59-8639</v>
          </cell>
          <cell r="E3401" t="str">
            <v>509-5401</v>
          </cell>
          <cell r="F3401" t="str">
            <v>岐阜県土岐市駄知町1468</v>
          </cell>
          <cell r="G3401" t="str">
            <v>土岐市</v>
          </cell>
          <cell r="H3401" t="str">
            <v/>
          </cell>
          <cell r="I3401" t="str">
            <v>代表取締役 小木曽　剛史</v>
          </cell>
          <cell r="J3401" t="str">
            <v>本店</v>
          </cell>
          <cell r="K3401" t="str">
            <v>0572-59-4546</v>
          </cell>
          <cell r="L3401" t="str">
            <v>staff@k-ogiso.co.jp</v>
          </cell>
          <cell r="M3401" t="str">
            <v>ｵｷﾞｿ</v>
          </cell>
          <cell r="N3401" t="str">
            <v>無</v>
          </cell>
          <cell r="O3401">
            <v>34</v>
          </cell>
          <cell r="P3401">
            <v>41</v>
          </cell>
          <cell r="Q3401">
            <v>5200001021235</v>
          </cell>
          <cell r="R3401">
            <v>10000</v>
          </cell>
          <cell r="S3401">
            <v>167858</v>
          </cell>
          <cell r="T3401">
            <v>956579</v>
          </cell>
          <cell r="V3401" t="str">
            <v>qp118671</v>
          </cell>
          <cell r="W3401" t="str">
            <v>zo101689</v>
          </cell>
          <cell r="Y3401" t="str">
            <v/>
          </cell>
          <cell r="Z3401">
            <v>80</v>
          </cell>
          <cell r="AA3401" t="str">
            <v/>
          </cell>
          <cell r="AB3401" t="str">
            <v/>
          </cell>
          <cell r="AC3401" t="str">
            <v/>
          </cell>
          <cell r="AD3401" t="str">
            <v/>
          </cell>
          <cell r="AE3401" t="str">
            <v>１；学校給食・保育園給食・事業所給食用リサイクル強化磁器食器の製造及びメンテナンス２；３；４；</v>
          </cell>
          <cell r="AF3401" t="str">
            <v>学校給食・保育園給食・事業所給食用リサイクル強化磁器食器の製造及びメンテナンス</v>
          </cell>
        </row>
        <row r="3402">
          <cell r="B3402">
            <v>12866</v>
          </cell>
          <cell r="C3402" t="str">
            <v>(株)コム計画研究所</v>
          </cell>
          <cell r="D3402" t="str">
            <v>06-6624-2321</v>
          </cell>
          <cell r="E3402" t="str">
            <v>545-0037</v>
          </cell>
          <cell r="F3402" t="str">
            <v>大阪府大阪市阿倍野区帝塚山1-6-3</v>
          </cell>
          <cell r="G3402" t="str">
            <v>大阪市</v>
          </cell>
          <cell r="H3402" t="str">
            <v/>
          </cell>
          <cell r="I3402" t="str">
            <v>代表取締役 高田　昇</v>
          </cell>
          <cell r="J3402" t="str">
            <v>本店</v>
          </cell>
          <cell r="K3402" t="str">
            <v>06-6624-2737</v>
          </cell>
          <cell r="L3402" t="str">
            <v>com@com-planning.co.jp</v>
          </cell>
          <cell r="M3402" t="str">
            <v>ｺﾑｹｲｶｸｹﾝｷｭｳｼｮ</v>
          </cell>
          <cell r="N3402" t="str">
            <v>無</v>
          </cell>
          <cell r="O3402">
            <v>47</v>
          </cell>
          <cell r="P3402">
            <v>11</v>
          </cell>
          <cell r="Q3402">
            <v>8120001005268</v>
          </cell>
          <cell r="R3402">
            <v>10000</v>
          </cell>
          <cell r="S3402">
            <v>23095</v>
          </cell>
          <cell r="T3402">
            <v>66062</v>
          </cell>
          <cell r="V3402" t="str">
            <v>lt148963</v>
          </cell>
          <cell r="W3402" t="str">
            <v>zp133172</v>
          </cell>
          <cell r="Y3402" t="str">
            <v/>
          </cell>
          <cell r="Z3402">
            <v>80</v>
          </cell>
          <cell r="AA3402" t="str">
            <v/>
          </cell>
          <cell r="AB3402" t="str">
            <v/>
          </cell>
          <cell r="AC3402" t="str">
            <v/>
          </cell>
          <cell r="AD3402" t="str">
            <v/>
          </cell>
          <cell r="AE3402" t="str">
            <v>１；地域・総合・コミュニティ計画／都市再開発・住環境整備計画／景観計画／まちづくり活動推進・コーディネート／住宅・コーポラティブハウジング計画／空間プロデュース・デザイン２；３；４；</v>
          </cell>
          <cell r="AF3402" t="str">
            <v>地域計画・総合計画・コミュニティ計画／都市再開発計画・住環境整備計画／景観計画・ガーデニング計画・エコシティ計画／まちづくり活動推進・コーディネート／住宅計画・コーポラティブハウジング計画／建築の企画設計／空間プロデュース・デザイン</v>
          </cell>
        </row>
        <row r="3403">
          <cell r="B3403">
            <v>12867</v>
          </cell>
          <cell r="C3403" t="str">
            <v>(株)朝日コンサル</v>
          </cell>
          <cell r="D3403" t="str">
            <v>0794-63-6491</v>
          </cell>
          <cell r="E3403" t="str">
            <v>675-1372</v>
          </cell>
          <cell r="F3403" t="str">
            <v>兵庫県小野市本町52-9</v>
          </cell>
          <cell r="G3403" t="str">
            <v>小野市</v>
          </cell>
          <cell r="H3403" t="str">
            <v/>
          </cell>
          <cell r="I3403" t="str">
            <v>代表取締役 竹内　敏雄</v>
          </cell>
          <cell r="J3403" t="str">
            <v>本店</v>
          </cell>
          <cell r="K3403" t="str">
            <v>0794-63-6498</v>
          </cell>
          <cell r="L3403" t="str">
            <v>asahicon@maia.eonet.ne.jp</v>
          </cell>
          <cell r="M3403" t="str">
            <v>ｱｻﾋｺﾝｻﾙ</v>
          </cell>
          <cell r="N3403" t="str">
            <v>無</v>
          </cell>
          <cell r="O3403">
            <v>31</v>
          </cell>
          <cell r="P3403">
            <v>18</v>
          </cell>
          <cell r="Q3403">
            <v>3140001076576</v>
          </cell>
          <cell r="R3403">
            <v>10000</v>
          </cell>
          <cell r="S3403">
            <v>111037</v>
          </cell>
          <cell r="T3403">
            <v>122761</v>
          </cell>
          <cell r="V3403" t="str">
            <v>bv137029</v>
          </cell>
          <cell r="W3403" t="str">
            <v>pr187371</v>
          </cell>
          <cell r="Y3403" t="str">
            <v>72，77，</v>
          </cell>
          <cell r="Z3403" t="str">
            <v/>
          </cell>
          <cell r="AA3403" t="str">
            <v/>
          </cell>
          <cell r="AB3403" t="str">
            <v/>
          </cell>
          <cell r="AC3403" t="str">
            <v/>
          </cell>
          <cell r="AD3403" t="str">
            <v/>
          </cell>
          <cell r="AE3403" t="str">
            <v>１；鳥獣対策事業２；３次元スキャナーを用いた地図作製３；４；</v>
          </cell>
          <cell r="AF3403" t="str">
            <v>最先端最新機器次世代地上型３次元スキャナーを自己保有しております。地籍調査、橋梁点検、現場技術業務実績多数。土地家屋調査士及び換地士が在席しており地図の訂正等及び換地業務の請負が可能です。社内外講習の機会を与え技術向上に努めています。</v>
          </cell>
        </row>
        <row r="3404">
          <cell r="B3404">
            <v>12868</v>
          </cell>
          <cell r="C3404" t="str">
            <v>早稲田システム開発(株)</v>
          </cell>
          <cell r="D3404" t="str">
            <v>03-6457-8585</v>
          </cell>
          <cell r="E3404" t="str">
            <v>169-0075</v>
          </cell>
          <cell r="F3404" t="str">
            <v>東京都新宿区高田馬場4-40-17</v>
          </cell>
          <cell r="G3404" t="str">
            <v>新宿</v>
          </cell>
          <cell r="H3404" t="str">
            <v/>
          </cell>
          <cell r="I3404" t="str">
            <v>代表取締役 内田　剛史</v>
          </cell>
          <cell r="J3404" t="str">
            <v>本店</v>
          </cell>
          <cell r="K3404" t="str">
            <v>03-6279-3333</v>
          </cell>
          <cell r="L3404" t="str">
            <v>soumu@waseda.co.jp</v>
          </cell>
          <cell r="M3404" t="str">
            <v>ﾜｾﾀﾞｼｽﾃﾑｶｲﾊﾂ</v>
          </cell>
          <cell r="N3404" t="str">
            <v>無</v>
          </cell>
          <cell r="O3404">
            <v>26</v>
          </cell>
          <cell r="P3404">
            <v>11</v>
          </cell>
          <cell r="Q3404">
            <v>2011101022310</v>
          </cell>
          <cell r="R3404">
            <v>20000</v>
          </cell>
          <cell r="S3404">
            <v>41701</v>
          </cell>
          <cell r="T3404">
            <v>211854</v>
          </cell>
          <cell r="V3404" t="str">
            <v>gi140131</v>
          </cell>
          <cell r="W3404" t="str">
            <v>uy112139</v>
          </cell>
          <cell r="Y3404" t="str">
            <v>044，36，44，57，58，</v>
          </cell>
          <cell r="Z3404">
            <v>58</v>
          </cell>
          <cell r="AA3404">
            <v>57</v>
          </cell>
          <cell r="AB3404">
            <v>36</v>
          </cell>
          <cell r="AC3404">
            <v>44</v>
          </cell>
          <cell r="AD3404" t="str">
            <v/>
          </cell>
          <cell r="AE3404" t="str">
            <v>１；美術館・博物館の収蔵品管理システム開発・設計２；データ入力３；パソコン・サーバ・周辺機器４；パソコンのリース</v>
          </cell>
          <cell r="AF3404" t="str">
            <v>創業以来２０年以上、博物館の収蔵品管理システムに特化してきました。北海道から沖縄まで、累計導入実績は３００館を越えます。２０１０年１０月よりクラウド型収蔵品管理システムＩ．Ｂ．ＭＵＳＥＵＭ　ＳａａＳのサービスを開始。現在も申込が相次いでいます。</v>
          </cell>
        </row>
        <row r="3405">
          <cell r="B3405">
            <v>12869</v>
          </cell>
          <cell r="C3405" t="str">
            <v>(株)明西エンジニアリング</v>
          </cell>
          <cell r="D3405" t="str">
            <v>072-967-3400</v>
          </cell>
          <cell r="E3405" t="str">
            <v>663-8243</v>
          </cell>
          <cell r="F3405" t="str">
            <v>大阪府東大阪市中新開2-4-7</v>
          </cell>
          <cell r="G3405" t="str">
            <v>東大阪市</v>
          </cell>
          <cell r="H3405" t="str">
            <v/>
          </cell>
          <cell r="I3405" t="str">
            <v>代表取締役社長　 川邉　和義</v>
          </cell>
          <cell r="J3405" t="str">
            <v>本店</v>
          </cell>
          <cell r="K3405" t="str">
            <v>072-967-3401</v>
          </cell>
          <cell r="L3405" t="str">
            <v>ms-nyusatsu@meisei-er.co.jp</v>
          </cell>
          <cell r="M3405" t="str">
            <v>ﾒｲｾｲｴﾝｼﾞﾆｱﾘﾝｸﾞ</v>
          </cell>
          <cell r="N3405" t="str">
            <v>無</v>
          </cell>
          <cell r="O3405">
            <v>39</v>
          </cell>
          <cell r="P3405">
            <v>54</v>
          </cell>
          <cell r="Q3405">
            <v>5122001007404</v>
          </cell>
          <cell r="R3405">
            <v>50000</v>
          </cell>
          <cell r="S3405">
            <v>83751</v>
          </cell>
          <cell r="T3405">
            <v>1047071</v>
          </cell>
          <cell r="V3405" t="str">
            <v>ud110117</v>
          </cell>
          <cell r="W3405" t="str">
            <v>ci136837</v>
          </cell>
          <cell r="Y3405" t="str">
            <v>40.41.42.47.48</v>
          </cell>
          <cell r="Z3405">
            <v>40</v>
          </cell>
          <cell r="AA3405">
            <v>47</v>
          </cell>
          <cell r="AB3405" t="str">
            <v/>
          </cell>
          <cell r="AC3405" t="str">
            <v/>
          </cell>
          <cell r="AD3405" t="str">
            <v/>
          </cell>
          <cell r="AE3405" t="str">
            <v>１；２；明電舎、吉岡機工、吉田機電、布引コアコーポレーション、日東商事、南出キカイ、ＳＥＷオイロドライブジャパン他３；建設業許可　電気、機械器具設置４；</v>
          </cell>
          <cell r="AF3405" t="str">
            <v>官公庁をはじめ各業界の大手メーカーを主に得意先としています。モーター、発電機はメーカー問わず対応可です。電気機器診断、回転機、盤関係等電気設備に関する総合メンテナンスを全国展開しています。モーター等電気機器に関して、多種メーカーお手配可です。</v>
          </cell>
        </row>
        <row r="3406">
          <cell r="B3406">
            <v>12870</v>
          </cell>
          <cell r="C3406" t="str">
            <v>(株)スポニチパートナー</v>
          </cell>
          <cell r="D3406" t="str">
            <v>06-6534-0433</v>
          </cell>
          <cell r="E3406" t="str">
            <v>550-0005</v>
          </cell>
          <cell r="F3406" t="str">
            <v>大阪府大阪市西区西本町1-2-14</v>
          </cell>
          <cell r="G3406" t="str">
            <v>大阪府</v>
          </cell>
          <cell r="H3406" t="str">
            <v>大阪営業部</v>
          </cell>
          <cell r="I3406" t="str">
            <v>常務取締役大阪営業部長 山崎　順朗</v>
          </cell>
          <cell r="J3406" t="str">
            <v>東京都</v>
          </cell>
          <cell r="K3406" t="str">
            <v>06-6534-0438</v>
          </cell>
          <cell r="L3406" t="str">
            <v>hisada@sponichipartner.co.jp</v>
          </cell>
          <cell r="M3406" t="str">
            <v>ｽﾎﾟﾆﾁﾊﾟｰﾄﾅｰ</v>
          </cell>
          <cell r="N3406" t="str">
            <v>有</v>
          </cell>
          <cell r="O3406">
            <v>7</v>
          </cell>
          <cell r="P3406">
            <v>31</v>
          </cell>
          <cell r="Q3406">
            <v>5010001138528</v>
          </cell>
          <cell r="R3406">
            <v>20000</v>
          </cell>
          <cell r="S3406">
            <v>85863</v>
          </cell>
          <cell r="T3406">
            <v>1053491</v>
          </cell>
          <cell r="V3406" t="str">
            <v>nl179677</v>
          </cell>
          <cell r="W3406" t="str">
            <v>jb107052</v>
          </cell>
          <cell r="Y3406" t="str">
            <v>65，63，</v>
          </cell>
          <cell r="Z3406">
            <v>40</v>
          </cell>
          <cell r="AA3406">
            <v>47</v>
          </cell>
          <cell r="AB3406" t="str">
            <v/>
          </cell>
          <cell r="AC3406" t="str">
            <v/>
          </cell>
          <cell r="AD3406" t="str">
            <v/>
          </cell>
          <cell r="AE3406" t="str">
            <v>１；関西のスポーツ新聞・夕刊紙に直接取引が可能です。公営競技の取り扱い実績があります。；</v>
          </cell>
          <cell r="AF3406" t="str">
            <v>総合広告代理店。ボートレースや競輪など公営競技の宣伝広告や印刷物を多数取り扱っています。</v>
          </cell>
        </row>
        <row r="3407">
          <cell r="B3407">
            <v>12871</v>
          </cell>
          <cell r="C3407" t="str">
            <v>ダイドーベンディング近畿(株)</v>
          </cell>
          <cell r="D3407" t="str">
            <v>072-794-0179</v>
          </cell>
          <cell r="E3407" t="str">
            <v>666-0153</v>
          </cell>
          <cell r="F3407" t="str">
            <v>兵庫県川西市一庫2-8-14</v>
          </cell>
          <cell r="G3407" t="str">
            <v>川西市</v>
          </cell>
          <cell r="H3407" t="str">
            <v/>
          </cell>
          <cell r="I3407" t="str">
            <v>代表取締役 國津　元司</v>
          </cell>
          <cell r="J3407" t="str">
            <v>本店</v>
          </cell>
          <cell r="K3407" t="str">
            <v>072-794-9373</v>
          </cell>
          <cell r="L3407" t="str">
            <v>m-nakagawa@922.co.jp</v>
          </cell>
          <cell r="M3407" t="str">
            <v>ｸﾆﾂｼｮｳｼﾞ</v>
          </cell>
          <cell r="N3407" t="str">
            <v>無</v>
          </cell>
          <cell r="O3407">
            <v>31</v>
          </cell>
          <cell r="P3407">
            <v>50</v>
          </cell>
          <cell r="Q3407">
            <v>4140001079297</v>
          </cell>
          <cell r="R3407">
            <v>30000</v>
          </cell>
          <cell r="S3407">
            <v>60313</v>
          </cell>
          <cell r="T3407">
            <v>1976242</v>
          </cell>
          <cell r="V3407" t="str">
            <v>ml127862</v>
          </cell>
          <cell r="W3407" t="str">
            <v>gs163513</v>
          </cell>
          <cell r="Y3407" t="str">
            <v>02，</v>
          </cell>
          <cell r="Z3407">
            <v>2</v>
          </cell>
          <cell r="AA3407" t="str">
            <v/>
          </cell>
          <cell r="AB3407" t="str">
            <v/>
          </cell>
          <cell r="AC3407" t="str">
            <v/>
          </cell>
          <cell r="AD3407" t="str">
            <v/>
          </cell>
          <cell r="AE3407" t="str">
            <v>１；ダイドードリンコ２；３；４；</v>
          </cell>
          <cell r="AF3407" t="str">
            <v>自動販売機による清涼飲料水の提供</v>
          </cell>
        </row>
        <row r="3408">
          <cell r="B3408">
            <v>12872</v>
          </cell>
          <cell r="C3408" t="str">
            <v>日本カーソリューションズ(株)</v>
          </cell>
          <cell r="D3408" t="str">
            <v>06-6268-0373</v>
          </cell>
          <cell r="E3408" t="str">
            <v>541-0053</v>
          </cell>
          <cell r="F3408" t="str">
            <v>大阪府大阪市中央区本町3-5-7</v>
          </cell>
          <cell r="G3408" t="str">
            <v>大阪市</v>
          </cell>
          <cell r="I3408" t="str">
            <v>大阪営業第一部長 加藤　潤一郎</v>
          </cell>
          <cell r="J3408" t="str">
            <v>東京都</v>
          </cell>
          <cell r="K3408" t="str">
            <v>06-6263-2198</v>
          </cell>
          <cell r="L3408" t="str">
            <v/>
          </cell>
          <cell r="M3408" t="str">
            <v>ﾆｯﾎﾟﾝｶｰｿﾘｭｰｼｮﾝｽﾞ</v>
          </cell>
          <cell r="N3408" t="str">
            <v>有</v>
          </cell>
          <cell r="O3408">
            <v>31</v>
          </cell>
          <cell r="P3408">
            <v>1020</v>
          </cell>
          <cell r="Q3408">
            <v>8010401059346</v>
          </cell>
          <cell r="R3408">
            <v>1181250</v>
          </cell>
          <cell r="S3408">
            <v>55235140</v>
          </cell>
          <cell r="T3408">
            <v>183768803</v>
          </cell>
          <cell r="V3408" t="str">
            <v>ut189243</v>
          </cell>
          <cell r="W3408" t="str">
            <v>kj101688</v>
          </cell>
          <cell r="Y3408" t="str">
            <v>44，</v>
          </cell>
          <cell r="Z3408" t="str">
            <v/>
          </cell>
          <cell r="AA3408" t="str">
            <v/>
          </cell>
          <cell r="AB3408" t="str">
            <v/>
          </cell>
          <cell r="AC3408" t="str">
            <v/>
          </cell>
          <cell r="AD3408" t="str">
            <v/>
          </cell>
          <cell r="AE3408" t="str">
            <v>１；国内外のメーカー及び取扱会社と取引あり。２；３；４；</v>
          </cell>
          <cell r="AF3408" t="str">
            <v>各種自動車のリース業務を行っている。</v>
          </cell>
        </row>
        <row r="3409">
          <cell r="B3409">
            <v>12873</v>
          </cell>
          <cell r="C3409" t="str">
            <v>(株)日本レジャーチャンネル</v>
          </cell>
          <cell r="D3409" t="str">
            <v>03-6234-1321</v>
          </cell>
          <cell r="E3409" t="str">
            <v>106-0032</v>
          </cell>
          <cell r="F3409" t="str">
            <v>東京都港区六本木5-16-7</v>
          </cell>
          <cell r="G3409" t="str">
            <v>東京都</v>
          </cell>
          <cell r="H3409" t="str">
            <v/>
          </cell>
          <cell r="I3409" t="str">
            <v>代表取締役社長 広瀬　秀貴</v>
          </cell>
          <cell r="J3409" t="str">
            <v>本店</v>
          </cell>
          <cell r="K3409" t="str">
            <v>03-3584-5211</v>
          </cell>
          <cell r="L3409" t="str">
            <v>jlc_soumu@jlc.ne.jp</v>
          </cell>
          <cell r="M3409" t="str">
            <v>ﾆﾎﾝﾚｼﾞｬｰﾁｬﾝﾈﾙ</v>
          </cell>
          <cell r="N3409" t="str">
            <v>無</v>
          </cell>
          <cell r="O3409">
            <v>26</v>
          </cell>
          <cell r="P3409">
            <v>55</v>
          </cell>
          <cell r="Q3409">
            <v>2010401023381</v>
          </cell>
          <cell r="R3409">
            <v>100000</v>
          </cell>
          <cell r="S3409">
            <v>2589596</v>
          </cell>
          <cell r="T3409">
            <v>7616940</v>
          </cell>
          <cell r="V3409" t="str">
            <v>aw179333</v>
          </cell>
          <cell r="W3409" t="str">
            <v>sb133695</v>
          </cell>
          <cell r="Y3409" t="str">
            <v>063，58，63，64，65，</v>
          </cell>
          <cell r="Z3409">
            <v>80</v>
          </cell>
          <cell r="AA3409">
            <v>64</v>
          </cell>
          <cell r="AB3409">
            <v>58</v>
          </cell>
          <cell r="AC3409">
            <v>63</v>
          </cell>
          <cell r="AD3409" t="str">
            <v/>
          </cell>
          <cell r="AE3409" t="str">
            <v>１；ボートレース尼崎のレース実況中継の放送・配信など２；ボートレース尼崎の開催告知映像等の制作など３；ホームページの企画・制作・運用など４；ボートレース場内等のイベントに関する会場設営・運営など</v>
          </cell>
          <cell r="AF3409" t="str">
            <v>１．スカパー！・ケーブルテレビを通じてのボートレース実況中継及びボートレース関連番組の放送、２．場間場外発売場・場外舟券売場等への映像配信、３．ボートレース関連グッズの企画・販売、４．雑誌等の出版関連業務、５．ＷＥＢサイトの企画・制作・運用</v>
          </cell>
        </row>
        <row r="3410">
          <cell r="B3410">
            <v>12874</v>
          </cell>
          <cell r="C3410" t="str">
            <v>(株)エムティーアイ</v>
          </cell>
          <cell r="D3410" t="str">
            <v>03-5333-6789</v>
          </cell>
          <cell r="E3410" t="str">
            <v>163-1435</v>
          </cell>
          <cell r="F3410" t="str">
            <v>東京都新宿区西新宿3‐20‐2</v>
          </cell>
          <cell r="G3410" t="str">
            <v>東京都</v>
          </cell>
          <cell r="H3410" t="str">
            <v/>
          </cell>
          <cell r="I3410" t="str">
            <v>代表取締役 前多　俊宏</v>
          </cell>
          <cell r="J3410" t="str">
            <v>本店</v>
          </cell>
          <cell r="K3410" t="str">
            <v>03-5333-6791</v>
          </cell>
          <cell r="L3410" t="str">
            <v>mti_registration_info@mti.co.jp</v>
          </cell>
          <cell r="M3410" t="str">
            <v>ｴﾑﾃｨｰｱｲ</v>
          </cell>
          <cell r="N3410" t="str">
            <v>無</v>
          </cell>
          <cell r="O3410">
            <v>22</v>
          </cell>
          <cell r="P3410">
            <v>718</v>
          </cell>
          <cell r="Q3410">
            <v>6011101023123</v>
          </cell>
          <cell r="R3410">
            <v>5100464</v>
          </cell>
          <cell r="S3410">
            <v>16661189</v>
          </cell>
          <cell r="T3410">
            <v>27698451</v>
          </cell>
          <cell r="V3410" t="str">
            <v>sb116923</v>
          </cell>
          <cell r="W3410" t="str">
            <v>il167839</v>
          </cell>
          <cell r="Y3410" t="str">
            <v>58，</v>
          </cell>
          <cell r="Z3410" t="str">
            <v/>
          </cell>
          <cell r="AA3410" t="str">
            <v/>
          </cell>
          <cell r="AB3410" t="str">
            <v/>
          </cell>
          <cell r="AC3410" t="str">
            <v/>
          </cell>
          <cell r="AD3410" t="str">
            <v/>
          </cell>
          <cell r="AE3410" t="str">
            <v>１；プライバシーマーク使用許諾２；３；４；</v>
          </cell>
          <cell r="AF3410" t="str">
            <v>エンタメ配信「ｍｕｓｉｃ．ｊｐ」や女性の健康管理「ルナルナ」などの企画・開発・運用を行い、携帯端末向け配信を中核とした事業を展開しています。近年「ルナルナ」でのノウハウを活かした、ヘルスケアサービスの企画・開発も行い、官公庁へも弊社のサービスを導入頂いております。</v>
          </cell>
        </row>
        <row r="3411">
          <cell r="B3411">
            <v>12875</v>
          </cell>
          <cell r="C3411" t="str">
            <v>(株)日建設計総合研究所</v>
          </cell>
          <cell r="D3411" t="str">
            <v>06-6226-0609</v>
          </cell>
          <cell r="E3411" t="str">
            <v>541-0042</v>
          </cell>
          <cell r="F3411" t="str">
            <v>大阪府大阪市中央区今橋四丁目3番18号</v>
          </cell>
          <cell r="G3411" t="str">
            <v>大阪市</v>
          </cell>
          <cell r="H3411" t="str">
            <v>大阪オフィス</v>
          </cell>
          <cell r="I3411" t="str">
            <v>所長 朝倉　博樹</v>
          </cell>
          <cell r="J3411" t="str">
            <v>東京都</v>
          </cell>
          <cell r="K3411" t="str">
            <v>06-6226-0610</v>
          </cell>
          <cell r="L3411" t="str">
            <v>nsri-shimei@nikken.jp</v>
          </cell>
          <cell r="M3411" t="str">
            <v>ﾆｯｹﾝｾｯｹｲｿｳｺﾞｳｹﾝｷｭｳｼｮ</v>
          </cell>
          <cell r="N3411" t="str">
            <v>有</v>
          </cell>
          <cell r="O3411">
            <v>47</v>
          </cell>
          <cell r="P3411">
            <v>71</v>
          </cell>
          <cell r="Q3411">
            <v>7010001007490</v>
          </cell>
          <cell r="R3411">
            <v>100000</v>
          </cell>
          <cell r="S3411">
            <v>802237</v>
          </cell>
          <cell r="T3411">
            <v>1725440</v>
          </cell>
          <cell r="V3411" t="str">
            <v>hb147861</v>
          </cell>
          <cell r="W3411" t="str">
            <v>of170835</v>
          </cell>
          <cell r="Y3411" t="str">
            <v>77，</v>
          </cell>
          <cell r="Z3411" t="str">
            <v/>
          </cell>
          <cell r="AA3411" t="str">
            <v/>
          </cell>
          <cell r="AB3411" t="str">
            <v/>
          </cell>
          <cell r="AC3411" t="str">
            <v/>
          </cell>
          <cell r="AD3411" t="str">
            <v/>
          </cell>
          <cell r="AE3411" t="str">
            <v>１；２；３；４；</v>
          </cell>
          <cell r="AF3411" t="str">
            <v>広域・地域レベルの都市・地域計画、交通計画検討業務、環境基本計画、地球温暖化防止実行計画などの環境計画、省エネルギービジョン策定などの環境・エネルギー計画策定業務、またＰＦＩ事業を始めとした官民協働の政策に関わる調査業務を得意としております。</v>
          </cell>
        </row>
        <row r="3412">
          <cell r="B3412">
            <v>12876</v>
          </cell>
          <cell r="C3412" t="str">
            <v>三菱オートリース(株)</v>
          </cell>
          <cell r="D3412" t="str">
            <v>078-325-3530</v>
          </cell>
          <cell r="F3412" t="str">
            <v>兵庫県神戸市中央区播磨町49</v>
          </cell>
          <cell r="G3412" t="str">
            <v>神戸市</v>
          </cell>
          <cell r="H3412" t="str">
            <v>神戸支店</v>
          </cell>
          <cell r="I3412" t="str">
            <v>神戸支店長　 秋元　光浩</v>
          </cell>
          <cell r="J3412" t="str">
            <v>東京都</v>
          </cell>
          <cell r="K3412" t="str">
            <v>078-389-5335</v>
          </cell>
          <cell r="L3412" t="str">
            <v>nyusatu-center@mitsubishi-autolease.com</v>
          </cell>
          <cell r="M3412" t="str">
            <v>ﾐﾂﾋﾞｼｵ-ﾄﾘ-ｽ</v>
          </cell>
          <cell r="N3412" t="str">
            <v>有</v>
          </cell>
          <cell r="O3412">
            <v>46</v>
          </cell>
          <cell r="P3412">
            <v>814</v>
          </cell>
          <cell r="Q3412">
            <v>2010401028728</v>
          </cell>
          <cell r="R3412">
            <v>960000</v>
          </cell>
          <cell r="S3412">
            <v>33205000</v>
          </cell>
          <cell r="T3412">
            <v>141507000</v>
          </cell>
          <cell r="V3412" t="str">
            <v>wy126120</v>
          </cell>
          <cell r="W3412" t="str">
            <v>vn152793</v>
          </cell>
          <cell r="Y3412" t="str">
            <v/>
          </cell>
          <cell r="Z3412" t="str">
            <v/>
          </cell>
          <cell r="AA3412" t="str">
            <v/>
          </cell>
          <cell r="AB3412" t="str">
            <v/>
          </cell>
          <cell r="AC3412" t="str">
            <v/>
          </cell>
          <cell r="AD3412" t="str">
            <v/>
          </cell>
          <cell r="AE3412" t="str">
            <v>１；２；３；４；</v>
          </cell>
          <cell r="AF3412" t="str">
            <v>自動車リース業</v>
          </cell>
        </row>
        <row r="3413">
          <cell r="B3413">
            <v>12877</v>
          </cell>
          <cell r="C3413" t="str">
            <v>富士フイルムメディカル(株)</v>
          </cell>
          <cell r="D3413" t="str">
            <v>06-7688-6960</v>
          </cell>
          <cell r="E3413" t="str">
            <v>668-0011</v>
          </cell>
          <cell r="F3413" t="str">
            <v>大阪府大阪市港区弁天1-2-1 大阪ﾍﾞｲﾀﾜｰｵﾌｨｽ7F</v>
          </cell>
          <cell r="G3413" t="str">
            <v>大阪市</v>
          </cell>
          <cell r="H3413" t="str">
            <v>関西支社</v>
          </cell>
          <cell r="I3413" t="str">
            <v>支社長  古江　幸三</v>
          </cell>
          <cell r="J3413" t="str">
            <v>東京都</v>
          </cell>
          <cell r="K3413" t="str">
            <v>06-7688-6930</v>
          </cell>
          <cell r="L3413" t="str">
            <v/>
          </cell>
          <cell r="M3413" t="str">
            <v>ﾌｼﾞﾌｲﾙﾑﾒﾃﾞｲｶﾙ</v>
          </cell>
          <cell r="N3413" t="str">
            <v>有</v>
          </cell>
          <cell r="O3413">
            <v>53</v>
          </cell>
          <cell r="P3413">
            <v>1377</v>
          </cell>
          <cell r="Q3413">
            <v>1010401069517</v>
          </cell>
          <cell r="R3413">
            <v>1200000</v>
          </cell>
          <cell r="S3413">
            <v>39004947</v>
          </cell>
          <cell r="T3413">
            <v>105515107</v>
          </cell>
          <cell r="V3413" t="str">
            <v>ac136620</v>
          </cell>
          <cell r="W3413" t="str">
            <v>kc153788</v>
          </cell>
          <cell r="Y3413" t="str">
            <v>9.39.48</v>
          </cell>
          <cell r="Z3413">
            <v>39</v>
          </cell>
          <cell r="AA3413">
            <v>9</v>
          </cell>
          <cell r="AB3413">
            <v>48</v>
          </cell>
          <cell r="AC3413" t="str">
            <v/>
          </cell>
          <cell r="AD3413" t="str">
            <v/>
          </cell>
          <cell r="AE3413" t="str">
            <v>１；２；代理店：富士フイルム株式会社３；４；医療機器保守</v>
          </cell>
          <cell r="AF3413" t="str">
            <v>画像診断装置、内視鏡システム、超音波診断装置、医薬品等の販売および保守を通じて人々の健康と豊かな生活に貢献をします。</v>
          </cell>
        </row>
        <row r="3414">
          <cell r="B3414">
            <v>12878</v>
          </cell>
          <cell r="C3414" t="str">
            <v>テラマエ設備工業(株)</v>
          </cell>
          <cell r="D3414" t="str">
            <v>078-855-4517</v>
          </cell>
          <cell r="E3414" t="str">
            <v>657-0844</v>
          </cell>
          <cell r="F3414" t="str">
            <v>兵庫県神戸市灘区都通2丁目1-12</v>
          </cell>
          <cell r="G3414" t="str">
            <v>神戸市灘区</v>
          </cell>
          <cell r="H3414" t="str">
            <v>神戸営業所</v>
          </cell>
          <cell r="I3414" t="str">
            <v>所長 浅田　修一</v>
          </cell>
          <cell r="J3414" t="str">
            <v>兵庫県姫路市</v>
          </cell>
          <cell r="K3414" t="str">
            <v>078-855-4519</v>
          </cell>
          <cell r="L3414" t="str">
            <v>t-matsuo@teramae.co.jp</v>
          </cell>
          <cell r="M3414" t="str">
            <v>ﾃﾗﾏｴｾﾂﾋﾞｺｳｷﾞｮｳ</v>
          </cell>
          <cell r="N3414" t="str">
            <v>有</v>
          </cell>
          <cell r="O3414">
            <v>26</v>
          </cell>
          <cell r="P3414">
            <v>30</v>
          </cell>
          <cell r="Q3414">
            <v>1140001063510</v>
          </cell>
          <cell r="R3414">
            <v>30000</v>
          </cell>
          <cell r="S3414">
            <v>636249</v>
          </cell>
          <cell r="T3414">
            <v>1705083</v>
          </cell>
          <cell r="V3414" t="str">
            <v>yb174337</v>
          </cell>
          <cell r="W3414" t="str">
            <v>sx173911</v>
          </cell>
          <cell r="Y3414" t="str">
            <v>049，37，38，44，46，47，48，49，</v>
          </cell>
          <cell r="Z3414">
            <v>48</v>
          </cell>
          <cell r="AA3414">
            <v>47</v>
          </cell>
          <cell r="AB3414">
            <v>46</v>
          </cell>
          <cell r="AC3414">
            <v>49</v>
          </cell>
          <cell r="AD3414" t="str">
            <v/>
          </cell>
          <cell r="AE3414" t="str">
            <v>１；官公庁、民間ともに多くの実績があり、経験豊富な技術者が揃っておりレベルの高い専門技術で管理・保守・点検をします。２；官公庁、民間ともに多くの実績があり、経験豊富な技術者が揃っておりレベルの高い専門技術で管理・保守・点検をします。３；官公庁、民間ともに多くの実績があり、経験豊富な技術者が揃っておりレベルの高い専門技術で管理・保守・点検をします。４；官公庁、民間ともに多くの実績があり、経験豊富な技術者が揃っておりレベルの高い専門技術で管理・保守・点検をします。</v>
          </cell>
          <cell r="AF3414" t="str">
            <v>管工事を主力とした会社です。１級管工事施工管理技士の管理技術者が１２名おり、機械設備工事、衛生設備工事、空調設備工事を得意としております。また、修繕や保守点検のメンテナンス業務も行っており、官公庁からも多数受注しております。</v>
          </cell>
        </row>
        <row r="3415">
          <cell r="B3415">
            <v>12879</v>
          </cell>
          <cell r="C3415" t="str">
            <v>(株)ＪＭＣ</v>
          </cell>
          <cell r="D3415" t="str">
            <v>06-6373-6218</v>
          </cell>
          <cell r="E3415" t="str">
            <v>531-0072</v>
          </cell>
          <cell r="F3415" t="str">
            <v>大阪府大阪市北区豊崎5-4-9</v>
          </cell>
          <cell r="G3415" t="str">
            <v>大阪市</v>
          </cell>
          <cell r="H3415" t="str">
            <v>西日本支店</v>
          </cell>
          <cell r="I3415" t="str">
            <v>支店長 栗田　直記</v>
          </cell>
          <cell r="J3415" t="str">
            <v>東京都</v>
          </cell>
          <cell r="K3415" t="str">
            <v>06-6373-6219</v>
          </cell>
          <cell r="L3415" t="str">
            <v>esoumu@jmc.ne.jp</v>
          </cell>
          <cell r="M3415" t="str">
            <v>ｼﾞｪｲｴﾑｼｰ</v>
          </cell>
          <cell r="N3415" t="str">
            <v>有</v>
          </cell>
          <cell r="O3415">
            <v>43</v>
          </cell>
          <cell r="P3415">
            <v>141</v>
          </cell>
          <cell r="Q3415">
            <v>2011101029818</v>
          </cell>
          <cell r="R3415">
            <v>100000</v>
          </cell>
          <cell r="S3415">
            <v>397869</v>
          </cell>
          <cell r="T3415">
            <v>3116877</v>
          </cell>
          <cell r="V3415" t="str">
            <v>ej131791</v>
          </cell>
          <cell r="W3415" t="str">
            <v>wo133958</v>
          </cell>
          <cell r="Y3415" t="str">
            <v>56，</v>
          </cell>
          <cell r="Z3415">
            <v>56</v>
          </cell>
          <cell r="AA3415">
            <v>80</v>
          </cell>
          <cell r="AB3415" t="str">
            <v/>
          </cell>
          <cell r="AC3415" t="str">
            <v/>
          </cell>
          <cell r="AD3415" t="str">
            <v/>
          </cell>
          <cell r="AE3415" t="str">
            <v>１；労働者派遣事業許可証２；３；４；</v>
          </cell>
          <cell r="AF3415" t="str">
            <v>ｉＣＴ支援活用業務、教育アトバイザー派遣業務、インターネット監視業務、セキュリティコンサル及び監査、クラウドコンピュータサービス</v>
          </cell>
        </row>
        <row r="3416">
          <cell r="B3416">
            <v>12880</v>
          </cell>
          <cell r="C3416" t="str">
            <v>エア・ウォーター・メディエイチ(株)</v>
          </cell>
          <cell r="D3416" t="str">
            <v>03-3494-1318</v>
          </cell>
          <cell r="E3416" t="str">
            <v>141-0031</v>
          </cell>
          <cell r="F3416" t="str">
            <v>東京都品川区西五反田2-12-3</v>
          </cell>
          <cell r="G3416" t="str">
            <v>東京都</v>
          </cell>
          <cell r="H3416" t="str">
            <v/>
          </cell>
          <cell r="I3416" t="str">
            <v>代表取締役 石川　直由</v>
          </cell>
          <cell r="J3416" t="str">
            <v>本店</v>
          </cell>
          <cell r="K3416" t="str">
            <v>03-3494-1319</v>
          </cell>
          <cell r="L3416" t="str">
            <v>ml-eigyou@awmh.co.jp</v>
          </cell>
          <cell r="M3416" t="str">
            <v>ｴｱ･ｳｫｰﾀｰ･ﾒﾃﾞｨｴｲﾁ</v>
          </cell>
          <cell r="N3416" t="str">
            <v>無</v>
          </cell>
          <cell r="O3416">
            <v>2</v>
          </cell>
          <cell r="P3416">
            <v>1200</v>
          </cell>
          <cell r="Q3416">
            <v>6012401009753</v>
          </cell>
          <cell r="R3416">
            <v>40000</v>
          </cell>
          <cell r="S3416">
            <v>200773</v>
          </cell>
          <cell r="T3416">
            <v>42909983</v>
          </cell>
          <cell r="V3416" t="str">
            <v>ga157771</v>
          </cell>
          <cell r="W3416" t="str">
            <v>ha133531</v>
          </cell>
          <cell r="Y3416" t="str">
            <v>039，39，46，48，54，</v>
          </cell>
          <cell r="Z3416">
            <v>54</v>
          </cell>
          <cell r="AA3416">
            <v>46</v>
          </cell>
          <cell r="AB3416">
            <v>48</v>
          </cell>
          <cell r="AC3416">
            <v>39</v>
          </cell>
          <cell r="AD3416" t="str">
            <v/>
          </cell>
          <cell r="AE3416" t="str">
            <v>１；病院内清潔区域等の清掃消毒・ワックス塗布業務、医療関連サービスマーク認定２；病院内清潔区域等の測定業務（リークテスト、風速風量、差圧、浮遊塵埃、浮遊細菌、付着細菌等）、医療関連サービスマーク認定３；空調機フィルターの交換・点検保守４；保温庫・保冷庫、高度管理医療機器等販売業貸与業許可証</v>
          </cell>
          <cell r="AF3416" t="str">
            <v>病院内清潔区域・準清潔区域の清掃消毒・ワックス塗布業務や院内環境を維持する為の環境測定業務（リークテスト、風速風量測定、差圧測定、浮遊塵埃測定、浮遊細菌検査、付着細菌検査など）や保温庫・保冷庫の販売を行っております。</v>
          </cell>
        </row>
        <row r="3417">
          <cell r="B3417">
            <v>12881</v>
          </cell>
          <cell r="C3417" t="str">
            <v>タイキシステム(株)</v>
          </cell>
          <cell r="D3417" t="str">
            <v>06-6710-9727</v>
          </cell>
          <cell r="E3417" t="str">
            <v>550-0005</v>
          </cell>
          <cell r="F3417" t="str">
            <v>大阪府大阪市西区西本町1-15-6</v>
          </cell>
          <cell r="G3417" t="str">
            <v>大阪市</v>
          </cell>
          <cell r="H3417" t="str">
            <v/>
          </cell>
          <cell r="I3417" t="str">
            <v>代表取締役 秤　眞治</v>
          </cell>
          <cell r="J3417" t="str">
            <v>本店</v>
          </cell>
          <cell r="K3417" t="str">
            <v>06-6710-9728</v>
          </cell>
          <cell r="L3417" t="str">
            <v>taiki_office@taikisystem.jp</v>
          </cell>
          <cell r="M3417" t="str">
            <v>ﾀｲｷｼｽﾃﾑ</v>
          </cell>
          <cell r="N3417" t="str">
            <v>無</v>
          </cell>
          <cell r="O3417">
            <v>35</v>
          </cell>
          <cell r="P3417">
            <v>33</v>
          </cell>
          <cell r="Q3417">
            <v>3120001044808</v>
          </cell>
          <cell r="R3417">
            <v>10000</v>
          </cell>
          <cell r="S3417">
            <v>10000</v>
          </cell>
          <cell r="T3417">
            <v>350000</v>
          </cell>
          <cell r="V3417" t="str">
            <v>po163350</v>
          </cell>
          <cell r="W3417" t="str">
            <v>zu130353</v>
          </cell>
          <cell r="Y3417" t="str">
            <v>056，36，56，57，58，</v>
          </cell>
          <cell r="Z3417">
            <v>58</v>
          </cell>
          <cell r="AA3417">
            <v>57</v>
          </cell>
          <cell r="AB3417">
            <v>36</v>
          </cell>
          <cell r="AC3417">
            <v>56</v>
          </cell>
          <cell r="AD3417" t="str">
            <v/>
          </cell>
          <cell r="AE3417" t="str">
            <v>１；２；３；４；派２７－３００９８２</v>
          </cell>
          <cell r="AF3417" t="str">
            <v>コンピュータソフトウェアの受託開発および常駐作業による運用・維持・ＯＡヘルプやキッティング、サーバ構築を実施しております。またＰＣクライアント、サーバ、周辺機器等の販売も行っております。</v>
          </cell>
        </row>
        <row r="3418">
          <cell r="B3418">
            <v>12882</v>
          </cell>
          <cell r="C3418" t="str">
            <v>リ・レント(有)</v>
          </cell>
          <cell r="D3418" t="str">
            <v>072-777-1110</v>
          </cell>
          <cell r="E3418" t="str">
            <v>664-0008</v>
          </cell>
          <cell r="F3418" t="str">
            <v>兵庫県伊丹市荒牧南3-8-33</v>
          </cell>
          <cell r="G3418" t="str">
            <v>伊丹市</v>
          </cell>
          <cell r="H3418" t="str">
            <v/>
          </cell>
          <cell r="I3418" t="str">
            <v>代表取締役 森田　章彦</v>
          </cell>
          <cell r="J3418" t="str">
            <v>本店</v>
          </cell>
          <cell r="K3418" t="str">
            <v>072-777-8500</v>
          </cell>
          <cell r="L3418" t="str">
            <v>info@eventrental.co.jp</v>
          </cell>
          <cell r="M3418" t="str">
            <v>ﾘﾚﾝﾄ</v>
          </cell>
          <cell r="N3418" t="str">
            <v>無</v>
          </cell>
          <cell r="O3418">
            <v>14</v>
          </cell>
          <cell r="P3418">
            <v>15</v>
          </cell>
          <cell r="Q3418">
            <v>9140002065928</v>
          </cell>
          <cell r="R3418">
            <v>3000</v>
          </cell>
          <cell r="S3418">
            <v>67977</v>
          </cell>
          <cell r="T3418">
            <v>114194</v>
          </cell>
          <cell r="V3418" t="str">
            <v>ne133616</v>
          </cell>
          <cell r="W3418" t="str">
            <v>tt156338</v>
          </cell>
          <cell r="Y3418" t="str">
            <v>016，16，20，44，63，</v>
          </cell>
          <cell r="Z3418">
            <v>63</v>
          </cell>
          <cell r="AA3418">
            <v>44</v>
          </cell>
          <cell r="AB3418">
            <v>20</v>
          </cell>
          <cell r="AC3418">
            <v>16</v>
          </cell>
          <cell r="AD3418" t="str">
            <v/>
          </cell>
          <cell r="AE3418" t="str">
            <v>１；各種イベント会場設営等２；イベント用品、家庭用品等３；運動会用品レンタル４；選挙会場設営</v>
          </cell>
          <cell r="AF3418" t="str">
            <v>大小さまざまなイベント、パーティー、展示会等、各種レンタル商品を取り揃えております。</v>
          </cell>
        </row>
        <row r="3419">
          <cell r="B3419">
            <v>12883</v>
          </cell>
          <cell r="C3419" t="str">
            <v>(株)健康日本総合研究所</v>
          </cell>
          <cell r="D3419" t="str">
            <v>086-454-0208</v>
          </cell>
          <cell r="E3419" t="str">
            <v>712-8046</v>
          </cell>
          <cell r="F3419" t="str">
            <v>岡山県倉敷市福田町古新田1214-17</v>
          </cell>
          <cell r="G3419" t="str">
            <v>倉敷市</v>
          </cell>
          <cell r="H3419" t="str">
            <v/>
          </cell>
          <cell r="I3419" t="str">
            <v>代表取締役 井上　泰裕</v>
          </cell>
          <cell r="J3419" t="str">
            <v>本店</v>
          </cell>
          <cell r="K3419" t="str">
            <v>086-454-0228</v>
          </cell>
          <cell r="L3419" t="str">
            <v>info22@kenkounihon.co.jp</v>
          </cell>
          <cell r="M3419" t="str">
            <v>ｹﾝｺｳﾆﾎﾝｿｳｺﾞｳｹﾝｷｭｳｼｮ</v>
          </cell>
          <cell r="N3419" t="str">
            <v>無</v>
          </cell>
          <cell r="O3419">
            <v>30</v>
          </cell>
          <cell r="P3419">
            <v>4</v>
          </cell>
          <cell r="Q3419">
            <v>4260001015265</v>
          </cell>
          <cell r="R3419">
            <v>10000</v>
          </cell>
          <cell r="S3419">
            <v>14426</v>
          </cell>
          <cell r="T3419">
            <v>31171</v>
          </cell>
          <cell r="V3419" t="str">
            <v>gn137623</v>
          </cell>
          <cell r="W3419" t="str">
            <v>sh132259</v>
          </cell>
          <cell r="Y3419" t="str">
            <v>08，39，</v>
          </cell>
          <cell r="Z3419">
            <v>39</v>
          </cell>
          <cell r="AA3419">
            <v>8</v>
          </cell>
          <cell r="AB3419">
            <v>80</v>
          </cell>
          <cell r="AC3419" t="str">
            <v/>
          </cell>
          <cell r="AD3419" t="str">
            <v>医療用機器は　加速度脈波計と禁煙指導機器のみの取扱になる</v>
          </cell>
          <cell r="AE3419" t="str">
            <v>１；加速度脈波測定システム　高度管理医療機器等販売業貸与業許可証２；熱中症予防カード　熱中症予防シート　３；健康まつり　医療費分析　国保だより製作４；</v>
          </cell>
          <cell r="AF3419" t="str">
            <v>２０００年頃から血管年齢測定器の開発に関わり　自治体が実施する保健事業に活用できる信頼性の高い測定器を（株）ユメディカとともに世に送り出している。また　熱中症予防カード等熱中症対策事業を得意としている。　</v>
          </cell>
        </row>
        <row r="3420">
          <cell r="B3420">
            <v>12884</v>
          </cell>
          <cell r="C3420" t="str">
            <v>(株)セルメスタ</v>
          </cell>
          <cell r="D3420" t="str">
            <v>03-3626-6555</v>
          </cell>
          <cell r="E3420" t="str">
            <v>130-8671</v>
          </cell>
          <cell r="F3420" t="str">
            <v>東京都墨田区石原4ｰ25ｰ12</v>
          </cell>
          <cell r="G3420" t="str">
            <v>東京都</v>
          </cell>
          <cell r="H3420" t="str">
            <v/>
          </cell>
          <cell r="I3420" t="str">
            <v>代表取締役 熊倉　利和</v>
          </cell>
          <cell r="J3420" t="str">
            <v>本店</v>
          </cell>
          <cell r="K3420" t="str">
            <v>03-3626-6551</v>
          </cell>
          <cell r="L3420" t="str">
            <v>utida282@selmesta.co.jp</v>
          </cell>
          <cell r="M3420" t="str">
            <v>ｾﾙﾒｽﾀ</v>
          </cell>
          <cell r="N3420" t="str">
            <v>無</v>
          </cell>
          <cell r="O3420">
            <v>47</v>
          </cell>
          <cell r="P3420">
            <v>40</v>
          </cell>
          <cell r="Q3420">
            <v>5010601020283</v>
          </cell>
          <cell r="R3420">
            <v>99000</v>
          </cell>
          <cell r="S3420">
            <v>881180</v>
          </cell>
          <cell r="T3420">
            <v>2717427</v>
          </cell>
          <cell r="V3420" t="str">
            <v>ff183068</v>
          </cell>
          <cell r="W3420" t="str">
            <v>oy129208</v>
          </cell>
          <cell r="Y3420" t="str">
            <v>9，38，39，78，</v>
          </cell>
          <cell r="Z3420" t="str">
            <v/>
          </cell>
          <cell r="AA3420" t="str">
            <v/>
          </cell>
          <cell r="AB3420" t="str">
            <v/>
          </cell>
          <cell r="AC3420" t="str">
            <v/>
          </cell>
          <cell r="AD3420" t="str">
            <v/>
          </cell>
          <cell r="AE3420" t="str">
            <v>１；２；３；４；</v>
          </cell>
          <cell r="AF3420" t="str">
            <v>一般医薬品販売、高度管理医療機器等販売、衛生材料・防災品販売、郵送がん検査・郵送感染症検査</v>
          </cell>
        </row>
        <row r="3421">
          <cell r="B3421">
            <v>12885</v>
          </cell>
          <cell r="C3421" t="str">
            <v>(株)レッツ・コーポレーション</v>
          </cell>
          <cell r="D3421" t="str">
            <v>052-201-6230</v>
          </cell>
          <cell r="E3421" t="str">
            <v>460-0002</v>
          </cell>
          <cell r="F3421" t="str">
            <v>愛知県名古屋市中区丸の内二丁目6番10号</v>
          </cell>
          <cell r="G3421" t="str">
            <v>名古屋市</v>
          </cell>
          <cell r="H3421" t="str">
            <v/>
          </cell>
          <cell r="I3421" t="str">
            <v>代表取締役 後藤　公</v>
          </cell>
          <cell r="J3421" t="str">
            <v>本店</v>
          </cell>
          <cell r="K3421" t="str">
            <v>052-201-5050</v>
          </cell>
          <cell r="L3421" t="str">
            <v>manage@lets-co.co.jp</v>
          </cell>
          <cell r="M3421" t="str">
            <v>ﾚｯﾂｺｰﾎﾟﾚｰｼｮﾝ</v>
          </cell>
          <cell r="N3421" t="str">
            <v>無</v>
          </cell>
          <cell r="O3421">
            <v>33</v>
          </cell>
          <cell r="P3421">
            <v>45</v>
          </cell>
          <cell r="Q3421">
            <v>9180001041942</v>
          </cell>
          <cell r="R3421">
            <v>51200</v>
          </cell>
          <cell r="S3421">
            <v>718863</v>
          </cell>
          <cell r="T3421">
            <v>983058</v>
          </cell>
          <cell r="V3421" t="str">
            <v>eu157176</v>
          </cell>
          <cell r="W3421" t="str">
            <v>kv170625</v>
          </cell>
          <cell r="Y3421" t="str">
            <v>35，36，38，39，44，</v>
          </cell>
          <cell r="Z3421">
            <v>38</v>
          </cell>
          <cell r="AA3421">
            <v>39</v>
          </cell>
          <cell r="AB3421">
            <v>44</v>
          </cell>
          <cell r="AC3421" t="str">
            <v/>
          </cell>
          <cell r="AD3421" t="str">
            <v/>
          </cell>
          <cell r="AE3421" t="str">
            <v>１；監視カメラシステム、防犯カメラシステム等２；ＡＥＤ　許可の種類：高度管理医療機器等３；自動通話録音機、監視カメラシステム、防犯カメラシステム、画像通報システム、ＡＥＤ、映像伝送システム、等４；</v>
          </cell>
          <cell r="AF3421" t="str">
            <v>電話ＦＡＸ自動切替、デジタル携帯電話ＰＢＸ、ＰＢ／ＤＰコンバータ、ＩＰ電話、音声＆ＦＡＸ情報案内システム、立体映像システム、その他各種ソフト／ハード開発</v>
          </cell>
        </row>
        <row r="3422">
          <cell r="B3422">
            <v>12886</v>
          </cell>
          <cell r="C3422" t="str">
            <v>(株)エム・エイチ・アイ</v>
          </cell>
          <cell r="D3422" t="str">
            <v>03-3371-1481</v>
          </cell>
          <cell r="E3422" t="str">
            <v>169-0075</v>
          </cell>
          <cell r="F3422" t="str">
            <v>東京都新宿区高田馬場四丁目39番7号</v>
          </cell>
          <cell r="G3422" t="str">
            <v>東京都</v>
          </cell>
          <cell r="H3422" t="str">
            <v/>
          </cell>
          <cell r="I3422" t="str">
            <v>代表取締役 西　寛樹</v>
          </cell>
          <cell r="J3422" t="str">
            <v>本店</v>
          </cell>
          <cell r="K3422" t="str">
            <v>03-3371-1482</v>
          </cell>
          <cell r="L3422" t="str">
            <v>mhi-nyusatsu@mhint.jp</v>
          </cell>
          <cell r="M3422" t="str">
            <v>ｴﾑｴｲﾁｱｲ</v>
          </cell>
          <cell r="N3422" t="str">
            <v>無</v>
          </cell>
          <cell r="O3422">
            <v>24</v>
          </cell>
          <cell r="P3422">
            <v>155</v>
          </cell>
          <cell r="Q3422">
            <v>4011101003449</v>
          </cell>
          <cell r="R3422">
            <v>90000</v>
          </cell>
          <cell r="S3422">
            <v>273849</v>
          </cell>
          <cell r="T3422">
            <v>793450</v>
          </cell>
          <cell r="V3422" t="str">
            <v>xd118322</v>
          </cell>
          <cell r="W3422" t="str">
            <v>tb111625</v>
          </cell>
          <cell r="Y3422" t="str">
            <v>60，</v>
          </cell>
          <cell r="Z3422" t="str">
            <v/>
          </cell>
          <cell r="AA3422" t="str">
            <v/>
          </cell>
          <cell r="AB3422" t="str">
            <v/>
          </cell>
          <cell r="AC3422" t="str">
            <v/>
          </cell>
          <cell r="AD3422" t="str">
            <v/>
          </cell>
          <cell r="AE3422" t="str">
            <v>１；２；３；４；</v>
          </cell>
          <cell r="AF3422" t="str">
            <v>エム・エイチ・アイは、医師グループが中心となり、健康関連企業・団体へのコンサルティング業務を目的として創設されました。主要サービスのレセプト点検は勿論、ジェネリック医薬品への転換促進支援、生活習慣病の重症化予防支援等々、弊社の手掛けるあらゆるサービスが展開されています。</v>
          </cell>
        </row>
        <row r="3423">
          <cell r="B3423">
            <v>12887</v>
          </cell>
          <cell r="C3423" t="str">
            <v>日本ソフト開発(株)</v>
          </cell>
          <cell r="D3423" t="str">
            <v>0749-52-3811</v>
          </cell>
          <cell r="E3423" t="str">
            <v>521-0015</v>
          </cell>
          <cell r="F3423" t="str">
            <v>滋賀県米原市米原西23</v>
          </cell>
          <cell r="G3423" t="str">
            <v>米原市</v>
          </cell>
          <cell r="H3423" t="str">
            <v>日本ソフト開発株式会社</v>
          </cell>
          <cell r="I3423" t="str">
            <v>代表取締役社長 蒲生　仙治</v>
          </cell>
          <cell r="J3423" t="str">
            <v>滋賀県米原市</v>
          </cell>
          <cell r="K3423" t="str">
            <v>0749-52-3804</v>
          </cell>
          <cell r="L3423" t="str">
            <v>shimizun@nihonsoft.co.jp</v>
          </cell>
          <cell r="M3423" t="str">
            <v>ﾆﾎﾝｿﾌﾄｶｲﾊﾂ</v>
          </cell>
          <cell r="N3423" t="str">
            <v>有</v>
          </cell>
          <cell r="O3423">
            <v>46</v>
          </cell>
          <cell r="P3423">
            <v>125</v>
          </cell>
          <cell r="Q3423">
            <v>9160001006922</v>
          </cell>
          <cell r="R3423">
            <v>190000</v>
          </cell>
          <cell r="S3423">
            <v>421600</v>
          </cell>
          <cell r="T3423">
            <v>1802256</v>
          </cell>
          <cell r="V3423" t="str">
            <v>gd153438</v>
          </cell>
          <cell r="W3423" t="str">
            <v>al112691</v>
          </cell>
          <cell r="Y3423" t="str">
            <v>050，36，50，57，58，</v>
          </cell>
          <cell r="Z3423">
            <v>58</v>
          </cell>
          <cell r="AA3423">
            <v>36</v>
          </cell>
          <cell r="AB3423">
            <v>57</v>
          </cell>
          <cell r="AC3423">
            <v>50</v>
          </cell>
          <cell r="AD3423" t="str">
            <v/>
          </cell>
          <cell r="AE3423" t="str">
            <v>１；クラウドサービス業務、自治体向けシステム開発・運用・保守２；パソコン、サーバー、周辺機器、富士通（代）３；電算処理業務４；</v>
          </cell>
          <cell r="AF3423" t="str">
            <v>企業や公共団体の基幹業務のほか生産・環境・健康・教育の各分野に対する当社商品のご提供とともに、ＲＰＡやビッグデータ・クラウドサービスの提供など社会的な変化への対応も進めています。</v>
          </cell>
        </row>
        <row r="3424">
          <cell r="B3424">
            <v>12888</v>
          </cell>
          <cell r="C3424" t="str">
            <v>(株)アマックス</v>
          </cell>
          <cell r="D3424" t="str">
            <v>06-6430-0780</v>
          </cell>
          <cell r="E3424" t="str">
            <v>660-0063</v>
          </cell>
          <cell r="F3424" t="str">
            <v>兵庫県尼崎市大庄北3-14-12</v>
          </cell>
          <cell r="G3424" t="str">
            <v>尼崎市大庄北</v>
          </cell>
          <cell r="H3424" t="str">
            <v/>
          </cell>
          <cell r="I3424" t="str">
            <v>代表取締役 大野　佐和美</v>
          </cell>
          <cell r="J3424" t="str">
            <v>本店</v>
          </cell>
          <cell r="K3424" t="str">
            <v>06-6430-0781</v>
          </cell>
          <cell r="L3424" t="str">
            <v>a-max@bca.bai.ne.jp</v>
          </cell>
          <cell r="M3424" t="str">
            <v>ｱﾏｯｸｽ</v>
          </cell>
          <cell r="N3424" t="str">
            <v>無</v>
          </cell>
          <cell r="O3424">
            <v>11</v>
          </cell>
          <cell r="P3424">
            <v>10</v>
          </cell>
          <cell r="Q3424">
            <v>7140001054677</v>
          </cell>
          <cell r="R3424">
            <v>300</v>
          </cell>
          <cell r="S3424">
            <v>1578</v>
          </cell>
          <cell r="T3424">
            <v>83512</v>
          </cell>
          <cell r="V3424" t="str">
            <v>yd188887</v>
          </cell>
          <cell r="W3424" t="str">
            <v>bi116396</v>
          </cell>
          <cell r="Y3424" t="str">
            <v>51，52，54，</v>
          </cell>
          <cell r="Z3424">
            <v>54</v>
          </cell>
          <cell r="AA3424">
            <v>52</v>
          </cell>
          <cell r="AB3424">
            <v>51</v>
          </cell>
          <cell r="AC3424" t="str">
            <v/>
          </cell>
          <cell r="AD3424" t="str">
            <v/>
          </cell>
          <cell r="AE3424" t="str">
            <v>１；建物環境衛生管理技術者・ビルクリーニング技能士・ゴンドラ特別教育修了・足場組立作業主任者・高所作業車運転技能士・２級建築士・清掃作業監督者・ロープ高所作業特別教育修了２；３；４；</v>
          </cell>
          <cell r="AF3424" t="str">
            <v>日常清掃、定期清掃、ハウスクリーニング、空調・給排水清掃など、建築物全般の清掃業務を中心に行っています。リフォーム工事やビル補修工事も手がけ、その後の美装工事も行います。その他には、害虫駆除（ハト対策）や、防水漏洩調査、工事も行っています。</v>
          </cell>
        </row>
        <row r="3425">
          <cell r="B3425">
            <v>12889</v>
          </cell>
          <cell r="C3425" t="str">
            <v>(株)ユニテックス</v>
          </cell>
          <cell r="D3425" t="str">
            <v>06-4392-4555</v>
          </cell>
          <cell r="E3425" t="str">
            <v>556-0022</v>
          </cell>
          <cell r="F3425" t="str">
            <v>大阪府大阪市浪速区桜川4-1-32</v>
          </cell>
          <cell r="G3425" t="str">
            <v>大阪市</v>
          </cell>
          <cell r="H3425" t="str">
            <v/>
          </cell>
          <cell r="I3425" t="str">
            <v>代表取締役 中務　稔也</v>
          </cell>
          <cell r="J3425" t="str">
            <v>本店</v>
          </cell>
          <cell r="K3425" t="str">
            <v>06-4392-4556</v>
          </cell>
          <cell r="L3425" t="str">
            <v>eigyouhonbu@unitex-co.com</v>
          </cell>
          <cell r="M3425" t="str">
            <v>ﾕﾆﾃｯｸｽ</v>
          </cell>
          <cell r="N3425" t="str">
            <v>無</v>
          </cell>
          <cell r="O3425">
            <v>29</v>
          </cell>
          <cell r="P3425">
            <v>717</v>
          </cell>
          <cell r="Q3425">
            <v>8120001048242</v>
          </cell>
          <cell r="R3425">
            <v>20000</v>
          </cell>
          <cell r="S3425">
            <v>857721</v>
          </cell>
          <cell r="T3425">
            <v>6248409</v>
          </cell>
          <cell r="V3425" t="str">
            <v>uh116622</v>
          </cell>
          <cell r="W3425" t="str">
            <v>bq100291</v>
          </cell>
          <cell r="Y3425" t="str">
            <v>054，45，46，48，49，51，54，</v>
          </cell>
          <cell r="Z3425">
            <v>46</v>
          </cell>
          <cell r="AA3425">
            <v>49</v>
          </cell>
          <cell r="AB3425">
            <v>45</v>
          </cell>
          <cell r="AC3425">
            <v>54</v>
          </cell>
          <cell r="AD3425" t="str">
            <v/>
          </cell>
          <cell r="AE3425" t="str">
            <v>１；２；３；４；</v>
          </cell>
          <cell r="AF3425" t="str">
            <v>建物総合管理業務</v>
          </cell>
        </row>
        <row r="3426">
          <cell r="B3426">
            <v>12890</v>
          </cell>
          <cell r="C3426" t="str">
            <v>株式会社ＨＡＭＡＤＡサービス</v>
          </cell>
          <cell r="D3426" t="str">
            <v>06-6948-5638</v>
          </cell>
          <cell r="F3426" t="str">
            <v>大阪府岸和田市岡山町988-6</v>
          </cell>
          <cell r="G3426" t="str">
            <v>大阪市</v>
          </cell>
          <cell r="H3426" t="str">
            <v>株式会社ＨＡＭＡＤＡサービス　大阪支店</v>
          </cell>
          <cell r="I3426" t="str">
            <v>山中　 啓司</v>
          </cell>
          <cell r="J3426" t="str">
            <v>本店</v>
          </cell>
          <cell r="K3426" t="str">
            <v>06-6948-5639</v>
          </cell>
          <cell r="L3426" t="str">
            <v>info@hamadaservise.com</v>
          </cell>
          <cell r="M3426" t="str">
            <v>ｶﾌﾞｼｷｶｲｼﾔﾊﾏﾀﾞｻ-ﾋﾞｽ</v>
          </cell>
          <cell r="N3426" t="str">
            <v>有</v>
          </cell>
          <cell r="O3426">
            <v>6</v>
          </cell>
          <cell r="P3426">
            <v>44</v>
          </cell>
          <cell r="Q3426">
            <v>120101048300</v>
          </cell>
          <cell r="R3426">
            <v>3000</v>
          </cell>
          <cell r="S3426">
            <v>4150</v>
          </cell>
          <cell r="T3426">
            <v>122167</v>
          </cell>
          <cell r="V3426" t="str">
            <v>ni173537</v>
          </cell>
          <cell r="W3426" t="str">
            <v>df131858</v>
          </cell>
          <cell r="Y3426" t="str">
            <v>52.54.55</v>
          </cell>
          <cell r="Z3426">
            <v>54</v>
          </cell>
          <cell r="AA3426">
            <v>52</v>
          </cell>
          <cell r="AB3426">
            <v>55</v>
          </cell>
          <cell r="AC3426">
            <v>51</v>
          </cell>
          <cell r="AD3426" t="str">
            <v/>
          </cell>
          <cell r="AE3426" t="str">
            <v>１；２；庁舎、事務所清掃３；ねずみ、ゴキブリ、しろあり４；人力清掃</v>
          </cell>
          <cell r="AF3426" t="str">
            <v>清掃主力会社で横の繋がりが強く、若い人材が多く又人材育成に力を入れ社内勉強会年２回実施しております。又ガラス清掃に関してはロープ・ゴンドラ講習修了証メンバー多数抱ております。</v>
          </cell>
        </row>
        <row r="3427">
          <cell r="B3427">
            <v>12891</v>
          </cell>
          <cell r="C3427" t="str">
            <v>富士装飾(株)</v>
          </cell>
          <cell r="D3427" t="str">
            <v>06-6431-6731</v>
          </cell>
          <cell r="F3427" t="str">
            <v>兵庫県尼崎市武庫之荘5-35-22</v>
          </cell>
          <cell r="G3427" t="str">
            <v>尼崎市</v>
          </cell>
          <cell r="H3427" t="str">
            <v/>
          </cell>
          <cell r="I3427" t="str">
            <v>代表取締役社長　 藤下　昌利</v>
          </cell>
          <cell r="J3427" t="str">
            <v>本店</v>
          </cell>
          <cell r="K3427" t="str">
            <v>06-6431-6734</v>
          </cell>
          <cell r="L3427" t="str">
            <v>info@fujiso.net</v>
          </cell>
          <cell r="M3427" t="str">
            <v>ﾌｼﾞｿｳｼﾖｸｶﾌﾞｼｷｶﾞｲｼﾔ</v>
          </cell>
          <cell r="N3427" t="str">
            <v>無</v>
          </cell>
          <cell r="O3427">
            <v>31</v>
          </cell>
          <cell r="P3427">
            <v>4</v>
          </cell>
          <cell r="Q3427">
            <v>3140001050985</v>
          </cell>
          <cell r="R3427">
            <v>10000</v>
          </cell>
          <cell r="S3427">
            <v>10000</v>
          </cell>
          <cell r="T3427">
            <v>64132</v>
          </cell>
          <cell r="V3427" t="str">
            <v>gv148009</v>
          </cell>
          <cell r="W3427" t="str">
            <v>cb157603</v>
          </cell>
          <cell r="Y3427" t="str">
            <v>7.14.27.28.29.30.31.34.35.37</v>
          </cell>
          <cell r="Z3427">
            <v>28</v>
          </cell>
          <cell r="AA3427">
            <v>14</v>
          </cell>
          <cell r="AB3427">
            <v>7</v>
          </cell>
          <cell r="AC3427">
            <v>27</v>
          </cell>
          <cell r="AD3427" t="str">
            <v/>
          </cell>
          <cell r="AE3427" t="str">
            <v>１；２；カーテン・カーペット・ブラインド・アコーディオンカーテン・ロールスクリーン・シェード３；事務用家具４；舞台幕・テント</v>
          </cell>
          <cell r="AF3427" t="str">
            <v>建築一式、内装工事全般、学校・公共施設のカーテン・ブラインドにおいては、幅広い実績があります。</v>
          </cell>
        </row>
        <row r="3428">
          <cell r="B3428">
            <v>12892</v>
          </cell>
          <cell r="C3428" t="str">
            <v>(株)讀賣連合広告社</v>
          </cell>
          <cell r="D3428" t="str">
            <v>078-391-2906</v>
          </cell>
          <cell r="E3428" t="str">
            <v>650-0023</v>
          </cell>
          <cell r="F3428" t="str">
            <v>兵庫県神戸市中央区栄町通1-2-10</v>
          </cell>
          <cell r="G3428" t="str">
            <v>神戸市</v>
          </cell>
          <cell r="H3428" t="str">
            <v>神戸支社</v>
          </cell>
          <cell r="I3428" t="str">
            <v>神戸支社長 福田　貴樹</v>
          </cell>
          <cell r="J3428" t="str">
            <v>大阪府大阪市</v>
          </cell>
          <cell r="K3428" t="str">
            <v>078-325-5174</v>
          </cell>
          <cell r="L3428" t="str">
            <v>s_nakamura@yomiren.co.jp</v>
          </cell>
          <cell r="M3428" t="str">
            <v>ﾖﾐｳﾘﾚﾝｺﾞｳｺｳｺｸｼｬ</v>
          </cell>
          <cell r="N3428" t="str">
            <v>有</v>
          </cell>
          <cell r="O3428">
            <v>60</v>
          </cell>
          <cell r="P3428">
            <v>171</v>
          </cell>
          <cell r="Q3428">
            <v>3120001071843</v>
          </cell>
          <cell r="R3428">
            <v>50000</v>
          </cell>
          <cell r="S3428">
            <v>2688056</v>
          </cell>
          <cell r="T3428">
            <v>11646877</v>
          </cell>
          <cell r="V3428" t="str">
            <v>nm117966</v>
          </cell>
          <cell r="W3428" t="str">
            <v>up151300</v>
          </cell>
          <cell r="Y3428" t="str">
            <v>073，63，64，65，66，70，73，77，</v>
          </cell>
          <cell r="Z3428">
            <v>65</v>
          </cell>
          <cell r="AA3428">
            <v>64</v>
          </cell>
          <cell r="AB3428">
            <v>63</v>
          </cell>
          <cell r="AC3428">
            <v>73</v>
          </cell>
          <cell r="AD3428" t="str">
            <v/>
          </cell>
          <cell r="AE3428" t="str">
            <v>１；総合広告代理店として、あらゆる広告の企画立案を業務としております。２；動画制作業務も増えており、特に自治体での実績が増えております。３；自治体のＰＲイベント、記念式典などの実績も数多くあります。４；複数の印刷会社と取引があるため、要望に沿った印刷が可能です。</v>
          </cell>
          <cell r="AF3428" t="str">
            <v>新聞広告・雑誌広告・テレビＣＭ・ラジオＣＭ・ＷＥＢなどメディアの買い付けを最大の強みとしておりますが、他にもイベントの企画運営、動画制作などのクリエィティブ業務、マーケティング調査まで広告・宣伝・広報のあらゆる分野に対応可能です。</v>
          </cell>
        </row>
        <row r="3429">
          <cell r="B3429">
            <v>12893</v>
          </cell>
          <cell r="C3429" t="str">
            <v>ヒューマンアカデミー(株)</v>
          </cell>
          <cell r="D3429" t="str">
            <v>03-6846-8001</v>
          </cell>
          <cell r="E3429" t="str">
            <v>160-0023</v>
          </cell>
          <cell r="F3429" t="str">
            <v>東京都新宿区西新宿7-5-25</v>
          </cell>
          <cell r="G3429" t="str">
            <v>東京都</v>
          </cell>
          <cell r="H3429" t="str">
            <v/>
          </cell>
          <cell r="I3429" t="str">
            <v>代表取締役 川上　輝之</v>
          </cell>
          <cell r="J3429" t="str">
            <v>本店</v>
          </cell>
          <cell r="K3429" t="str">
            <v>06-6282-6002</v>
          </cell>
          <cell r="L3429" t="str">
            <v>h-funabiki@athuman.com</v>
          </cell>
          <cell r="M3429" t="str">
            <v>ﾋｭｰﾏﾝｱｶﾃﾞﾐｰ</v>
          </cell>
          <cell r="N3429" t="str">
            <v>無</v>
          </cell>
          <cell r="O3429">
            <v>8</v>
          </cell>
          <cell r="P3429">
            <v>1068</v>
          </cell>
          <cell r="Q3429">
            <v>4011101055952</v>
          </cell>
          <cell r="R3429">
            <v>10000</v>
          </cell>
          <cell r="S3429">
            <v>2299702</v>
          </cell>
          <cell r="T3429">
            <v>19954278</v>
          </cell>
          <cell r="V3429" t="str">
            <v>dh155645</v>
          </cell>
          <cell r="W3429" t="str">
            <v>tm130969</v>
          </cell>
          <cell r="Y3429" t="str">
            <v>065，58，63，65，</v>
          </cell>
          <cell r="Z3429">
            <v>80</v>
          </cell>
          <cell r="AA3429">
            <v>63</v>
          </cell>
          <cell r="AB3429">
            <v>58</v>
          </cell>
          <cell r="AC3429">
            <v>65</v>
          </cell>
          <cell r="AD3429" t="str">
            <v/>
          </cell>
          <cell r="AE3429" t="str">
            <v>１；人材育成のための教育事業、講師派遣、講演会の企画、制作、運営、検定・資格試験の企画・運営２；結婚、その他催事の企画や運営業務、音楽、芸能、ファッション、スポーツ、文化に関するイベントの企画や運営業務３；ホームページの作成４；広告物の企画、制作</v>
          </cell>
          <cell r="AF3429" t="str">
            <v>教育と仕事を切り口とした様々な行政事業を受託し、官公庁の委託事業において、離職者の就業支援事業やひとり親の就職する為の資格取得講座、女性活躍推進、働き方改革、観光人材育成、観光シンポジウム、また婚活支援、移住促進などに係る事業実施しています。</v>
          </cell>
        </row>
        <row r="3430">
          <cell r="B3430">
            <v>12894</v>
          </cell>
          <cell r="C3430" t="str">
            <v>阪急阪神マーケティングソリューションズ(株)</v>
          </cell>
          <cell r="D3430" t="str">
            <v>06-6373-6801</v>
          </cell>
          <cell r="E3430" t="str">
            <v>530-0015</v>
          </cell>
          <cell r="F3430" t="str">
            <v>大阪府大阪市北区中崎西2-4-12梅田ｾﾝﾀｰﾋﾞﾙ26F</v>
          </cell>
          <cell r="G3430" t="str">
            <v>大阪市</v>
          </cell>
          <cell r="H3430" t="str">
            <v/>
          </cell>
          <cell r="I3430" t="str">
            <v>代表取締役社長 三宅　良明</v>
          </cell>
          <cell r="J3430" t="str">
            <v>本店</v>
          </cell>
          <cell r="K3430" t="str">
            <v>06-6373-3803</v>
          </cell>
          <cell r="L3430" t="str">
            <v>arita-mei31@hhms.co.jp</v>
          </cell>
          <cell r="M3430" t="str">
            <v>ﾊﾝｷｭｳｱﾄﾞｴｰｼﾞｪﾝｼｰ</v>
          </cell>
          <cell r="N3430" t="str">
            <v>無</v>
          </cell>
          <cell r="O3430">
            <v>30</v>
          </cell>
          <cell r="P3430">
            <v>116</v>
          </cell>
          <cell r="Q3430">
            <v>8120001071608</v>
          </cell>
          <cell r="R3430">
            <v>10000</v>
          </cell>
          <cell r="S3430">
            <v>795808</v>
          </cell>
          <cell r="T3430">
            <v>8578837</v>
          </cell>
          <cell r="V3430" t="str">
            <v>ma132474</v>
          </cell>
          <cell r="W3430" t="str">
            <v>ma108871</v>
          </cell>
          <cell r="Y3430" t="str">
            <v>63，65，66，73，</v>
          </cell>
          <cell r="Z3430">
            <v>65</v>
          </cell>
          <cell r="AA3430">
            <v>66</v>
          </cell>
          <cell r="AB3430" t="str">
            <v/>
          </cell>
          <cell r="AC3430" t="str">
            <v/>
          </cell>
          <cell r="AD3430" t="str">
            <v/>
          </cell>
          <cell r="AE3430" t="str">
            <v>１；広告企画立案、各種媒体取扱（テレビ、ラジオ、新聞、雑誌、折込）、交通広告（車内広告、駅貼りポスター、デジタルサイネージ等）２；駅看板製作・設置・撤去等３；４；</v>
          </cell>
          <cell r="AF3430" t="str">
            <v>阪急電鉄、阪神電気鉄道、北大阪急行並びに阪神バスの交通広告総代理店として、京阪神間の市場性・特性を理解し、阪急阪神ホールディングスグループの広告宣伝業務を担う事で培ってきたノウハウにより、広告物の制作から各種広告媒体の手配まで目的に叶う的確なプランを計画・実現致します。</v>
          </cell>
        </row>
        <row r="3431">
          <cell r="B3431">
            <v>12895</v>
          </cell>
          <cell r="C3431" t="str">
            <v>(株)ジーエスエフ</v>
          </cell>
          <cell r="D3431" t="str">
            <v>03-6276-3875</v>
          </cell>
          <cell r="E3431" t="str">
            <v>163-1477</v>
          </cell>
          <cell r="F3431" t="str">
            <v>東京都新宿区西新宿3-20-2</v>
          </cell>
          <cell r="G3431" t="str">
            <v>東京都</v>
          </cell>
          <cell r="H3431" t="str">
            <v/>
          </cell>
          <cell r="I3431" t="str">
            <v>代表取締役 善田　高志</v>
          </cell>
          <cell r="J3431" t="str">
            <v>本店</v>
          </cell>
          <cell r="K3431" t="str">
            <v>03-3370-9277</v>
          </cell>
          <cell r="L3431" t="str">
            <v>wghky2@greenhouse.co.jp</v>
          </cell>
          <cell r="M3431" t="str">
            <v>ｼﾞｰｴｽｴﾌ</v>
          </cell>
          <cell r="N3431" t="str">
            <v>無</v>
          </cell>
          <cell r="O3431">
            <v>2</v>
          </cell>
          <cell r="P3431">
            <v>335</v>
          </cell>
          <cell r="Q3431">
            <v>2011101064773</v>
          </cell>
          <cell r="R3431">
            <v>90000</v>
          </cell>
          <cell r="S3431">
            <v>134659</v>
          </cell>
          <cell r="T3431">
            <v>1152810</v>
          </cell>
          <cell r="V3431" t="str">
            <v>vr136564</v>
          </cell>
          <cell r="W3431" t="str">
            <v>so130133</v>
          </cell>
          <cell r="Y3431" t="str">
            <v>02，</v>
          </cell>
          <cell r="Z3431" t="str">
            <v/>
          </cell>
          <cell r="AA3431" t="str">
            <v/>
          </cell>
          <cell r="AB3431" t="str">
            <v/>
          </cell>
          <cell r="AC3431" t="str">
            <v/>
          </cell>
          <cell r="AD3431" t="str">
            <v/>
          </cell>
          <cell r="AE3431" t="str">
            <v>１；学校給食調理業務２；３；４；</v>
          </cell>
          <cell r="AF3431" t="str">
            <v>学校給食調理業務。</v>
          </cell>
        </row>
        <row r="3432">
          <cell r="B3432">
            <v>12896</v>
          </cell>
          <cell r="C3432" t="str">
            <v>エナジーシステムサービスジャパン(株)</v>
          </cell>
          <cell r="D3432" t="str">
            <v>06-6453-3321</v>
          </cell>
          <cell r="E3432" t="str">
            <v>531-0076</v>
          </cell>
          <cell r="F3432" t="str">
            <v>大阪府大阪市北区大淀中5-14-31</v>
          </cell>
          <cell r="G3432" t="str">
            <v>大阪府</v>
          </cell>
          <cell r="H3432" t="str">
            <v>関西営業所</v>
          </cell>
          <cell r="I3432" t="str">
            <v>所長 國井　秀之</v>
          </cell>
          <cell r="J3432" t="str">
            <v>東京都</v>
          </cell>
          <cell r="K3432" t="str">
            <v>06-6453-4198</v>
          </cell>
          <cell r="L3432" t="str">
            <v>kazushi-miyazaki@hitachi-chem.co.jp</v>
          </cell>
          <cell r="M3432" t="str">
            <v>ｴﾅｼﾞｰｼｽﾃﾑｻｰﾋﾞｽｼﾞｬﾊﾟﾝ</v>
          </cell>
          <cell r="N3432" t="str">
            <v>有</v>
          </cell>
          <cell r="O3432">
            <v>57</v>
          </cell>
          <cell r="P3432">
            <v>148</v>
          </cell>
          <cell r="Q3432">
            <v>9011501008398</v>
          </cell>
          <cell r="R3432">
            <v>150000</v>
          </cell>
          <cell r="S3432">
            <v>3674906</v>
          </cell>
          <cell r="T3432">
            <v>9889717</v>
          </cell>
          <cell r="V3432" t="str">
            <v>qa175545</v>
          </cell>
          <cell r="W3432" t="str">
            <v>um165177</v>
          </cell>
          <cell r="Y3432" t="str">
            <v>42，47，</v>
          </cell>
          <cell r="Z3432">
            <v>42</v>
          </cell>
          <cell r="AA3432">
            <v>47</v>
          </cell>
          <cell r="AB3432" t="str">
            <v/>
          </cell>
          <cell r="AC3432" t="str">
            <v/>
          </cell>
          <cell r="AD3432" t="str">
            <v/>
          </cell>
          <cell r="AE3432" t="str">
            <v>１；産業用鉛蓄電池、小型制御弁式鉛蓄電池、直流電源装置、無停電電源装置の販売　仕入先：日立化成（株）他２；蓄電池設備、直流電源設備、無停電電源設備の保守点検；</v>
          </cell>
          <cell r="AF3432" t="str">
            <v>産業用鉛蓄電池、小型制御弁式鉛蓄電池、直流電源装置、無停電電源装置の販売及び、サービス業務を行っております。</v>
          </cell>
        </row>
        <row r="3433">
          <cell r="B3433">
            <v>12897</v>
          </cell>
          <cell r="C3433" t="str">
            <v>日立ヘルスケアシステムズ(株)</v>
          </cell>
          <cell r="D3433" t="str">
            <v>050-3159-2897</v>
          </cell>
          <cell r="E3433" t="str">
            <v>650-0027</v>
          </cell>
          <cell r="F3433" t="str">
            <v>兵庫県神戸市中央区中町通2-3-2</v>
          </cell>
          <cell r="G3433" t="str">
            <v>神戸市</v>
          </cell>
          <cell r="H3433" t="str">
            <v>神戸営業所</v>
          </cell>
          <cell r="I3433" t="str">
            <v>所長 堤　伸一郎</v>
          </cell>
          <cell r="J3433" t="str">
            <v>東京都</v>
          </cell>
          <cell r="K3433" t="str">
            <v>078-361-7171</v>
          </cell>
          <cell r="L3433" t="str">
            <v>mari.ueno.kw@hitachi.com</v>
          </cell>
          <cell r="M3433" t="str">
            <v>ﾋﾀﾁﾍﾙｽｹｱｼｽﾃﾑｽﾞ</v>
          </cell>
          <cell r="N3433" t="str">
            <v>有</v>
          </cell>
          <cell r="O3433">
            <v>18</v>
          </cell>
          <cell r="P3433">
            <v>1129</v>
          </cell>
          <cell r="Q3433">
            <v>6010701001975</v>
          </cell>
          <cell r="R3433">
            <v>325000</v>
          </cell>
          <cell r="S3433">
            <v>2386025</v>
          </cell>
          <cell r="T3433">
            <v>8526731</v>
          </cell>
          <cell r="V3433" t="str">
            <v>xy149322</v>
          </cell>
          <cell r="W3433" t="str">
            <v>yo153171</v>
          </cell>
          <cell r="Y3433" t="str">
            <v>39，</v>
          </cell>
          <cell r="Z3433">
            <v>80</v>
          </cell>
          <cell r="AA3433" t="str">
            <v/>
          </cell>
          <cell r="AB3433" t="str">
            <v/>
          </cell>
          <cell r="AC3433" t="str">
            <v/>
          </cell>
          <cell r="AD3433" t="str">
            <v/>
          </cell>
          <cell r="AE3433" t="str">
            <v>１；医療機器保守サービス２；電子カルテシステム・オーダリングシステム・レセプトコンピュータシステム他３；４；</v>
          </cell>
          <cell r="AF3433" t="str">
            <v>・医療機器保守点検サービス・電子カルテシステム・オーダリングシステム・レセプトコンピュータシステム・レセプト院内審査支援システム・レセコン一体型電子薬歴システム・歯科医院向け電子カルテ・介護施設向けクラウドアプリ・検診車向け医用画像転送サービス</v>
          </cell>
        </row>
        <row r="3434">
          <cell r="B3434">
            <v>12898</v>
          </cell>
          <cell r="C3434" t="str">
            <v>(株)建設環境コンサルティング</v>
          </cell>
          <cell r="D3434" t="str">
            <v>06-4791-3151</v>
          </cell>
          <cell r="E3434" t="str">
            <v>540-0031</v>
          </cell>
          <cell r="F3434" t="str">
            <v>大阪府大阪市中央区北浜東4-33</v>
          </cell>
          <cell r="G3434" t="str">
            <v>大阪市</v>
          </cell>
          <cell r="H3434" t="str">
            <v>大阪支店</v>
          </cell>
          <cell r="I3434" t="str">
            <v>大阪支店長 山本　亨</v>
          </cell>
          <cell r="J3434" t="str">
            <v>大阪府大阪市</v>
          </cell>
          <cell r="K3434" t="str">
            <v>06-4791-3122</v>
          </cell>
          <cell r="L3434" t="str">
            <v>consin-osaka@cons-hd.co.jp</v>
          </cell>
          <cell r="M3434" t="str">
            <v>ｹﾝｾﾂｶﾝｷｮｳｺﾝｻﾙﾃｨﾝｸﾞ</v>
          </cell>
          <cell r="N3434" t="str">
            <v>有</v>
          </cell>
          <cell r="O3434">
            <v>29</v>
          </cell>
          <cell r="P3434">
            <v>19</v>
          </cell>
          <cell r="Q3434">
            <v>8120001143852</v>
          </cell>
          <cell r="R3434">
            <v>48000</v>
          </cell>
          <cell r="S3434">
            <v>334430</v>
          </cell>
          <cell r="T3434">
            <v>759162</v>
          </cell>
          <cell r="V3434" t="str">
            <v>vd108114</v>
          </cell>
          <cell r="W3434" t="str">
            <v>eb161538</v>
          </cell>
          <cell r="Y3434" t="str">
            <v>46，49，</v>
          </cell>
          <cell r="Z3434">
            <v>46</v>
          </cell>
          <cell r="AA3434">
            <v>80</v>
          </cell>
          <cell r="AB3434">
            <v>49</v>
          </cell>
          <cell r="AC3434" t="str">
            <v/>
          </cell>
          <cell r="AD3434" t="str">
            <v>アスベスト調査・特殊建築物の定期点検</v>
          </cell>
          <cell r="AE3434" t="str">
            <v>１；２；３；４；</v>
          </cell>
          <cell r="AF3434" t="str">
            <v>赤外線調査・非破壊、微破壊検査・耐震診断・耐力度調査・被災度区分判定・火害調査・特殊建築物等定期調査・設備診断・総合的耐久性診断・空気環境測定・アスベスト調査・ダイオキシン調査、分析・土壌汚染調査・建物状況調査</v>
          </cell>
        </row>
        <row r="3435">
          <cell r="B3435">
            <v>12899</v>
          </cell>
          <cell r="C3435" t="str">
            <v>(株)ＮＪＳ</v>
          </cell>
          <cell r="D3435" t="str">
            <v>06-7177-0180</v>
          </cell>
          <cell r="E3435" t="str">
            <v>541-0056</v>
          </cell>
          <cell r="F3435" t="str">
            <v>大阪府大阪市中央区久太郎町4-1-3</v>
          </cell>
          <cell r="G3435" t="str">
            <v>大阪市</v>
          </cell>
          <cell r="H3435" t="str">
            <v>大阪総合事務所</v>
          </cell>
          <cell r="I3435" t="str">
            <v>所長 栗原　清</v>
          </cell>
          <cell r="J3435" t="str">
            <v>東京都</v>
          </cell>
          <cell r="K3435" t="str">
            <v>06-7177-0186</v>
          </cell>
          <cell r="L3435" t="str">
            <v>osaka@njs.co.jp</v>
          </cell>
          <cell r="M3435" t="str">
            <v>ｴﾇｼﾞｪｰｴｽ</v>
          </cell>
          <cell r="N3435" t="str">
            <v>有</v>
          </cell>
          <cell r="O3435">
            <v>67</v>
          </cell>
          <cell r="P3435">
            <v>606</v>
          </cell>
          <cell r="Q3435">
            <v>6011101045308</v>
          </cell>
          <cell r="R3435">
            <v>520000</v>
          </cell>
          <cell r="S3435">
            <v>16527034</v>
          </cell>
          <cell r="T3435">
            <v>10182577</v>
          </cell>
          <cell r="V3435" t="str">
            <v>ia136664</v>
          </cell>
          <cell r="W3435" t="str">
            <v>ip182952</v>
          </cell>
          <cell r="Y3435" t="str">
            <v>58，79，</v>
          </cell>
          <cell r="Z3435">
            <v>58</v>
          </cell>
          <cell r="AA3435">
            <v>79</v>
          </cell>
          <cell r="AB3435" t="str">
            <v/>
          </cell>
          <cell r="AC3435" t="str">
            <v/>
          </cell>
          <cell r="AD3435" t="str">
            <v/>
          </cell>
          <cell r="AE3435" t="str">
            <v>１；システム開発（ＧＩＳ情報システム、施設情報システム、企業会計システム、雨量情報システム、水位情報システム、設備劣化診断システム、画像解析システム、施設のシミュレーションソフト）２；施設、管路等の調査診断（閉鎖性空間調査用（管路点検用）ドローン等の開発、活用）３；４；</v>
          </cell>
          <cell r="AF3435" t="str">
            <v>上水道及び工業用水道、下水道、河川、環境部門におけるプロジェクトの企画、調査、計画（長寿命化・耐震化計画含む）、設計、施工管理、維持管理支援、経営管理支援（アセットマネジメント含む）などの業務を得意とし、発注を希望します。</v>
          </cell>
        </row>
        <row r="3436">
          <cell r="B3436">
            <v>12900</v>
          </cell>
          <cell r="C3436" t="str">
            <v>(株)Ｍ’ｓジャパン</v>
          </cell>
          <cell r="D3436" t="str">
            <v>04-2926-7437</v>
          </cell>
          <cell r="E3436" t="str">
            <v>359-1145</v>
          </cell>
          <cell r="F3436" t="str">
            <v>埼玉県所沢市山口373-9</v>
          </cell>
          <cell r="G3436" t="str">
            <v>所沢市</v>
          </cell>
          <cell r="H3436" t="str">
            <v/>
          </cell>
          <cell r="I3436" t="str">
            <v>代表取締役 宮崎　訓</v>
          </cell>
          <cell r="J3436" t="str">
            <v>本店</v>
          </cell>
          <cell r="K3436" t="str">
            <v>04-2001-1115</v>
          </cell>
          <cell r="L3436" t="str">
            <v>bid@msj2013.com</v>
          </cell>
          <cell r="M3436" t="str">
            <v>ｴﾑｽﾞｼﾞｬﾊﾟﾝ</v>
          </cell>
          <cell r="N3436" t="str">
            <v>無</v>
          </cell>
          <cell r="O3436">
            <v>5</v>
          </cell>
          <cell r="P3436">
            <v>7</v>
          </cell>
          <cell r="Q3436">
            <v>5030001100832</v>
          </cell>
          <cell r="R3436">
            <v>3000</v>
          </cell>
          <cell r="S3436">
            <v>4290</v>
          </cell>
          <cell r="T3436">
            <v>53565</v>
          </cell>
          <cell r="V3436" t="str">
            <v>iw179893</v>
          </cell>
          <cell r="W3436" t="str">
            <v>ha136683</v>
          </cell>
          <cell r="Y3436" t="str">
            <v>79，</v>
          </cell>
          <cell r="Z3436" t="str">
            <v/>
          </cell>
          <cell r="AA3436" t="str">
            <v/>
          </cell>
          <cell r="AB3436" t="str">
            <v/>
          </cell>
          <cell r="AC3436" t="str">
            <v/>
          </cell>
          <cell r="AD3436" t="str">
            <v/>
          </cell>
          <cell r="AE3436" t="str">
            <v>１；上水道漏水調査業務２；３；４；</v>
          </cell>
          <cell r="AF3436" t="str">
            <v>上水道漏水調査業務</v>
          </cell>
        </row>
        <row r="3437">
          <cell r="B3437">
            <v>12901</v>
          </cell>
          <cell r="C3437" t="str">
            <v>(株)杉原設計事務所</v>
          </cell>
          <cell r="D3437" t="str">
            <v>06-6304-7186</v>
          </cell>
          <cell r="E3437" t="str">
            <v>532-0011</v>
          </cell>
          <cell r="F3437" t="str">
            <v>大阪府大阪市淀川区西中島3-8-14</v>
          </cell>
          <cell r="G3437" t="str">
            <v>大阪市</v>
          </cell>
          <cell r="H3437" t="str">
            <v>大阪事務所</v>
          </cell>
          <cell r="I3437" t="str">
            <v>所長 高　好弘</v>
          </cell>
          <cell r="J3437" t="str">
            <v>東京都</v>
          </cell>
          <cell r="K3437" t="str">
            <v>06-6306-4615</v>
          </cell>
          <cell r="L3437" t="str">
            <v>osaka@sugiharasekkei.com</v>
          </cell>
          <cell r="M3437" t="str">
            <v>ｽｷﾞﾊﾗｾｯｹｲｼﾞﾑｼｮ</v>
          </cell>
          <cell r="N3437" t="str">
            <v>有</v>
          </cell>
          <cell r="O3437">
            <v>50</v>
          </cell>
          <cell r="P3437">
            <v>28</v>
          </cell>
          <cell r="Q3437">
            <v>1011101010464</v>
          </cell>
          <cell r="R3437">
            <v>20000</v>
          </cell>
          <cell r="S3437">
            <v>227932</v>
          </cell>
          <cell r="T3437">
            <v>421819</v>
          </cell>
          <cell r="V3437" t="str">
            <v>mu180692</v>
          </cell>
          <cell r="W3437" t="str">
            <v>zt112182</v>
          </cell>
          <cell r="Y3437" t="str">
            <v>77，</v>
          </cell>
          <cell r="Z3437">
            <v>80</v>
          </cell>
          <cell r="AA3437" t="str">
            <v/>
          </cell>
          <cell r="AB3437" t="str">
            <v/>
          </cell>
          <cell r="AC3437" t="str">
            <v/>
          </cell>
          <cell r="AD3437" t="str">
            <v/>
          </cell>
          <cell r="AE3437" t="str">
            <v>１；区画整理計画、道路・交通計画等の調査、交通量調査等２；３；４；</v>
          </cell>
          <cell r="AF3437" t="str">
            <v>自転車駐車場の設計・監理を得意とし、それに伴う整備計画策定業務、調査等も積極的に行っています。また、学校・公共施設等の設計も多数実績を挙げています。</v>
          </cell>
        </row>
        <row r="3438">
          <cell r="B3438">
            <v>12902</v>
          </cell>
          <cell r="C3438" t="str">
            <v>グリーン工業(株)</v>
          </cell>
          <cell r="D3438" t="str">
            <v>0798-67-6020</v>
          </cell>
          <cell r="E3438" t="str">
            <v>663-8215</v>
          </cell>
          <cell r="F3438" t="str">
            <v>兵庫県西宮市今津水波町3-10</v>
          </cell>
          <cell r="G3438" t="str">
            <v>西宮市</v>
          </cell>
          <cell r="H3438" t="str">
            <v/>
          </cell>
          <cell r="I3438" t="str">
            <v>代表取締役 安田　順子</v>
          </cell>
          <cell r="J3438" t="str">
            <v>本店</v>
          </cell>
          <cell r="K3438" t="str">
            <v>0798-67-6021</v>
          </cell>
          <cell r="L3438" t="str">
            <v>green-nishinomiya@dream.com</v>
          </cell>
          <cell r="M3438" t="str">
            <v>ｸﾞﾘｰﾝｺｳｷﾞｮｳ</v>
          </cell>
          <cell r="N3438" t="str">
            <v>無</v>
          </cell>
          <cell r="O3438">
            <v>1</v>
          </cell>
          <cell r="P3438">
            <v>3</v>
          </cell>
          <cell r="Q3438">
            <v>7140001107154</v>
          </cell>
          <cell r="R3438">
            <v>5000</v>
          </cell>
          <cell r="S3438">
            <v>9627</v>
          </cell>
          <cell r="T3438">
            <v>61779</v>
          </cell>
          <cell r="V3438" t="str">
            <v>ln106060</v>
          </cell>
          <cell r="W3438" t="str">
            <v>ji136537</v>
          </cell>
          <cell r="Y3438" t="str">
            <v>20，</v>
          </cell>
          <cell r="Z3438">
            <v>20</v>
          </cell>
          <cell r="AA3438" t="str">
            <v/>
          </cell>
          <cell r="AB3438" t="str">
            <v/>
          </cell>
          <cell r="AC3438" t="str">
            <v/>
          </cell>
          <cell r="AD3438" t="str">
            <v/>
          </cell>
          <cell r="AE3438" t="str">
            <v>１；２；３；４；</v>
          </cell>
          <cell r="AF3438" t="str">
            <v>防球ネット工事を得意にしています。直営で施工していますので、応急復旧も対応できます</v>
          </cell>
        </row>
        <row r="3439">
          <cell r="B3439">
            <v>12903</v>
          </cell>
          <cell r="C3439" t="str">
            <v>(株)ニッコーコーポレーション</v>
          </cell>
          <cell r="D3439" t="str">
            <v>06-6429-4144</v>
          </cell>
          <cell r="E3439" t="str">
            <v>661-0011</v>
          </cell>
          <cell r="F3439" t="str">
            <v>兵庫県尼崎市東塚口町2-3-41</v>
          </cell>
          <cell r="G3439" t="str">
            <v>尼崎市</v>
          </cell>
          <cell r="H3439" t="str">
            <v>尼崎営業所</v>
          </cell>
          <cell r="I3439" t="str">
            <v>所長 中村　尚史</v>
          </cell>
          <cell r="J3439" t="str">
            <v>兵庫県尼崎市</v>
          </cell>
          <cell r="K3439" t="str">
            <v>06-6429-1568</v>
          </cell>
          <cell r="L3439" t="str">
            <v>minami@nikko-corp.com</v>
          </cell>
          <cell r="M3439" t="str">
            <v>ﾆｯｺｰｺｰﾎﾟﾚｰｼｮﾝ</v>
          </cell>
          <cell r="N3439" t="str">
            <v>有</v>
          </cell>
          <cell r="O3439">
            <v>59</v>
          </cell>
          <cell r="P3439">
            <v>66</v>
          </cell>
          <cell r="Q3439">
            <v>8140001054916</v>
          </cell>
          <cell r="R3439">
            <v>37500</v>
          </cell>
          <cell r="S3439">
            <v>171231</v>
          </cell>
          <cell r="T3439">
            <v>1890587</v>
          </cell>
          <cell r="V3439" t="str">
            <v>ju188065</v>
          </cell>
          <cell r="W3439" t="str">
            <v>me136363</v>
          </cell>
          <cell r="Y3439" t="str">
            <v>036，14，35，36，40，42，43，</v>
          </cell>
          <cell r="Z3439">
            <v>43</v>
          </cell>
          <cell r="AA3439">
            <v>14</v>
          </cell>
          <cell r="AB3439">
            <v>35</v>
          </cell>
          <cell r="AC3439">
            <v>36</v>
          </cell>
          <cell r="AD3439" t="str">
            <v/>
          </cell>
          <cell r="AE3439" t="str">
            <v>１；工業用高圧ガスの取引を希望します。代）大陽日酸２；文房具全般の取扱いが可能です３；冷蔵庫、洗濯機等の家電製品の取扱いが可能です４；ノートＰＣ、デスクトップＰＣ、タブレット及びプリンター、ＨＤＤ等の周辺機器が取扱い可能です</v>
          </cell>
          <cell r="AF3439" t="str">
            <v>高圧ガス（酸素、窒素、ヘリウム、ドライアイス等の圧縮ガスや液化炭素、液化窒素等の液化ガス）を希望致します。又、文房具や家電の取り扱いも可能で、官公庁への納入実績も御座います。</v>
          </cell>
        </row>
        <row r="3440">
          <cell r="B3440">
            <v>12904</v>
          </cell>
          <cell r="C3440" t="str">
            <v>(株)日本計器</v>
          </cell>
          <cell r="D3440" t="str">
            <v>06-6355-2100</v>
          </cell>
          <cell r="E3440" t="str">
            <v>534-0025</v>
          </cell>
          <cell r="F3440" t="str">
            <v>大阪府大阪市都島区片町2-9-28</v>
          </cell>
          <cell r="G3440" t="str">
            <v>大阪市</v>
          </cell>
          <cell r="H3440" t="str">
            <v/>
          </cell>
          <cell r="I3440" t="str">
            <v>代表取締役 梅田　諭</v>
          </cell>
          <cell r="J3440" t="str">
            <v>本店</v>
          </cell>
          <cell r="K3440" t="str">
            <v>06-6355-2170</v>
          </cell>
          <cell r="L3440" t="str">
            <v>kk-nihonkeiki-osaka@diamond.broba.cc</v>
          </cell>
          <cell r="M3440" t="str">
            <v>ﾆﾎﾝｹｲｷ</v>
          </cell>
          <cell r="N3440" t="str">
            <v>無</v>
          </cell>
          <cell r="O3440">
            <v>45</v>
          </cell>
          <cell r="P3440">
            <v>3</v>
          </cell>
          <cell r="Q3440">
            <v>1140001002867</v>
          </cell>
          <cell r="R3440">
            <v>10000</v>
          </cell>
          <cell r="S3440">
            <v>1300</v>
          </cell>
          <cell r="T3440">
            <v>2000</v>
          </cell>
          <cell r="V3440" t="str">
            <v>xs185000</v>
          </cell>
          <cell r="W3440" t="str">
            <v>sn155153</v>
          </cell>
          <cell r="Y3440" t="str">
            <v>46，47，</v>
          </cell>
          <cell r="Z3440" t="str">
            <v/>
          </cell>
          <cell r="AA3440" t="str">
            <v/>
          </cell>
          <cell r="AB3440" t="str">
            <v/>
          </cell>
          <cell r="AC3440" t="str">
            <v/>
          </cell>
          <cell r="AD3440" t="str">
            <v/>
          </cell>
          <cell r="AE3440" t="str">
            <v>１；空調自動制御機器　パナソニック製品２；３；４；</v>
          </cell>
          <cell r="AF3440" t="str">
            <v>空調自動制御保守点検及び機器調整作業</v>
          </cell>
        </row>
        <row r="3441">
          <cell r="B3441">
            <v>12905</v>
          </cell>
          <cell r="C3441" t="str">
            <v>(株)堀通信</v>
          </cell>
          <cell r="D3441" t="str">
            <v>0773-22-1220</v>
          </cell>
          <cell r="F3441" t="str">
            <v>京都府福知山市字天田391-乙</v>
          </cell>
          <cell r="G3441" t="str">
            <v>福知山市</v>
          </cell>
          <cell r="H3441" t="str">
            <v/>
          </cell>
          <cell r="I3441" t="str">
            <v>代表取締役　 堀　智章</v>
          </cell>
          <cell r="J3441" t="str">
            <v>本店</v>
          </cell>
          <cell r="K3441" t="str">
            <v>0773-22-6857</v>
          </cell>
          <cell r="L3441" t="str">
            <v>moriguchi@ascom.horinet.co.jp</v>
          </cell>
          <cell r="M3441" t="str">
            <v>ｶﾌﾞｼｷｶﾞｲｼﾔ ﾎﾘﾂｳｼﾝ</v>
          </cell>
          <cell r="N3441" t="str">
            <v>無</v>
          </cell>
          <cell r="O3441">
            <v>49</v>
          </cell>
          <cell r="P3441">
            <v>91</v>
          </cell>
          <cell r="Q3441">
            <v>9130001041286</v>
          </cell>
          <cell r="R3441">
            <v>56000</v>
          </cell>
          <cell r="S3441">
            <v>1235974</v>
          </cell>
          <cell r="T3441">
            <v>5638077</v>
          </cell>
          <cell r="V3441" t="str">
            <v>jp128270</v>
          </cell>
          <cell r="W3441" t="str">
            <v>nl135152</v>
          </cell>
          <cell r="Y3441">
            <v>36.44</v>
          </cell>
          <cell r="Z3441">
            <v>36</v>
          </cell>
          <cell r="AA3441">
            <v>44</v>
          </cell>
          <cell r="AB3441" t="str">
            <v/>
          </cell>
          <cell r="AC3441" t="str">
            <v/>
          </cell>
          <cell r="AD3441" t="str">
            <v/>
          </cell>
          <cell r="AE3441" t="str">
            <v>１；２；日本電気（株）：特。エプソン販売（株）：代。３；４；</v>
          </cell>
          <cell r="AF3441" t="str">
            <v>当社は、設計支援・ご提案から、販売・施工・保守を１社完結をモットーにして関西一円の自治体様・官公庁及び企業様にサービス提供を実施致しております。</v>
          </cell>
        </row>
        <row r="3442">
          <cell r="B3442">
            <v>12906</v>
          </cell>
          <cell r="C3442" t="str">
            <v>トミタ環境(株)</v>
          </cell>
          <cell r="D3442" t="str">
            <v>0772-22-3441</v>
          </cell>
          <cell r="E3442" t="str">
            <v>626-0061</v>
          </cell>
          <cell r="F3442" t="str">
            <v>京都府宮津市字波路826</v>
          </cell>
          <cell r="G3442" t="str">
            <v>宮津市</v>
          </cell>
          <cell r="H3442" t="str">
            <v/>
          </cell>
          <cell r="I3442" t="str">
            <v>代表取締役　 城山　恵二</v>
          </cell>
          <cell r="J3442" t="str">
            <v>本店</v>
          </cell>
          <cell r="K3442" t="str">
            <v>0772-22-3148</v>
          </cell>
          <cell r="L3442" t="str">
            <v>tomikan@tomita-kankyo.jp</v>
          </cell>
          <cell r="M3442" t="str">
            <v>ﾄﾐﾀｶﾝｷﾖｳ</v>
          </cell>
          <cell r="N3442" t="str">
            <v>無</v>
          </cell>
          <cell r="O3442">
            <v>43</v>
          </cell>
          <cell r="P3442">
            <v>20</v>
          </cell>
          <cell r="Q3442">
            <v>8130001040561</v>
          </cell>
          <cell r="R3442">
            <v>20000</v>
          </cell>
          <cell r="S3442">
            <v>110332</v>
          </cell>
          <cell r="T3442">
            <v>212421</v>
          </cell>
          <cell r="V3442" t="str">
            <v>hs102235</v>
          </cell>
          <cell r="W3442" t="str">
            <v>jn106360</v>
          </cell>
          <cell r="Y3442" t="str">
            <v>55.68.79</v>
          </cell>
          <cell r="Z3442">
            <v>55</v>
          </cell>
          <cell r="AA3442">
            <v>79</v>
          </cell>
          <cell r="AB3442">
            <v>68</v>
          </cell>
          <cell r="AC3442" t="str">
            <v/>
          </cell>
          <cell r="AD3442" t="str">
            <v/>
          </cell>
          <cell r="AE3442" t="str">
            <v>１；２；大型・４ｔ強力吸引車　４ｔ高圧洗浄車　４ｔ給水車３；ＴＶカメラ車４；大型・４ｔＡＲ車　大型・４ｔ強力吸引車</v>
          </cell>
          <cell r="AF3442" t="str">
            <v>土木一式工事　一般廃棄物収集運搬処理下水管　側溝内清掃　暗渠管内清掃テレビカメラ調査　下水路・側溝浚渫工事．河川・調整池浚渫工事</v>
          </cell>
        </row>
        <row r="3443">
          <cell r="B3443">
            <v>12907</v>
          </cell>
          <cell r="C3443" t="str">
            <v>(株)フード・デリ</v>
          </cell>
          <cell r="D3443" t="str">
            <v>06-4303-2080</v>
          </cell>
          <cell r="E3443" t="str">
            <v>547-0005</v>
          </cell>
          <cell r="F3443" t="str">
            <v>大阪府大阪市平野区加美西1-13-39</v>
          </cell>
          <cell r="G3443" t="str">
            <v>大阪市</v>
          </cell>
          <cell r="H3443" t="str">
            <v>関西支社</v>
          </cell>
          <cell r="I3443" t="str">
            <v>支社長 牧田　久敏</v>
          </cell>
          <cell r="J3443" t="str">
            <v>静岡県焼津市</v>
          </cell>
          <cell r="K3443" t="str">
            <v>06-4303-2010</v>
          </cell>
          <cell r="L3443" t="str">
            <v/>
          </cell>
          <cell r="M3443" t="str">
            <v>ﾌｰﾄﾞ･ﾃﾞﾘ</v>
          </cell>
          <cell r="N3443" t="str">
            <v>有</v>
          </cell>
          <cell r="O3443">
            <v>8</v>
          </cell>
          <cell r="P3443">
            <v>100</v>
          </cell>
          <cell r="Q3443">
            <v>7080001017491</v>
          </cell>
          <cell r="R3443">
            <v>30000</v>
          </cell>
          <cell r="S3443">
            <v>-170467</v>
          </cell>
          <cell r="T3443">
            <v>4894117</v>
          </cell>
          <cell r="V3443" t="str">
            <v>re148683</v>
          </cell>
          <cell r="W3443" t="str">
            <v>hn181952</v>
          </cell>
          <cell r="Y3443" t="str">
            <v>02，</v>
          </cell>
          <cell r="Z3443" t="str">
            <v/>
          </cell>
          <cell r="AA3443" t="str">
            <v/>
          </cell>
          <cell r="AB3443" t="str">
            <v/>
          </cell>
          <cell r="AC3443" t="str">
            <v/>
          </cell>
          <cell r="AD3443" t="str">
            <v/>
          </cell>
          <cell r="AE3443" t="str">
            <v>１；２；３；４；</v>
          </cell>
          <cell r="AF3443" t="str">
            <v>弊社は、きめ細やかに専門性の高いサービスを提供すべく各種業務用食材を提供するのみならず、常に新しい情報を提供してまいります。</v>
          </cell>
        </row>
        <row r="3444">
          <cell r="B3444">
            <v>12908</v>
          </cell>
          <cell r="C3444" t="str">
            <v>(株)インタラック関西東海</v>
          </cell>
          <cell r="D3444" t="str">
            <v>053-456-8171</v>
          </cell>
          <cell r="E3444" t="str">
            <v>430-0935</v>
          </cell>
          <cell r="F3444" t="str">
            <v>静岡県浜松市中区伝馬町311-14</v>
          </cell>
          <cell r="G3444" t="str">
            <v>浜松市</v>
          </cell>
          <cell r="H3444" t="str">
            <v/>
          </cell>
          <cell r="I3444" t="str">
            <v>代表取締役 西　剛太</v>
          </cell>
          <cell r="J3444" t="str">
            <v>本店</v>
          </cell>
          <cell r="K3444" t="str">
            <v>053-455-3891</v>
          </cell>
          <cell r="L3444" t="str">
            <v>rg-kst@interac.co.jp</v>
          </cell>
          <cell r="M3444" t="str">
            <v>ｲﾝﾀﾗｯｸｶﾝｻｲﾄｳｶｲ</v>
          </cell>
          <cell r="N3444" t="str">
            <v>無</v>
          </cell>
          <cell r="O3444">
            <v>2</v>
          </cell>
          <cell r="P3444">
            <v>711</v>
          </cell>
          <cell r="Q3444">
            <v>1080401020976</v>
          </cell>
          <cell r="R3444">
            <v>60000</v>
          </cell>
          <cell r="S3444">
            <v>95601</v>
          </cell>
          <cell r="T3444">
            <v>2187112</v>
          </cell>
          <cell r="V3444" t="str">
            <v>wr176901</v>
          </cell>
          <cell r="W3444" t="str">
            <v>ao133583</v>
          </cell>
          <cell r="Y3444" t="str">
            <v>56，</v>
          </cell>
          <cell r="Z3444">
            <v>80</v>
          </cell>
          <cell r="AA3444">
            <v>56</v>
          </cell>
          <cell r="AB3444" t="str">
            <v/>
          </cell>
          <cell r="AC3444" t="str">
            <v/>
          </cell>
          <cell r="AD3444" t="str">
            <v/>
          </cell>
          <cell r="AE3444" t="str">
            <v>１；外国語指導／支援業務、語学研修・海外研修、ＩＣＴ支援業務、図書館業務２；労働者派遣事業許可　派２２－３００５７６、外国語指導／支援員、ＩＣＴ支援員、図書館員等３；４；</v>
          </cell>
          <cell r="AF3444" t="str">
            <v>全国各地の学校教育現場へ、外国語指導員を配置しています。</v>
          </cell>
        </row>
        <row r="3445">
          <cell r="B3445">
            <v>12910</v>
          </cell>
          <cell r="C3445" t="str">
            <v>巣守金属工業(株)</v>
          </cell>
          <cell r="D3445" t="str">
            <v>082-251-8307</v>
          </cell>
          <cell r="E3445" t="str">
            <v>734-0013</v>
          </cell>
          <cell r="F3445" t="str">
            <v>広島県広島市南区出島1-34-7</v>
          </cell>
          <cell r="G3445" t="str">
            <v>広島市</v>
          </cell>
          <cell r="H3445" t="str">
            <v/>
          </cell>
          <cell r="I3445" t="str">
            <v>代表取締役 巣守　佳之</v>
          </cell>
          <cell r="J3445" t="str">
            <v>本店</v>
          </cell>
          <cell r="K3445" t="str">
            <v>082-253-6581</v>
          </cell>
          <cell r="L3445" t="str">
            <v>info@sumori-metal.com</v>
          </cell>
          <cell r="M3445" t="str">
            <v>ｽﾓﾘｷﾝｿﾞｸｺｳｷﾞｮｳ</v>
          </cell>
          <cell r="N3445" t="str">
            <v>無</v>
          </cell>
          <cell r="O3445">
            <v>104</v>
          </cell>
          <cell r="P3445">
            <v>45</v>
          </cell>
          <cell r="Q3445">
            <v>1240001005304</v>
          </cell>
          <cell r="R3445">
            <v>10000</v>
          </cell>
          <cell r="S3445">
            <v>739403</v>
          </cell>
          <cell r="T3445">
            <v>857738</v>
          </cell>
          <cell r="V3445" t="str">
            <v>wj144669</v>
          </cell>
          <cell r="W3445" t="str">
            <v>oq133613</v>
          </cell>
          <cell r="Y3445" t="str">
            <v>66，</v>
          </cell>
          <cell r="Z3445">
            <v>66</v>
          </cell>
          <cell r="AA3445" t="str">
            <v/>
          </cell>
          <cell r="AB3445" t="str">
            <v/>
          </cell>
          <cell r="AC3445" t="str">
            <v/>
          </cell>
          <cell r="AD3445" t="str">
            <v/>
          </cell>
          <cell r="AE3445" t="str">
            <v>１；原動機付自転車標識、環境標識、シール類、銘板類、住居表示板類２；３；４；</v>
          </cell>
          <cell r="AF3445" t="str">
            <v>原動機付自転車標識を主として近年では形状、図柄入り等のオリジナルナンバープレートを数多く受注、取扱品すべて自社製</v>
          </cell>
        </row>
        <row r="3446">
          <cell r="B3446">
            <v>12911</v>
          </cell>
          <cell r="C3446" t="str">
            <v>(株)ダイセキ環境ソリューション</v>
          </cell>
          <cell r="D3446" t="str">
            <v>052-819-5310</v>
          </cell>
          <cell r="E3446" t="str">
            <v>467-0852</v>
          </cell>
          <cell r="F3446" t="str">
            <v>愛知県名古屋市瑞穂区明前町8番18号</v>
          </cell>
          <cell r="G3446" t="str">
            <v>名古屋市</v>
          </cell>
          <cell r="H3446" t="str">
            <v/>
          </cell>
          <cell r="I3446" t="str">
            <v>代表取締役 二宮　利彦</v>
          </cell>
          <cell r="J3446" t="str">
            <v>本店</v>
          </cell>
          <cell r="K3446" t="str">
            <v>052-819-5311</v>
          </cell>
          <cell r="L3446" t="str">
            <v>a_kawakami@daiseki-eco.co.jp</v>
          </cell>
          <cell r="M3446" t="str">
            <v>ﾀﾞｲｾｷｶﾝｷｮｳｿﾘｭｰｼｮﾝ</v>
          </cell>
          <cell r="N3446" t="str">
            <v>無</v>
          </cell>
          <cell r="O3446">
            <v>23</v>
          </cell>
          <cell r="P3446">
            <v>170</v>
          </cell>
          <cell r="Q3446">
            <v>5180001044387</v>
          </cell>
          <cell r="R3446">
            <v>2287468</v>
          </cell>
          <cell r="S3446">
            <v>11074963</v>
          </cell>
          <cell r="T3446">
            <v>13464517</v>
          </cell>
          <cell r="V3446" t="str">
            <v>xa163048</v>
          </cell>
          <cell r="W3446" t="str">
            <v>ks120302</v>
          </cell>
          <cell r="Y3446" t="str">
            <v>68，</v>
          </cell>
          <cell r="Z3446" t="str">
            <v/>
          </cell>
          <cell r="AA3446" t="str">
            <v/>
          </cell>
          <cell r="AB3446" t="str">
            <v/>
          </cell>
          <cell r="AC3446" t="str">
            <v/>
          </cell>
          <cell r="AD3446" t="str">
            <v/>
          </cell>
          <cell r="AE3446" t="str">
            <v>１；土壌汚染対策法に基づく調査２；３；４；</v>
          </cell>
          <cell r="AF3446" t="str">
            <v>汚染土壌調査、汚染土壌処理および工事、産業廃棄物処理および収集運搬、環境分析、環境コンサルティング</v>
          </cell>
        </row>
        <row r="3447">
          <cell r="B3447">
            <v>12912</v>
          </cell>
          <cell r="C3447" t="str">
            <v>(株)日立社会情報サービス</v>
          </cell>
          <cell r="D3447" t="str">
            <v>03-5632-1434</v>
          </cell>
          <cell r="E3447" t="str">
            <v>135-8633</v>
          </cell>
          <cell r="F3447" t="str">
            <v>東京都江東区東陽2-4-18</v>
          </cell>
          <cell r="G3447" t="str">
            <v>東京都</v>
          </cell>
          <cell r="H3447" t="str">
            <v>公共営業第２部</v>
          </cell>
          <cell r="I3447" t="str">
            <v>公共営業第２部部長 太田　聡</v>
          </cell>
          <cell r="J3447" t="str">
            <v>東京都</v>
          </cell>
          <cell r="K3447" t="str">
            <v>03-5632-1444</v>
          </cell>
          <cell r="L3447" t="str">
            <v>jichiei@ml.hitachi-gp.co.jp</v>
          </cell>
          <cell r="M3447" t="str">
            <v>ﾋﾀﾁｼｬｶｲｼﾞｮｳﾎｳｻｰﾋﾞｽ</v>
          </cell>
          <cell r="N3447" t="str">
            <v>有</v>
          </cell>
          <cell r="O3447">
            <v>33</v>
          </cell>
          <cell r="P3447">
            <v>2226</v>
          </cell>
          <cell r="Q3447" t="str">
            <v>0106-01021713</v>
          </cell>
          <cell r="R3447">
            <v>500000</v>
          </cell>
          <cell r="S3447">
            <v>300000</v>
          </cell>
          <cell r="T3447">
            <v>27404469</v>
          </cell>
          <cell r="V3447" t="str">
            <v>vv114393</v>
          </cell>
          <cell r="W3447" t="str">
            <v>lj181633</v>
          </cell>
          <cell r="Y3447" t="str">
            <v>36，57，58，59，</v>
          </cell>
          <cell r="Z3447" t="str">
            <v/>
          </cell>
          <cell r="AA3447" t="str">
            <v/>
          </cell>
          <cell r="AB3447" t="str">
            <v/>
          </cell>
          <cell r="AC3447" t="str">
            <v/>
          </cell>
          <cell r="AD3447" t="str">
            <v/>
          </cell>
          <cell r="AE3447" t="str">
            <v>１；２；３；４；</v>
          </cell>
          <cell r="AF3447" t="str">
            <v>お客さまごとに異なる業種や業務の課題を解決するために、業務システム開発に留まらず、ご提案やパッケージ製品、クラウドサービスの適用などを含め、最適なシステム構築を行います。</v>
          </cell>
        </row>
        <row r="3448">
          <cell r="B3448">
            <v>12913</v>
          </cell>
          <cell r="C3448" t="str">
            <v>ロジスネクスト近畿（株）</v>
          </cell>
          <cell r="D3448" t="str">
            <v>06-6477-5420</v>
          </cell>
          <cell r="E3448" t="str">
            <v>555-0011</v>
          </cell>
          <cell r="F3448" t="str">
            <v>大阪府大阪市西淀川区竹島5-4-47</v>
          </cell>
          <cell r="G3448" t="str">
            <v>大阪市</v>
          </cell>
          <cell r="H3448" t="str">
            <v>西淀川支店</v>
          </cell>
          <cell r="I3448" t="str">
            <v>支店長　 砂山　一隆</v>
          </cell>
          <cell r="J3448" t="str">
            <v>大阪府守口市</v>
          </cell>
          <cell r="K3448" t="str">
            <v>06-6477-5423</v>
          </cell>
          <cell r="L3448" t="str">
            <v>satomi_endo@logisnext.com</v>
          </cell>
          <cell r="M3448" t="str">
            <v>ﾛｼﾞｽﾈｸｽﾄｷﾝｷ</v>
          </cell>
          <cell r="N3448" t="str">
            <v>有</v>
          </cell>
          <cell r="O3448">
            <v>69</v>
          </cell>
          <cell r="P3448">
            <v>1800</v>
          </cell>
          <cell r="Q3448">
            <v>6120001144217</v>
          </cell>
          <cell r="R3448">
            <v>90000</v>
          </cell>
          <cell r="S3448">
            <v>8726000</v>
          </cell>
          <cell r="T3448">
            <v>84762000</v>
          </cell>
          <cell r="V3448" t="str">
            <v>ay108734</v>
          </cell>
          <cell r="W3448" t="str">
            <v>wb156921</v>
          </cell>
          <cell r="Y3448" t="str">
            <v>24.26.40.44</v>
          </cell>
          <cell r="Z3448">
            <v>24</v>
          </cell>
          <cell r="AA3448">
            <v>40</v>
          </cell>
          <cell r="AB3448">
            <v>26</v>
          </cell>
          <cell r="AC3448">
            <v>44</v>
          </cell>
          <cell r="AD3448" t="str">
            <v/>
          </cell>
          <cell r="AE3448" t="str">
            <v>１；２；日立建機（特）３；４；三菱ロジスネクスト（代）</v>
          </cell>
          <cell r="AF3448" t="str">
            <v>２０１７年三菱重工グループの一員となった弊社は、エンジン式・バッテリー式フォークリフトはもちろん、ホイールローダや油圧ショベルなども取り揃えており、整備部門は日々技術研鑽を図りながらフォークリフトを含めたエンジン式・電気式機械類のメンテナンスに幅広く対応しております。</v>
          </cell>
        </row>
        <row r="3449">
          <cell r="B3449">
            <v>12914</v>
          </cell>
          <cell r="C3449" t="str">
            <v>(株)三田工務店</v>
          </cell>
          <cell r="D3449" t="str">
            <v>06-6412-7607</v>
          </cell>
          <cell r="E3449" t="str">
            <v>660-0083</v>
          </cell>
          <cell r="F3449" t="str">
            <v>兵庫県尼崎市道意町3-1</v>
          </cell>
          <cell r="G3449" t="str">
            <v>尼崎市</v>
          </cell>
          <cell r="H3449" t="str">
            <v/>
          </cell>
          <cell r="I3449" t="str">
            <v>代表取締役 三田　恭男</v>
          </cell>
          <cell r="J3449" t="str">
            <v>本店</v>
          </cell>
          <cell r="K3449" t="str">
            <v>06-6413-1267</v>
          </cell>
          <cell r="L3449" t="str">
            <v>kei@sanda-ko.com</v>
          </cell>
          <cell r="M3449" t="str">
            <v>ｻﾝﾀﾞｺｳﾑﾃﾝ</v>
          </cell>
          <cell r="N3449" t="str">
            <v>無</v>
          </cell>
          <cell r="O3449">
            <v>44</v>
          </cell>
          <cell r="P3449">
            <v>16</v>
          </cell>
          <cell r="Q3449">
            <v>3140001048971</v>
          </cell>
          <cell r="R3449">
            <v>20000</v>
          </cell>
          <cell r="S3449">
            <v>370644</v>
          </cell>
          <cell r="T3449">
            <v>1612856</v>
          </cell>
          <cell r="V3449" t="str">
            <v>ob162491</v>
          </cell>
          <cell r="W3449" t="str">
            <v>ad133679</v>
          </cell>
          <cell r="Y3449" t="str">
            <v>34，46，52，53，54，</v>
          </cell>
          <cell r="Z3449">
            <v>80</v>
          </cell>
          <cell r="AA3449">
            <v>46</v>
          </cell>
          <cell r="AB3449">
            <v>52</v>
          </cell>
          <cell r="AC3449" t="str">
            <v/>
          </cell>
          <cell r="AD3449" t="str">
            <v/>
          </cell>
          <cell r="AE3449" t="str">
            <v>１；大規模な施設の施工工事だけでなく、小規模な施設の修繕・修理も対応できます。実績として数年、兵庫県住宅供給公社との取引実績がございます。２；住居・マンション・公団などにおいては、畳の張替業務、アルミサッシなどの建具取付も対応できます。３；住居・施設の害虫駆除等、住みよい住居・施設環境つくりの業務も対応できます。４；</v>
          </cell>
          <cell r="AF3449" t="str">
            <v>新築、リフォーム、公共施設、商業施設の施工まで幅広く業務を行っております。さらに、小規模な施設の修繕・修理、畳の張替業務、建具取付け、害虫駆除の業務を取り扱っています。</v>
          </cell>
        </row>
        <row r="3450">
          <cell r="B3450">
            <v>12915</v>
          </cell>
          <cell r="C3450" t="str">
            <v>大谷プロセス(株)</v>
          </cell>
          <cell r="D3450" t="str">
            <v>072-871-0694</v>
          </cell>
          <cell r="E3450" t="str">
            <v>574-0052</v>
          </cell>
          <cell r="F3450" t="str">
            <v>大阪府大東市新田北町2-21</v>
          </cell>
          <cell r="G3450" t="str">
            <v>大東市</v>
          </cell>
          <cell r="H3450" t="str">
            <v/>
          </cell>
          <cell r="I3450" t="str">
            <v>代表取締役 大谷　明良</v>
          </cell>
          <cell r="J3450" t="str">
            <v>本店</v>
          </cell>
          <cell r="K3450" t="str">
            <v>072-873-8913</v>
          </cell>
          <cell r="L3450" t="str">
            <v>ootani-p@nifty.com</v>
          </cell>
          <cell r="M3450" t="str">
            <v>ｵｵﾀﾆﾌﾟﾛｾｽ</v>
          </cell>
          <cell r="N3450" t="str">
            <v>無</v>
          </cell>
          <cell r="O3450">
            <v>47</v>
          </cell>
          <cell r="P3450">
            <v>12</v>
          </cell>
          <cell r="Q3450">
            <v>7122001015149</v>
          </cell>
          <cell r="R3450">
            <v>10000</v>
          </cell>
          <cell r="S3450" t="str">
            <v/>
          </cell>
          <cell r="T3450">
            <v>52000</v>
          </cell>
          <cell r="V3450" t="str">
            <v>av136118</v>
          </cell>
          <cell r="W3450" t="str">
            <v>gn116337</v>
          </cell>
          <cell r="Y3450" t="str">
            <v>66，</v>
          </cell>
          <cell r="Z3450" t="str">
            <v/>
          </cell>
          <cell r="AA3450" t="str">
            <v/>
          </cell>
          <cell r="AB3450" t="str">
            <v/>
          </cell>
          <cell r="AC3450" t="str">
            <v/>
          </cell>
          <cell r="AD3450" t="str">
            <v/>
          </cell>
          <cell r="AE3450" t="str">
            <v>１；高輝度蓄光式避難所等標識の製造２；３；４；</v>
          </cell>
          <cell r="AF3450" t="str">
            <v>シール、フィルム、金属等の素材に対応可能な設備等有しています。製版、調色等一環製作しています。</v>
          </cell>
        </row>
        <row r="3451">
          <cell r="B3451">
            <v>12916</v>
          </cell>
          <cell r="C3451" t="str">
            <v>(株)協働管財</v>
          </cell>
          <cell r="D3451" t="str">
            <v>03-3353-1120</v>
          </cell>
          <cell r="E3451" t="str">
            <v>160-0011</v>
          </cell>
          <cell r="F3451" t="str">
            <v>東京都新宿区若葉1-10-11</v>
          </cell>
          <cell r="G3451" t="str">
            <v>東京都</v>
          </cell>
          <cell r="H3451" t="str">
            <v/>
          </cell>
          <cell r="I3451" t="str">
            <v>代表取締役 塚本　吉朗</v>
          </cell>
          <cell r="J3451" t="str">
            <v>本店</v>
          </cell>
          <cell r="K3451" t="str">
            <v>03-3353-1130</v>
          </cell>
          <cell r="L3451" t="str">
            <v>kankyo@kyodo-co.com</v>
          </cell>
          <cell r="M3451" t="str">
            <v>ｶﾌﾞｼｷｶﾞｲｼｬ ｷｮｳﾄﾞｳｶﾝｻﾞｲ</v>
          </cell>
          <cell r="N3451" t="str">
            <v>無</v>
          </cell>
          <cell r="O3451">
            <v>10</v>
          </cell>
          <cell r="P3451">
            <v>10</v>
          </cell>
          <cell r="Q3451">
            <v>1180301009250</v>
          </cell>
          <cell r="R3451">
            <v>20000</v>
          </cell>
          <cell r="S3451">
            <v>14162</v>
          </cell>
          <cell r="T3451">
            <v>59410</v>
          </cell>
          <cell r="V3451" t="str">
            <v>jd113610</v>
          </cell>
          <cell r="W3451" t="str">
            <v>qo133638</v>
          </cell>
          <cell r="Y3451" t="str">
            <v/>
          </cell>
          <cell r="Z3451">
            <v>80</v>
          </cell>
          <cell r="AA3451" t="str">
            <v/>
          </cell>
          <cell r="AB3451" t="str">
            <v/>
          </cell>
          <cell r="AC3451" t="str">
            <v/>
          </cell>
          <cell r="AD3451" t="str">
            <v/>
          </cell>
          <cell r="AE3451" t="str">
            <v>１；火葬残骨灰処理業務、火葬業務運転管理２；３；４；</v>
          </cell>
          <cell r="AF3451" t="str">
            <v>火葬残骨灰処理、火葬業務運転管理</v>
          </cell>
        </row>
        <row r="3452">
          <cell r="B3452">
            <v>12917</v>
          </cell>
          <cell r="C3452" t="str">
            <v>(株)アカシクリエート</v>
          </cell>
          <cell r="D3452" t="str">
            <v>06-6844-1571</v>
          </cell>
          <cell r="E3452" t="str">
            <v>560-0020</v>
          </cell>
          <cell r="F3452" t="str">
            <v>大阪府豊中市本町9-3-3</v>
          </cell>
          <cell r="G3452" t="str">
            <v>豊中市</v>
          </cell>
          <cell r="H3452" t="str">
            <v>豊中営業所</v>
          </cell>
          <cell r="I3452" t="str">
            <v>取締役 岩崎　后永子</v>
          </cell>
          <cell r="J3452" t="str">
            <v>大阪府豊中市</v>
          </cell>
          <cell r="K3452" t="str">
            <v>06-6842-0286</v>
          </cell>
          <cell r="L3452" t="str">
            <v>info@akashicreate.com</v>
          </cell>
          <cell r="M3452" t="str">
            <v>ｱｶｼｸﾘｴｰﾄ</v>
          </cell>
          <cell r="N3452" t="str">
            <v>有</v>
          </cell>
          <cell r="O3452">
            <v>37</v>
          </cell>
          <cell r="P3452">
            <v>7</v>
          </cell>
          <cell r="Q3452">
            <v>4120901022630</v>
          </cell>
          <cell r="R3452">
            <v>10000</v>
          </cell>
          <cell r="S3452">
            <v>126595</v>
          </cell>
          <cell r="T3452">
            <v>132427</v>
          </cell>
          <cell r="V3452" t="str">
            <v>bv136206</v>
          </cell>
          <cell r="W3452" t="str">
            <v>xz155518</v>
          </cell>
          <cell r="Y3452" t="str">
            <v>080，03，07，08，16，27，63，66，73，76，</v>
          </cell>
          <cell r="Z3452">
            <v>7</v>
          </cell>
          <cell r="AA3452">
            <v>76</v>
          </cell>
          <cell r="AB3452">
            <v>66</v>
          </cell>
          <cell r="AC3452">
            <v>80</v>
          </cell>
          <cell r="AD3452" t="str">
            <v>小ロットＴシャツ、ハッピ、マグカップ等様々なオリジナル物を自社で印刷できます。</v>
          </cell>
          <cell r="AE3452" t="str">
            <v>１；ターポリン横断幕、生地横断幕、のぼり旗は屋外用プリンター及び熱転写機を完備。データ作成、出力、加工まで自社生産をしております。反射ターポリンでの飛び出し注意の電柱幕等も製作しております。２；大小数量問わず配布用多量シール及び屋外用シール、路上貼り用アルミシール、車両貼り付け用マグネットシール加工まで、多種多様な資材でのシール製作が可能です。３；木骨や鉄骨を土台に、複合板に出力したシールやカッティングシート文字で看板や標識を製作しています。４；ぬいぐるみ製作、屋内外ポスター出力、パンフレット、イラスト書き起こしデータ作成、デザイン業務、救急医療情報キット製作及びセット、コルク等での特殊看板等様々な製作をしております。</v>
          </cell>
          <cell r="AF3452" t="str">
            <v>全国の広告物等を長年にわたり製作してきました。横断幕、看板の大型の物から小さなシールまで、時には、ぬいぐるみの製作、様々な大小問わない製作実績があります。クライアントからの要望によりデータ作成、製作、施工を行えます。</v>
          </cell>
        </row>
        <row r="3453">
          <cell r="B3453">
            <v>12918</v>
          </cell>
          <cell r="C3453" t="str">
            <v>アイテック(株)</v>
          </cell>
          <cell r="D3453" t="str">
            <v>06-6346-0036</v>
          </cell>
          <cell r="E3453" t="str">
            <v>530-0001</v>
          </cell>
          <cell r="F3453" t="str">
            <v>大阪府大阪市北区梅田3-3-10</v>
          </cell>
          <cell r="G3453" t="str">
            <v>大阪市</v>
          </cell>
          <cell r="H3453" t="str">
            <v/>
          </cell>
          <cell r="I3453" t="str">
            <v>代表取締役 前田　幸治</v>
          </cell>
          <cell r="J3453" t="str">
            <v>本店</v>
          </cell>
          <cell r="K3453" t="str">
            <v>06-6346-0038</v>
          </cell>
          <cell r="L3453" t="str">
            <v>eigyou@aitec-j.com</v>
          </cell>
          <cell r="M3453" t="str">
            <v>ｱｲﾃｯｸ</v>
          </cell>
          <cell r="N3453" t="str">
            <v>無</v>
          </cell>
          <cell r="O3453">
            <v>41</v>
          </cell>
          <cell r="P3453">
            <v>1815</v>
          </cell>
          <cell r="Q3453">
            <v>2120001095991</v>
          </cell>
          <cell r="R3453">
            <v>90000</v>
          </cell>
          <cell r="S3453">
            <v>6958740</v>
          </cell>
          <cell r="T3453">
            <v>15179614</v>
          </cell>
          <cell r="V3453" t="str">
            <v>ce152736</v>
          </cell>
          <cell r="W3453" t="str">
            <v>ct133620</v>
          </cell>
          <cell r="Y3453" t="str">
            <v>061，46，47，48，49，51，61，</v>
          </cell>
          <cell r="Z3453">
            <v>48</v>
          </cell>
          <cell r="AA3453">
            <v>46</v>
          </cell>
          <cell r="AB3453">
            <v>47</v>
          </cell>
          <cell r="AC3453">
            <v>61</v>
          </cell>
          <cell r="AD3453" t="str">
            <v>公共施設の維持管理業務</v>
          </cell>
          <cell r="AE3453" t="str">
            <v>１；下水処理場等運転管理、機械設備等保守点検業務２；ごみ処理施設運転管理業務等、環境施設管理業務３；自家用工作物保安管理業務、電気設備保守点検４；浄水場等運転管理</v>
          </cell>
          <cell r="AF3453" t="str">
            <v>役務については、公共施設、特に下水道処理施設、浄水場、ごみ処理施設運転管理を希望しております。また、建設工事については、機械器具設置工事を主に希望致します。</v>
          </cell>
        </row>
        <row r="3454">
          <cell r="B3454">
            <v>12919</v>
          </cell>
          <cell r="C3454" t="str">
            <v>(株)藤原企画</v>
          </cell>
          <cell r="D3454" t="str">
            <v>072-956-0090</v>
          </cell>
          <cell r="E3454" t="str">
            <v>583-0872</v>
          </cell>
          <cell r="F3454" t="str">
            <v>大阪府羽曳野市はびきの2-7-17-1110</v>
          </cell>
          <cell r="G3454" t="str">
            <v>羽曳野市</v>
          </cell>
          <cell r="H3454" t="str">
            <v/>
          </cell>
          <cell r="I3454" t="str">
            <v>代表取締役 藤原　圭佑</v>
          </cell>
          <cell r="J3454" t="str">
            <v>本店</v>
          </cell>
          <cell r="K3454" t="str">
            <v>072-956-0090</v>
          </cell>
          <cell r="L3454" t="str">
            <v>f39keisuke@yahoo.co.jp</v>
          </cell>
          <cell r="M3454" t="str">
            <v>ﾌｼﾞﾜﾗｷｶｸ</v>
          </cell>
          <cell r="N3454" t="str">
            <v>無</v>
          </cell>
          <cell r="O3454">
            <v>12</v>
          </cell>
          <cell r="P3454">
            <v>2</v>
          </cell>
          <cell r="Q3454">
            <v>2120001115502</v>
          </cell>
          <cell r="R3454">
            <v>5000</v>
          </cell>
          <cell r="S3454">
            <v>6012</v>
          </cell>
          <cell r="T3454">
            <v>27725</v>
          </cell>
          <cell r="V3454" t="str">
            <v>nw179666</v>
          </cell>
          <cell r="W3454" t="str">
            <v>nm161306</v>
          </cell>
          <cell r="Y3454" t="str">
            <v>63，</v>
          </cell>
          <cell r="Z3454">
            <v>63</v>
          </cell>
          <cell r="AA3454" t="str">
            <v/>
          </cell>
          <cell r="AB3454" t="str">
            <v/>
          </cell>
          <cell r="AC3454" t="str">
            <v/>
          </cell>
          <cell r="AD3454" t="str">
            <v/>
          </cell>
          <cell r="AE3454" t="str">
            <v>１；イベント企画運営、会場設営管理等多数の実績があり得意分野としております２；３；４；</v>
          </cell>
          <cell r="AF3454" t="str">
            <v>イベント企画、各種スポーツイベント、コンサート等の施設設営運営管理等</v>
          </cell>
        </row>
        <row r="3455">
          <cell r="B3455">
            <v>12920</v>
          </cell>
          <cell r="C3455" t="str">
            <v>(株)山陽商会</v>
          </cell>
          <cell r="D3455" t="str">
            <v>06-6576-0512</v>
          </cell>
          <cell r="E3455" t="str">
            <v>552-0016</v>
          </cell>
          <cell r="F3455" t="str">
            <v>大阪府大阪市港区池島1-3-12</v>
          </cell>
          <cell r="G3455" t="str">
            <v>大阪市</v>
          </cell>
          <cell r="H3455" t="str">
            <v/>
          </cell>
          <cell r="I3455" t="str">
            <v>代表取締役 竹本　公士</v>
          </cell>
          <cell r="J3455" t="str">
            <v>本店</v>
          </cell>
          <cell r="K3455" t="str">
            <v>06-6575-2235</v>
          </cell>
          <cell r="L3455" t="str">
            <v>honma@sanyo-coltd.jp</v>
          </cell>
          <cell r="M3455" t="str">
            <v>ｻﾝﾖｳｼｮｳｶｲ</v>
          </cell>
          <cell r="N3455" t="str">
            <v>無</v>
          </cell>
          <cell r="O3455">
            <v>56</v>
          </cell>
          <cell r="P3455">
            <v>9</v>
          </cell>
          <cell r="Q3455">
            <v>6120001028972</v>
          </cell>
          <cell r="R3455">
            <v>10000</v>
          </cell>
          <cell r="S3455">
            <v>5801</v>
          </cell>
          <cell r="T3455">
            <v>75769</v>
          </cell>
          <cell r="V3455" t="str">
            <v>qi102198</v>
          </cell>
          <cell r="W3455" t="str">
            <v>du130293</v>
          </cell>
          <cell r="Y3455" t="str">
            <v>07，38，49，66，76，</v>
          </cell>
          <cell r="Z3455">
            <v>38</v>
          </cell>
          <cell r="AA3455">
            <v>66</v>
          </cell>
          <cell r="AB3455">
            <v>76</v>
          </cell>
          <cell r="AC3455" t="str">
            <v/>
          </cell>
          <cell r="AD3455" t="str">
            <v/>
          </cell>
          <cell r="AE3455" t="str">
            <v>１；消防標識、高輝度反射電柱幕２；Ａ型看板、一般看板３；ステッカー、マグネット製品全般４；</v>
          </cell>
          <cell r="AF3455" t="str">
            <v>安全標識を製造し４０年以上の実績があります。消防標識から高輝度反射電柱幕まで様々な標識看板を製造販売しております。</v>
          </cell>
        </row>
        <row r="3456">
          <cell r="B3456">
            <v>12921</v>
          </cell>
          <cell r="C3456" t="str">
            <v>東京計器(株)</v>
          </cell>
          <cell r="D3456" t="str">
            <v>06-6150-6602</v>
          </cell>
          <cell r="E3456" t="str">
            <v>532-0004</v>
          </cell>
          <cell r="F3456" t="str">
            <v>大阪府大阪市淀川区西宮原1-7-26</v>
          </cell>
          <cell r="G3456" t="str">
            <v>大阪市</v>
          </cell>
          <cell r="H3456" t="str">
            <v>大阪営業所</v>
          </cell>
          <cell r="I3456" t="str">
            <v>所長 石橋　二郎</v>
          </cell>
          <cell r="J3456" t="str">
            <v>東京都</v>
          </cell>
          <cell r="K3456" t="str">
            <v>06-6150-6610</v>
          </cell>
          <cell r="L3456" t="str">
            <v>y-ashikawa@tokyo-keiki.co.jp</v>
          </cell>
          <cell r="M3456" t="str">
            <v>ﾄｳｷｮｳｹｲｷ</v>
          </cell>
          <cell r="N3456" t="str">
            <v>有</v>
          </cell>
          <cell r="O3456">
            <v>56</v>
          </cell>
          <cell r="P3456">
            <v>1175</v>
          </cell>
          <cell r="Q3456">
            <v>3010801008436</v>
          </cell>
          <cell r="R3456">
            <v>7217597</v>
          </cell>
          <cell r="S3456">
            <v>23133056</v>
          </cell>
          <cell r="T3456">
            <v>39417368</v>
          </cell>
          <cell r="V3456" t="str">
            <v>ig146716</v>
          </cell>
          <cell r="W3456" t="str">
            <v>kj183265</v>
          </cell>
          <cell r="Y3456" t="str">
            <v>42，47，</v>
          </cell>
          <cell r="Z3456">
            <v>42</v>
          </cell>
          <cell r="AA3456">
            <v>47</v>
          </cell>
          <cell r="AB3456" t="str">
            <v/>
          </cell>
          <cell r="AC3456" t="str">
            <v/>
          </cell>
          <cell r="AD3456" t="str">
            <v/>
          </cell>
          <cell r="AF3456" t="str">
            <v>超音波流量計・電波式レベル計・熱式気体流量計ほか流体機器の装備・設置工事と付随する機器の工事を行う。またメーカーとして流体機器の実流量校正設備を本年に導入しＪＣＳＳ認定を取得。流量校正にも特化した業務を行う</v>
          </cell>
        </row>
        <row r="3457">
          <cell r="B3457">
            <v>12922</v>
          </cell>
          <cell r="C3457" t="str">
            <v>クモノスコーポレーション(株)</v>
          </cell>
          <cell r="D3457" t="str">
            <v>06-6482-3636</v>
          </cell>
          <cell r="E3457" t="str">
            <v>660-0858</v>
          </cell>
          <cell r="F3457" t="str">
            <v>兵庫県尼崎市築地2-11-6</v>
          </cell>
          <cell r="G3457" t="str">
            <v>尼崎市</v>
          </cell>
          <cell r="H3457" t="str">
            <v>尼崎支店</v>
          </cell>
          <cell r="I3457" t="str">
            <v>尼崎支店長 光平　健二</v>
          </cell>
          <cell r="J3457" t="str">
            <v>大阪府箕面市</v>
          </cell>
          <cell r="K3457" t="str">
            <v>06-6482-3638</v>
          </cell>
          <cell r="L3457" t="str">
            <v>nakamura@kankou.co.jp</v>
          </cell>
          <cell r="M3457" t="str">
            <v>ｸﾓﾉｽｺｰﾎﾟﾚｰｼｮﾝ</v>
          </cell>
          <cell r="N3457" t="str">
            <v>有</v>
          </cell>
          <cell r="O3457">
            <v>23</v>
          </cell>
          <cell r="P3457">
            <v>115</v>
          </cell>
          <cell r="Q3457">
            <v>9120901020373</v>
          </cell>
          <cell r="R3457">
            <v>30000</v>
          </cell>
          <cell r="S3457">
            <v>218143</v>
          </cell>
          <cell r="T3457">
            <v>1651251</v>
          </cell>
          <cell r="V3457" t="str">
            <v>ig146716</v>
          </cell>
          <cell r="W3457" t="str">
            <v>kj183265</v>
          </cell>
          <cell r="Y3457" t="str">
            <v>42，58，</v>
          </cell>
          <cell r="Z3457">
            <v>58</v>
          </cell>
          <cell r="AA3457">
            <v>42</v>
          </cell>
          <cell r="AB3457">
            <v>80</v>
          </cell>
          <cell r="AC3457" t="str">
            <v/>
          </cell>
          <cell r="AD3457" t="str">
            <v/>
          </cell>
          <cell r="AE3457" t="str">
            <v>１；公共建築物、土木インフラの予防保全・維持管理システムの開発・運営２；３Ｄレーザースキャナー３；建築物の外壁調査４；</v>
          </cell>
          <cell r="AF3457" t="str">
            <v>当社は、３次元測量を用いた多数の計測・解析実績があります。現在、この実績で得られたノウハウを基に公共建築物や土木インフラ等の社会資本の維持管理・予防保全システムの開発を進めています。</v>
          </cell>
        </row>
        <row r="3458">
          <cell r="B3458">
            <v>12923</v>
          </cell>
          <cell r="C3458" t="str">
            <v>(株)サニム事務所</v>
          </cell>
          <cell r="D3458" t="str">
            <v>072-858-3515</v>
          </cell>
          <cell r="E3458" t="str">
            <v>573-0122</v>
          </cell>
          <cell r="F3458" t="str">
            <v>大阪府枚方市津田東町2-10-6</v>
          </cell>
          <cell r="G3458" t="str">
            <v>枚方市</v>
          </cell>
          <cell r="H3458" t="str">
            <v/>
          </cell>
          <cell r="I3458" t="str">
            <v>代表取締役 前山　厚夫</v>
          </cell>
          <cell r="J3458" t="str">
            <v>本店</v>
          </cell>
          <cell r="K3458" t="str">
            <v>072-344-5151</v>
          </cell>
          <cell r="L3458" t="str">
            <v>fujiwaranorika@live.jp</v>
          </cell>
          <cell r="M3458" t="str">
            <v>ｻﾆﾑｼﾞﾑｼｮ</v>
          </cell>
          <cell r="N3458" t="str">
            <v>無</v>
          </cell>
          <cell r="O3458">
            <v>6</v>
          </cell>
          <cell r="P3458">
            <v>2</v>
          </cell>
          <cell r="Q3458">
            <v>4120001170735</v>
          </cell>
          <cell r="R3458">
            <v>100</v>
          </cell>
          <cell r="S3458">
            <v>100</v>
          </cell>
          <cell r="T3458">
            <v>7797</v>
          </cell>
          <cell r="V3458" t="str">
            <v>vw156116</v>
          </cell>
          <cell r="W3458" t="str">
            <v>wy112121</v>
          </cell>
          <cell r="Y3458" t="str">
            <v>18，</v>
          </cell>
          <cell r="Z3458">
            <v>80</v>
          </cell>
          <cell r="AA3458">
            <v>18</v>
          </cell>
          <cell r="AB3458" t="str">
            <v/>
          </cell>
          <cell r="AC3458" t="str">
            <v/>
          </cell>
          <cell r="AD3458" t="str">
            <v/>
          </cell>
          <cell r="AE3458" t="str">
            <v>１；ピアノの調律をはじめ、全ての楽器の調律、修理、調整２；国内外すべてのメーカーの楽器、楽譜、音響機器などの販売、買取り３；４；</v>
          </cell>
          <cell r="AF3458" t="str">
            <v>ピアノ調律をはじめ全ての楽器のメンテナンス。式典、パーティー等における　音楽演出やミュージシャンの派遣。和洋楽器、楽譜、音響機器の販売。</v>
          </cell>
        </row>
        <row r="3459">
          <cell r="B3459">
            <v>12924</v>
          </cell>
          <cell r="C3459" t="str">
            <v>(株)エスオーシー</v>
          </cell>
          <cell r="D3459" t="str">
            <v>072-439-3529</v>
          </cell>
          <cell r="E3459" t="str">
            <v>596-0031</v>
          </cell>
          <cell r="F3459" t="str">
            <v>大阪府岸和田市春木大小路町6-16</v>
          </cell>
          <cell r="G3459" t="str">
            <v>岸和田市</v>
          </cell>
          <cell r="H3459" t="str">
            <v/>
          </cell>
          <cell r="I3459" t="str">
            <v>代表取締役 善野　謙一</v>
          </cell>
          <cell r="J3459" t="str">
            <v>本店</v>
          </cell>
          <cell r="K3459" t="str">
            <v>072-439-3972</v>
          </cell>
          <cell r="L3459" t="str">
            <v xml:space="preserve">m-ishikawa@e-soc.co.jp </v>
          </cell>
          <cell r="M3459" t="str">
            <v>ｴｽｵｰｼｰ</v>
          </cell>
          <cell r="N3459" t="str">
            <v>無</v>
          </cell>
          <cell r="O3459">
            <v>39</v>
          </cell>
          <cell r="P3459">
            <v>249</v>
          </cell>
          <cell r="Q3459">
            <v>9120101036261</v>
          </cell>
          <cell r="R3459">
            <v>10000</v>
          </cell>
          <cell r="S3459">
            <v>12797</v>
          </cell>
          <cell r="T3459">
            <v>2477568</v>
          </cell>
          <cell r="V3459" t="str">
            <v>pl163962</v>
          </cell>
          <cell r="W3459" t="str">
            <v>lo129702</v>
          </cell>
          <cell r="Y3459" t="str">
            <v>028，03，28，44，62，</v>
          </cell>
          <cell r="Z3459">
            <v>44</v>
          </cell>
          <cell r="AA3459">
            <v>62</v>
          </cell>
          <cell r="AB3459">
            <v>3</v>
          </cell>
          <cell r="AC3459">
            <v>28</v>
          </cell>
          <cell r="AD3459" t="str">
            <v/>
          </cell>
          <cell r="AE3459" t="str">
            <v>１；医療介護施設で使用する制服、カーテン、タオル類、肌着等クリーニング付レンタルリース２；医療介護施設で使用するリネン類（制服、カーテン、タオル類、肌着等）のクリーニング３；ナガイレーベン株式会社、住商モンブラン株式会社、株式会社サンアロー、フォーク株式会社、株式会社トンボ、株式会社明石スクールユニフォームカンパニー、オンワード株式会社、株式会社タガワ４；株式会社サンゲツ、株式会社スミノエ</v>
          </cell>
          <cell r="AF3459" t="str">
            <v>創業３９年になる産業用クリーニングのリネンサプライ業者となります。医療介護関連のクリーニング＆リースをメインとして、社内のひと手間でお客様の手間を減らす努力をしております。感染物のクリーニングやＢＣＰ策定等、お客様の不安不満を解消し寄り添うことをモットーとしております。</v>
          </cell>
        </row>
        <row r="3460">
          <cell r="B3460">
            <v>12925</v>
          </cell>
          <cell r="C3460" t="str">
            <v>(株)マルツ電波</v>
          </cell>
          <cell r="D3460" t="str">
            <v>06-4950-0002</v>
          </cell>
          <cell r="E3460" t="str">
            <v>661-0012</v>
          </cell>
          <cell r="F3460" t="str">
            <v>兵庫県尼崎市南塚口町7-27-5</v>
          </cell>
          <cell r="G3460" t="str">
            <v>福井市</v>
          </cell>
          <cell r="H3460" t="str">
            <v>関西支店</v>
          </cell>
          <cell r="I3460" t="str">
            <v>支店長 福井　英雄</v>
          </cell>
          <cell r="J3460" t="str">
            <v>福井県福井市</v>
          </cell>
          <cell r="K3460" t="str">
            <v>06-4950-0003</v>
          </cell>
          <cell r="L3460" t="str">
            <v>tokki@marutsu.co.jp</v>
          </cell>
          <cell r="M3460" t="str">
            <v>ﾏﾙﾂﾃﾞﾝﾊﾟ</v>
          </cell>
          <cell r="N3460" t="str">
            <v>有</v>
          </cell>
          <cell r="O3460">
            <v>51</v>
          </cell>
          <cell r="P3460">
            <v>194</v>
          </cell>
          <cell r="Q3460">
            <v>8210001003972</v>
          </cell>
          <cell r="R3460">
            <v>20000</v>
          </cell>
          <cell r="S3460">
            <v>1794187</v>
          </cell>
          <cell r="T3460">
            <v>6248215</v>
          </cell>
          <cell r="V3460" t="str">
            <v>kf140530</v>
          </cell>
          <cell r="W3460" t="str">
            <v>wg139842</v>
          </cell>
          <cell r="Y3460" t="str">
            <v>35，36，42，47，50，</v>
          </cell>
          <cell r="Z3460">
            <v>35</v>
          </cell>
          <cell r="AA3460">
            <v>50</v>
          </cell>
          <cell r="AB3460">
            <v>47</v>
          </cell>
          <cell r="AC3460">
            <v>36</v>
          </cell>
          <cell r="AD3460" t="str">
            <v/>
          </cell>
          <cell r="AE3460" t="str">
            <v>1；デジカメ・パソコン・プリンター・トナー・各種ソフト・事務機器等</v>
          </cell>
          <cell r="AF3460" t="str">
            <v>関西支店を拠点に、国土交通省、本州四国連絡高速株式会社を中心に兵庫県内でも施工実績がございます。関西支店の人員を増員し、施工体制の強化を図っておりますので、貴市への登録を希望致します。</v>
          </cell>
        </row>
        <row r="3461">
          <cell r="B3461">
            <v>12926</v>
          </cell>
          <cell r="C3461" t="str">
            <v>Ｇａｔｅテクノロジーズ(株)</v>
          </cell>
          <cell r="D3461" t="str">
            <v>06-4708-6901</v>
          </cell>
          <cell r="E3461" t="str">
            <v>541-0053</v>
          </cell>
          <cell r="F3461" t="str">
            <v>大阪府大阪市大阪市中央区本町三丁目2番8号</v>
          </cell>
          <cell r="G3461" t="str">
            <v>大阪市</v>
          </cell>
          <cell r="H3461" t="str">
            <v/>
          </cell>
          <cell r="I3461" t="str">
            <v>代表取締役社長 井門　一美</v>
          </cell>
          <cell r="J3461" t="str">
            <v>本店</v>
          </cell>
          <cell r="K3461" t="str">
            <v>06-4708-6902</v>
          </cell>
          <cell r="L3461" t="str">
            <v>sales@gatecs.co.jp</v>
          </cell>
          <cell r="M3461" t="str">
            <v>ｹﾞｰﾄﾃｸﾉﾛｼﾞｰｽﾞ</v>
          </cell>
          <cell r="N3461" t="str">
            <v>無</v>
          </cell>
          <cell r="O3461">
            <v>3</v>
          </cell>
          <cell r="P3461">
            <v>97</v>
          </cell>
          <cell r="Q3461">
            <v>1120001189638</v>
          </cell>
          <cell r="R3461">
            <v>50000</v>
          </cell>
          <cell r="S3461">
            <v>82472</v>
          </cell>
          <cell r="T3461">
            <v>525702</v>
          </cell>
          <cell r="V3461" t="str">
            <v>mz144887</v>
          </cell>
          <cell r="W3461" t="str">
            <v>hg121813</v>
          </cell>
          <cell r="Y3461" t="str">
            <v>056，36，56，57，58，</v>
          </cell>
          <cell r="Z3461">
            <v>36</v>
          </cell>
          <cell r="AA3461">
            <v>58</v>
          </cell>
          <cell r="AB3461">
            <v>57</v>
          </cell>
          <cell r="AC3461">
            <v>56</v>
          </cell>
          <cell r="AD3461" t="str">
            <v/>
          </cell>
          <cell r="AE3461" t="str">
            <v>１；２；３；４；</v>
          </cell>
          <cell r="AF3461" t="str">
            <v>物品販売事業を開始したのが昨秋のため実績は乏しいですが、スピードを重視しご相談から納品まで出来る限りの短時間で行なえるよう体制を組んでおります。</v>
          </cell>
        </row>
        <row r="3462">
          <cell r="B3462">
            <v>12927</v>
          </cell>
          <cell r="C3462" t="str">
            <v>ジィ・アンド・ジィ(株)</v>
          </cell>
          <cell r="D3462" t="str">
            <v>078-222-1551</v>
          </cell>
          <cell r="E3462" t="str">
            <v>651-0086</v>
          </cell>
          <cell r="F3462" t="str">
            <v>兵庫県神戸市中央区磯上通4丁目1番6号</v>
          </cell>
          <cell r="G3462" t="str">
            <v>神戸市</v>
          </cell>
          <cell r="H3462" t="str">
            <v/>
          </cell>
          <cell r="I3462" t="str">
            <v>代表取締役 竹中　睦芳</v>
          </cell>
          <cell r="J3462" t="str">
            <v>本店</v>
          </cell>
          <cell r="K3462" t="str">
            <v>078-222-1042</v>
          </cell>
          <cell r="L3462" t="str">
            <v/>
          </cell>
          <cell r="M3462" t="str">
            <v>ｼﾞｨｱﾝﾄﾞｼﾞｨ</v>
          </cell>
          <cell r="N3462" t="str">
            <v>無</v>
          </cell>
          <cell r="O3462">
            <v>40</v>
          </cell>
          <cell r="P3462">
            <v>66</v>
          </cell>
          <cell r="Q3462">
            <v>2140001018439</v>
          </cell>
          <cell r="R3462">
            <v>10000</v>
          </cell>
          <cell r="S3462">
            <v>221666</v>
          </cell>
          <cell r="T3462">
            <v>2475943</v>
          </cell>
          <cell r="V3462" t="str">
            <v>jp162234</v>
          </cell>
          <cell r="W3462" t="str">
            <v>hz131957</v>
          </cell>
          <cell r="Y3462" t="str">
            <v>67，</v>
          </cell>
          <cell r="Z3462" t="str">
            <v/>
          </cell>
          <cell r="AA3462" t="str">
            <v/>
          </cell>
          <cell r="AB3462" t="str">
            <v/>
          </cell>
          <cell r="AC3462" t="str">
            <v/>
          </cell>
          <cell r="AD3462" t="str">
            <v/>
          </cell>
          <cell r="AE3462" t="str">
            <v>１；旅行業　ＪＴＢ総合提携店２；３；４；</v>
          </cell>
          <cell r="AF3462" t="str">
            <v>ＪＴＢ総合提携店として兵庫県下に営業所と法人部門の団体営業部を展開。ＪＴＢブランドをお勧めするスタッフの専門資格取得率は業界ナンバー１。</v>
          </cell>
        </row>
        <row r="3463">
          <cell r="B3463">
            <v>12928</v>
          </cell>
          <cell r="C3463" t="str">
            <v>(株)インソース</v>
          </cell>
          <cell r="D3463" t="str">
            <v>078-321-5551</v>
          </cell>
          <cell r="E3463" t="str">
            <v>650-0011</v>
          </cell>
          <cell r="F3463" t="str">
            <v>兵庫県神戸市中央区下山手通3-12-1ﾄｱ山手ﾌﾗｯﾂ206</v>
          </cell>
          <cell r="G3463" t="str">
            <v>大阪市</v>
          </cell>
          <cell r="H3463" t="str">
            <v>神戸事業所</v>
          </cell>
          <cell r="I3463" t="str">
            <v>所長 西棟　大</v>
          </cell>
          <cell r="J3463" t="str">
            <v>東京都千代田区</v>
          </cell>
          <cell r="K3463" t="str">
            <v>078-321-5581</v>
          </cell>
          <cell r="L3463" t="str">
            <v/>
          </cell>
          <cell r="M3463" t="str">
            <v>(株)ｲﾝｿｰｽ</v>
          </cell>
          <cell r="N3463" t="str">
            <v>有</v>
          </cell>
          <cell r="O3463">
            <v>15</v>
          </cell>
          <cell r="P3463">
            <v>288</v>
          </cell>
          <cell r="Q3463">
            <v>5010001080795</v>
          </cell>
          <cell r="R3463">
            <v>326269</v>
          </cell>
          <cell r="S3463">
            <v>1410546</v>
          </cell>
          <cell r="T3463">
            <v>3442629</v>
          </cell>
          <cell r="V3463" t="str">
            <v>oy111165</v>
          </cell>
          <cell r="W3463" t="str">
            <v>qg150230</v>
          </cell>
          <cell r="Y3463" t="str">
            <v/>
          </cell>
          <cell r="Z3463" t="str">
            <v/>
          </cell>
          <cell r="AA3463" t="str">
            <v/>
          </cell>
          <cell r="AB3463" t="str">
            <v/>
          </cell>
          <cell r="AC3463" t="str">
            <v/>
          </cell>
          <cell r="AD3463" t="str">
            <v/>
          </cell>
          <cell r="AE3463" t="str">
            <v>１；２；３；４；</v>
          </cell>
          <cell r="AF3463" t="str">
            <v/>
          </cell>
        </row>
        <row r="3464">
          <cell r="B3464">
            <v>12930</v>
          </cell>
          <cell r="C3464" t="str">
            <v>谷口商会(株)</v>
          </cell>
          <cell r="D3464" t="str">
            <v>086-296-5906</v>
          </cell>
          <cell r="E3464" t="str">
            <v>701-0221</v>
          </cell>
          <cell r="F3464" t="str">
            <v>岡山県岡山市南区藤田338-31</v>
          </cell>
          <cell r="G3464" t="str">
            <v>岡山市</v>
          </cell>
          <cell r="H3464" t="str">
            <v/>
          </cell>
          <cell r="I3464" t="str">
            <v>代表取締役 谷口　隼人</v>
          </cell>
          <cell r="J3464" t="str">
            <v>本店</v>
          </cell>
          <cell r="K3464" t="str">
            <v>086-296-6507</v>
          </cell>
          <cell r="L3464" t="str">
            <v>info@taniguti.co.jp</v>
          </cell>
          <cell r="M3464" t="str">
            <v>ﾀﾆｸﾞﾁｼｮｳｶｲ</v>
          </cell>
          <cell r="N3464" t="str">
            <v>無</v>
          </cell>
          <cell r="O3464">
            <v>32</v>
          </cell>
          <cell r="P3464">
            <v>17</v>
          </cell>
          <cell r="Q3464">
            <v>4260001004202</v>
          </cell>
          <cell r="R3464">
            <v>35000</v>
          </cell>
          <cell r="S3464">
            <v>109751</v>
          </cell>
          <cell r="T3464">
            <v>363621</v>
          </cell>
          <cell r="V3464" t="str">
            <v>nb162989</v>
          </cell>
          <cell r="W3464" t="str">
            <v>yx170982</v>
          </cell>
          <cell r="Y3464" t="str">
            <v>10，33，</v>
          </cell>
          <cell r="Z3464">
            <v>80</v>
          </cell>
          <cell r="AA3464">
            <v>10</v>
          </cell>
          <cell r="AB3464">
            <v>33</v>
          </cell>
          <cell r="AC3464" t="str">
            <v/>
          </cell>
          <cell r="AD3464" t="str">
            <v/>
          </cell>
          <cell r="AE3464" t="str">
            <v>１；水面用油吸着材（オイルフェンス、オイルマット等）　路面用油吸着材２；油処理剤　（毒物劇物一般販売業登録票　岡保健衛第２９４２２２７号）３；道路補修用常温合材　（光工業（株））４；</v>
          </cell>
          <cell r="AF3464" t="str">
            <v>弊社は陸上の漏油元から河川に至る迄カバーするオリジナリティのある環境保安資材や揮発性溶剤を含まず安全な常温合材等を販売しております。又、正確で効率的な油事故処理法をお客様に身に付けて頂く為、全国各地で講習会やデモンストレーションを行っております。</v>
          </cell>
        </row>
        <row r="3465">
          <cell r="B3465">
            <v>12931</v>
          </cell>
          <cell r="C3465" t="str">
            <v>(株)ＩＥＭ</v>
          </cell>
          <cell r="D3465" t="str">
            <v>06-6121-7280</v>
          </cell>
          <cell r="E3465" t="str">
            <v>541-0055</v>
          </cell>
          <cell r="F3465" t="str">
            <v>大阪府大阪市中央区船場中央3-2</v>
          </cell>
          <cell r="G3465" t="str">
            <v>大阪市</v>
          </cell>
          <cell r="H3465" t="str">
            <v>大阪支店</v>
          </cell>
          <cell r="I3465" t="str">
            <v>取締役支店長 宮上　一幸</v>
          </cell>
          <cell r="J3465" t="str">
            <v>神奈川県川崎市</v>
          </cell>
          <cell r="K3465" t="str">
            <v>06-6121-7281</v>
          </cell>
          <cell r="L3465" t="str">
            <v>kinkan@kinkikankyo.co.jp</v>
          </cell>
          <cell r="M3465" t="str">
            <v>ｱｲｲｰｴﾑ</v>
          </cell>
          <cell r="N3465" t="str">
            <v>有</v>
          </cell>
          <cell r="O3465">
            <v>45</v>
          </cell>
          <cell r="P3465">
            <v>72</v>
          </cell>
          <cell r="Q3465">
            <v>2120001037952</v>
          </cell>
          <cell r="R3465">
            <v>10000</v>
          </cell>
          <cell r="S3465">
            <v>30336</v>
          </cell>
          <cell r="T3465" t="str">
            <v/>
          </cell>
          <cell r="V3465" t="str">
            <v>es116774</v>
          </cell>
          <cell r="W3465" t="str">
            <v>bv119317</v>
          </cell>
          <cell r="Y3465" t="str">
            <v>079，47，48，51，79，</v>
          </cell>
          <cell r="Z3465">
            <v>48</v>
          </cell>
          <cell r="AA3465">
            <v>47</v>
          </cell>
          <cell r="AB3465">
            <v>51</v>
          </cell>
          <cell r="AC3465">
            <v>79</v>
          </cell>
          <cell r="AD3465" t="str">
            <v/>
          </cell>
          <cell r="AE3465" t="str">
            <v>１；空調ボイラー、汚水処理場、排水場、水門、防水扉、工業計器、台貫設備など（下水道処理施設維持管理業者登録）２；受変電設備、自家用発電機など３；浄化槽保守点検（浄化槽保守点検業登録）４；下水道管清掃</v>
          </cell>
          <cell r="AF3465" t="str">
            <v>維持管理業務（上下水処理施設、ごみ処理施設、し尿処理施設など）、保守点検業務（電気設備、機械設備、浄化槽、ボイラー、空調設備、消防設備、排水場など）、清掃業務（下水管渠清掃、焼却炉内清掃、受水槽清掃、河川清掃など）</v>
          </cell>
        </row>
        <row r="3466">
          <cell r="B3466">
            <v>12932</v>
          </cell>
          <cell r="C3466" t="str">
            <v>浅野アタカ(株)</v>
          </cell>
          <cell r="D3466" t="str">
            <v>06-4804-0036</v>
          </cell>
          <cell r="E3466" t="str">
            <v>554-0012</v>
          </cell>
          <cell r="F3466" t="str">
            <v>大阪府大阪市此花区西九条5-3-28</v>
          </cell>
          <cell r="G3466" t="str">
            <v/>
          </cell>
          <cell r="H3466" t="str">
            <v>大阪支店</v>
          </cell>
          <cell r="I3466" t="str">
            <v>支店長 生島　栄一</v>
          </cell>
          <cell r="J3466" t="str">
            <v>東京都</v>
          </cell>
          <cell r="K3466" t="str">
            <v>06-4804-0037</v>
          </cell>
          <cell r="L3466" t="str">
            <v>osaka@asanoataka.co.jp</v>
          </cell>
          <cell r="M3466" t="str">
            <v>ｱｻﾉｶﾝｷｮｳｿﾘｭｰｼｮﾝ</v>
          </cell>
          <cell r="N3466" t="str">
            <v>有</v>
          </cell>
          <cell r="O3466">
            <v>34</v>
          </cell>
          <cell r="P3466">
            <v>287</v>
          </cell>
          <cell r="Q3466">
            <v>7010501023962</v>
          </cell>
          <cell r="R3466">
            <v>100000</v>
          </cell>
          <cell r="S3466">
            <v>686975</v>
          </cell>
          <cell r="T3466">
            <v>4746859</v>
          </cell>
          <cell r="V3466" t="str">
            <v>bv117774</v>
          </cell>
          <cell r="W3466" t="str">
            <v>dv167761</v>
          </cell>
          <cell r="Y3466" t="str">
            <v>33，</v>
          </cell>
          <cell r="Z3466">
            <v>33</v>
          </cell>
          <cell r="AA3466">
            <v>80</v>
          </cell>
          <cell r="AB3466" t="str">
            <v/>
          </cell>
          <cell r="AC3466" t="str">
            <v/>
          </cell>
          <cell r="AD3466" t="str">
            <v/>
          </cell>
          <cell r="AE3466" t="str">
            <v>１；水処理用浸漬膜〔膜エレメント〕２；水処理施設運転維持管理・保守点検〔し尿・汚泥再生処理施設、上下水処理施設、最終処分場浸出水処理施設、農村集落排水、コミュニティープラント、その他水処理施設、リサイクル施設〕３；４；</v>
          </cell>
          <cell r="AF3466" t="str">
            <v>機械器具設置工事を特に希望します。全国規模で特に下水、浄水、農集施設の長寿命化工事及び改修工事に独自技術をとり入れた実績を増やしています。</v>
          </cell>
        </row>
        <row r="3467">
          <cell r="B3467">
            <v>12933</v>
          </cell>
          <cell r="C3467" t="str">
            <v>ケアライフ・メディカルサプライ　(株)</v>
          </cell>
          <cell r="D3467" t="str">
            <v>072-241-8171</v>
          </cell>
          <cell r="E3467" t="str">
            <v>592-8333</v>
          </cell>
          <cell r="F3467" t="str">
            <v>大阪府堺市西区浜寺石津町西2‐1‐6</v>
          </cell>
          <cell r="G3467" t="str">
            <v>堺市</v>
          </cell>
          <cell r="H3467" t="str">
            <v/>
          </cell>
          <cell r="I3467" t="str">
            <v>代表取締役 宮本　治樹</v>
          </cell>
          <cell r="J3467" t="str">
            <v>本店</v>
          </cell>
          <cell r="K3467" t="str">
            <v>072-241-8139</v>
          </cell>
          <cell r="L3467" t="str">
            <v>carelife@sage.ocn.ne.jp</v>
          </cell>
          <cell r="M3467" t="str">
            <v xml:space="preserve">ｹｱﾗｲﾌ･ﾒﾃﾞｨｶﾙｻﾌﾟﾗｲ </v>
          </cell>
          <cell r="N3467" t="str">
            <v>無</v>
          </cell>
          <cell r="O3467">
            <v>74</v>
          </cell>
          <cell r="P3467">
            <v>244</v>
          </cell>
          <cell r="Q3467">
            <v>2120101002848</v>
          </cell>
          <cell r="R3467">
            <v>14000</v>
          </cell>
          <cell r="S3467">
            <v>14000</v>
          </cell>
          <cell r="T3467">
            <v>1686638</v>
          </cell>
          <cell r="V3467" t="str">
            <v>yt121406</v>
          </cell>
          <cell r="W3467" t="str">
            <v>gz178367</v>
          </cell>
          <cell r="Y3467" t="str">
            <v>038，06，9，38，39，44，</v>
          </cell>
          <cell r="Z3467">
            <v>39</v>
          </cell>
          <cell r="AA3467">
            <v>80</v>
          </cell>
          <cell r="AB3467">
            <v>44</v>
          </cell>
          <cell r="AC3467">
            <v>38</v>
          </cell>
          <cell r="AD3467" t="str">
            <v/>
          </cell>
          <cell r="AE3467" t="str">
            <v>１；高度管理医療機器等販売業・貸与業許可証　医薬品販売業許可証　医療機器製造業登録証　第三種医療機器製造販売業許可証書２；医療関連サービスマーク認定証書（院外滅菌消毒業務）　医療関連サービスマース認定証書（院内滅菌消毒業務）３；シルバーマーク認定証４；</v>
          </cell>
          <cell r="AF3467" t="str">
            <v>医療機器・医療用具・福祉用具・福祉用品等全般に取り扱っており、販売及びレンタルをしております。医療機器の消毒滅菌業務設けたまっております。お客様のニーズに合わせたサービス提供をモットーにしております。</v>
          </cell>
        </row>
        <row r="3468">
          <cell r="B3468">
            <v>12934</v>
          </cell>
          <cell r="C3468" t="str">
            <v>中部電力(株)</v>
          </cell>
          <cell r="D3468" t="str">
            <v>052-740-6929</v>
          </cell>
          <cell r="E3468" t="str">
            <v>461-8680</v>
          </cell>
          <cell r="F3468" t="str">
            <v>愛知県名古屋市東区東新町１番地</v>
          </cell>
          <cell r="G3468" t="str">
            <v>名古屋市</v>
          </cell>
          <cell r="I3468" t="str">
            <v>代表取締役　社長執行役員　勝野　哲</v>
          </cell>
          <cell r="J3468" t="str">
            <v>本店</v>
          </cell>
          <cell r="K3468" t="str">
            <v>052-740-6932</v>
          </cell>
          <cell r="L3468" t="str">
            <v>Chuden.Nyusatsu@chuden.co.jp</v>
          </cell>
          <cell r="M3468" t="str">
            <v>ﾁｭｳﾌﾞﾃﾞﾝﾘｮｸ</v>
          </cell>
          <cell r="N3468" t="str">
            <v>無</v>
          </cell>
          <cell r="O3468">
            <v>68</v>
          </cell>
          <cell r="P3468">
            <v>16086</v>
          </cell>
          <cell r="R3468">
            <v>430777362</v>
          </cell>
          <cell r="S3468">
            <v>1480006000</v>
          </cell>
          <cell r="T3468">
            <v>2743024000</v>
          </cell>
          <cell r="V3468" t="str">
            <v>ch152111</v>
          </cell>
          <cell r="W3468" t="str">
            <v>ss141456</v>
          </cell>
          <cell r="Y3468" t="str">
            <v>43,</v>
          </cell>
          <cell r="AF3468" t="str">
            <v>電力販売</v>
          </cell>
        </row>
        <row r="3469">
          <cell r="B3469">
            <v>12935</v>
          </cell>
          <cell r="C3469" t="str">
            <v>(株)富士クリーン</v>
          </cell>
          <cell r="D3469" t="str">
            <v>087-878-3111</v>
          </cell>
          <cell r="E3469" t="str">
            <v>761-2204</v>
          </cell>
          <cell r="F3469" t="str">
            <v>香川県綾歌郡綾川町山田下2994-1</v>
          </cell>
          <cell r="G3469" t="str">
            <v>綾歌郡</v>
          </cell>
          <cell r="H3469" t="str">
            <v/>
          </cell>
          <cell r="I3469" t="str">
            <v>代表取締役 馬場　一雄</v>
          </cell>
          <cell r="J3469" t="str">
            <v>本店</v>
          </cell>
          <cell r="K3469" t="str">
            <v>087-878-3113</v>
          </cell>
          <cell r="L3469" t="str">
            <v>r-konishi@fujicl.com</v>
          </cell>
          <cell r="M3469" t="str">
            <v>ﾌｼﾞｸﾘｰﾝ</v>
          </cell>
          <cell r="N3469" t="str">
            <v>無</v>
          </cell>
          <cell r="O3469">
            <v>44</v>
          </cell>
          <cell r="P3469">
            <v>117</v>
          </cell>
          <cell r="Q3469">
            <v>4470001006904</v>
          </cell>
          <cell r="R3469">
            <v>300000</v>
          </cell>
          <cell r="S3469">
            <v>2298322</v>
          </cell>
          <cell r="T3469">
            <v>3591711</v>
          </cell>
          <cell r="V3469" t="str">
            <v>rv121280</v>
          </cell>
          <cell r="W3469" t="str">
            <v>hz160629</v>
          </cell>
          <cell r="Y3469" t="str">
            <v>68，</v>
          </cell>
          <cell r="Z3469">
            <v>68</v>
          </cell>
          <cell r="AA3469" t="str">
            <v/>
          </cell>
          <cell r="AB3469" t="str">
            <v/>
          </cell>
          <cell r="AC3469" t="str">
            <v/>
          </cell>
          <cell r="AD3469" t="str">
            <v/>
          </cell>
          <cell r="AE3469" t="str">
            <v>１；低濃度ＰＣＢ廃棄物収集運搬及び処分業務委託２；３；４；</v>
          </cell>
          <cell r="AF3469" t="str">
            <v>低濃度ＰＣＢ廃棄物収集運搬及び処分業務委託</v>
          </cell>
        </row>
        <row r="3470">
          <cell r="B3470">
            <v>12936</v>
          </cell>
          <cell r="C3470" t="str">
            <v>(株)エクシオテック</v>
          </cell>
          <cell r="D3470" t="str">
            <v>06-4301-3269</v>
          </cell>
          <cell r="E3470" t="str">
            <v>540-0026</v>
          </cell>
          <cell r="F3470" t="str">
            <v>大阪府大阪市中央区内本町2-2-10</v>
          </cell>
          <cell r="G3470" t="str">
            <v>大阪市</v>
          </cell>
          <cell r="H3470" t="str">
            <v>大阪営業所</v>
          </cell>
          <cell r="I3470" t="str">
            <v>所長 中井　誠一</v>
          </cell>
          <cell r="J3470" t="str">
            <v>東京都</v>
          </cell>
          <cell r="K3470" t="str">
            <v>06-4301-4089</v>
          </cell>
          <cell r="L3470" t="str">
            <v>kimiko.nishioka.p1@exeo-tech.co.jp</v>
          </cell>
          <cell r="M3470" t="str">
            <v>ｴｸｼｵﾃｯｸ</v>
          </cell>
          <cell r="N3470" t="str">
            <v>有</v>
          </cell>
          <cell r="O3470">
            <v>71</v>
          </cell>
          <cell r="P3470">
            <v>697</v>
          </cell>
          <cell r="Q3470">
            <v>5010801019828</v>
          </cell>
          <cell r="R3470">
            <v>450000</v>
          </cell>
          <cell r="S3470">
            <v>7067240</v>
          </cell>
          <cell r="T3470">
            <v>22654231</v>
          </cell>
          <cell r="V3470" t="str">
            <v>qz142169</v>
          </cell>
          <cell r="W3470" t="str">
            <v>am114437</v>
          </cell>
          <cell r="Y3470" t="str">
            <v/>
          </cell>
          <cell r="Z3470">
            <v>80</v>
          </cell>
          <cell r="AA3470" t="str">
            <v/>
          </cell>
          <cell r="AB3470" t="str">
            <v/>
          </cell>
          <cell r="AC3470" t="str">
            <v/>
          </cell>
          <cell r="AD3470" t="str">
            <v/>
          </cell>
          <cell r="AE3470" t="str">
            <v>１；視覚障がい者誘導システム、緊急避難情報システム、聴覚障がい者対応機器２；３；４；</v>
          </cell>
          <cell r="AF3470" t="str">
            <v>視覚障がい者及び聴覚障がい者の誘導設備について、ご提案から設計、販売、調整まできめ細かく対応します。</v>
          </cell>
        </row>
        <row r="3471">
          <cell r="B3471">
            <v>12937</v>
          </cell>
          <cell r="C3471" t="str">
            <v>ウエストロー・ジャパン(株)</v>
          </cell>
          <cell r="D3471" t="str">
            <v>03-4520-1200</v>
          </cell>
          <cell r="E3471" t="str">
            <v>105-0003</v>
          </cell>
          <cell r="F3471" t="str">
            <v>東京都港区西新橋3‐16‐11</v>
          </cell>
          <cell r="G3471" t="str">
            <v>東京都</v>
          </cell>
          <cell r="H3471" t="str">
            <v/>
          </cell>
          <cell r="I3471" t="str">
            <v>代表取締役 ヨンソン　バン</v>
          </cell>
          <cell r="J3471" t="str">
            <v>本店</v>
          </cell>
          <cell r="K3471" t="str">
            <v>03-4589-1901</v>
          </cell>
          <cell r="L3471" t="str">
            <v>sales.order@westlawjapan.com</v>
          </cell>
          <cell r="M3471" t="str">
            <v>ｳｴｽﾄﾛｰｼﾞｬﾊﾟﾝ</v>
          </cell>
          <cell r="N3471" t="str">
            <v>無</v>
          </cell>
          <cell r="O3471">
            <v>13</v>
          </cell>
          <cell r="P3471">
            <v>43</v>
          </cell>
          <cell r="Q3471">
            <v>5010001098516</v>
          </cell>
          <cell r="R3471">
            <v>310000</v>
          </cell>
          <cell r="S3471">
            <v>-6916484</v>
          </cell>
          <cell r="T3471">
            <v>1054125</v>
          </cell>
          <cell r="V3471" t="str">
            <v>wj186952</v>
          </cell>
          <cell r="W3471" t="str">
            <v>bn121680</v>
          </cell>
          <cell r="Y3471" t="str">
            <v/>
          </cell>
          <cell r="Z3471">
            <v>80</v>
          </cell>
          <cell r="AA3471" t="str">
            <v/>
          </cell>
          <cell r="AB3471" t="str">
            <v/>
          </cell>
          <cell r="AC3471" t="str">
            <v/>
          </cell>
          <cell r="AD3471" t="str">
            <v/>
          </cell>
          <cell r="AE3471" t="str">
            <v>１；法令・判例・その他関連情報の検索を行う「法律総合オンラインサービス」の提供２；３；４；</v>
          </cell>
          <cell r="AF3471" t="str">
            <v>弁護士、司法書士、法科大学院、官公庁並びに企業法務部・知財部などの、法律の専門家に向けた日本法および関連コンテンツの「法律総合オンラインサービス」の提供。その他に英米法・中国法・インド法等を取り扱っています。</v>
          </cell>
        </row>
        <row r="3472">
          <cell r="B3472">
            <v>12938</v>
          </cell>
          <cell r="C3472" t="str">
            <v>(株)エスティーユニフォーム</v>
          </cell>
          <cell r="D3472" t="str">
            <v>06-6976-6221</v>
          </cell>
          <cell r="E3472" t="str">
            <v>537-0023</v>
          </cell>
          <cell r="F3472" t="str">
            <v>大阪府大阪市東成区玉津1-1-6</v>
          </cell>
          <cell r="G3472" t="str">
            <v>大阪市</v>
          </cell>
          <cell r="H3472" t="str">
            <v/>
          </cell>
          <cell r="I3472" t="str">
            <v>代表取締役 阪部　剛司</v>
          </cell>
          <cell r="J3472" t="str">
            <v>本店</v>
          </cell>
          <cell r="K3472" t="str">
            <v>06-6976-2434</v>
          </cell>
          <cell r="L3472" t="str">
            <v>sakabe@st-u.jp</v>
          </cell>
          <cell r="M3472" t="str">
            <v>ｴｽﾃｨｰﾕﾆﾌｫｰﾑ</v>
          </cell>
          <cell r="N3472" t="str">
            <v>無</v>
          </cell>
          <cell r="O3472">
            <v>3</v>
          </cell>
          <cell r="P3472">
            <v>4</v>
          </cell>
          <cell r="Q3472">
            <v>5122001029919</v>
          </cell>
          <cell r="R3472">
            <v>5000</v>
          </cell>
          <cell r="S3472">
            <v>4439</v>
          </cell>
          <cell r="T3472">
            <v>69644</v>
          </cell>
          <cell r="V3472" t="str">
            <v>gd143577</v>
          </cell>
          <cell r="W3472" t="str">
            <v>jj160496</v>
          </cell>
          <cell r="Y3472" t="str">
            <v>03，04，</v>
          </cell>
          <cell r="Z3472">
            <v>3</v>
          </cell>
          <cell r="AA3472">
            <v>4</v>
          </cell>
          <cell r="AB3472" t="str">
            <v/>
          </cell>
          <cell r="AC3472" t="str">
            <v/>
          </cell>
          <cell r="AD3472" t="str">
            <v/>
          </cell>
          <cell r="AE3472" t="str">
            <v>１；被服（作業服・防寒衣・空調服・看護服）、雨衣（合羽、ヤッケ、ゴム製品）、ユニフォーム、作業靴、安全靴、ゴム長靴等を取り扱っています２；革手袋手袋、ゴム手袋、作業帽等を取り扱っています３；４；</v>
          </cell>
          <cell r="AF3472" t="str">
            <v>作業服・防災服・白衣等、官公庁へ幅広い納入実績があります。商品提供だけでなく、仕様変更等のご相談も承り、ニーズに応じた提案をしております。最近は「安定供給・安価格」を求める声が多く、既製品に付加価値（プリント・刺繍・加工）を付けてのご提案が好評です。</v>
          </cell>
        </row>
        <row r="3473">
          <cell r="B3473">
            <v>12939</v>
          </cell>
          <cell r="C3473" t="str">
            <v>東京電力エナジーパートナー(株)</v>
          </cell>
          <cell r="D3473" t="str">
            <v>03-6373-1111</v>
          </cell>
          <cell r="E3473" t="str">
            <v>100-0011</v>
          </cell>
          <cell r="F3473" t="str">
            <v>東京都千代田区内幸町1丁目1番3号</v>
          </cell>
          <cell r="G3473" t="str">
            <v>東京都</v>
          </cell>
          <cell r="H3473" t="str">
            <v/>
          </cell>
          <cell r="I3473" t="str">
            <v>代表取締役 秋本　展秀</v>
          </cell>
          <cell r="J3473" t="str">
            <v>本店</v>
          </cell>
          <cell r="K3473" t="str">
            <v>03-3596-8569</v>
          </cell>
          <cell r="L3473" t="str">
            <v>ep-gashanbai@ml.tepco.co.jp</v>
          </cell>
          <cell r="M3473" t="str">
            <v>ﾄｳｷｮｳﾃﾞﾝﾘｮｸｴﾅｼﾞｰﾊﾟｰﾄﾅｰ</v>
          </cell>
          <cell r="N3473" t="str">
            <v>無</v>
          </cell>
          <cell r="O3473">
            <v>4</v>
          </cell>
          <cell r="P3473">
            <v>2608</v>
          </cell>
          <cell r="Q3473">
            <v>8010001166930</v>
          </cell>
          <cell r="R3473">
            <v>10000000</v>
          </cell>
          <cell r="S3473">
            <v>179524299</v>
          </cell>
          <cell r="T3473">
            <v>5557677508</v>
          </cell>
          <cell r="V3473" t="str">
            <v>bw151961</v>
          </cell>
          <cell r="W3473" t="str">
            <v>su176913</v>
          </cell>
          <cell r="Y3473" t="str">
            <v>43，</v>
          </cell>
          <cell r="Z3473">
            <v>43</v>
          </cell>
          <cell r="AA3473" t="str">
            <v/>
          </cell>
          <cell r="AB3473" t="str">
            <v/>
          </cell>
          <cell r="AC3473" t="str">
            <v/>
          </cell>
          <cell r="AD3473" t="str">
            <v/>
          </cell>
          <cell r="AE3473" t="str">
            <v>１；品目：都市ガス供給事業　許認可：ガス小売事業者登録　２；３；４；</v>
          </cell>
          <cell r="AF3473" t="str">
            <v>都市ガス供給事業</v>
          </cell>
        </row>
        <row r="3474">
          <cell r="B3474">
            <v>12940</v>
          </cell>
          <cell r="C3474" t="str">
            <v>(株)深秀園</v>
          </cell>
          <cell r="D3474" t="str">
            <v>0798-22-1780</v>
          </cell>
          <cell r="E3474" t="str">
            <v>662-0911</v>
          </cell>
          <cell r="F3474" t="str">
            <v>兵庫県西宮市池田町7-19</v>
          </cell>
          <cell r="G3474" t="str">
            <v>西宮市</v>
          </cell>
          <cell r="H3474" t="str">
            <v/>
          </cell>
          <cell r="I3474" t="str">
            <v>代表取締役 阪上　眞一</v>
          </cell>
          <cell r="J3474" t="str">
            <v>本店</v>
          </cell>
          <cell r="K3474" t="str">
            <v>0798-22-1733</v>
          </cell>
          <cell r="L3474" t="str">
            <v>shinsyuen@shore.ocn.ne.jp</v>
          </cell>
          <cell r="M3474" t="str">
            <v>ｼﾝｼｭｳｴﾝ</v>
          </cell>
          <cell r="N3474" t="str">
            <v>無</v>
          </cell>
          <cell r="O3474">
            <v>52</v>
          </cell>
          <cell r="P3474">
            <v>6</v>
          </cell>
          <cell r="Q3474">
            <v>8140001069014</v>
          </cell>
          <cell r="R3474">
            <v>27000</v>
          </cell>
          <cell r="S3474">
            <v>104819</v>
          </cell>
          <cell r="T3474">
            <v>152313</v>
          </cell>
          <cell r="V3474" t="str">
            <v>dl140160</v>
          </cell>
          <cell r="W3474" t="str">
            <v>cc161881</v>
          </cell>
          <cell r="Y3474" t="str">
            <v>22，53，55，</v>
          </cell>
          <cell r="Z3474">
            <v>53</v>
          </cell>
          <cell r="AA3474">
            <v>55</v>
          </cell>
          <cell r="AB3474">
            <v>22</v>
          </cell>
          <cell r="AC3474" t="str">
            <v/>
          </cell>
          <cell r="AD3474" t="str">
            <v>樹木医による樹木診断、治療／街路樹管理（剪定・刈込・灌水等）</v>
          </cell>
          <cell r="AE3474" t="str">
            <v>１；樹木剪定・除草・施肥・灌水　【車両等】２トンダンプ　３トンパッカ車　チェンソー　ブロワ　２；３；【取扱い】肥料・土壌改良材・樹木用薬剤　【仕入先】株式会社北善塔・正和商事株式会社４；</v>
          </cell>
          <cell r="AF3474" t="str">
            <v>【造園工事】公園・グランド整備工事　移植工事【公園樹・街路樹管理】剪定・除草・灌水・施肥　【樹木医による樹木診断業務】【園芸用の肥料・土壌改良材・薬剤の納品】</v>
          </cell>
        </row>
        <row r="3475">
          <cell r="B3475">
            <v>12941</v>
          </cell>
          <cell r="C3475" t="str">
            <v>中央コンピューターサービス(株)</v>
          </cell>
          <cell r="D3475" t="str">
            <v>011-700-5588</v>
          </cell>
          <cell r="E3475" t="str">
            <v>060-0807</v>
          </cell>
          <cell r="F3475" t="str">
            <v>北海道札幌市北区北7条西1-1-2</v>
          </cell>
          <cell r="G3475" t="str">
            <v>札幌市</v>
          </cell>
          <cell r="H3475" t="str">
            <v>札幌支社</v>
          </cell>
          <cell r="I3475" t="str">
            <v>支社長 所　達也</v>
          </cell>
          <cell r="J3475" t="str">
            <v>北海道標津郡中標津町</v>
          </cell>
          <cell r="K3475" t="str">
            <v>011-700-3254</v>
          </cell>
          <cell r="L3475" t="str">
            <v>somuka@ccs1981.jp</v>
          </cell>
          <cell r="M3475" t="str">
            <v>ﾁｭｳｵｳｺﾝﾋﾟｭｰﾀｰｻｰﾋﾞｽ</v>
          </cell>
          <cell r="N3475" t="str">
            <v>有</v>
          </cell>
          <cell r="O3475">
            <v>38</v>
          </cell>
          <cell r="P3475">
            <v>100</v>
          </cell>
          <cell r="Q3475">
            <v>5462501000147</v>
          </cell>
          <cell r="R3475">
            <v>42000</v>
          </cell>
          <cell r="S3475">
            <v>2275554</v>
          </cell>
          <cell r="T3475">
            <v>1643614</v>
          </cell>
          <cell r="V3475" t="str">
            <v>iu130597</v>
          </cell>
          <cell r="W3475" t="str">
            <v>ra166679</v>
          </cell>
          <cell r="Y3475" t="str">
            <v>036，15，36，44，57，58，74，</v>
          </cell>
          <cell r="Z3475">
            <v>58</v>
          </cell>
          <cell r="AA3475">
            <v>57</v>
          </cell>
          <cell r="AB3475">
            <v>80</v>
          </cell>
          <cell r="AC3475">
            <v>36</v>
          </cell>
          <cell r="AD3475" t="str">
            <v/>
          </cell>
          <cell r="AE3475" t="str">
            <v>１；２；３；ふるさと納税業務アウトソーシング４；（代）エプソン販売株式会社、（代）キャノンマーケティングジャパン株式会社</v>
          </cell>
          <cell r="AF3475" t="str">
            <v>当社のクライアントは公的な機関が多く、主力のオリジナル製品である、住民情報・税務情報・福祉情報・生活情報・内部情報を完全にリンクさせたクラウド型総合行政システムは、多くの自治体で採用されています。他にも、ふるさと納税業務アウトソーシング等、多様なサービスを展開しています！</v>
          </cell>
        </row>
        <row r="3476">
          <cell r="B3476">
            <v>12942</v>
          </cell>
          <cell r="C3476" t="str">
            <v>(株)キャンサースキャン</v>
          </cell>
          <cell r="D3476" t="str">
            <v>03-6420-3390</v>
          </cell>
          <cell r="E3476" t="str">
            <v>141-0031</v>
          </cell>
          <cell r="F3476" t="str">
            <v>東京都品川区西五反田1-3-8五反田PLACE2F</v>
          </cell>
          <cell r="G3476" t="str">
            <v>東京都</v>
          </cell>
          <cell r="H3476" t="str">
            <v/>
          </cell>
          <cell r="I3476" t="str">
            <v>代表取締役 福吉　潤</v>
          </cell>
          <cell r="J3476" t="str">
            <v>本店</v>
          </cell>
          <cell r="K3476" t="str">
            <v>03-6420-3394</v>
          </cell>
          <cell r="L3476" t="str">
            <v>info@cancerscan.jp</v>
          </cell>
          <cell r="M3476" t="str">
            <v>ｷｬﾝｻｰｽｷｬﾝ</v>
          </cell>
          <cell r="N3476" t="str">
            <v>無</v>
          </cell>
          <cell r="O3476">
            <v>11</v>
          </cell>
          <cell r="P3476">
            <v>60</v>
          </cell>
          <cell r="Q3476">
            <v>6011001062543</v>
          </cell>
          <cell r="R3476">
            <v>10500</v>
          </cell>
          <cell r="S3476">
            <v>125614</v>
          </cell>
          <cell r="T3476">
            <v>807256</v>
          </cell>
          <cell r="V3476" t="str">
            <v>tq174900</v>
          </cell>
          <cell r="W3476" t="str">
            <v>jc143787</v>
          </cell>
          <cell r="Y3476" t="str">
            <v/>
          </cell>
          <cell r="Z3476">
            <v>80</v>
          </cell>
          <cell r="AA3476" t="str">
            <v/>
          </cell>
          <cell r="AB3476" t="str">
            <v/>
          </cell>
          <cell r="AC3476" t="str">
            <v/>
          </cell>
          <cell r="AD3476" t="str">
            <v/>
          </cell>
          <cell r="AE3476" t="str">
            <v>１；特定健診・がん検診受診勧奨およびデータ分析業務、減薬・重症化予防等２；３；４；</v>
          </cell>
          <cell r="AF3476" t="str">
            <v>自治体から提供頂いたデータを用いて、誰にメッセージ（受診勧奨通知）を送れば受診率が効率的に上がるかを人工知能により解析します。更に、ソーシャルマーケティングの技術を駆使し個別の特性に合わせた効果のあるメッセージ作りをします。効果検証を行い翌年度の施策に活かします。</v>
          </cell>
        </row>
        <row r="3477">
          <cell r="B3477">
            <v>12943</v>
          </cell>
          <cell r="C3477" t="str">
            <v>日本トータルテレマーケティング(株)</v>
          </cell>
          <cell r="D3477" t="str">
            <v>03-6730-0001</v>
          </cell>
          <cell r="E3477" t="str">
            <v>150-0002</v>
          </cell>
          <cell r="F3477" t="str">
            <v>東京都渋谷区渋谷3-12-18</v>
          </cell>
          <cell r="G3477" t="str">
            <v>東京都</v>
          </cell>
          <cell r="H3477" t="str">
            <v/>
          </cell>
          <cell r="I3477" t="str">
            <v>代表取締役 森　真吾</v>
          </cell>
          <cell r="J3477" t="str">
            <v>本店</v>
          </cell>
          <cell r="K3477" t="str">
            <v>03-6730-0000</v>
          </cell>
          <cell r="L3477" t="str">
            <v>eiki@ntm.co.jp</v>
          </cell>
          <cell r="M3477" t="str">
            <v>ﾆﾎﾝﾄｰﾀﾙﾃﾚﾏｰｹﾃｨﾝｸﾞ</v>
          </cell>
          <cell r="N3477" t="str">
            <v>無</v>
          </cell>
          <cell r="O3477">
            <v>37</v>
          </cell>
          <cell r="P3477">
            <v>1036</v>
          </cell>
          <cell r="Q3477">
            <v>4011001045013</v>
          </cell>
          <cell r="R3477">
            <v>100000</v>
          </cell>
          <cell r="S3477">
            <v>1977429</v>
          </cell>
          <cell r="T3477">
            <v>9351251</v>
          </cell>
          <cell r="V3477" t="str">
            <v>qr175628</v>
          </cell>
          <cell r="W3477" t="str">
            <v>ib164550</v>
          </cell>
          <cell r="Y3477" t="str">
            <v>058，56，57，58，63，77，</v>
          </cell>
          <cell r="Z3477">
            <v>80</v>
          </cell>
          <cell r="AA3477">
            <v>57</v>
          </cell>
          <cell r="AB3477">
            <v>77</v>
          </cell>
          <cell r="AC3477">
            <v>58</v>
          </cell>
          <cell r="AD3477" t="str">
            <v>人材派遣（電話応対、電話交換、受付窓口、事務代行、商品券販売、医療系相談等の従事者等の派遣）イベント企画運営（ポイント券等発行運営事務局業、各種スポーツイベント事務局、イベント販促物の作成）</v>
          </cell>
          <cell r="AE3477" t="str">
            <v>１；電話・ウェブ利用業務、コールセンター業務、電話交換、事務支援・代行、各種申請受付・審査・許諾業務、マイナポイント関連業務、プレミアム付商品券運営、ＡＩ・チャットボット利用問合せ対応業務２；データ入力、データ作成、ホームページ作成・運営管理、ＡＩ、ＲＰＡ、ＡＩチャットボットシステム導入・活用業務、電算事後処理（封筒・送風書類の印刷作成、封入封緘、電算オペレーション、ヘルプデスク３；市場調査、売上調査、マーケティング、意識調査、各種アンケート・インターネット調査および分析４；ＡＩ、ＲＰＡ、ＡＩチャットボットシステム導入・活用業務、各種ソシステム・プログラムの設計開発、システム保守</v>
          </cell>
          <cell r="AF3477" t="str">
            <v>コンタクトセンターを業とする当社は、国や自治体等の施策に伴う発注委託業務の中で、福祉性・公共性の高い案件を得意とし、電話交換、問合せコールセンター業務、各種申請書受付・審査・事務処理、プレミアム付商品券運営事務等を受託。近年はＡＩやチャットボット等人工知能利用業務も受託。</v>
          </cell>
        </row>
        <row r="3478">
          <cell r="B3478">
            <v>12944</v>
          </cell>
          <cell r="C3478" t="str">
            <v>美津濃(株)</v>
          </cell>
          <cell r="D3478" t="str">
            <v>06-6614-8188</v>
          </cell>
          <cell r="E3478" t="str">
            <v>559-8510</v>
          </cell>
          <cell r="F3478" t="str">
            <v>大阪府大阪市住之江区南港北1-12-35</v>
          </cell>
          <cell r="G3478" t="str">
            <v>大阪市</v>
          </cell>
          <cell r="H3478" t="str">
            <v/>
          </cell>
          <cell r="I3478" t="str">
            <v>代表取締役社長 水野　明人</v>
          </cell>
          <cell r="J3478" t="str">
            <v>本店</v>
          </cell>
          <cell r="K3478" t="str">
            <v>06-6614-8343</v>
          </cell>
          <cell r="L3478" t="str">
            <v>wtaiiku@mizuno.co.jp</v>
          </cell>
          <cell r="M3478" t="str">
            <v>ﾐｽﾞﾉ</v>
          </cell>
          <cell r="N3478" t="str">
            <v>無</v>
          </cell>
          <cell r="O3478">
            <v>60</v>
          </cell>
          <cell r="P3478">
            <v>1873</v>
          </cell>
          <cell r="Q3478">
            <v>4120001077559</v>
          </cell>
          <cell r="R3478">
            <v>26137417</v>
          </cell>
          <cell r="S3478">
            <v>78321000</v>
          </cell>
          <cell r="T3478">
            <v>124837000</v>
          </cell>
          <cell r="V3478" t="str">
            <v>tz146621</v>
          </cell>
          <cell r="W3478" t="str">
            <v>om137974</v>
          </cell>
          <cell r="Y3478" t="str">
            <v>20，63，</v>
          </cell>
          <cell r="Z3478">
            <v>80</v>
          </cell>
          <cell r="AA3478">
            <v>63</v>
          </cell>
          <cell r="AB3478">
            <v>20</v>
          </cell>
          <cell r="AC3478" t="str">
            <v/>
          </cell>
          <cell r="AD3478" t="str">
            <v/>
          </cell>
          <cell r="AE3478" t="str">
            <v>１；公共スポーツ施設の指定管理、運営受託業務２；スポーツ教室開催、トレーニング指導員派遣３；各種スポーツ品、トレーニング機器４；</v>
          </cell>
          <cell r="AF3478" t="str">
            <v>公共スポーツ施設の運営管理（指定管理・運営委託事業）およびフットサル・テニスコート・フィットネスクラブの直接管理運営（直営事業）</v>
          </cell>
        </row>
        <row r="3479">
          <cell r="B3479">
            <v>12945</v>
          </cell>
          <cell r="C3479" t="str">
            <v>(株)建部</v>
          </cell>
          <cell r="D3479" t="str">
            <v>078-381-6991</v>
          </cell>
          <cell r="E3479" t="str">
            <v>650-0024</v>
          </cell>
          <cell r="F3479" t="str">
            <v>兵庫県神戸市中央区海岸通5番地</v>
          </cell>
          <cell r="G3479" t="str">
            <v>神戸市</v>
          </cell>
          <cell r="H3479" t="str">
            <v/>
          </cell>
          <cell r="I3479" t="str">
            <v>代表取締役 建部　陽</v>
          </cell>
          <cell r="J3479" t="str">
            <v>本店</v>
          </cell>
          <cell r="K3479" t="str">
            <v>078-381-6992</v>
          </cell>
          <cell r="L3479" t="str">
            <v>k.tatebe@beach.ocn.ne.jp</v>
          </cell>
          <cell r="M3479" t="str">
            <v>ﾀﾃﾍﾞ</v>
          </cell>
          <cell r="N3479" t="str">
            <v>無</v>
          </cell>
          <cell r="O3479">
            <v>27</v>
          </cell>
          <cell r="P3479">
            <v>5</v>
          </cell>
          <cell r="Q3479">
            <v>4140001086260</v>
          </cell>
          <cell r="R3479">
            <v>25000</v>
          </cell>
          <cell r="S3479">
            <v>58542</v>
          </cell>
          <cell r="T3479">
            <v>436561</v>
          </cell>
          <cell r="V3479" t="str">
            <v>zu176682</v>
          </cell>
          <cell r="W3479" t="str">
            <v>bg172212</v>
          </cell>
          <cell r="Y3479" t="str">
            <v>33，</v>
          </cell>
          <cell r="Z3479">
            <v>33</v>
          </cell>
          <cell r="AA3479">
            <v>80</v>
          </cell>
          <cell r="AB3479" t="str">
            <v/>
          </cell>
          <cell r="AC3479" t="str">
            <v/>
          </cell>
          <cell r="AD3479" t="str">
            <v/>
          </cell>
          <cell r="AE3479" t="str">
            <v>１；・（株）清水合金製作所（代）・前澤工業（株）（代）・日之出水道機器（株）（代）・ヤマトガワ（株）・（株）フソウ等上下水道資材２；・災害時給水用給水袋３；４；</v>
          </cell>
          <cell r="AF3479" t="str">
            <v>水道資材に係る材料を全般に扱って販売できます。</v>
          </cell>
        </row>
        <row r="3480">
          <cell r="B3480">
            <v>12946</v>
          </cell>
          <cell r="C3480" t="str">
            <v>ＫＳＳ(株)</v>
          </cell>
          <cell r="D3480" t="str">
            <v>042-560-2042</v>
          </cell>
          <cell r="E3480" t="str">
            <v>208-0023</v>
          </cell>
          <cell r="F3480" t="str">
            <v>東京都武蔵村山市伊奈平一丁目70番2号</v>
          </cell>
          <cell r="G3480" t="str">
            <v>武蔵村山市</v>
          </cell>
          <cell r="H3480" t="str">
            <v/>
          </cell>
          <cell r="I3480" t="str">
            <v>代表取締役 深澤　重幸</v>
          </cell>
          <cell r="J3480" t="str">
            <v>本店</v>
          </cell>
          <cell r="K3480" t="str">
            <v>042-560-2273</v>
          </cell>
          <cell r="L3480" t="str">
            <v>s-kss@kotobuki.co.jp</v>
          </cell>
          <cell r="M3480" t="str">
            <v>ｹｲｴｽｴｽ</v>
          </cell>
          <cell r="N3480" t="str">
            <v>無</v>
          </cell>
          <cell r="O3480">
            <v>18</v>
          </cell>
          <cell r="P3480">
            <v>68</v>
          </cell>
          <cell r="Q3480">
            <v>3012801004191</v>
          </cell>
          <cell r="R3480">
            <v>10000</v>
          </cell>
          <cell r="S3480">
            <v>367948</v>
          </cell>
          <cell r="T3480">
            <v>1678903</v>
          </cell>
          <cell r="V3480" t="str">
            <v>bq157176</v>
          </cell>
          <cell r="W3480" t="str">
            <v>pb119123</v>
          </cell>
          <cell r="Y3480" t="str">
            <v>14，46，</v>
          </cell>
          <cell r="Z3480" t="str">
            <v/>
          </cell>
          <cell r="AA3480" t="str">
            <v/>
          </cell>
          <cell r="AB3480" t="str">
            <v/>
          </cell>
          <cell r="AC3480" t="str">
            <v/>
          </cell>
          <cell r="AD3480" t="str">
            <v/>
          </cell>
          <cell r="AE3480" t="str">
            <v>１；移動観覧席、ステージ、劇場椅子の保守点検業務２；教育施設用学生机・椅子、移動ステージ等の公共施設の諸設備及び備品３；４；</v>
          </cell>
          <cell r="AF3480" t="str">
            <v>教育施設用学生机・椅子、議場家具、移動ステージ等の製品を提供する専門メーカーであることを自覚すると共に常に製品の「安全性・耐久性・使いやすさ」を追求しお客様に末永く喜ばれる商品を提供いたします。</v>
          </cell>
        </row>
        <row r="3481">
          <cell r="B3481">
            <v>12947</v>
          </cell>
          <cell r="C3481" t="str">
            <v>ソーシャルアドバンス(株)</v>
          </cell>
          <cell r="D3481" t="str">
            <v>078-332-3350</v>
          </cell>
          <cell r="E3481" t="str">
            <v>650-0031</v>
          </cell>
          <cell r="F3481" t="str">
            <v>兵庫県神戸市中央区東町123番地の1</v>
          </cell>
          <cell r="G3481" t="str">
            <v>神戸市</v>
          </cell>
          <cell r="H3481" t="str">
            <v/>
          </cell>
          <cell r="I3481" t="str">
            <v>代表取締役 伴　裕美</v>
          </cell>
          <cell r="J3481" t="str">
            <v>本店</v>
          </cell>
          <cell r="K3481" t="str">
            <v>078-332-3323</v>
          </cell>
          <cell r="L3481" t="str">
            <v>soumu@social-advance.jp</v>
          </cell>
          <cell r="M3481" t="str">
            <v>ｿｰｼｬﾙｱﾄﾞﾊﾞﾝｽ</v>
          </cell>
          <cell r="N3481" t="str">
            <v>無</v>
          </cell>
          <cell r="O3481">
            <v>5</v>
          </cell>
          <cell r="P3481">
            <v>27</v>
          </cell>
          <cell r="Q3481">
            <v>1140001094299</v>
          </cell>
          <cell r="R3481">
            <v>50000</v>
          </cell>
          <cell r="S3481">
            <v>66042</v>
          </cell>
          <cell r="T3481">
            <v>280016</v>
          </cell>
          <cell r="V3481" t="str">
            <v>pq108940</v>
          </cell>
          <cell r="W3481" t="str">
            <v>us101336</v>
          </cell>
          <cell r="Y3481" t="str">
            <v>56，78，</v>
          </cell>
          <cell r="Z3481">
            <v>78</v>
          </cell>
          <cell r="AA3481">
            <v>56</v>
          </cell>
          <cell r="AB3481" t="str">
            <v/>
          </cell>
          <cell r="AC3481" t="str">
            <v/>
          </cell>
          <cell r="AD3481" t="str">
            <v/>
          </cell>
          <cell r="AE3481" t="str">
            <v>１；ストレスチェック２；メンタルヘルス研修３；４；</v>
          </cell>
          <cell r="AF3481" t="str">
            <v>ストレスチェックを始めとするメンタルヘルス不調未然防止支援業務。</v>
          </cell>
        </row>
        <row r="3482">
          <cell r="B3482">
            <v>12948</v>
          </cell>
          <cell r="C3482" t="str">
            <v>丸硝(株)</v>
          </cell>
          <cell r="D3482" t="str">
            <v>0584-91-4756</v>
          </cell>
          <cell r="E3482" t="str">
            <v>503-0034</v>
          </cell>
          <cell r="F3482" t="str">
            <v>岐阜県大垣市荒尾町674番地</v>
          </cell>
          <cell r="G3482" t="str">
            <v>大垣市</v>
          </cell>
          <cell r="H3482" t="str">
            <v/>
          </cell>
          <cell r="I3482" t="str">
            <v>代表取締役 堤　俊彦</v>
          </cell>
          <cell r="J3482" t="str">
            <v>本店</v>
          </cell>
          <cell r="K3482" t="str">
            <v>0584-91-4273</v>
          </cell>
          <cell r="L3482" t="str">
            <v>rc-marusyo@ogaki-tv.ne.jp</v>
          </cell>
          <cell r="M3482" t="str">
            <v>ﾏﾙｼｮｳ</v>
          </cell>
          <cell r="N3482" t="str">
            <v>無</v>
          </cell>
          <cell r="O3482">
            <v>60</v>
          </cell>
          <cell r="P3482">
            <v>28</v>
          </cell>
          <cell r="Q3482">
            <v>8200001014293</v>
          </cell>
          <cell r="R3482">
            <v>80000</v>
          </cell>
          <cell r="S3482">
            <v>864490</v>
          </cell>
          <cell r="T3482">
            <v>1185440</v>
          </cell>
          <cell r="V3482" t="str">
            <v>ln149671</v>
          </cell>
          <cell r="W3482" t="str">
            <v>de117500</v>
          </cell>
          <cell r="Y3482" t="str">
            <v>05，</v>
          </cell>
          <cell r="Z3482">
            <v>5</v>
          </cell>
          <cell r="AA3482">
            <v>80</v>
          </cell>
          <cell r="AB3482" t="str">
            <v/>
          </cell>
          <cell r="AC3482" t="str">
            <v/>
          </cell>
          <cell r="AD3482" t="str">
            <v/>
          </cell>
          <cell r="AE3482" t="str">
            <v>１；指定ごみ袋の製造・販売・配送、資源ごみ回収用ネット袋・折畳式自立ＢＯＸ、プラスチックコンテナーなどの資源ごみ収集用品２；フレキシブルコンテナバッグ、カラスよけネット３；４；</v>
          </cell>
          <cell r="AF3482" t="str">
            <v>市町村の指定ごみ袋、資源ごみ回収用のネット袋・折畳式自立ボックス、プラスチックコンテナー、フレキシブルコンテナバッグ、カラスよけネットの製造・販売・配送を行っております。</v>
          </cell>
        </row>
        <row r="3483">
          <cell r="B3483">
            <v>12949</v>
          </cell>
          <cell r="C3483" t="str">
            <v>(株)ドリームホップ</v>
          </cell>
          <cell r="D3483" t="str">
            <v>03-5368-0408</v>
          </cell>
          <cell r="E3483" t="str">
            <v>160-0016</v>
          </cell>
          <cell r="F3483" t="str">
            <v>東京都新宿区信濃町11-3</v>
          </cell>
          <cell r="G3483" t="str">
            <v>東京都</v>
          </cell>
          <cell r="H3483" t="str">
            <v/>
          </cell>
          <cell r="I3483" t="str">
            <v>代表取締役 椋野　俊之</v>
          </cell>
          <cell r="J3483" t="str">
            <v>本店</v>
          </cell>
          <cell r="K3483" t="str">
            <v>03-5368-0409</v>
          </cell>
          <cell r="L3483" t="str">
            <v>gyomu@dreamhop.com</v>
          </cell>
          <cell r="M3483" t="str">
            <v>ﾄﾞﾘｰﾑﾎｯﾌﾟ</v>
          </cell>
          <cell r="N3483" t="str">
            <v>無</v>
          </cell>
          <cell r="O3483">
            <v>14</v>
          </cell>
          <cell r="P3483">
            <v>15</v>
          </cell>
          <cell r="Q3483">
            <v>1011101046260</v>
          </cell>
          <cell r="R3483">
            <v>16500</v>
          </cell>
          <cell r="S3483">
            <v>17563</v>
          </cell>
          <cell r="T3483">
            <v>111023</v>
          </cell>
          <cell r="V3483" t="str">
            <v>jr152025</v>
          </cell>
          <cell r="W3483" t="str">
            <v>xp169154</v>
          </cell>
          <cell r="Y3483" t="str">
            <v/>
          </cell>
          <cell r="Z3483">
            <v>80</v>
          </cell>
          <cell r="AA3483" t="str">
            <v/>
          </cell>
          <cell r="AB3483" t="str">
            <v/>
          </cell>
          <cell r="AC3483" t="str">
            <v/>
          </cell>
          <cell r="AD3483" t="str">
            <v/>
          </cell>
          <cell r="AE3483" t="str">
            <v>１；ストレスチェック業務２；３；４；</v>
          </cell>
          <cell r="AF3483" t="str">
            <v>ストレスチェック業務</v>
          </cell>
        </row>
        <row r="3484">
          <cell r="B3484">
            <v>12950</v>
          </cell>
          <cell r="C3484" t="str">
            <v>シー・システム(株)</v>
          </cell>
          <cell r="D3484" t="str">
            <v>06-6136-5960</v>
          </cell>
          <cell r="E3484" t="str">
            <v>530-0001</v>
          </cell>
          <cell r="F3484" t="str">
            <v>大阪府大阪市北区梅田2丁目5番6号</v>
          </cell>
          <cell r="G3484" t="str">
            <v>大阪市</v>
          </cell>
          <cell r="H3484" t="str">
            <v/>
          </cell>
          <cell r="I3484" t="str">
            <v>代表取締役 森下　康夫</v>
          </cell>
          <cell r="J3484" t="str">
            <v>本店</v>
          </cell>
          <cell r="K3484" t="str">
            <v>06-6136-5961</v>
          </cell>
          <cell r="L3484" t="str">
            <v>info@seagp.com</v>
          </cell>
          <cell r="M3484" t="str">
            <v>ｼｰｼｽﾃﾑｶﾌﾞｼｷｶﾞｲｼｬ</v>
          </cell>
          <cell r="N3484" t="str">
            <v>無</v>
          </cell>
          <cell r="O3484">
            <v>36</v>
          </cell>
          <cell r="P3484">
            <v>24</v>
          </cell>
          <cell r="Q3484">
            <v>8120001049876</v>
          </cell>
          <cell r="R3484">
            <v>20000</v>
          </cell>
          <cell r="S3484">
            <v>47000</v>
          </cell>
          <cell r="T3484">
            <v>182000</v>
          </cell>
          <cell r="V3484" t="str">
            <v>vh151838</v>
          </cell>
          <cell r="W3484" t="str">
            <v>ox186671</v>
          </cell>
          <cell r="Y3484" t="str">
            <v>58，</v>
          </cell>
          <cell r="Z3484">
            <v>58</v>
          </cell>
          <cell r="AA3484">
            <v>80</v>
          </cell>
          <cell r="AB3484" t="str">
            <v/>
          </cell>
          <cell r="AC3484" t="str">
            <v/>
          </cell>
          <cell r="AD3484" t="str">
            <v/>
          </cell>
          <cell r="AE3484" t="str">
            <v>１；・ＡＩ－ＯＣＲ設計開発運用業務　・ＲＰＡ設計開発運用業務２；・ストレスチェック業務委託３；４；</v>
          </cell>
          <cell r="AF3484" t="str">
            <v>・ストレスチェック業務委託　・ＡＩ－ＯＣＲ設計開発運用業務　・ＲＰＡ設計開発運用業務</v>
          </cell>
        </row>
        <row r="3485">
          <cell r="B3485">
            <v>12951</v>
          </cell>
          <cell r="C3485" t="str">
            <v>(株)鐵興</v>
          </cell>
          <cell r="D3485" t="str">
            <v>06-6358-6881</v>
          </cell>
          <cell r="E3485" t="str">
            <v>530-0035</v>
          </cell>
          <cell r="F3485" t="str">
            <v>大阪府大阪市北区同心2-11-19-503</v>
          </cell>
          <cell r="G3485" t="str">
            <v>大阪市</v>
          </cell>
          <cell r="H3485" t="str">
            <v/>
          </cell>
          <cell r="I3485" t="str">
            <v>代表取締役 嶋野　英幸</v>
          </cell>
          <cell r="J3485" t="str">
            <v>本店</v>
          </cell>
          <cell r="K3485" t="str">
            <v>06-6358-6882</v>
          </cell>
          <cell r="L3485" t="str">
            <v>tekko@abelia.ocn.ne.jp</v>
          </cell>
          <cell r="M3485" t="str">
            <v>ﾃｯｺｳ</v>
          </cell>
          <cell r="N3485" t="str">
            <v>無</v>
          </cell>
          <cell r="O3485">
            <v>14</v>
          </cell>
          <cell r="P3485">
            <v>10</v>
          </cell>
          <cell r="Q3485">
            <v>8120001020861</v>
          </cell>
          <cell r="R3485">
            <v>40000</v>
          </cell>
          <cell r="S3485">
            <v>128596</v>
          </cell>
          <cell r="T3485">
            <v>240491</v>
          </cell>
          <cell r="V3485" t="str">
            <v>qt111536</v>
          </cell>
          <cell r="W3485" t="str">
            <v>tk103677</v>
          </cell>
          <cell r="Y3485" t="str">
            <v>34，47，50，68，</v>
          </cell>
          <cell r="Z3485">
            <v>80</v>
          </cell>
          <cell r="AA3485">
            <v>34</v>
          </cell>
          <cell r="AB3485" t="str">
            <v/>
          </cell>
          <cell r="AC3485" t="str">
            <v/>
          </cell>
          <cell r="AD3485" t="str">
            <v/>
          </cell>
          <cell r="AE3485" t="str">
            <v>１；ロストル・棺受（斎場用品）、ステンレス鋳物用品２；キャブタイヤケーブル、無停電電源装置、蓄電池、継電器３；４；</v>
          </cell>
          <cell r="AF3485" t="str">
            <v>電気工事の中でも、特に直流電源装置の工事を希望します。大阪府・大阪市・上下水道施設・その他各省庁、公共工事に多数の施工実績があります。</v>
          </cell>
        </row>
        <row r="3486">
          <cell r="B3486">
            <v>12952</v>
          </cell>
          <cell r="C3486" t="str">
            <v>(株)ミナミノ</v>
          </cell>
          <cell r="D3486" t="str">
            <v>06-6996-3366</v>
          </cell>
          <cell r="E3486" t="str">
            <v>570-0043</v>
          </cell>
          <cell r="F3486" t="str">
            <v>大阪府守口市南寺方東通4丁目23番18号</v>
          </cell>
          <cell r="G3486" t="str">
            <v>守口市</v>
          </cell>
          <cell r="H3486" t="str">
            <v/>
          </cell>
          <cell r="I3486" t="str">
            <v>代表取締役 南野　成朋</v>
          </cell>
          <cell r="J3486" t="str">
            <v>本店</v>
          </cell>
          <cell r="K3486" t="str">
            <v>06-6996-3368</v>
          </cell>
          <cell r="L3486" t="str">
            <v>mizui@minamino@co.jp</v>
          </cell>
          <cell r="M3486" t="str">
            <v>ｶﾌﾞｼｷｶｲｼｬ ﾐﾅﾐﾉ</v>
          </cell>
          <cell r="N3486" t="str">
            <v>無</v>
          </cell>
          <cell r="O3486">
            <v>9</v>
          </cell>
          <cell r="P3486">
            <v>12</v>
          </cell>
          <cell r="Q3486">
            <v>6120901018065</v>
          </cell>
          <cell r="R3486">
            <v>9000</v>
          </cell>
          <cell r="S3486">
            <v>9000</v>
          </cell>
          <cell r="T3486">
            <v>4041909</v>
          </cell>
          <cell r="V3486" t="str">
            <v>gc147207</v>
          </cell>
          <cell r="W3486" t="str">
            <v>br121508</v>
          </cell>
          <cell r="Y3486" t="str">
            <v>67，68，</v>
          </cell>
          <cell r="Z3486">
            <v>68</v>
          </cell>
          <cell r="AA3486">
            <v>67</v>
          </cell>
          <cell r="AB3486" t="str">
            <v/>
          </cell>
          <cell r="AC3486" t="str">
            <v/>
          </cell>
          <cell r="AD3486" t="str">
            <v/>
          </cell>
          <cell r="AE3486" t="str">
            <v>１；特別管理産業廃棄物収集運搬（ｐｃｂ汚染機器収集運搬業）２；３；４；</v>
          </cell>
          <cell r="AF3486" t="str">
            <v>重量物運搬　重量物運搬搬入据付及び解体　低濃度ＰＣＢ汚染機器収集運搬業　工場移設　工場内機械移設</v>
          </cell>
        </row>
        <row r="3487">
          <cell r="B3487">
            <v>12953</v>
          </cell>
          <cell r="C3487" t="str">
            <v>(株)病院システム</v>
          </cell>
          <cell r="D3487" t="str">
            <v>03-5396-3921</v>
          </cell>
          <cell r="E3487" t="str">
            <v>171-0031</v>
          </cell>
          <cell r="F3487" t="str">
            <v>東京都豊島区目白2-16-19</v>
          </cell>
          <cell r="G3487" t="str">
            <v>東京都</v>
          </cell>
          <cell r="H3487" t="str">
            <v/>
          </cell>
          <cell r="I3487" t="str">
            <v>代表取締役 田中　一夫</v>
          </cell>
          <cell r="J3487" t="str">
            <v>本店</v>
          </cell>
          <cell r="K3487" t="str">
            <v>03-5396-4778</v>
          </cell>
          <cell r="L3487" t="str">
            <v>tomita@msp-inc.co.jp</v>
          </cell>
          <cell r="M3487" t="str">
            <v>ﾋﾞｮｳｲﾝｼｽﾃﾑ</v>
          </cell>
          <cell r="N3487" t="str">
            <v>無</v>
          </cell>
          <cell r="O3487">
            <v>27</v>
          </cell>
          <cell r="P3487">
            <v>18</v>
          </cell>
          <cell r="Q3487">
            <v>2013301010458</v>
          </cell>
          <cell r="R3487">
            <v>10000</v>
          </cell>
          <cell r="S3487">
            <v>22609</v>
          </cell>
          <cell r="T3487">
            <v>617588</v>
          </cell>
          <cell r="V3487" t="str">
            <v>sq139332</v>
          </cell>
          <cell r="W3487" t="str">
            <v>qr114714</v>
          </cell>
          <cell r="Y3487" t="str">
            <v>58，77，</v>
          </cell>
          <cell r="Z3487">
            <v>80</v>
          </cell>
          <cell r="AA3487">
            <v>77</v>
          </cell>
          <cell r="AB3487">
            <v>58</v>
          </cell>
          <cell r="AC3487" t="str">
            <v/>
          </cell>
          <cell r="AD3487" t="str">
            <v/>
          </cell>
          <cell r="AE3487" t="str">
            <v>１；医療、介護福祉、保健施設の基本構想、基本計画、業務改善計画、経営計画の策定業務、企画・立案・設計・運営システム設計業務等２；診療圏調査、病院アンケート調査、ＰＦＩ支援業務、経営診断、医療機関を取り巻く医療・社会・経済の調査、研究、経営分析業務。３；医療情報システム開発支援業務、医療情報システム導入支援業務４；</v>
          </cell>
          <cell r="AF3487" t="str">
            <v>医療、介護福祉、保健施設をとりまく医療・社会・経済の調査・研究と施設設計に伴う企画・立案・設計・運営システム設計の業務。また経営診断、業務改善計画、経営計画の策定、経営改善支援、医療サービス向上支援業務</v>
          </cell>
        </row>
        <row r="3488">
          <cell r="B3488">
            <v>12954</v>
          </cell>
          <cell r="C3488" t="str">
            <v>(株)ケー・デー・シー</v>
          </cell>
          <cell r="D3488" t="str">
            <v>03-5733-5111</v>
          </cell>
          <cell r="E3488" t="str">
            <v>105-0001</v>
          </cell>
          <cell r="F3488" t="str">
            <v>東京都港区虎ﾉ門四丁目2‐12</v>
          </cell>
          <cell r="G3488" t="str">
            <v>東京都</v>
          </cell>
          <cell r="H3488" t="str">
            <v/>
          </cell>
          <cell r="I3488" t="str">
            <v>代表取締役 高柳　公康</v>
          </cell>
          <cell r="J3488" t="str">
            <v>本店</v>
          </cell>
          <cell r="K3488" t="str">
            <v>03-5733-0585</v>
          </cell>
          <cell r="L3488" t="str">
            <v>n-staff@kdc.co.jp</v>
          </cell>
          <cell r="M3488" t="str">
            <v>ｹｰ･ﾃﾞｰ･ｼｰ</v>
          </cell>
          <cell r="N3488" t="str">
            <v>無</v>
          </cell>
          <cell r="O3488">
            <v>26</v>
          </cell>
          <cell r="P3488">
            <v>100</v>
          </cell>
          <cell r="Q3488">
            <v>3010401097680</v>
          </cell>
          <cell r="R3488">
            <v>70000</v>
          </cell>
          <cell r="S3488">
            <v>196687</v>
          </cell>
          <cell r="T3488">
            <v>1238461</v>
          </cell>
          <cell r="V3488" t="str">
            <v>ib183315</v>
          </cell>
          <cell r="W3488" t="str">
            <v>vi142246</v>
          </cell>
          <cell r="Y3488" t="str">
            <v>080，56，57，58，</v>
          </cell>
          <cell r="Z3488">
            <v>56</v>
          </cell>
          <cell r="AA3488">
            <v>57</v>
          </cell>
          <cell r="AB3488">
            <v>58</v>
          </cell>
          <cell r="AC3488">
            <v>80</v>
          </cell>
          <cell r="AD3488" t="str">
            <v/>
          </cell>
          <cell r="AE3488" t="str">
            <v>１；２；３；４；人材業務委託（窓口業務、納税催告、図書館）</v>
          </cell>
          <cell r="AF3488" t="str">
            <v>官公庁を主なお客様として、労働者派遣、人材業務委託（納税催告・市民課窓口・図書館）や、人事評価システムを中心に、各種業務システム、ホームページ開発などの調査・企画から設計・開発、運用・保守のサービスを提供しています。詳細はパンフレットをご参照ください。</v>
          </cell>
        </row>
        <row r="3489">
          <cell r="B3489">
            <v>12955</v>
          </cell>
          <cell r="C3489" t="str">
            <v>(株)デザインアーク</v>
          </cell>
          <cell r="D3489" t="str">
            <v>06-6536-6130</v>
          </cell>
          <cell r="E3489" t="str">
            <v>550-0011</v>
          </cell>
          <cell r="F3489" t="str">
            <v>大阪府大阪市西区阿波座1-5-16</v>
          </cell>
          <cell r="G3489" t="str">
            <v>大阪市</v>
          </cell>
          <cell r="H3489" t="str">
            <v>大阪本店</v>
          </cell>
          <cell r="I3489" t="str">
            <v>執行役員大阪本店長 仲村　勝</v>
          </cell>
          <cell r="J3489" t="str">
            <v>大阪府大阪市</v>
          </cell>
          <cell r="K3489" t="str">
            <v>06-6536-6115</v>
          </cell>
          <cell r="L3489" t="str">
            <v>murakami@designarc.co.jp</v>
          </cell>
          <cell r="M3489" t="str">
            <v>ﾃﾞｻﾞｲﾝｱｰｸ</v>
          </cell>
          <cell r="N3489" t="str">
            <v>有</v>
          </cell>
          <cell r="O3489">
            <v>48</v>
          </cell>
          <cell r="P3489">
            <v>1039</v>
          </cell>
          <cell r="Q3489">
            <v>7120001045141</v>
          </cell>
          <cell r="R3489">
            <v>450000</v>
          </cell>
          <cell r="S3489">
            <v>23894587</v>
          </cell>
          <cell r="T3489">
            <v>54189230</v>
          </cell>
          <cell r="V3489" t="str">
            <v>jv183976</v>
          </cell>
          <cell r="W3489" t="str">
            <v>ld166116</v>
          </cell>
          <cell r="Y3489" t="str">
            <v>035，14，28，35，44，63，</v>
          </cell>
          <cell r="Z3489">
            <v>63</v>
          </cell>
          <cell r="AA3489">
            <v>44</v>
          </cell>
          <cell r="AB3489">
            <v>14</v>
          </cell>
          <cell r="AC3489">
            <v>35</v>
          </cell>
          <cell r="AD3489" t="str">
            <v/>
          </cell>
          <cell r="AE3489" t="str">
            <v>１；イベント企画・運営・会場設営２；家電製品、照明機器、空調機器、事務用品（机、椅子、ロッカー、書庫、複合機等）仮設ハウストイレ、監視カメラ、ＯＡ機器（パソコン、プリンタ、周辺機器等）、木製家具　仕入先各メーカー３；机、椅子、ロッカー、書庫、複合機等　仕入先　株式会社ナイキ、株式会社サンケイ、アイコ株式会社４；家電製品、照明機器、空調機器　仕入先　各メーカー、コイズミ照明株式会社、ダイキン工業株式会社</v>
          </cell>
          <cell r="AF3489" t="str">
            <v>住宅設備機器、住宅用金属建材、各種建築資材の製造・施工・販売。オフィス・業務用家具の販売、事務用機器・備品・空調機器等のレンタルリース。</v>
          </cell>
        </row>
        <row r="3490">
          <cell r="B3490">
            <v>12956</v>
          </cell>
          <cell r="C3490" t="str">
            <v>Ｎｅｘｔ－ｉ(株)</v>
          </cell>
          <cell r="D3490" t="str">
            <v>086-230-0600</v>
          </cell>
          <cell r="E3490" t="str">
            <v>700-0903</v>
          </cell>
          <cell r="F3490" t="str">
            <v>岡山県岡山市北区幸町8-29</v>
          </cell>
          <cell r="G3490" t="str">
            <v>岡山市</v>
          </cell>
          <cell r="H3490" t="str">
            <v>岡山支店</v>
          </cell>
          <cell r="I3490" t="str">
            <v>支店長 大隅　健太郎</v>
          </cell>
          <cell r="J3490" t="str">
            <v>愛知県名古屋市</v>
          </cell>
          <cell r="K3490" t="str">
            <v>086-230-0601</v>
          </cell>
          <cell r="L3490" t="str">
            <v>okayama@next-iii.co.jp</v>
          </cell>
          <cell r="M3490" t="str">
            <v>ﾈｸｽﾄｱｲ</v>
          </cell>
          <cell r="N3490" t="str">
            <v>有</v>
          </cell>
          <cell r="O3490">
            <v>23</v>
          </cell>
          <cell r="P3490">
            <v>25</v>
          </cell>
          <cell r="Q3490">
            <v>2400001001723</v>
          </cell>
          <cell r="R3490">
            <v>10000</v>
          </cell>
          <cell r="S3490">
            <v>132212</v>
          </cell>
          <cell r="T3490">
            <v>212600</v>
          </cell>
          <cell r="V3490" t="str">
            <v>qd134883</v>
          </cell>
          <cell r="W3490" t="str">
            <v>kx175419</v>
          </cell>
          <cell r="Y3490" t="str">
            <v>77，</v>
          </cell>
          <cell r="Z3490">
            <v>80</v>
          </cell>
          <cell r="AA3490">
            <v>77</v>
          </cell>
          <cell r="AB3490" t="str">
            <v/>
          </cell>
          <cell r="AC3490" t="str">
            <v/>
          </cell>
          <cell r="AD3490" t="str">
            <v/>
          </cell>
          <cell r="AE3490" t="str">
            <v>１；計画策定（高齢者福祉・介護保険事業計画、地域福祉計画、障害者計画、子ども・子育て支援事業計画、男女共同参画計画　等）２；アンケート調査集計分析（市民意識調査、二次予防事業対象者把握調査　等）３；４；</v>
          </cell>
          <cell r="AF3490" t="str">
            <v>保健福祉分野に特化した計画策定のコンサルティングをこれまで１７００案件以上の豊富な実績を有しております。（高齢者福祉・介護保険事業計画策定、子ども・子育て支援事業計画策定、障害者計画策定、男女共同参画計画策定、地域福祉計画策定、各種アンケート調査集計分析　等）</v>
          </cell>
        </row>
        <row r="3491">
          <cell r="B3491">
            <v>12957</v>
          </cell>
          <cell r="C3491" t="str">
            <v>エコシステム山陽(株)</v>
          </cell>
          <cell r="D3491" t="str">
            <v>0868-62-1346</v>
          </cell>
          <cell r="E3491" t="str">
            <v>708-1523</v>
          </cell>
          <cell r="F3491" t="str">
            <v>岡山県久米郡美咲町吉ｹ原字火の谷1125</v>
          </cell>
          <cell r="G3491" t="str">
            <v>久米郡美咲町</v>
          </cell>
          <cell r="H3491" t="str">
            <v/>
          </cell>
          <cell r="I3491" t="str">
            <v>代表取締役 吉田　隆</v>
          </cell>
          <cell r="J3491" t="str">
            <v>本店</v>
          </cell>
          <cell r="K3491" t="str">
            <v>0868-62-1345</v>
          </cell>
          <cell r="L3491" t="str">
            <v>nishidak@dowa.co.jp</v>
          </cell>
          <cell r="M3491" t="str">
            <v>ｴｺｼｽﾃﾑｻﾝﾖｳ</v>
          </cell>
          <cell r="N3491" t="str">
            <v>無</v>
          </cell>
          <cell r="O3491">
            <v>13</v>
          </cell>
          <cell r="P3491">
            <v>113</v>
          </cell>
          <cell r="Q3491">
            <v>9260001020599</v>
          </cell>
          <cell r="R3491">
            <v>100000</v>
          </cell>
          <cell r="S3491">
            <v>7582737</v>
          </cell>
          <cell r="T3491">
            <v>6265764</v>
          </cell>
          <cell r="V3491" t="str">
            <v>fx158525</v>
          </cell>
          <cell r="W3491" t="str">
            <v>xi137510</v>
          </cell>
          <cell r="Y3491" t="str">
            <v>68，</v>
          </cell>
          <cell r="Z3491">
            <v>68</v>
          </cell>
          <cell r="AA3491" t="str">
            <v/>
          </cell>
          <cell r="AB3491" t="str">
            <v/>
          </cell>
          <cell r="AC3491" t="str">
            <v/>
          </cell>
          <cell r="AD3491" t="str">
            <v/>
          </cell>
          <cell r="AE3491" t="str">
            <v>１；産業廃棄物処分業許可、特別管理産業廃棄物処分業許可２；３；４；</v>
          </cell>
          <cell r="AF3491" t="str">
            <v>産業廃棄物、特別管理産業廃棄物の焼却処分を行っております。また、低濃度ＰＣＢ汚染機器の処理については、連続式加熱炉・台車式固定床炉と複数の処理炉を有しているため、効率的な処理が可能となっております。</v>
          </cell>
        </row>
        <row r="3492">
          <cell r="B3492">
            <v>12958</v>
          </cell>
          <cell r="C3492" t="str">
            <v>(株)アンフ・スタイル</v>
          </cell>
          <cell r="D3492" t="str">
            <v>06-4706-7855</v>
          </cell>
          <cell r="E3492" t="str">
            <v>541-0044</v>
          </cell>
          <cell r="F3492" t="str">
            <v>大阪府大阪市中央区伏見町4-2-14</v>
          </cell>
          <cell r="G3492" t="str">
            <v>大阪市</v>
          </cell>
          <cell r="H3492" t="str">
            <v/>
          </cell>
          <cell r="I3492" t="str">
            <v>代表取締役 重豊　純</v>
          </cell>
          <cell r="J3492" t="str">
            <v>本店</v>
          </cell>
          <cell r="K3492" t="str">
            <v>06-4706-7856</v>
          </cell>
          <cell r="L3492" t="str">
            <v>nyusatsu@unf-style.com</v>
          </cell>
          <cell r="M3492" t="str">
            <v>ｱﾝﾌ･ｽﾀｲﾙ</v>
          </cell>
          <cell r="N3492" t="str">
            <v>無</v>
          </cell>
          <cell r="O3492">
            <v>13</v>
          </cell>
          <cell r="P3492">
            <v>241</v>
          </cell>
          <cell r="Q3492">
            <v>1120001113985</v>
          </cell>
          <cell r="R3492">
            <v>25000</v>
          </cell>
          <cell r="S3492">
            <v>178834</v>
          </cell>
          <cell r="T3492">
            <v>1630191</v>
          </cell>
          <cell r="V3492" t="str">
            <v>aw128337</v>
          </cell>
          <cell r="W3492" t="str">
            <v>kj132181</v>
          </cell>
          <cell r="Y3492" t="str">
            <v>059，56，57，58，59，</v>
          </cell>
          <cell r="Z3492">
            <v>56</v>
          </cell>
          <cell r="AA3492">
            <v>57</v>
          </cell>
          <cell r="AB3492">
            <v>58</v>
          </cell>
          <cell r="AC3492">
            <v>59</v>
          </cell>
          <cell r="AD3492" t="str">
            <v/>
          </cell>
          <cell r="AE3492" t="str">
            <v>１；一般・営業・経理・金融・人事・総務・ＯＡ事務、ロビー、コミュニケーター、データ入力、軽作業、庶務　等　所有資格：労働者派遣事業許可証２；プライバシーマーク登録証（２０００１７２２（０１）号）、各種電算処理業務　等３；各種システム開発・運用・保守業務　等４；翻訳、速記　等</v>
          </cell>
          <cell r="AF3492" t="str">
            <v>各種人材派遣（各種事務業務、ロビー、コミュニケーター、軽作業、データ入力　等）、事務センター業務委託（データ入力、書類チェック・整理　等）</v>
          </cell>
        </row>
        <row r="3493">
          <cell r="B3493">
            <v>12959</v>
          </cell>
          <cell r="C3493" t="str">
            <v>(株)ＫＤエレクトロニクス</v>
          </cell>
          <cell r="D3493" t="str">
            <v>06-6338-0220</v>
          </cell>
          <cell r="E3493" t="str">
            <v>564-0054</v>
          </cell>
          <cell r="F3493" t="str">
            <v>大阪府吹田市芳野町12-2</v>
          </cell>
          <cell r="G3493" t="str">
            <v>吹田市</v>
          </cell>
          <cell r="H3493" t="str">
            <v/>
          </cell>
          <cell r="I3493" t="str">
            <v>代表取締役 近藤　亘</v>
          </cell>
          <cell r="J3493" t="str">
            <v>本店</v>
          </cell>
          <cell r="K3493" t="str">
            <v>06-6338-3350</v>
          </cell>
          <cell r="L3493" t="str">
            <v>h-sasaki@kd-e.co.jp</v>
          </cell>
          <cell r="M3493" t="str">
            <v>ｹｰﾃﾞｨｴﾚｸﾄﾛﾆｸｽ</v>
          </cell>
          <cell r="N3493" t="str">
            <v>無</v>
          </cell>
          <cell r="O3493">
            <v>41</v>
          </cell>
          <cell r="P3493">
            <v>26</v>
          </cell>
          <cell r="Q3493">
            <v>3120901006287</v>
          </cell>
          <cell r="R3493">
            <v>50000</v>
          </cell>
          <cell r="S3493">
            <v>70000</v>
          </cell>
          <cell r="T3493">
            <v>2556737</v>
          </cell>
          <cell r="V3493" t="str">
            <v>dx146640</v>
          </cell>
          <cell r="W3493" t="str">
            <v>ca136151</v>
          </cell>
          <cell r="Y3493" t="str">
            <v>35，36，38，</v>
          </cell>
          <cell r="Z3493">
            <v>36</v>
          </cell>
          <cell r="AA3493">
            <v>35</v>
          </cell>
          <cell r="AB3493">
            <v>38</v>
          </cell>
          <cell r="AC3493" t="str">
            <v/>
          </cell>
          <cell r="AD3493" t="str">
            <v/>
          </cell>
          <cell r="AE3493" t="str">
            <v>１；パソコンや周辺ソフトなど２；ＬＥＤ照明など３；緊急通報システムや蓄電池・蓄電システムなど４；</v>
          </cell>
          <cell r="AF3493" t="str">
            <v>電子部品の専門商社として数多くの製品を扱っております。最近では蓄電池やプリンター、パソコンなど多くの製品を取り扱っています。</v>
          </cell>
        </row>
        <row r="3494">
          <cell r="B3494">
            <v>12960</v>
          </cell>
          <cell r="C3494" t="str">
            <v>鬼頭電気設備管理事務所</v>
          </cell>
          <cell r="D3494" t="str">
            <v>072-747-3380</v>
          </cell>
          <cell r="E3494" t="str">
            <v>664-0895</v>
          </cell>
          <cell r="F3494" t="str">
            <v>兵庫県伊丹市宮ﾉ前1丁目3-24</v>
          </cell>
          <cell r="G3494" t="str">
            <v>伊丹市</v>
          </cell>
          <cell r="H3494" t="str">
            <v/>
          </cell>
          <cell r="I3494" t="str">
            <v xml:space="preserve"> 鬼頭　義和</v>
          </cell>
          <cell r="J3494" t="str">
            <v>本店</v>
          </cell>
          <cell r="K3494" t="str">
            <v>072-747-3380</v>
          </cell>
          <cell r="L3494" t="str">
            <v>kitoden@gallery-kito.info</v>
          </cell>
          <cell r="M3494" t="str">
            <v/>
          </cell>
          <cell r="N3494" t="str">
            <v>無</v>
          </cell>
          <cell r="O3494">
            <v>1</v>
          </cell>
          <cell r="P3494" t="str">
            <v/>
          </cell>
          <cell r="Q3494" t="str">
            <v/>
          </cell>
          <cell r="R3494" t="str">
            <v/>
          </cell>
          <cell r="S3494" t="str">
            <v/>
          </cell>
          <cell r="T3494" t="str">
            <v/>
          </cell>
          <cell r="V3494" t="str">
            <v>hg105579</v>
          </cell>
          <cell r="W3494" t="str">
            <v>rf165910</v>
          </cell>
          <cell r="Y3494" t="str">
            <v>47，</v>
          </cell>
          <cell r="Z3494" t="str">
            <v/>
          </cell>
          <cell r="AA3494" t="str">
            <v/>
          </cell>
          <cell r="AB3494" t="str">
            <v/>
          </cell>
          <cell r="AC3494" t="str">
            <v/>
          </cell>
          <cell r="AD3494" t="str">
            <v/>
          </cell>
          <cell r="AE3494" t="str">
            <v>電気主任技術者３種の資格をもって、電気設備の保安業務を行います。</v>
          </cell>
          <cell r="AF3494" t="str">
            <v/>
          </cell>
        </row>
        <row r="3495">
          <cell r="B3495">
            <v>12961</v>
          </cell>
          <cell r="C3495" t="str">
            <v>(株)サザンカ貸切バスセンター</v>
          </cell>
          <cell r="D3495" t="str">
            <v>079-556-8520</v>
          </cell>
          <cell r="E3495" t="str">
            <v>669-1337</v>
          </cell>
          <cell r="F3495" t="str">
            <v>兵庫県三田市学園3-2-Iｰ208</v>
          </cell>
          <cell r="G3495" t="str">
            <v>三田市</v>
          </cell>
          <cell r="H3495" t="str">
            <v/>
          </cell>
          <cell r="I3495" t="str">
            <v>代表取締役 武田　茂雄</v>
          </cell>
          <cell r="J3495" t="str">
            <v>本店</v>
          </cell>
          <cell r="K3495" t="str">
            <v>079-565-9033</v>
          </cell>
          <cell r="L3495" t="str">
            <v>liner@taupe.plala.or.jp</v>
          </cell>
          <cell r="M3495" t="str">
            <v>ｻｻﾞﾝｶｶｼｷﾘﾊﾞｽｾﾝﾀｰ</v>
          </cell>
          <cell r="N3495" t="str">
            <v>無</v>
          </cell>
          <cell r="O3495">
            <v>9</v>
          </cell>
          <cell r="P3495">
            <v>3</v>
          </cell>
          <cell r="Q3495">
            <v>8140000167208</v>
          </cell>
          <cell r="R3495">
            <v>5000</v>
          </cell>
          <cell r="S3495" t="str">
            <v/>
          </cell>
          <cell r="T3495">
            <v>50043</v>
          </cell>
          <cell r="V3495" t="str">
            <v>iq161459</v>
          </cell>
          <cell r="W3495" t="str">
            <v>kt155402</v>
          </cell>
          <cell r="Y3495" t="str">
            <v>67，</v>
          </cell>
          <cell r="Z3495" t="str">
            <v/>
          </cell>
          <cell r="AA3495" t="str">
            <v/>
          </cell>
          <cell r="AB3495" t="str">
            <v/>
          </cell>
          <cell r="AC3495" t="str">
            <v/>
          </cell>
          <cell r="AD3495" t="str">
            <v/>
          </cell>
          <cell r="AE3495" t="str">
            <v>１；兵庫県知事登録旅行業第３ー６５２号貸切バス送迎バス観光バス手配２；３；４；</v>
          </cell>
          <cell r="AF3495" t="str">
            <v>旅行業法に基ずく旅行業貸切バス送迎バス観光バス視察研修バス</v>
          </cell>
        </row>
        <row r="3496">
          <cell r="B3496">
            <v>12962</v>
          </cell>
          <cell r="C3496" t="str">
            <v>(株)ＲＫＫＣＳ</v>
          </cell>
          <cell r="D3496" t="str">
            <v>096-312-5140</v>
          </cell>
          <cell r="E3496" t="str">
            <v>862-0976</v>
          </cell>
          <cell r="F3496" t="str">
            <v>熊本県熊本市中央区九品寺一丁目5-11</v>
          </cell>
          <cell r="G3496" t="str">
            <v>熊本市</v>
          </cell>
          <cell r="H3496" t="str">
            <v/>
          </cell>
          <cell r="I3496" t="str">
            <v>代表取締役 徳冨　裕明</v>
          </cell>
          <cell r="J3496" t="str">
            <v>本店</v>
          </cell>
          <cell r="K3496" t="str">
            <v>096-312-5200</v>
          </cell>
          <cell r="L3496" t="str">
            <v xml:space="preserve">simeinegai@rkkcs.jp </v>
          </cell>
          <cell r="M3496" t="str">
            <v>ｱｰﾙｹｰｹｰｺﾝﾋﾟｭｰﾀｰｻｰﾋﾞｽ</v>
          </cell>
          <cell r="N3496" t="str">
            <v>無</v>
          </cell>
          <cell r="O3496">
            <v>53</v>
          </cell>
          <cell r="P3496">
            <v>506</v>
          </cell>
          <cell r="Q3496">
            <v>2330001000063</v>
          </cell>
          <cell r="R3496">
            <v>100000</v>
          </cell>
          <cell r="S3496">
            <v>5674183</v>
          </cell>
          <cell r="T3496">
            <v>11333116</v>
          </cell>
          <cell r="V3496" t="str">
            <v>ej139975</v>
          </cell>
          <cell r="W3496" t="str">
            <v>yp135128</v>
          </cell>
          <cell r="Y3496" t="str">
            <v>36，57，58，</v>
          </cell>
          <cell r="Z3496">
            <v>58</v>
          </cell>
          <cell r="AA3496">
            <v>36</v>
          </cell>
          <cell r="AB3496">
            <v>57</v>
          </cell>
          <cell r="AC3496" t="str">
            <v/>
          </cell>
          <cell r="AD3496" t="str">
            <v/>
          </cell>
          <cell r="AE3496" t="str">
            <v>１；システム開発・保守２；サーバ、パソコン、プリンタ、ＯＣＲ機器、ハンディターミナル３；データ入力４；</v>
          </cell>
          <cell r="AF3496" t="str">
            <v>昭和４１年の創業以来、自治体のシステム化を手掛け培ってきたノウハウと新たな技術を集約し、オープンな基幹アプリケーションの提供を行っております。</v>
          </cell>
        </row>
        <row r="3497">
          <cell r="B3497">
            <v>12963</v>
          </cell>
          <cell r="C3497" t="str">
            <v>京阪通信工業(株)</v>
          </cell>
          <cell r="D3497" t="str">
            <v>06-6562-4831</v>
          </cell>
          <cell r="E3497" t="str">
            <v>556-0021</v>
          </cell>
          <cell r="F3497" t="str">
            <v>大阪府大阪市浪速区幸町2-3-14</v>
          </cell>
          <cell r="G3497" t="str">
            <v>大阪市</v>
          </cell>
          <cell r="H3497" t="str">
            <v/>
          </cell>
          <cell r="I3497" t="str">
            <v>取締役 野村　和幸</v>
          </cell>
          <cell r="J3497" t="str">
            <v>本店</v>
          </cell>
          <cell r="K3497" t="str">
            <v>06-6562-1533</v>
          </cell>
          <cell r="L3497" t="str">
            <v>info-keihan@keihan.ne.jp</v>
          </cell>
          <cell r="M3497" t="str">
            <v>ｹｲﾊﾝﾂｳｼﾝｺｳｷﾞｮｳ</v>
          </cell>
          <cell r="N3497" t="str">
            <v>無</v>
          </cell>
          <cell r="O3497">
            <v>47</v>
          </cell>
          <cell r="P3497">
            <v>32</v>
          </cell>
          <cell r="Q3497">
            <v>2120001038042</v>
          </cell>
          <cell r="R3497">
            <v>25000</v>
          </cell>
          <cell r="S3497">
            <v>217980</v>
          </cell>
          <cell r="T3497">
            <v>716318</v>
          </cell>
          <cell r="V3497" t="str">
            <v>cu101266</v>
          </cell>
          <cell r="W3497" t="str">
            <v>hp107629</v>
          </cell>
          <cell r="Y3497" t="str">
            <v>36，50，</v>
          </cell>
          <cell r="Z3497">
            <v>36</v>
          </cell>
          <cell r="AA3497" t="str">
            <v/>
          </cell>
          <cell r="AB3497" t="str">
            <v/>
          </cell>
          <cell r="AC3497" t="str">
            <v/>
          </cell>
          <cell r="AD3497" t="str">
            <v>５０通信設備保守は弊社で納品した電話交換機・電話機の保守とさせて頂きます。</v>
          </cell>
          <cell r="AE3497" t="str">
            <v>１；電話交換機、電話機の導入・納品（電話交換機はＮＥＣ製とさせて頂きます）２；３；４；</v>
          </cell>
          <cell r="AF3497" t="str">
            <v>日本電気の特約店として電話交換機の販売・設置・保守、電話機の販売・設置・保守を行っています。近畿総合通信局の「電気通信事業者」の資格を得て光回線リセールサービスも行っています。</v>
          </cell>
        </row>
        <row r="3498">
          <cell r="B3498">
            <v>12964</v>
          </cell>
          <cell r="C3498" t="str">
            <v>環境開発(株)</v>
          </cell>
          <cell r="D3498" t="str">
            <v>076-244-3132</v>
          </cell>
          <cell r="E3498" t="str">
            <v>921-8046</v>
          </cell>
          <cell r="F3498" t="str">
            <v>石川県金沢市大桑町上猫下4-7</v>
          </cell>
          <cell r="G3498" t="str">
            <v>金沢市</v>
          </cell>
          <cell r="H3498" t="str">
            <v/>
          </cell>
          <cell r="I3498" t="str">
            <v>代表取締役 高山　盛司</v>
          </cell>
          <cell r="J3498" t="str">
            <v>本店</v>
          </cell>
          <cell r="K3498" t="str">
            <v>076-244-6235</v>
          </cell>
          <cell r="L3498" t="str">
            <v>info@kankyo-kaihatsu.co.jp</v>
          </cell>
          <cell r="M3498" t="str">
            <v>ｶﾝｷｮｳｶｲﾊﾂ</v>
          </cell>
          <cell r="N3498" t="str">
            <v>無</v>
          </cell>
          <cell r="O3498">
            <v>47</v>
          </cell>
          <cell r="P3498">
            <v>128</v>
          </cell>
          <cell r="Q3498">
            <v>4220001001756</v>
          </cell>
          <cell r="R3498">
            <v>50000</v>
          </cell>
          <cell r="S3498">
            <v>2279212</v>
          </cell>
          <cell r="T3498">
            <v>2901536</v>
          </cell>
          <cell r="V3498" t="str">
            <v>ly108611</v>
          </cell>
          <cell r="W3498" t="str">
            <v>cn171722</v>
          </cell>
          <cell r="Y3498" t="str">
            <v>9，68，</v>
          </cell>
          <cell r="Z3498">
            <v>68</v>
          </cell>
          <cell r="AA3498">
            <v>9</v>
          </cell>
          <cell r="AB3498" t="str">
            <v/>
          </cell>
          <cell r="AC3498" t="str">
            <v/>
          </cell>
          <cell r="AD3498" t="str">
            <v/>
          </cell>
          <cell r="AE3498" t="str">
            <v>１；産業廃棄物と特別管理産業廃棄物の収集運搬から処理までを行います。低濃度ＰＣＢ廃棄物の処分も行っております。２；病院等からの感染性産業廃棄物を廃棄する時の専用容器の販売や容器の関連部品の販売も行っております。富士システムパック株式会社の代理店です。３；４；</v>
          </cell>
          <cell r="AF3498" t="str">
            <v>産業廃棄物と特別管理産業廃棄物の収集運搬から処理までを行います。低濃度ＰＣＢ廃棄物の処分も行っております。また、病院等からの感染性産業廃棄物を廃棄する時の専用容器の販売や容器の関連部品の販売も行っております。</v>
          </cell>
        </row>
        <row r="3499">
          <cell r="B3499">
            <v>12965</v>
          </cell>
          <cell r="C3499" t="str">
            <v>理水化学(株)</v>
          </cell>
          <cell r="D3499" t="str">
            <v>06-6362-6526</v>
          </cell>
          <cell r="E3499" t="str">
            <v>530-0054</v>
          </cell>
          <cell r="F3499" t="str">
            <v>大阪府大阪市南森町1-4-10</v>
          </cell>
          <cell r="G3499" t="str">
            <v>大阪市</v>
          </cell>
          <cell r="H3499" t="str">
            <v>大阪支店</v>
          </cell>
          <cell r="I3499" t="str">
            <v>支店長 木澤　太郎</v>
          </cell>
          <cell r="J3499" t="str">
            <v>大阪府大阪市</v>
          </cell>
          <cell r="K3499" t="str">
            <v>06-6362-6529</v>
          </cell>
          <cell r="L3499" t="str">
            <v>sales_admin@risui-kagaku.co.jp</v>
          </cell>
          <cell r="M3499" t="str">
            <v>ﾘｽｲｶｶﾞｸ</v>
          </cell>
          <cell r="N3499" t="str">
            <v>有</v>
          </cell>
          <cell r="O3499">
            <v>56</v>
          </cell>
          <cell r="P3499">
            <v>124</v>
          </cell>
          <cell r="Q3499">
            <v>4120001071999</v>
          </cell>
          <cell r="R3499">
            <v>88000</v>
          </cell>
          <cell r="S3499">
            <v>5150349</v>
          </cell>
          <cell r="T3499">
            <v>4194391</v>
          </cell>
          <cell r="V3499" t="str">
            <v>xn173078</v>
          </cell>
          <cell r="W3499" t="str">
            <v>oq124195</v>
          </cell>
          <cell r="Y3499" t="str">
            <v/>
          </cell>
          <cell r="Z3499">
            <v>80</v>
          </cell>
          <cell r="AA3499" t="str">
            <v/>
          </cell>
          <cell r="AB3499" t="str">
            <v/>
          </cell>
          <cell r="AC3499" t="str">
            <v/>
          </cell>
          <cell r="AD3499" t="str">
            <v/>
          </cell>
          <cell r="AE3499" t="str">
            <v>１；ろ過装置点検及び修繕２；３；４；</v>
          </cell>
          <cell r="AF3499" t="str">
            <v>総合水処理プラント工事及び機器の点検等</v>
          </cell>
        </row>
        <row r="3500">
          <cell r="B3500">
            <v>12966</v>
          </cell>
          <cell r="C3500" t="str">
            <v>東和ハイシステム(株)</v>
          </cell>
          <cell r="D3500" t="str">
            <v>078-291-8771</v>
          </cell>
          <cell r="E3500" t="str">
            <v>651-0086</v>
          </cell>
          <cell r="F3500" t="str">
            <v>兵庫県神戸市中央区磯上通8丁目1-8</v>
          </cell>
          <cell r="G3500" t="str">
            <v>神戸市</v>
          </cell>
          <cell r="H3500" t="str">
            <v>神戸営業所</v>
          </cell>
          <cell r="I3500" t="str">
            <v>所長代理 佐藤　祐輔</v>
          </cell>
          <cell r="J3500" t="str">
            <v>岡山県岡山市</v>
          </cell>
          <cell r="K3500" t="str">
            <v>078-291-8821</v>
          </cell>
          <cell r="L3500" t="str">
            <v>kouno@towa-hi-sys.co.jp</v>
          </cell>
          <cell r="M3500" t="str">
            <v>ﾄｳﾜﾊｲｼｽﾃﾑ</v>
          </cell>
          <cell r="N3500" t="str">
            <v>有</v>
          </cell>
          <cell r="O3500">
            <v>41</v>
          </cell>
          <cell r="P3500">
            <v>133</v>
          </cell>
          <cell r="Q3500">
            <v>2260001004724</v>
          </cell>
          <cell r="R3500">
            <v>68000</v>
          </cell>
          <cell r="S3500">
            <v>2440000</v>
          </cell>
          <cell r="T3500">
            <v>1900000</v>
          </cell>
          <cell r="V3500" t="str">
            <v>wh150842</v>
          </cell>
          <cell r="W3500" t="str">
            <v>ul132622</v>
          </cell>
          <cell r="Y3500" t="str">
            <v>36，58，</v>
          </cell>
          <cell r="Z3500" t="str">
            <v/>
          </cell>
          <cell r="AA3500" t="str">
            <v/>
          </cell>
          <cell r="AB3500" t="str">
            <v/>
          </cell>
          <cell r="AC3500" t="str">
            <v/>
          </cell>
          <cell r="AD3500" t="str">
            <v/>
          </cell>
          <cell r="AE3500" t="str">
            <v>１；２；３；４；</v>
          </cell>
          <cell r="AF3500" t="str">
            <v>歯科用統合電子カルテシステムの研究開発、販売、サポートまで一貫して行う会社です。</v>
          </cell>
        </row>
        <row r="3501">
          <cell r="B3501">
            <v>12967</v>
          </cell>
          <cell r="C3501" t="str">
            <v>(株)浅羽計器</v>
          </cell>
          <cell r="D3501" t="str">
            <v>06-6461-1061</v>
          </cell>
          <cell r="E3501" t="str">
            <v>553-0007</v>
          </cell>
          <cell r="F3501" t="str">
            <v>大阪府大阪市福島区大開1-19-7</v>
          </cell>
          <cell r="G3501" t="str">
            <v>大阪市</v>
          </cell>
          <cell r="H3501" t="str">
            <v/>
          </cell>
          <cell r="I3501" t="str">
            <v>代表取締役 浅羽　信宏</v>
          </cell>
          <cell r="J3501" t="str">
            <v>本店</v>
          </cell>
          <cell r="K3501" t="str">
            <v>06-6461-5052</v>
          </cell>
          <cell r="L3501" t="str">
            <v>keiri@asabakeiki.com</v>
          </cell>
          <cell r="M3501" t="str">
            <v>ｱｻﾊﾞｹｲｷ</v>
          </cell>
          <cell r="N3501" t="str">
            <v>無</v>
          </cell>
          <cell r="O3501">
            <v>53</v>
          </cell>
          <cell r="P3501">
            <v>21</v>
          </cell>
          <cell r="Q3501">
            <v>7120001101927</v>
          </cell>
          <cell r="R3501">
            <v>10000</v>
          </cell>
          <cell r="S3501">
            <v>663172</v>
          </cell>
          <cell r="T3501">
            <v>1066632</v>
          </cell>
          <cell r="V3501" t="str">
            <v>mh167830</v>
          </cell>
          <cell r="W3501" t="str">
            <v>nd179184</v>
          </cell>
          <cell r="Y3501" t="str">
            <v>26，36，58，</v>
          </cell>
          <cell r="Z3501">
            <v>26</v>
          </cell>
          <cell r="AA3501" t="str">
            <v/>
          </cell>
          <cell r="AB3501" t="str">
            <v/>
          </cell>
          <cell r="AC3501" t="str">
            <v/>
          </cell>
          <cell r="AD3501" t="str">
            <v/>
          </cell>
          <cell r="AE3501" t="str">
            <v>１；デジタルタコグラフ・ドライブレコーダー・タキシーメーターの販売及び修理、メンテナンス、システム販売２；３；４；</v>
          </cell>
          <cell r="AF3501" t="str">
            <v>各種デジタルタコグラフ、ドライブレコーダー、タクシーメーターの販売及び修理メンテナンス、システム販売</v>
          </cell>
        </row>
        <row r="3502">
          <cell r="B3502">
            <v>12968</v>
          </cell>
          <cell r="C3502" t="str">
            <v>吉尾会計事務所</v>
          </cell>
          <cell r="D3502" t="str">
            <v>0742-20-1260</v>
          </cell>
          <cell r="E3502" t="str">
            <v>630-8241</v>
          </cell>
          <cell r="F3502" t="str">
            <v>奈良県奈良市高天町10-1</v>
          </cell>
          <cell r="G3502" t="str">
            <v>奈良市</v>
          </cell>
          <cell r="H3502" t="str">
            <v/>
          </cell>
          <cell r="I3502" t="str">
            <v>代表税理士 吉尾　正巳</v>
          </cell>
          <cell r="J3502" t="str">
            <v>本店</v>
          </cell>
          <cell r="K3502" t="str">
            <v>0742-20-1261</v>
          </cell>
          <cell r="L3502" t="str">
            <v>kouei@my-tax.co.jp</v>
          </cell>
          <cell r="M3502" t="str">
            <v>ﾖｼｵｶｲｹｲｼﾞﾑｼｮ</v>
          </cell>
          <cell r="N3502" t="str">
            <v>無</v>
          </cell>
          <cell r="O3502">
            <v>2</v>
          </cell>
          <cell r="P3502">
            <v>3</v>
          </cell>
          <cell r="Q3502" t="str">
            <v/>
          </cell>
          <cell r="R3502">
            <v>0</v>
          </cell>
          <cell r="S3502">
            <v>0</v>
          </cell>
          <cell r="T3502">
            <v>237</v>
          </cell>
          <cell r="V3502" t="str">
            <v>le176032</v>
          </cell>
          <cell r="W3502" t="str">
            <v>xd124124</v>
          </cell>
          <cell r="Y3502" t="str">
            <v/>
          </cell>
          <cell r="Z3502">
            <v>80</v>
          </cell>
          <cell r="AA3502" t="str">
            <v/>
          </cell>
          <cell r="AB3502" t="str">
            <v/>
          </cell>
          <cell r="AC3502" t="str">
            <v/>
          </cell>
          <cell r="AD3502" t="str">
            <v>保有資格：税理士</v>
          </cell>
          <cell r="AE3502" t="str">
            <v>１；公会計・公営企業会計業務支援及び消費税等税務手続支援２；３；４；</v>
          </cell>
          <cell r="AF3502" t="str">
            <v>公会計・公営企業会計に係る財務書類等の作成。公営企業会計の法適用化、経営戦略の作成。公営企業会計の消費税計算。電子申告による申告代理など。</v>
          </cell>
        </row>
        <row r="3503">
          <cell r="B3503">
            <v>12969</v>
          </cell>
          <cell r="C3503" t="str">
            <v>(株)ジャスト・メディカルコーポレーション</v>
          </cell>
          <cell r="D3503" t="str">
            <v>06-4708-5777</v>
          </cell>
          <cell r="E3503" t="str">
            <v>541-0057</v>
          </cell>
          <cell r="F3503" t="str">
            <v>大阪府大阪市中央区北久宝寺町1-4-15</v>
          </cell>
          <cell r="G3503" t="str">
            <v>大阪市</v>
          </cell>
          <cell r="H3503" t="str">
            <v/>
          </cell>
          <cell r="I3503" t="str">
            <v>代表取締役 中原　芳美</v>
          </cell>
          <cell r="J3503" t="str">
            <v>本店</v>
          </cell>
          <cell r="K3503" t="str">
            <v>06-4708-5888</v>
          </cell>
          <cell r="L3503" t="str">
            <v>jmc_soumu@justmc.jp</v>
          </cell>
          <cell r="M3503" t="str">
            <v>ｼﾞｬｽﾄﾒﾃﾞｨｶﾙｺｰﾎﾟﾚｰｼｮﾝ</v>
          </cell>
          <cell r="N3503" t="str">
            <v>無</v>
          </cell>
          <cell r="O3503">
            <v>11</v>
          </cell>
          <cell r="P3503">
            <v>29</v>
          </cell>
          <cell r="Q3503">
            <v>9120001129157</v>
          </cell>
          <cell r="R3503">
            <v>10000</v>
          </cell>
          <cell r="S3503">
            <v>91817</v>
          </cell>
          <cell r="T3503">
            <v>3723087</v>
          </cell>
          <cell r="V3503" t="str">
            <v>bp143920</v>
          </cell>
          <cell r="W3503" t="str">
            <v>xo163680</v>
          </cell>
          <cell r="Y3503" t="str">
            <v>39，</v>
          </cell>
          <cell r="Z3503">
            <v>39</v>
          </cell>
          <cell r="AA3503" t="str">
            <v/>
          </cell>
          <cell r="AB3503" t="str">
            <v/>
          </cell>
          <cell r="AC3503" t="str">
            <v/>
          </cell>
          <cell r="AD3503" t="str">
            <v/>
          </cell>
          <cell r="AE3503" t="str">
            <v>１；（代）日本メドトロニック株式会社、（特）ボストン・サイエンティフィックジャパン株式会社、（代）株式会社フィリップス・ジャパン、（代）アボット・バスキュラージャパン株式会社２；３；４；</v>
          </cell>
          <cell r="AF3503" t="str">
            <v>カテーテル、ペースメーカー、その他循環器関連商品</v>
          </cell>
        </row>
        <row r="3504">
          <cell r="B3504">
            <v>12970</v>
          </cell>
          <cell r="C3504" t="str">
            <v>(株)太洋サービス</v>
          </cell>
          <cell r="D3504" t="str">
            <v>053-447-4640</v>
          </cell>
          <cell r="E3504" t="str">
            <v>431-0201</v>
          </cell>
          <cell r="F3504" t="str">
            <v>静岡県浜松市西区篠原町9254-2</v>
          </cell>
          <cell r="G3504" t="str">
            <v>浜松市</v>
          </cell>
          <cell r="H3504" t="str">
            <v/>
          </cell>
          <cell r="I3504" t="str">
            <v>代表取締役 鈴木　京子</v>
          </cell>
          <cell r="J3504" t="str">
            <v>本店</v>
          </cell>
          <cell r="K3504" t="str">
            <v>053-449-1029</v>
          </cell>
          <cell r="L3504" t="str">
            <v>PCB@taiyo-ser.com</v>
          </cell>
          <cell r="M3504" t="str">
            <v>ﾀｲﾖｳｻｰﾋﾞｽ</v>
          </cell>
          <cell r="N3504" t="str">
            <v>無</v>
          </cell>
          <cell r="O3504">
            <v>45</v>
          </cell>
          <cell r="P3504">
            <v>45</v>
          </cell>
          <cell r="Q3504" t="str">
            <v/>
          </cell>
          <cell r="R3504">
            <v>10000</v>
          </cell>
          <cell r="S3504">
            <v>668910</v>
          </cell>
          <cell r="T3504">
            <v>1382331</v>
          </cell>
          <cell r="V3504" t="str">
            <v>dx104340</v>
          </cell>
          <cell r="W3504" t="str">
            <v>rv106249</v>
          </cell>
          <cell r="Y3504" t="str">
            <v>68，</v>
          </cell>
          <cell r="Z3504" t="str">
            <v/>
          </cell>
          <cell r="AA3504" t="str">
            <v/>
          </cell>
          <cell r="AB3504" t="str">
            <v/>
          </cell>
          <cell r="AC3504" t="str">
            <v/>
          </cell>
          <cell r="AD3504" t="str">
            <v/>
          </cell>
          <cell r="AE3504" t="str">
            <v>１；低濃度ＰＣＢ廃棄物処理２；３；４；</v>
          </cell>
          <cell r="AF3504" t="str">
            <v>産業廃棄物処理、特別管理産業廃棄物（ＰＣＢ廃棄物含む）処理</v>
          </cell>
        </row>
        <row r="3505">
          <cell r="B3505">
            <v>12971</v>
          </cell>
          <cell r="C3505" t="str">
            <v>(株)ムービーマネジメントカンパニー</v>
          </cell>
          <cell r="D3505" t="str">
            <v>03-5768-0821</v>
          </cell>
          <cell r="E3505" t="str">
            <v>150-0022</v>
          </cell>
          <cell r="F3505" t="str">
            <v>東京都渋谷区恵比寿南 1-1-10</v>
          </cell>
          <cell r="G3505" t="str">
            <v>東京都</v>
          </cell>
          <cell r="H3505" t="str">
            <v/>
          </cell>
          <cell r="I3505" t="str">
            <v>代表取締役 石橋　隆文</v>
          </cell>
          <cell r="J3505" t="str">
            <v>本店</v>
          </cell>
          <cell r="K3505" t="str">
            <v>03-3716-8650</v>
          </cell>
          <cell r="L3505" t="str">
            <v>nyusatsum@mmc-inc.jp</v>
          </cell>
          <cell r="M3505" t="str">
            <v>ﾑｰﾋﾞｰﾏﾈｼﾞﾒﾝﾄｶﾝﾊﾟﾆｰ</v>
          </cell>
          <cell r="N3505" t="str">
            <v>無</v>
          </cell>
          <cell r="O3505">
            <v>24</v>
          </cell>
          <cell r="P3505">
            <v>39</v>
          </cell>
          <cell r="Q3505">
            <v>4011001032639</v>
          </cell>
          <cell r="R3505">
            <v>15000</v>
          </cell>
          <cell r="S3505">
            <v>293143</v>
          </cell>
          <cell r="T3505">
            <v>1489687</v>
          </cell>
          <cell r="V3505" t="str">
            <v>qq128462</v>
          </cell>
          <cell r="W3505" t="str">
            <v>on184582</v>
          </cell>
          <cell r="Y3505" t="str">
            <v>063，12，13，18，63，</v>
          </cell>
          <cell r="Z3505">
            <v>13</v>
          </cell>
          <cell r="AA3505">
            <v>12</v>
          </cell>
          <cell r="AB3505">
            <v>18</v>
          </cell>
          <cell r="AC3505">
            <v>63</v>
          </cell>
          <cell r="AD3505" t="str">
            <v/>
          </cell>
          <cell r="AE3505" t="str">
            <v>１；２；３；４；</v>
          </cell>
          <cell r="AF3505" t="str">
            <v>業務用に許諾された映像ソフトを主に地方自治体や国及び学校並びに大手企業に２０年以上供給している実績があります。</v>
          </cell>
        </row>
        <row r="3506">
          <cell r="B3506">
            <v>12972</v>
          </cell>
          <cell r="C3506" t="str">
            <v>神戸マシナリー(株)</v>
          </cell>
          <cell r="D3506" t="str">
            <v>078-915-8140</v>
          </cell>
          <cell r="E3506" t="str">
            <v>657-0837</v>
          </cell>
          <cell r="F3506" t="str">
            <v>兵庫県神戸市灘区原田通2-1-3-101</v>
          </cell>
          <cell r="G3506" t="str">
            <v>神戸市</v>
          </cell>
          <cell r="H3506" t="str">
            <v/>
          </cell>
          <cell r="I3506" t="str">
            <v>代表取締役 山本　健史</v>
          </cell>
          <cell r="J3506" t="str">
            <v>本店</v>
          </cell>
          <cell r="K3506" t="str">
            <v>078-915-8160</v>
          </cell>
          <cell r="L3506" t="str">
            <v>matsubayashi@kobemashinari.co.jp</v>
          </cell>
          <cell r="M3506" t="str">
            <v>ｺｳﾍﾞﾏｼﾅﾘｰ</v>
          </cell>
          <cell r="N3506" t="str">
            <v>無</v>
          </cell>
          <cell r="O3506">
            <v>1</v>
          </cell>
          <cell r="P3506">
            <v>2</v>
          </cell>
          <cell r="Q3506">
            <v>1140001105980</v>
          </cell>
          <cell r="R3506">
            <v>5000</v>
          </cell>
          <cell r="S3506">
            <v>12036</v>
          </cell>
          <cell r="T3506">
            <v>96845</v>
          </cell>
          <cell r="V3506" t="str">
            <v>do189223</v>
          </cell>
          <cell r="W3506" t="str">
            <v>aa152711</v>
          </cell>
          <cell r="Y3506" t="str">
            <v>48，</v>
          </cell>
          <cell r="Z3506" t="str">
            <v/>
          </cell>
          <cell r="AA3506" t="str">
            <v/>
          </cell>
          <cell r="AB3506" t="str">
            <v/>
          </cell>
          <cell r="AC3506" t="str">
            <v/>
          </cell>
          <cell r="AD3506" t="str">
            <v>冷暖房空調設備、給排水設備、ダクト設備の保守・メンテナンスを特に希望します。</v>
          </cell>
          <cell r="AE3506" t="str">
            <v>１；２；３；４；</v>
          </cell>
          <cell r="AF3506" t="str">
            <v>当社は、設立後２年の新しい会社ではありますが、代表取締役（技術者）は、尼崎市や兵庫県等公共施設の実績が多数ある創業５０年の会社にて、長年、空調設備・給排水設備・換気設備の設置から維持メンテナンスまで幅広く、工事全体を任されておりました。高い技術力には自信があります。</v>
          </cell>
        </row>
        <row r="3507">
          <cell r="B3507">
            <v>12973</v>
          </cell>
          <cell r="C3507" t="str">
            <v>(株)緑花園</v>
          </cell>
          <cell r="D3507" t="str">
            <v>078-904-2339</v>
          </cell>
          <cell r="E3507" t="str">
            <v>651-1412</v>
          </cell>
          <cell r="F3507" t="str">
            <v>兵庫県西宮市山口町下山口3-14-46</v>
          </cell>
          <cell r="G3507" t="str">
            <v>西宮市</v>
          </cell>
          <cell r="H3507" t="str">
            <v/>
          </cell>
          <cell r="I3507" t="str">
            <v>代表取締役 辻　博</v>
          </cell>
          <cell r="J3507" t="str">
            <v>本店</v>
          </cell>
          <cell r="K3507" t="str">
            <v>078-904-2348</v>
          </cell>
          <cell r="L3507" t="str">
            <v>info@ryokkaen.co.jp</v>
          </cell>
          <cell r="M3507" t="str">
            <v>ﾘｮｸｶｴﾝ</v>
          </cell>
          <cell r="N3507" t="str">
            <v>無</v>
          </cell>
          <cell r="O3507">
            <v>47</v>
          </cell>
          <cell r="P3507">
            <v>5</v>
          </cell>
          <cell r="Q3507">
            <v>6140001070808</v>
          </cell>
          <cell r="R3507">
            <v>30000</v>
          </cell>
          <cell r="S3507">
            <v>38544</v>
          </cell>
          <cell r="T3507">
            <v>145304</v>
          </cell>
          <cell r="V3507" t="str">
            <v>rj165639</v>
          </cell>
          <cell r="W3507" t="str">
            <v>qi136420</v>
          </cell>
          <cell r="Y3507" t="str">
            <v>22，53，</v>
          </cell>
          <cell r="Z3507">
            <v>53</v>
          </cell>
          <cell r="AA3507" t="str">
            <v/>
          </cell>
          <cell r="AB3507" t="str">
            <v/>
          </cell>
          <cell r="AC3507" t="str">
            <v/>
          </cell>
          <cell r="AD3507" t="str">
            <v/>
          </cell>
          <cell r="AE3507" t="str">
            <v>１；兵庫県や西宮市から公園植栽管理や街路樹管理を受注しております。街路樹剪定士１名が在籍しております。２；３；４；</v>
          </cell>
          <cell r="AF3507" t="str">
            <v>建設工事では主に造園工事を得意としております。物品では、主に兵庫県・西宮市から公園植栽管理や街路樹管理を受注しております。</v>
          </cell>
        </row>
        <row r="3508">
          <cell r="B3508">
            <v>12974</v>
          </cell>
          <cell r="C3508" t="str">
            <v>三光(株)</v>
          </cell>
          <cell r="D3508" t="str">
            <v>0859-44-5367</v>
          </cell>
          <cell r="E3508" t="str">
            <v>684-0034</v>
          </cell>
          <cell r="F3508" t="str">
            <v>鳥取県境港市昭和町5-17</v>
          </cell>
          <cell r="G3508" t="str">
            <v>境港市</v>
          </cell>
          <cell r="H3508" t="str">
            <v/>
          </cell>
          <cell r="I3508" t="str">
            <v>代表取締役社長 三輪　昌輝</v>
          </cell>
          <cell r="J3508" t="str">
            <v>本店</v>
          </cell>
          <cell r="K3508" t="str">
            <v xml:space="preserve">0859-42-3864 </v>
          </cell>
          <cell r="L3508" t="str">
            <v>s-otsuka@sankokk-net.co.jp</v>
          </cell>
          <cell r="M3508" t="str">
            <v>ｻﾝｺｳ</v>
          </cell>
          <cell r="N3508" t="str">
            <v>無</v>
          </cell>
          <cell r="O3508">
            <v>48</v>
          </cell>
          <cell r="P3508">
            <v>292</v>
          </cell>
          <cell r="Q3508">
            <v>8270001003769</v>
          </cell>
          <cell r="R3508">
            <v>48000</v>
          </cell>
          <cell r="S3508">
            <v>4353932</v>
          </cell>
          <cell r="T3508">
            <v>6233200</v>
          </cell>
          <cell r="V3508" t="str">
            <v>vk109743</v>
          </cell>
          <cell r="W3508" t="str">
            <v>jw165320</v>
          </cell>
          <cell r="Y3508" t="str">
            <v>68，</v>
          </cell>
          <cell r="Z3508" t="str">
            <v/>
          </cell>
          <cell r="AA3508" t="str">
            <v/>
          </cell>
          <cell r="AB3508" t="str">
            <v/>
          </cell>
          <cell r="AC3508" t="str">
            <v/>
          </cell>
          <cell r="AD3508" t="str">
            <v/>
          </cell>
          <cell r="AE3508" t="str">
            <v>１；低濃度ポリ塩化ビフェニル廃棄物無害化処理の環境大臣認定をいただいております。収集運搬についても環境大臣認定により行うことができます。２；３；４；</v>
          </cell>
          <cell r="AF3508" t="str">
            <v>得意とする業種は、廃棄物処理業であり、主に低濃度ポリ塩化ビフェニル廃棄物の収集運搬及び無害化処理業務を行っております。</v>
          </cell>
        </row>
        <row r="3509">
          <cell r="B3509">
            <v>12975</v>
          </cell>
          <cell r="C3509" t="str">
            <v>ワールドセーフティグラス(株)</v>
          </cell>
          <cell r="D3509" t="str">
            <v>078-242-1818</v>
          </cell>
          <cell r="E3509" t="str">
            <v>650-0046</v>
          </cell>
          <cell r="F3509" t="str">
            <v>兵庫県神戸市中央区港島中町5-1-1</v>
          </cell>
          <cell r="G3509" t="str">
            <v>神戸市</v>
          </cell>
          <cell r="H3509" t="str">
            <v/>
          </cell>
          <cell r="I3509" t="str">
            <v>代表取締役 田野　晴夫</v>
          </cell>
          <cell r="J3509" t="str">
            <v>本店</v>
          </cell>
          <cell r="K3509" t="str">
            <v>078-242-2033</v>
          </cell>
          <cell r="L3509" t="str">
            <v>tagkobe@violin.ocn.ne.jp</v>
          </cell>
          <cell r="M3509" t="str">
            <v>ﾜｰﾙﾄﾞｾｰﾌﾃｨｸﾞﾗｽ</v>
          </cell>
          <cell r="N3509" t="str">
            <v>無</v>
          </cell>
          <cell r="O3509">
            <v>33</v>
          </cell>
          <cell r="P3509">
            <v>62</v>
          </cell>
          <cell r="Q3509">
            <v>4140001066460</v>
          </cell>
          <cell r="R3509">
            <v>10000</v>
          </cell>
          <cell r="S3509">
            <v>184862235</v>
          </cell>
          <cell r="T3509">
            <v>998127077</v>
          </cell>
          <cell r="V3509" t="str">
            <v>sg108373</v>
          </cell>
          <cell r="W3509" t="str">
            <v>er139778</v>
          </cell>
          <cell r="Y3509" t="str">
            <v>66，73，</v>
          </cell>
          <cell r="Z3509">
            <v>66</v>
          </cell>
          <cell r="AA3509">
            <v>73</v>
          </cell>
          <cell r="AB3509" t="str">
            <v/>
          </cell>
          <cell r="AC3509" t="str">
            <v/>
          </cell>
          <cell r="AD3509" t="str">
            <v/>
          </cell>
          <cell r="AE3509" t="str">
            <v>１；品目：屋外看板類・ＬＥＤサイン・ＬＥＤ看板・箱文字看板・金属切文字看板等　仕入先：株式会社ベルク・株式会社ファースト・株式会社ダイカン等　登録：屋外広告業者登録（兵庫県・神戸市（特例届出））２；品目：看板用印刷シート類　仕入先：スリーエムジャパン株式会社（特約店）・リンテック株式会社（特約店）等３；４；</v>
          </cell>
          <cell r="AF3509" t="str">
            <v>３Ｍ社の材料品質保証制度（ＭＳＣ）認定店です。（ＭＳＣ認定店：全国９７店、兵庫県３店）看板類全般に携わっております。カーラッピング等の特殊作業も自社で施工しております。</v>
          </cell>
        </row>
        <row r="3510">
          <cell r="B3510">
            <v>12976</v>
          </cell>
          <cell r="C3510" t="str">
            <v>(株)梅田緑地開発</v>
          </cell>
          <cell r="D3510" t="str">
            <v>0797-31-9191</v>
          </cell>
          <cell r="E3510" t="str">
            <v>659-0055</v>
          </cell>
          <cell r="F3510" t="str">
            <v>兵庫県芦屋市竹園町6-12-2</v>
          </cell>
          <cell r="G3510" t="str">
            <v>芦屋市</v>
          </cell>
          <cell r="H3510" t="str">
            <v/>
          </cell>
          <cell r="I3510" t="str">
            <v>代表取締役 梅田　幸三郎</v>
          </cell>
          <cell r="J3510" t="str">
            <v>本店</v>
          </cell>
          <cell r="K3510" t="str">
            <v>0797-31-9192</v>
          </cell>
          <cell r="L3510" t="str">
            <v>umeryoku@yahoo.co.jp</v>
          </cell>
          <cell r="M3510" t="str">
            <v>ｳﾒﾀﾞﾘｮｸﾁｶｲﾊﾂ</v>
          </cell>
          <cell r="N3510" t="str">
            <v>無</v>
          </cell>
          <cell r="O3510">
            <v>8</v>
          </cell>
          <cell r="P3510">
            <v>4</v>
          </cell>
          <cell r="Q3510">
            <v>8140001030173</v>
          </cell>
          <cell r="R3510">
            <v>3000</v>
          </cell>
          <cell r="S3510">
            <v>77079</v>
          </cell>
          <cell r="T3510">
            <v>167106</v>
          </cell>
          <cell r="V3510" t="str">
            <v>wb109170</v>
          </cell>
          <cell r="W3510" t="str">
            <v>gd170686</v>
          </cell>
          <cell r="Y3510" t="str">
            <v>031，22，31，53，55，</v>
          </cell>
          <cell r="Z3510">
            <v>53</v>
          </cell>
          <cell r="AA3510">
            <v>55</v>
          </cell>
          <cell r="AB3510">
            <v>22</v>
          </cell>
          <cell r="AC3510">
            <v>31</v>
          </cell>
          <cell r="AD3510" t="str">
            <v/>
          </cell>
          <cell r="AE3510" t="str">
            <v>１；官公庁での実績が豊富です。２；官公庁での実績が豊富です。３；４；</v>
          </cell>
          <cell r="AF3510" t="str">
            <v>庭園改修や植栽等造園全般が得意です。公園・街路樹等の維持管理も行っております。街路樹剪定士も在籍しております。また、下水道工事・造成工事も手がけており品質管理・安全管理を徹底しております。</v>
          </cell>
        </row>
        <row r="3511">
          <cell r="B3511">
            <v>12977</v>
          </cell>
          <cell r="C3511" t="str">
            <v>(株)スペック</v>
          </cell>
          <cell r="D3511" t="str">
            <v>088-666-3339</v>
          </cell>
          <cell r="E3511" t="str">
            <v>771-0142</v>
          </cell>
          <cell r="F3511" t="str">
            <v>徳島県徳島市川内町沖島85-1</v>
          </cell>
          <cell r="G3511" t="str">
            <v>徳島市</v>
          </cell>
          <cell r="H3511" t="str">
            <v/>
          </cell>
          <cell r="I3511" t="str">
            <v>代表取締役 田中　達也</v>
          </cell>
          <cell r="J3511" t="str">
            <v>本店</v>
          </cell>
          <cell r="K3511" t="str">
            <v>088-666-3338</v>
          </cell>
          <cell r="L3511" t="str">
            <v>spec@spec-lab.net</v>
          </cell>
          <cell r="M3511" t="str">
            <v>ｽﾍﾟｯｸ</v>
          </cell>
          <cell r="N3511" t="str">
            <v>無</v>
          </cell>
          <cell r="O3511">
            <v>38</v>
          </cell>
          <cell r="P3511">
            <v>20</v>
          </cell>
          <cell r="Q3511">
            <v>7480001001224</v>
          </cell>
          <cell r="R3511">
            <v>10000</v>
          </cell>
          <cell r="S3511">
            <v>-34351</v>
          </cell>
          <cell r="T3511">
            <v>225444</v>
          </cell>
          <cell r="V3511" t="str">
            <v>wi136471</v>
          </cell>
          <cell r="W3511" t="str">
            <v>or157917</v>
          </cell>
          <cell r="Y3511" t="str">
            <v/>
          </cell>
          <cell r="Z3511">
            <v>80</v>
          </cell>
          <cell r="AA3511" t="str">
            <v/>
          </cell>
          <cell r="AB3511" t="str">
            <v/>
          </cell>
          <cell r="AC3511" t="str">
            <v/>
          </cell>
          <cell r="AD3511" t="str">
            <v/>
          </cell>
          <cell r="AE3511" t="str">
            <v>１；衛生検査所登録２；３；４；</v>
          </cell>
          <cell r="AF3511" t="str">
            <v>弊社は徳島県に本社を置く衛生検査所で、学校給食・保育所等の腸内細菌検査・食品検査などが主な業務内容となります。</v>
          </cell>
        </row>
        <row r="3512">
          <cell r="B3512">
            <v>12978</v>
          </cell>
          <cell r="C3512" t="str">
            <v>(株)エヌ・エイ・シー</v>
          </cell>
          <cell r="D3512" t="str">
            <v>03-3501-5501</v>
          </cell>
          <cell r="E3512" t="str">
            <v>105-0003</v>
          </cell>
          <cell r="F3512" t="str">
            <v>東京都港区西新橋1-6-21</v>
          </cell>
          <cell r="G3512" t="str">
            <v>東京都</v>
          </cell>
          <cell r="H3512" t="str">
            <v/>
          </cell>
          <cell r="I3512" t="str">
            <v>取締役 杉山　聡</v>
          </cell>
          <cell r="J3512" t="str">
            <v>東京都</v>
          </cell>
          <cell r="K3512" t="str">
            <v>03-3501-5502</v>
          </cell>
          <cell r="L3512" t="str">
            <v>hc-sales@nac-care.co.jp</v>
          </cell>
          <cell r="M3512" t="str">
            <v>ｴﾇｴｲｼｰ</v>
          </cell>
          <cell r="N3512" t="str">
            <v>有</v>
          </cell>
          <cell r="O3512">
            <v>9</v>
          </cell>
          <cell r="P3512">
            <v>112</v>
          </cell>
          <cell r="Q3512">
            <v>8010001140159</v>
          </cell>
          <cell r="R3512">
            <v>48306</v>
          </cell>
          <cell r="S3512">
            <v>81933</v>
          </cell>
          <cell r="T3512">
            <v>1183262</v>
          </cell>
          <cell r="V3512" t="str">
            <v>xc168776</v>
          </cell>
          <cell r="W3512" t="str">
            <v>pd127916</v>
          </cell>
          <cell r="Y3512" t="str">
            <v/>
          </cell>
          <cell r="Z3512">
            <v>80</v>
          </cell>
          <cell r="AA3512" t="str">
            <v/>
          </cell>
          <cell r="AB3512" t="str">
            <v/>
          </cell>
          <cell r="AC3512" t="str">
            <v/>
          </cell>
          <cell r="AD3512" t="str">
            <v/>
          </cell>
          <cell r="AE3512" t="str">
            <v>１；特定健康診査未受診者への受診勧奨業務と特定保健指導の参加勧奨業務２；３；４；</v>
          </cell>
          <cell r="AF3512" t="str">
            <v>特定健康診査未受診者への受診勧奨業務と特定保健指導の参加勧奨業務</v>
          </cell>
        </row>
        <row r="3513">
          <cell r="B3513">
            <v>12979</v>
          </cell>
          <cell r="C3513" t="str">
            <v>ネクストウェア(株)</v>
          </cell>
          <cell r="D3513" t="str">
            <v>06-6281-2711</v>
          </cell>
          <cell r="E3513" t="str">
            <v>541-0057</v>
          </cell>
          <cell r="F3513" t="str">
            <v>大阪府大阪市中央区北久宝寺町4-3-11</v>
          </cell>
          <cell r="G3513" t="str">
            <v>大阪市</v>
          </cell>
          <cell r="H3513" t="str">
            <v/>
          </cell>
          <cell r="I3513" t="str">
            <v>代表取締役社長 豊田　崇克</v>
          </cell>
          <cell r="J3513" t="str">
            <v>本店</v>
          </cell>
          <cell r="K3513" t="str">
            <v>06-6281-0315</v>
          </cell>
          <cell r="L3513" t="str">
            <v>sales.osaka@nextware.co.jp</v>
          </cell>
          <cell r="M3513" t="str">
            <v>ﾈｸｽﾄｳｪｱ</v>
          </cell>
          <cell r="N3513" t="str">
            <v>無</v>
          </cell>
          <cell r="O3513">
            <v>29</v>
          </cell>
          <cell r="P3513">
            <v>175</v>
          </cell>
          <cell r="Q3513">
            <v>3120001086949</v>
          </cell>
          <cell r="R3513">
            <v>1310965</v>
          </cell>
          <cell r="S3513">
            <v>900772</v>
          </cell>
          <cell r="T3513">
            <v>1797603</v>
          </cell>
          <cell r="V3513" t="str">
            <v>wx155034</v>
          </cell>
          <cell r="W3513" t="str">
            <v>ch163094</v>
          </cell>
          <cell r="Y3513" t="str">
            <v>36，58，</v>
          </cell>
          <cell r="Z3513">
            <v>80</v>
          </cell>
          <cell r="AA3513">
            <v>58</v>
          </cell>
          <cell r="AB3513" t="str">
            <v/>
          </cell>
          <cell r="AC3513" t="str">
            <v/>
          </cell>
          <cell r="AD3513" t="str">
            <v/>
          </cell>
          <cell r="AE3513" t="str">
            <v>１；ＲＰＡソフト「ＷｉｎＡｃｔｏｒ」ライセンス販売（特：株式会社エヌ・ティ・ティ・データ）２；「ＷｉｎＡｃｔｏｒ」シナリオ開発３；４；</v>
          </cell>
          <cell r="AF3513" t="str">
            <v>ＲＰＡ（ＷｉｎＡｃｔｏｒ）の導入支援ならびにシナリオ開発支援、システムアウトソーシング事業。</v>
          </cell>
        </row>
        <row r="3514">
          <cell r="B3514">
            <v>12980</v>
          </cell>
          <cell r="C3514" t="str">
            <v>特定非営利活動法人　宝塚ＮＰＯセンター</v>
          </cell>
          <cell r="D3514" t="str">
            <v>0797-85-7766</v>
          </cell>
          <cell r="E3514" t="str">
            <v>665-0845</v>
          </cell>
          <cell r="F3514" t="str">
            <v>兵庫県宝塚市栄町2-1-1</v>
          </cell>
          <cell r="G3514" t="str">
            <v>宝塚市</v>
          </cell>
          <cell r="H3514" t="str">
            <v/>
          </cell>
          <cell r="I3514" t="str">
            <v>理事長 中山　光子</v>
          </cell>
          <cell r="J3514" t="str">
            <v>本店</v>
          </cell>
          <cell r="K3514" t="str">
            <v>0797-85-7799</v>
          </cell>
          <cell r="L3514" t="str">
            <v>zukanpo@hnpo.net</v>
          </cell>
          <cell r="M3514" t="str">
            <v>ﾄｸﾃｲﾋｴｲﾘｶﾂﾄﾞｳﾎｳｼﾞﾝ ﾀｶﾗﾂﾞｶｴﾇﾋﾟｰｵｰｾﾝﾀｰ</v>
          </cell>
          <cell r="N3514" t="str">
            <v>無</v>
          </cell>
          <cell r="O3514">
            <v>20</v>
          </cell>
          <cell r="P3514">
            <v>19</v>
          </cell>
          <cell r="Q3514">
            <v>3140005018599</v>
          </cell>
          <cell r="R3514">
            <v>0</v>
          </cell>
          <cell r="S3514">
            <v>0</v>
          </cell>
          <cell r="T3514">
            <v>73047</v>
          </cell>
          <cell r="V3514" t="str">
            <v>bs150755</v>
          </cell>
          <cell r="W3514" t="str">
            <v>qf162919</v>
          </cell>
          <cell r="Y3514" t="str">
            <v>63，</v>
          </cell>
          <cell r="Z3514" t="str">
            <v/>
          </cell>
          <cell r="AA3514" t="str">
            <v/>
          </cell>
          <cell r="AB3514" t="str">
            <v/>
          </cell>
          <cell r="AC3514" t="str">
            <v/>
          </cell>
          <cell r="AD3514" t="str">
            <v/>
          </cell>
          <cell r="AE3514" t="str">
            <v>１；２；３；４；</v>
          </cell>
          <cell r="AF3514" t="str">
            <v>ＮＰＯ法人設立運営相談、コミュニティビジネス支援事業、ネットワーク構築事業（地縁団体・ＮＰＯ）、職業紹介、就労支援などの事業を通して、住民・ＮＰＯ・行政・企業などの協働による地域づくりと生きがいのある働き方を支援する。</v>
          </cell>
        </row>
        <row r="3515">
          <cell r="B3515">
            <v>12981</v>
          </cell>
          <cell r="C3515" t="str">
            <v>ラインズ(株)</v>
          </cell>
          <cell r="D3515" t="str">
            <v>03-6861-6200</v>
          </cell>
          <cell r="E3515" t="str">
            <v>169-0051</v>
          </cell>
          <cell r="F3515" t="str">
            <v>東京都新宿区西早稲2-20-15</v>
          </cell>
          <cell r="G3515" t="str">
            <v>東京都</v>
          </cell>
          <cell r="H3515" t="str">
            <v/>
          </cell>
          <cell r="I3515" t="str">
            <v>代表取締役社長 山口　洋</v>
          </cell>
          <cell r="J3515" t="str">
            <v>本店</v>
          </cell>
          <cell r="K3515" t="str">
            <v>03-6861-6006</v>
          </cell>
          <cell r="L3515" t="str">
            <v>fw-somu@education.jp</v>
          </cell>
          <cell r="M3515" t="str">
            <v>ﾗｲﾝｽﾞ</v>
          </cell>
          <cell r="N3515" t="str">
            <v>無</v>
          </cell>
          <cell r="O3515">
            <v>15</v>
          </cell>
          <cell r="P3515">
            <v>146</v>
          </cell>
          <cell r="Q3515">
            <v>4011101057998</v>
          </cell>
          <cell r="R3515">
            <v>50000</v>
          </cell>
          <cell r="S3515">
            <v>314108</v>
          </cell>
          <cell r="T3515">
            <v>1537791</v>
          </cell>
          <cell r="V3515" t="str">
            <v>ed157532</v>
          </cell>
          <cell r="W3515" t="str">
            <v>de126351</v>
          </cell>
          <cell r="Y3515" t="str">
            <v>12，59，</v>
          </cell>
          <cell r="Z3515" t="str">
            <v/>
          </cell>
          <cell r="AA3515" t="str">
            <v/>
          </cell>
          <cell r="AB3515" t="str">
            <v/>
          </cell>
          <cell r="AC3515" t="str">
            <v/>
          </cell>
          <cell r="AD3515" t="str">
            <v/>
          </cell>
          <cell r="AE3515" t="str">
            <v>１；ＩＣＴ教育ソフトウェアの提供２；ＩＣＴ支援員業務３；４；</v>
          </cell>
          <cell r="AF3515" t="str">
            <v>公立小中学校向けのＩＣＴ教育用ソフトウェアの開発・販売およびＩＣＴ支援員業務を展開。全国５５００校を超える学校で導入。さらに高等学校、大学、専門学校や学習塾など、各種教育機関に対して、商品・サービスを提供。</v>
          </cell>
        </row>
        <row r="3516">
          <cell r="B3516">
            <v>12982</v>
          </cell>
          <cell r="C3516" t="str">
            <v>ＫＤＤＩまとめてオフィス関西(株)</v>
          </cell>
          <cell r="D3516" t="str">
            <v>078-277-1414</v>
          </cell>
          <cell r="E3516" t="str">
            <v>651-0087</v>
          </cell>
          <cell r="F3516" t="str">
            <v>兵庫県神戸市中央区御幸通7-1-15</v>
          </cell>
          <cell r="G3516" t="str">
            <v>神戸市</v>
          </cell>
          <cell r="H3516" t="str">
            <v>関西営業本部　ソリューション神戸支店</v>
          </cell>
          <cell r="I3516" t="str">
            <v>支店長 的場　弘樹</v>
          </cell>
          <cell r="J3516" t="str">
            <v>大阪府大阪市</v>
          </cell>
          <cell r="K3516" t="str">
            <v>078-277-1415</v>
          </cell>
          <cell r="L3516" t="str">
            <v>xmi-takemura@kddi.com</v>
          </cell>
          <cell r="M3516" t="str">
            <v>ｹｲﾃﾞｨｰﾃﾞｨｰｱｲﾏﾄﾒﾃｵﾌｨｽｶﾝｻｲ</v>
          </cell>
          <cell r="N3516" t="str">
            <v>有</v>
          </cell>
          <cell r="O3516">
            <v>6</v>
          </cell>
          <cell r="P3516">
            <v>69</v>
          </cell>
          <cell r="Q3516">
            <v>9120001175696</v>
          </cell>
          <cell r="R3516">
            <v>200000</v>
          </cell>
          <cell r="S3516">
            <v>2777267</v>
          </cell>
          <cell r="T3516">
            <v>11233469</v>
          </cell>
          <cell r="V3516" t="str">
            <v>wg182050</v>
          </cell>
          <cell r="W3516" t="str">
            <v>bg171278</v>
          </cell>
          <cell r="Y3516" t="str">
            <v>035，14，15，27，28，35，36，38，44，50，</v>
          </cell>
          <cell r="Z3516">
            <v>36</v>
          </cell>
          <cell r="AA3516">
            <v>14</v>
          </cell>
          <cell r="AB3516">
            <v>27</v>
          </cell>
          <cell r="AC3516">
            <v>35</v>
          </cell>
          <cell r="AD3516" t="str">
            <v/>
          </cell>
          <cell r="AE3516" t="str">
            <v>１；ダイワボウ情報システム株式会社　エレコム株式会社　シネックスジャパン株式会社　コニカミノルタジャパン株式会社　京セラドキュメントソリューションズジャパン株式会社２；コクヨ株式会社３；株式会社ナイキ　株式会社イトーキ　イナバインターナショナル株式会社４；ダイキンＨＶＡＣソリューション近畿株式会社　ジョーシンサービス株式会社　株式会社ベスト電器　ダイワボウ情報システム株式会社</v>
          </cell>
          <cell r="AF3516" t="str">
            <v>当社は各種通信サービスやソリューションサービスをはじめＯＡ機器などに関する提案からの導入、設定、メンテナンスに至るまでお客様のＩＴ環境をトータルでサポート致します。</v>
          </cell>
        </row>
        <row r="3517">
          <cell r="B3517">
            <v>12983</v>
          </cell>
          <cell r="C3517" t="str">
            <v>(株)日本医薬総合研究所</v>
          </cell>
          <cell r="D3517" t="str">
            <v>03-6810-0825</v>
          </cell>
          <cell r="E3517" t="str">
            <v>100-6739</v>
          </cell>
          <cell r="F3517" t="str">
            <v>東京都千代田区丸の内1‐9‐1</v>
          </cell>
          <cell r="G3517" t="str">
            <v>東京都</v>
          </cell>
          <cell r="H3517" t="str">
            <v/>
          </cell>
          <cell r="I3517" t="str">
            <v>代表取締役社長 三津原　庸介</v>
          </cell>
          <cell r="J3517" t="str">
            <v>本店</v>
          </cell>
          <cell r="K3517" t="str">
            <v>03-5288-8692</v>
          </cell>
          <cell r="L3517" t="str">
            <v>yamamoto-yu@nicho.co.jp</v>
          </cell>
          <cell r="M3517" t="str">
            <v>ﾆﾎﾝｲﾔｸｿｳｺﾞｳｹﾝｷｭｳｼｮ</v>
          </cell>
          <cell r="N3517" t="str">
            <v>無</v>
          </cell>
          <cell r="O3517">
            <v>8</v>
          </cell>
          <cell r="P3517">
            <v>25</v>
          </cell>
          <cell r="Q3517">
            <v>3010001144387</v>
          </cell>
          <cell r="R3517">
            <v>100000</v>
          </cell>
          <cell r="S3517">
            <v>197171</v>
          </cell>
          <cell r="T3517">
            <v>544525</v>
          </cell>
          <cell r="V3517" t="str">
            <v>pg151067</v>
          </cell>
          <cell r="W3517" t="str">
            <v>qv152170</v>
          </cell>
          <cell r="Y3517" t="str">
            <v/>
          </cell>
          <cell r="Z3517" t="str">
            <v/>
          </cell>
          <cell r="AA3517" t="str">
            <v/>
          </cell>
          <cell r="AB3517" t="str">
            <v/>
          </cell>
          <cell r="AC3517" t="str">
            <v/>
          </cell>
          <cell r="AD3517" t="str">
            <v/>
          </cell>
          <cell r="AE3517" t="str">
            <v>１；服薬適正化業務（重複投薬・多剤投薬・禁忌投薬）２；服薬情報通知作成業務３；糖尿病重症化予防事業４；ジェネリック差額通知作成業務</v>
          </cell>
          <cell r="AF3517" t="str">
            <v>弊社は薬剤師の職能を活用したレセプト分析が可能です。薬に関する問題等（重複投薬・多剤投与・禁忌投薬）に関し薬剤師の専門知識をもとにした直接面談やお電話等を通じた行動変容を促すことが可能です。さらに糖尿病予備群や未受診者等を対象に糖尿病重症化予防事業を実施しております。</v>
          </cell>
        </row>
        <row r="3518">
          <cell r="B3518">
            <v>12984</v>
          </cell>
          <cell r="C3518" t="str">
            <v>太洋技研(株)</v>
          </cell>
          <cell r="D3518" t="str">
            <v>0294-33-9519</v>
          </cell>
          <cell r="E3518" t="str">
            <v>316-0025</v>
          </cell>
          <cell r="F3518" t="str">
            <v>茨城県日立市森山町5-8-8</v>
          </cell>
          <cell r="G3518" t="str">
            <v>日立市</v>
          </cell>
          <cell r="H3518" t="str">
            <v/>
          </cell>
          <cell r="I3518" t="str">
            <v>代表取締役 三村　泰洋</v>
          </cell>
          <cell r="J3518" t="str">
            <v>本店</v>
          </cell>
          <cell r="K3518" t="str">
            <v>0294-33-9529</v>
          </cell>
          <cell r="L3518" t="str">
            <v>taiyo.mimura@soutetsu.jp</v>
          </cell>
          <cell r="M3518" t="str">
            <v>ﾀｲﾖｳｷﾞｹﾝ</v>
          </cell>
          <cell r="N3518" t="str">
            <v>無</v>
          </cell>
          <cell r="O3518">
            <v>7</v>
          </cell>
          <cell r="P3518">
            <v>11</v>
          </cell>
          <cell r="Q3518">
            <v>4050001036654</v>
          </cell>
          <cell r="R3518">
            <v>6000</v>
          </cell>
          <cell r="S3518">
            <v>2940</v>
          </cell>
          <cell r="T3518">
            <v>129353032</v>
          </cell>
          <cell r="V3518" t="str">
            <v>uu102281</v>
          </cell>
          <cell r="W3518" t="str">
            <v>to111720</v>
          </cell>
          <cell r="Y3518" t="str">
            <v>58，</v>
          </cell>
          <cell r="Z3518">
            <v>80</v>
          </cell>
          <cell r="AA3518" t="str">
            <v/>
          </cell>
          <cell r="AB3518" t="str">
            <v/>
          </cell>
          <cell r="AC3518" t="str">
            <v/>
          </cell>
          <cell r="AD3518" t="str">
            <v/>
          </cell>
          <cell r="AE3518" t="str">
            <v>１；電動式回転保管庫及びその保守２；３；４；</v>
          </cell>
          <cell r="AF3518" t="str">
            <v>電動式回転保管庫の製造・販売、保守。板金を主とした設計、電気設計、ソフトウェア設計。制御盤、ハーネス加工、筐体組立、配線。</v>
          </cell>
        </row>
        <row r="3519">
          <cell r="B3519">
            <v>12985</v>
          </cell>
          <cell r="C3519" t="str">
            <v>(株)NTTフィールドテクノ</v>
          </cell>
          <cell r="D3519" t="str">
            <v>06-6450-5140</v>
          </cell>
          <cell r="E3519" t="str">
            <v>534-0024</v>
          </cell>
          <cell r="F3519" t="str">
            <v>大阪府大阪市都島区東野田町4-15-82</v>
          </cell>
          <cell r="G3519" t="str">
            <v>大阪市</v>
          </cell>
          <cell r="H3519" t="str">
            <v>関西支店</v>
          </cell>
          <cell r="I3519" t="str">
            <v>取締役関西支店長 篠浦　伸得</v>
          </cell>
          <cell r="J3519" t="str">
            <v>大阪府大阪市</v>
          </cell>
          <cell r="K3519" t="str">
            <v>06-6881-5168</v>
          </cell>
          <cell r="L3519" t="str">
            <v/>
          </cell>
          <cell r="M3519" t="str">
            <v>ｴﾇﾃｨﾃｨﾌｨｰﾙﾄﾞﾃｸﾉ</v>
          </cell>
          <cell r="N3519" t="str">
            <v>有</v>
          </cell>
          <cell r="O3519">
            <v>20</v>
          </cell>
          <cell r="P3519">
            <v>17000</v>
          </cell>
          <cell r="Q3519">
            <v>4120001014405</v>
          </cell>
          <cell r="R3519">
            <v>100000</v>
          </cell>
          <cell r="S3519">
            <v>2709937</v>
          </cell>
          <cell r="T3519" t="str">
            <v/>
          </cell>
          <cell r="V3519" t="str">
            <v>ma140288</v>
          </cell>
          <cell r="W3519" t="str">
            <v>zj187164</v>
          </cell>
          <cell r="Y3519" t="str">
            <v/>
          </cell>
          <cell r="Z3519" t="str">
            <v/>
          </cell>
          <cell r="AA3519" t="str">
            <v/>
          </cell>
          <cell r="AB3519" t="str">
            <v/>
          </cell>
          <cell r="AC3519" t="str">
            <v/>
          </cell>
          <cell r="AD3519" t="str">
            <v/>
          </cell>
          <cell r="AE3519">
            <v>0</v>
          </cell>
          <cell r="AF3519" t="str">
            <v/>
          </cell>
        </row>
        <row r="3520">
          <cell r="B3520">
            <v>12986</v>
          </cell>
          <cell r="C3520" t="str">
            <v>神田通信機(株)</v>
          </cell>
          <cell r="D3520" t="str">
            <v>06-6385-1431</v>
          </cell>
          <cell r="E3520" t="str">
            <v>564-0063</v>
          </cell>
          <cell r="F3520" t="str">
            <v>大阪府吹田市江坂町1-23-5</v>
          </cell>
          <cell r="G3520" t="str">
            <v>吹田市</v>
          </cell>
          <cell r="H3520" t="str">
            <v>大阪支店</v>
          </cell>
          <cell r="I3520" t="str">
            <v>支店長 新川　真吾</v>
          </cell>
          <cell r="J3520" t="str">
            <v>東京都</v>
          </cell>
          <cell r="K3520" t="str">
            <v>06-6330-7100</v>
          </cell>
          <cell r="L3520" t="str">
            <v/>
          </cell>
          <cell r="M3520" t="str">
            <v>ｶﾝﾀﾞﾂｳｼﾝｷ</v>
          </cell>
          <cell r="N3520" t="str">
            <v>有</v>
          </cell>
          <cell r="O3520">
            <v>61</v>
          </cell>
          <cell r="P3520">
            <v>259</v>
          </cell>
          <cell r="Q3520">
            <v>6010001013597</v>
          </cell>
          <cell r="R3520">
            <v>1310825</v>
          </cell>
          <cell r="S3520">
            <v>3038617</v>
          </cell>
          <cell r="T3520">
            <v>6225589</v>
          </cell>
          <cell r="V3520" t="str">
            <v>ds129727</v>
          </cell>
          <cell r="W3520" t="str">
            <v>xh167840</v>
          </cell>
          <cell r="Y3520" t="str">
            <v/>
          </cell>
          <cell r="Z3520" t="str">
            <v/>
          </cell>
          <cell r="AA3520" t="str">
            <v/>
          </cell>
          <cell r="AB3520" t="str">
            <v/>
          </cell>
          <cell r="AC3520" t="str">
            <v/>
          </cell>
          <cell r="AD3520" t="str">
            <v/>
          </cell>
          <cell r="AE3520">
            <v>0</v>
          </cell>
          <cell r="AF3520" t="str">
            <v/>
          </cell>
        </row>
        <row r="3521">
          <cell r="B3521">
            <v>12987</v>
          </cell>
          <cell r="C3521" t="str">
            <v>水中エンジニアリング(株)</v>
          </cell>
          <cell r="D3521" t="str">
            <v>06-7171-1464</v>
          </cell>
          <cell r="E3521" t="str">
            <v>561-0871</v>
          </cell>
          <cell r="F3521" t="str">
            <v>大阪府豊中市東寺内町17番7-401</v>
          </cell>
          <cell r="G3521" t="str">
            <v>豊中市</v>
          </cell>
          <cell r="H3521" t="str">
            <v/>
          </cell>
          <cell r="I3521" t="str">
            <v>代表取締役 白石　光夫</v>
          </cell>
          <cell r="J3521" t="str">
            <v>本店</v>
          </cell>
          <cell r="K3521" t="str">
            <v>06-7164-0201</v>
          </cell>
          <cell r="L3521" t="str">
            <v/>
          </cell>
          <cell r="M3521" t="str">
            <v>ｽｲﾁｭｳｴﾝｼﾞﾆｱﾘﾝｸﾞ</v>
          </cell>
          <cell r="N3521" t="str">
            <v>無</v>
          </cell>
          <cell r="O3521">
            <v>3</v>
          </cell>
          <cell r="P3521">
            <v>5</v>
          </cell>
          <cell r="Q3521">
            <v>120901038277</v>
          </cell>
          <cell r="R3521">
            <v>1000</v>
          </cell>
          <cell r="S3521">
            <v>9014</v>
          </cell>
          <cell r="T3521">
            <v>46136</v>
          </cell>
          <cell r="V3521" t="str">
            <v>ce182837</v>
          </cell>
          <cell r="W3521" t="str">
            <v>tz147267</v>
          </cell>
          <cell r="Y3521" t="str">
            <v/>
          </cell>
          <cell r="Z3521" t="str">
            <v/>
          </cell>
          <cell r="AA3521" t="str">
            <v/>
          </cell>
          <cell r="AB3521" t="str">
            <v/>
          </cell>
          <cell r="AC3521" t="str">
            <v/>
          </cell>
          <cell r="AD3521" t="str">
            <v/>
          </cell>
          <cell r="AE3521">
            <v>0</v>
          </cell>
          <cell r="AF3521" t="str">
            <v/>
          </cell>
        </row>
        <row r="3522">
          <cell r="B3522">
            <v>12988</v>
          </cell>
          <cell r="C3522" t="str">
            <v>市川甚商事(株)</v>
          </cell>
          <cell r="D3522" t="str">
            <v>　</v>
          </cell>
          <cell r="E3522" t="str">
            <v>600-8078</v>
          </cell>
          <cell r="F3522" t="str">
            <v>京都府京都市下京区松原通堺町東入杉屋町287番地</v>
          </cell>
          <cell r="G3522" t="str">
            <v>京都市</v>
          </cell>
          <cell r="H3522" t="str">
            <v/>
          </cell>
          <cell r="I3522" t="str">
            <v>代表取締役 市川　誠</v>
          </cell>
          <cell r="J3522" t="str">
            <v>本店</v>
          </cell>
          <cell r="K3522" t="str">
            <v/>
          </cell>
          <cell r="L3522" t="str">
            <v/>
          </cell>
          <cell r="M3522" t="str">
            <v>ｲﾁｶﾜｼﾞﾝｼｮｳｼﾞ</v>
          </cell>
          <cell r="N3522" t="str">
            <v>無</v>
          </cell>
          <cell r="O3522">
            <v>73</v>
          </cell>
          <cell r="P3522">
            <v>40</v>
          </cell>
          <cell r="Q3522">
            <v>7130001016513</v>
          </cell>
          <cell r="R3522">
            <v>50000</v>
          </cell>
          <cell r="S3522">
            <v>178221</v>
          </cell>
          <cell r="T3522">
            <v>2350052</v>
          </cell>
          <cell r="V3522" t="str">
            <v>ds119938</v>
          </cell>
          <cell r="W3522" t="str">
            <v>uk184291</v>
          </cell>
          <cell r="Y3522" t="str">
            <v/>
          </cell>
          <cell r="Z3522" t="str">
            <v/>
          </cell>
          <cell r="AA3522" t="str">
            <v/>
          </cell>
          <cell r="AB3522" t="str">
            <v/>
          </cell>
          <cell r="AC3522" t="str">
            <v/>
          </cell>
          <cell r="AD3522" t="str">
            <v/>
          </cell>
          <cell r="AE3522">
            <v>0</v>
          </cell>
          <cell r="AF3522" t="str">
            <v/>
          </cell>
        </row>
        <row r="3523">
          <cell r="B3523">
            <v>12989</v>
          </cell>
          <cell r="C3523" t="str">
            <v>(株)ヒカリ商会</v>
          </cell>
          <cell r="D3523" t="str">
            <v>06-6426-5353</v>
          </cell>
          <cell r="E3523" t="str">
            <v>661-0024</v>
          </cell>
          <cell r="F3523" t="str">
            <v>兵庫県尼崎市三反田町3-6-31</v>
          </cell>
          <cell r="G3523" t="str">
            <v>尼崎市</v>
          </cell>
          <cell r="H3523" t="str">
            <v/>
          </cell>
          <cell r="I3523" t="str">
            <v>代表取締役 武田　年弘</v>
          </cell>
          <cell r="J3523" t="str">
            <v>本店</v>
          </cell>
          <cell r="K3523" t="str">
            <v>06-6426-5365</v>
          </cell>
          <cell r="L3523" t="str">
            <v/>
          </cell>
          <cell r="M3523" t="str">
            <v>ﾋｶﾘｼｮｳｶｲ</v>
          </cell>
          <cell r="N3523" t="str">
            <v>無</v>
          </cell>
          <cell r="O3523">
            <v>41</v>
          </cell>
          <cell r="P3523">
            <v>6</v>
          </cell>
          <cell r="Q3523">
            <v>3140001050886</v>
          </cell>
          <cell r="R3523">
            <v>10000000</v>
          </cell>
          <cell r="S3523">
            <v>-37229846</v>
          </cell>
          <cell r="T3523">
            <v>43224710</v>
          </cell>
          <cell r="V3523" t="str">
            <v>wc183425</v>
          </cell>
          <cell r="W3523" t="str">
            <v>dj155424</v>
          </cell>
          <cell r="Y3523" t="str">
            <v/>
          </cell>
          <cell r="Z3523" t="str">
            <v/>
          </cell>
          <cell r="AA3523" t="str">
            <v/>
          </cell>
          <cell r="AB3523" t="str">
            <v/>
          </cell>
          <cell r="AC3523" t="str">
            <v/>
          </cell>
          <cell r="AD3523" t="str">
            <v/>
          </cell>
          <cell r="AE3523">
            <v>0</v>
          </cell>
          <cell r="AF3523" t="str">
            <v/>
          </cell>
        </row>
        <row r="3524">
          <cell r="B3524">
            <v>12990</v>
          </cell>
          <cell r="C3524" t="str">
            <v>(株)花泉</v>
          </cell>
          <cell r="D3524" t="str">
            <v>072-238-8887</v>
          </cell>
          <cell r="E3524" t="str">
            <v>590-0021</v>
          </cell>
          <cell r="F3524" t="str">
            <v>大阪府堺市堺区北三国ｹ丘町8丁目4番3号</v>
          </cell>
          <cell r="G3524" t="str">
            <v>堺市</v>
          </cell>
          <cell r="H3524" t="str">
            <v/>
          </cell>
          <cell r="I3524" t="str">
            <v>代表取締役 土居　孝史</v>
          </cell>
          <cell r="J3524" t="str">
            <v>本店</v>
          </cell>
          <cell r="K3524" t="str">
            <v>072-238-8714</v>
          </cell>
          <cell r="L3524" t="str">
            <v/>
          </cell>
          <cell r="M3524" t="str">
            <v>ﾊﾅｲｽﾞﾐ</v>
          </cell>
          <cell r="N3524" t="str">
            <v>無</v>
          </cell>
          <cell r="O3524">
            <v>22</v>
          </cell>
          <cell r="P3524">
            <v>134</v>
          </cell>
          <cell r="Q3524">
            <v>3120101020873</v>
          </cell>
          <cell r="R3524">
            <v>13000</v>
          </cell>
          <cell r="S3524" t="str">
            <v/>
          </cell>
          <cell r="T3524">
            <v>141229</v>
          </cell>
          <cell r="V3524" t="str">
            <v>pq110217</v>
          </cell>
          <cell r="W3524" t="str">
            <v>wn175718</v>
          </cell>
          <cell r="Y3524" t="str">
            <v/>
          </cell>
          <cell r="Z3524" t="str">
            <v/>
          </cell>
          <cell r="AA3524" t="str">
            <v/>
          </cell>
          <cell r="AB3524" t="str">
            <v/>
          </cell>
          <cell r="AC3524" t="str">
            <v/>
          </cell>
          <cell r="AD3524" t="str">
            <v/>
          </cell>
          <cell r="AE3524">
            <v>0</v>
          </cell>
          <cell r="AF3524" t="str">
            <v/>
          </cell>
        </row>
        <row r="3525">
          <cell r="B3525">
            <v>12991</v>
          </cell>
          <cell r="C3525" t="str">
            <v>ライブメディア(株)</v>
          </cell>
          <cell r="D3525" t="str">
            <v>06-6882-0666</v>
          </cell>
          <cell r="E3525" t="str">
            <v>534-0024</v>
          </cell>
          <cell r="F3525" t="str">
            <v>大阪府大阪市都島区東野田町4-7-5</v>
          </cell>
          <cell r="G3525" t="str">
            <v>大阪市</v>
          </cell>
          <cell r="H3525" t="str">
            <v/>
          </cell>
          <cell r="I3525" t="str">
            <v>代表取締役 田中　勇一郎</v>
          </cell>
          <cell r="J3525" t="str">
            <v>本店</v>
          </cell>
          <cell r="K3525" t="str">
            <v>06-6882-0667</v>
          </cell>
          <cell r="L3525" t="str">
            <v>johotsushin@livemedia.cc</v>
          </cell>
          <cell r="M3525" t="str">
            <v>ﾗｲﾌﾞﾒﾃﾞｨｱ</v>
          </cell>
          <cell r="N3525" t="str">
            <v>無</v>
          </cell>
          <cell r="O3525">
            <v>3</v>
          </cell>
          <cell r="P3525">
            <v>14</v>
          </cell>
          <cell r="Q3525">
            <v>2120001202044</v>
          </cell>
          <cell r="R3525">
            <v>500</v>
          </cell>
          <cell r="S3525">
            <v>598</v>
          </cell>
          <cell r="T3525">
            <v>7155</v>
          </cell>
          <cell r="V3525" t="str">
            <v>tx168538</v>
          </cell>
          <cell r="W3525" t="str">
            <v>bl118501</v>
          </cell>
          <cell r="Y3525" t="str">
            <v>044，12，36，44，57，58，64，70，73，76，</v>
          </cell>
          <cell r="Z3525">
            <v>36</v>
          </cell>
          <cell r="AA3525">
            <v>58</v>
          </cell>
          <cell r="AB3525">
            <v>12</v>
          </cell>
          <cell r="AC3525">
            <v>44</v>
          </cell>
          <cell r="AD3525" t="str">
            <v>無し</v>
          </cell>
          <cell r="AE3525" t="str">
            <v>１；無し２；無し３；無し４；無し</v>
          </cell>
          <cell r="AF3525" t="str">
            <v>弊社は官公庁・法人・個人様よりご要望頂きキッティング・保守メンテナンスを主軸としています。現在、業界における従業員クオリティ・レスポンスの低迷を危惧しており、弊社では前述したことが起きない様に従業員の育成やパートナー企業様の選定し、人と人の繋がりを第一行動としています。</v>
          </cell>
        </row>
        <row r="3526">
          <cell r="B3526">
            <v>12992</v>
          </cell>
          <cell r="C3526" t="str">
            <v>中央電力ソリューション(株)</v>
          </cell>
          <cell r="D3526" t="str">
            <v>072-966-5000</v>
          </cell>
          <cell r="E3526" t="str">
            <v>578-0946</v>
          </cell>
          <cell r="F3526" t="str">
            <v>大阪府東大阪市瓜生堂一丁目2番18号</v>
          </cell>
          <cell r="G3526" t="str">
            <v>東大阪市</v>
          </cell>
          <cell r="I3526" t="str">
            <v>代表取締役 宮木　竹信</v>
          </cell>
          <cell r="J3526" t="str">
            <v>大阪府大阪市</v>
          </cell>
          <cell r="K3526" t="str">
            <v>072-966-5007</v>
          </cell>
          <cell r="L3526" t="str">
            <v/>
          </cell>
          <cell r="M3526" t="str">
            <v>ﾁｭｳｵｳﾃﾞﾝﾘｮｸｿﾘｭｰｼｮﾝ</v>
          </cell>
          <cell r="N3526" t="str">
            <v>有</v>
          </cell>
          <cell r="O3526">
            <v>7</v>
          </cell>
          <cell r="P3526">
            <v>18</v>
          </cell>
          <cell r="Q3526">
            <v>5122001025711</v>
          </cell>
          <cell r="R3526">
            <v>50000</v>
          </cell>
          <cell r="S3526">
            <v>268705</v>
          </cell>
          <cell r="T3526">
            <v>530133</v>
          </cell>
          <cell r="V3526" t="str">
            <v>nc137394</v>
          </cell>
          <cell r="W3526" t="str">
            <v>vn121800</v>
          </cell>
          <cell r="Y3526" t="str">
            <v/>
          </cell>
          <cell r="Z3526" t="str">
            <v/>
          </cell>
          <cell r="AA3526" t="str">
            <v/>
          </cell>
          <cell r="AB3526" t="str">
            <v/>
          </cell>
          <cell r="AC3526" t="str">
            <v/>
          </cell>
          <cell r="AD3526" t="str">
            <v/>
          </cell>
          <cell r="AE3526">
            <v>0</v>
          </cell>
          <cell r="AF3526" t="str">
            <v/>
          </cell>
        </row>
        <row r="3527">
          <cell r="B3527">
            <v>12993</v>
          </cell>
          <cell r="C3527" t="str">
            <v>(株)イカリ消毒</v>
          </cell>
          <cell r="D3527" t="str">
            <v>06-4307-6874</v>
          </cell>
          <cell r="E3527" t="str">
            <v>577-0013</v>
          </cell>
          <cell r="F3527" t="str">
            <v>大阪府東大阪市長田中2-2-4</v>
          </cell>
          <cell r="G3527" t="str">
            <v>東大阪市</v>
          </cell>
          <cell r="H3527" t="str">
            <v>大阪中央営業所</v>
          </cell>
          <cell r="I3527" t="str">
            <v>所長 本谷　宜章</v>
          </cell>
          <cell r="J3527" t="str">
            <v>東京都</v>
          </cell>
          <cell r="K3527" t="str">
            <v>06-4307-6872</v>
          </cell>
          <cell r="L3527" t="str">
            <v/>
          </cell>
          <cell r="M3527" t="str">
            <v>ｲｶﾘｼｮｳﾄﾞｸ</v>
          </cell>
          <cell r="N3527" t="str">
            <v>有</v>
          </cell>
          <cell r="O3527">
            <v>60</v>
          </cell>
          <cell r="P3527">
            <v>1260</v>
          </cell>
          <cell r="Q3527">
            <v>8011101001721</v>
          </cell>
          <cell r="R3527">
            <v>144480</v>
          </cell>
          <cell r="S3527">
            <v>4831163</v>
          </cell>
          <cell r="T3527">
            <v>18561599</v>
          </cell>
          <cell r="V3527" t="str">
            <v>ya106351</v>
          </cell>
          <cell r="W3527" t="str">
            <v>px134273</v>
          </cell>
          <cell r="Y3527" t="str">
            <v/>
          </cell>
          <cell r="Z3527" t="str">
            <v/>
          </cell>
          <cell r="AA3527" t="str">
            <v/>
          </cell>
          <cell r="AB3527" t="str">
            <v/>
          </cell>
          <cell r="AC3527" t="str">
            <v/>
          </cell>
          <cell r="AD3527" t="str">
            <v/>
          </cell>
          <cell r="AE3527">
            <v>0</v>
          </cell>
          <cell r="AF3527" t="str">
            <v/>
          </cell>
        </row>
        <row r="3528">
          <cell r="B3528">
            <v>12994</v>
          </cell>
          <cell r="C3528" t="str">
            <v>中部電力ミライズ㈱</v>
          </cell>
          <cell r="D3528" t="str">
            <v>052-740-6831</v>
          </cell>
          <cell r="E3528" t="str">
            <v>461-8680</v>
          </cell>
          <cell r="F3528" t="str">
            <v>愛知県名古屋市東区東新町1</v>
          </cell>
          <cell r="G3528" t="str">
            <v>名古屋市</v>
          </cell>
          <cell r="I3528" t="str">
            <v>代表取締役社長執行役員　大谷　真哉</v>
          </cell>
          <cell r="K3528" t="str">
            <v>052-740-6932</v>
          </cell>
          <cell r="L3528" t="str">
            <v>Chuden.Nyusatsu@chuden.co.jp</v>
          </cell>
          <cell r="M3528" t="str">
            <v>ﾁｭｳﾌﾞﾃﾞﾝﾘｮｸﾐﾗｲｽﾞ</v>
          </cell>
          <cell r="N3528" t="str">
            <v>無</v>
          </cell>
          <cell r="O3528">
            <v>69</v>
          </cell>
          <cell r="P3528">
            <v>1611</v>
          </cell>
          <cell r="R3528">
            <v>5000</v>
          </cell>
          <cell r="S3528">
            <v>1507601</v>
          </cell>
          <cell r="T3528">
            <v>2719087</v>
          </cell>
          <cell r="V3528" t="str">
            <v>ch152122</v>
          </cell>
          <cell r="W3528" t="str">
            <v>ss141466</v>
          </cell>
        </row>
      </sheetData>
      <sheetData sheetId="18">
        <row r="1">
          <cell r="N1">
            <v>1</v>
          </cell>
          <cell r="O1">
            <v>2</v>
          </cell>
          <cell r="P1">
            <v>5</v>
          </cell>
          <cell r="Q1">
            <v>7</v>
          </cell>
          <cell r="R1">
            <v>8</v>
          </cell>
          <cell r="S1">
            <v>9</v>
          </cell>
          <cell r="T1">
            <v>12</v>
          </cell>
        </row>
        <row r="2">
          <cell r="N2" t="str">
            <v>工 事 台 帳</v>
          </cell>
          <cell r="O2" t="str">
            <v>指 名 競 争 入 札 伺 書</v>
          </cell>
          <cell r="P2" t="str">
            <v>入 札 結 果 表</v>
          </cell>
          <cell r="Q2" t="str">
            <v xml:space="preserve"> 契 約 締 結 伺 書</v>
          </cell>
          <cell r="R2" t="str">
            <v>契 約 締 結 報 告 書</v>
          </cell>
          <cell r="S2" t="str">
            <v>随 意 契 約 伺 書</v>
          </cell>
          <cell r="T2" t="str">
            <v>随 意 契 約 伺 書 （ 変 更 ）</v>
          </cell>
        </row>
        <row r="3">
          <cell r="N3" t="str">
            <v>受付日</v>
          </cell>
          <cell r="O3" t="str">
            <v>市長</v>
          </cell>
          <cell r="Q3" t="str">
            <v>市長</v>
          </cell>
          <cell r="R3" t="str">
            <v>部長</v>
          </cell>
          <cell r="S3" t="str">
            <v>市長</v>
          </cell>
          <cell r="T3" t="str">
            <v>市長</v>
          </cell>
        </row>
        <row r="4">
          <cell r="N4" t="str">
            <v>整理番号</v>
          </cell>
          <cell r="O4" t="str">
            <v>副市長</v>
          </cell>
          <cell r="Q4" t="str">
            <v>副市長</v>
          </cell>
          <cell r="R4" t="str">
            <v>室長</v>
          </cell>
          <cell r="S4" t="str">
            <v>副市長</v>
          </cell>
          <cell r="T4" t="str">
            <v>副市長</v>
          </cell>
        </row>
        <row r="5">
          <cell r="N5" t="str">
            <v>工事種別</v>
          </cell>
          <cell r="O5" t="str">
            <v>理事</v>
          </cell>
          <cell r="Q5" t="str">
            <v>理事</v>
          </cell>
          <cell r="R5" t="str">
            <v>課長</v>
          </cell>
          <cell r="S5" t="str">
            <v>理事</v>
          </cell>
          <cell r="T5" t="str">
            <v>理事</v>
          </cell>
        </row>
        <row r="6">
          <cell r="N6" t="str">
            <v>担当課</v>
          </cell>
          <cell r="O6" t="str">
            <v>部長</v>
          </cell>
          <cell r="Q6" t="str">
            <v>部長</v>
          </cell>
          <cell r="S6" t="str">
            <v>部長</v>
          </cell>
          <cell r="T6" t="str">
            <v>部長</v>
          </cell>
        </row>
        <row r="7">
          <cell r="N7" t="str">
            <v>予算課</v>
          </cell>
          <cell r="O7" t="str">
            <v>副参事</v>
          </cell>
          <cell r="Q7" t="str">
            <v>副参事</v>
          </cell>
          <cell r="S7" t="str">
            <v>副参事</v>
          </cell>
          <cell r="T7" t="str">
            <v>副参事</v>
          </cell>
        </row>
        <row r="8">
          <cell r="N8" t="str">
            <v>施工成績</v>
          </cell>
          <cell r="O8" t="str">
            <v>課長</v>
          </cell>
          <cell r="Q8" t="str">
            <v>課長</v>
          </cell>
          <cell r="S8" t="str">
            <v>課長</v>
          </cell>
          <cell r="T8" t="str">
            <v>課長</v>
          </cell>
        </row>
        <row r="9">
          <cell r="N9" t="str">
            <v>コメント</v>
          </cell>
          <cell r="R9" t="str">
            <v>合議</v>
          </cell>
        </row>
        <row r="10">
          <cell r="N10" t="str">
            <v>土</v>
          </cell>
          <cell r="O10" t="str">
            <v>○</v>
          </cell>
          <cell r="Q10" t="str">
            <v>○</v>
          </cell>
          <cell r="S10" t="str">
            <v>○</v>
          </cell>
        </row>
        <row r="11">
          <cell r="N11" t="str">
            <v xml:space="preserve"> 土-20</v>
          </cell>
          <cell r="O11" t="str">
            <v>○</v>
          </cell>
          <cell r="Q11" t="str">
            <v>○</v>
          </cell>
          <cell r="S11" t="str">
            <v>○</v>
          </cell>
        </row>
        <row r="12">
          <cell r="N12" t="str">
            <v>土木一式</v>
          </cell>
          <cell r="O12" t="str">
            <v>○</v>
          </cell>
          <cell r="Q12" t="str">
            <v>○</v>
          </cell>
          <cell r="S12" t="str">
            <v>○</v>
          </cell>
        </row>
        <row r="13">
          <cell r="N13" t="str">
            <v>道路保全課</v>
          </cell>
          <cell r="O13" t="str">
            <v/>
          </cell>
          <cell r="Q13" t="str">
            <v/>
          </cell>
          <cell r="S13" t="str">
            <v/>
          </cell>
        </row>
        <row r="14">
          <cell r="O14" t="str">
            <v/>
          </cell>
          <cell r="Q14" t="str">
            <v/>
          </cell>
          <cell r="S14" t="str">
            <v/>
          </cell>
        </row>
        <row r="16">
          <cell r="N16" t="str">
            <v>設 計 者</v>
          </cell>
          <cell r="O16" t="str">
            <v>決裁区分</v>
          </cell>
          <cell r="P16" t="str">
            <v>整理番号</v>
          </cell>
          <cell r="Q16" t="str">
            <v>決裁区分</v>
          </cell>
          <cell r="R16" t="str">
            <v>整理番号</v>
          </cell>
          <cell r="S16" t="str">
            <v>決裁区分</v>
          </cell>
          <cell r="T16" t="str">
            <v>決裁区分</v>
          </cell>
        </row>
        <row r="17">
          <cell r="N17" t="str">
            <v>野口聖矢</v>
          </cell>
          <cell r="O17" t="str">
            <v xml:space="preserve"> 部長</v>
          </cell>
          <cell r="P17" t="str">
            <v xml:space="preserve"> 土-20</v>
          </cell>
          <cell r="Q17" t="str">
            <v xml:space="preserve"> 部長</v>
          </cell>
          <cell r="R17" t="str">
            <v xml:space="preserve"> 土-20</v>
          </cell>
          <cell r="S17" t="str">
            <v xml:space="preserve"> 部長</v>
          </cell>
          <cell r="T17" t="str">
            <v/>
          </cell>
        </row>
        <row r="18">
          <cell r="N18" t="str">
            <v>監 督 者</v>
          </cell>
          <cell r="O18" t="str">
            <v>保存年限</v>
          </cell>
          <cell r="P18" t="str">
            <v>工事種別</v>
          </cell>
          <cell r="Q18" t="str">
            <v>整理番号</v>
          </cell>
          <cell r="R18" t="str">
            <v>支出負担行為番号</v>
          </cell>
          <cell r="S18" t="str">
            <v>保存年限</v>
          </cell>
          <cell r="T18" t="str">
            <v>保存年限</v>
          </cell>
        </row>
        <row r="19">
          <cell r="N19" t="str">
            <v>野口聖矢</v>
          </cell>
          <cell r="O19" t="str">
            <v xml:space="preserve"> 10年</v>
          </cell>
          <cell r="P19" t="str">
            <v>土木</v>
          </cell>
          <cell r="Q19" t="str">
            <v xml:space="preserve"> 土-20</v>
          </cell>
          <cell r="R19" t="str">
            <v xml:space="preserve"> </v>
          </cell>
          <cell r="S19" t="str">
            <v xml:space="preserve"> 10年</v>
          </cell>
          <cell r="T19" t="str">
            <v xml:space="preserve"> 10年</v>
          </cell>
        </row>
        <row r="20">
          <cell r="N20" t="str">
            <v>契約方法</v>
          </cell>
          <cell r="O20" t="str">
            <v>文書分類</v>
          </cell>
          <cell r="P20" t="str">
            <v>落札金額</v>
          </cell>
          <cell r="Q20" t="str">
            <v>公　　印</v>
          </cell>
          <cell r="R20" t="str">
            <v>文書分類</v>
          </cell>
          <cell r="S20" t="str">
            <v>文書分類</v>
          </cell>
          <cell r="T20" t="str">
            <v>文書分類</v>
          </cell>
        </row>
        <row r="21">
          <cell r="N21" t="str">
            <v xml:space="preserve"> 随意契約　　　　　　　　　　（電子入札）</v>
          </cell>
          <cell r="O21" t="str">
            <v xml:space="preserve"> E-O-2</v>
          </cell>
          <cell r="P21" t="str">
            <v xml:space="preserve">   \4,530,000-</v>
          </cell>
          <cell r="Q21" t="str">
            <v xml:space="preserve"> 4／1　（　　件）</v>
          </cell>
          <cell r="R21" t="str">
            <v/>
          </cell>
          <cell r="S21" t="str">
            <v xml:space="preserve"> E-O-2</v>
          </cell>
          <cell r="T21" t="str">
            <v xml:space="preserve"> E-O-2</v>
          </cell>
        </row>
        <row r="22">
          <cell r="N22" t="str">
            <v>合　　併</v>
          </cell>
          <cell r="O22" t="str">
            <v>整理番号</v>
          </cell>
          <cell r="P22" t="str">
            <v>設 計 額</v>
          </cell>
          <cell r="Q22" t="str">
            <v>起　　案</v>
          </cell>
          <cell r="R22" t="str">
            <v>経理番号</v>
          </cell>
          <cell r="S22" t="str">
            <v>整理番号</v>
          </cell>
          <cell r="T22" t="str">
            <v>整理番号</v>
          </cell>
        </row>
        <row r="23">
          <cell r="N23" t="str">
            <v>なし</v>
          </cell>
          <cell r="O23" t="str">
            <v xml:space="preserve"> 土-20</v>
          </cell>
          <cell r="P23" t="str">
            <v xml:space="preserve">   \6,028,000-</v>
          </cell>
          <cell r="Q23" t="str">
            <v xml:space="preserve"> 令和3年4月1日</v>
          </cell>
          <cell r="R23" t="str">
            <v xml:space="preserve"> 494-1</v>
          </cell>
          <cell r="S23" t="str">
            <v xml:space="preserve"> 土-20</v>
          </cell>
          <cell r="T23" t="str">
            <v xml:space="preserve"> 土-20</v>
          </cell>
        </row>
        <row r="24">
          <cell r="N24" t="str">
            <v>支払条件</v>
          </cell>
          <cell r="O24" t="str">
            <v>文書番号</v>
          </cell>
          <cell r="P24" t="str">
            <v>設計額の消費税額</v>
          </cell>
          <cell r="Q24" t="str">
            <v>決　　裁</v>
          </cell>
          <cell r="S24" t="str">
            <v>文書番号</v>
          </cell>
          <cell r="T24" t="str">
            <v>文書番号</v>
          </cell>
        </row>
        <row r="25">
          <cell r="N25" t="str">
            <v xml:space="preserve"> 出来高払4回</v>
          </cell>
          <cell r="O25" t="str">
            <v xml:space="preserve"> 伊総契公第494-1号</v>
          </cell>
          <cell r="P25" t="str">
            <v xml:space="preserve">          \-</v>
          </cell>
          <cell r="Q25" t="str">
            <v xml:space="preserve"> 令和 　年 　月 　日</v>
          </cell>
          <cell r="R25" t="str">
            <v xml:space="preserve"> 令和3年4月1日</v>
          </cell>
          <cell r="S25" t="str">
            <v xml:space="preserve"> 伊総契公第494-1号</v>
          </cell>
          <cell r="T25" t="str">
            <v xml:space="preserve"> 伊総契公第494-1号</v>
          </cell>
        </row>
        <row r="26">
          <cell r="N26" t="str">
            <v>開札日時</v>
          </cell>
          <cell r="O26" t="str">
            <v>起　　案</v>
          </cell>
          <cell r="P26" t="str">
            <v>予定価格</v>
          </cell>
          <cell r="S26" t="str">
            <v>起　　案</v>
          </cell>
          <cell r="T26" t="str">
            <v>起　　案</v>
          </cell>
        </row>
        <row r="27">
          <cell r="N27" t="str">
            <v xml:space="preserve"> 令和3年4月1日 14時01分</v>
          </cell>
          <cell r="O27" t="str">
            <v xml:space="preserve"> 令和3年4月9日</v>
          </cell>
          <cell r="P27" t="str">
            <v xml:space="preserve">   \6,028,000-</v>
          </cell>
          <cell r="R27" t="str">
            <v>道路保全課長　様</v>
          </cell>
          <cell r="S27" t="str">
            <v xml:space="preserve"> 令和3年4月9日</v>
          </cell>
          <cell r="T27" t="str">
            <v xml:space="preserve"> 令和3年4月1日</v>
          </cell>
        </row>
        <row r="28">
          <cell r="N28" t="str">
            <v>開札場所</v>
          </cell>
          <cell r="O28" t="str">
            <v>決　　裁</v>
          </cell>
          <cell r="P28" t="str">
            <v>最低制限価　　格</v>
          </cell>
          <cell r="S28" t="str">
            <v>決　　裁</v>
          </cell>
          <cell r="T28" t="str">
            <v>決　　裁</v>
          </cell>
        </row>
        <row r="29">
          <cell r="N29" t="str">
            <v xml:space="preserve"> 電子入札</v>
          </cell>
          <cell r="O29" t="str">
            <v xml:space="preserve"> 令和 　年 　月 　日</v>
          </cell>
          <cell r="P29" t="str">
            <v xml:space="preserve">   \4,599,000-</v>
          </cell>
          <cell r="S29" t="str">
            <v xml:space="preserve"> 令和 　年 　月 　日</v>
          </cell>
          <cell r="T29" t="str">
            <v xml:space="preserve"> 令和 　年 　月 　日</v>
          </cell>
        </row>
        <row r="30">
          <cell r="N30" t="str">
            <v>請負業者</v>
          </cell>
          <cell r="O30" t="str">
            <v>施　　行</v>
          </cell>
          <cell r="P30" t="str">
            <v>入 札 書比較価格</v>
          </cell>
          <cell r="S30" t="str">
            <v>施　　行</v>
          </cell>
          <cell r="T30" t="str">
            <v>施　　行</v>
          </cell>
        </row>
        <row r="31">
          <cell r="N31" t="str">
            <v xml:space="preserve"> (株)マエダコンストラクション　</v>
          </cell>
          <cell r="O31" t="str">
            <v xml:space="preserve"> 令和 　年 　月 　日</v>
          </cell>
          <cell r="P31" t="str">
            <v xml:space="preserve">   \5,480,000-</v>
          </cell>
          <cell r="S31" t="str">
            <v xml:space="preserve"> 令和 　年 　月 　日</v>
          </cell>
          <cell r="T31" t="str">
            <v xml:space="preserve"> 令和 　年 　月 　日</v>
          </cell>
        </row>
        <row r="32">
          <cell r="N32" t="str">
            <v>請負業者代 表 者</v>
          </cell>
          <cell r="O32" t="str">
            <v>公　　印</v>
          </cell>
          <cell r="P32" t="str">
            <v>最低価格比較価格</v>
          </cell>
          <cell r="S32" t="str">
            <v>公　　印</v>
          </cell>
          <cell r="T32" t="str">
            <v>公　　印</v>
          </cell>
        </row>
        <row r="33">
          <cell r="N33" t="str">
            <v xml:space="preserve"> 代表取締役 前田　文雄</v>
          </cell>
          <cell r="O33" t="str">
            <v>　　／　　(　　件)</v>
          </cell>
          <cell r="P33" t="str">
            <v xml:space="preserve">    \219,000-</v>
          </cell>
          <cell r="R33" t="str">
            <v>契約・検査課長</v>
          </cell>
          <cell r="S33" t="str">
            <v>　　／　　(　　件)</v>
          </cell>
          <cell r="T33" t="str">
            <v xml:space="preserve"> 4／1　（２件）</v>
          </cell>
        </row>
        <row r="34">
          <cell r="N34" t="str">
            <v>　参加業者　20社</v>
          </cell>
          <cell r="O34" t="str">
            <v>　　地方自治法施行令第１６７条第１号の規定により、下記のとおり指名競争入札</v>
          </cell>
          <cell r="P34" t="str">
            <v>　執 行 者　　44264　）</v>
          </cell>
          <cell r="Q34" t="str">
            <v>　　　　　　　　　　　請負契約をすることについて</v>
          </cell>
          <cell r="R34" t="str">
            <v>　　　　　　　　請負契約締結決定について</v>
          </cell>
          <cell r="S34" t="str">
            <v>　　　　　　　　　　　請負契約準備をすることについて</v>
          </cell>
          <cell r="T34" t="str">
            <v>　　　　　　　　　変更契約をすることについて</v>
          </cell>
        </row>
        <row r="35">
          <cell r="N35" t="str">
            <v>(64)(株)マエダコンストラクション.(65)(株)禎建.(66)(株)高木興産.(67)(株)ミズホ工業.(68)野本興業.(69)(株)ビルドプラス.(70)(株)平澤建設.(71)(株)三研.</v>
          </cell>
          <cell r="O35" t="str">
            <v>　をしてよろしいか。</v>
          </cell>
          <cell r="P35" t="str">
            <v>　入札方法　　　（電子入札）</v>
          </cell>
          <cell r="Q35" t="str">
            <v>　　みだしのことについて、別紙のとおり見積結果がでましたので、下記</v>
          </cell>
          <cell r="R35" t="str">
            <v>　　　　　みだしのことについて、下記のとおり契約を締結いたしましたので</v>
          </cell>
          <cell r="S35" t="str">
            <v>　　みだしのことについて、右記業者に見積書を徴したうえ、地方自治法施行令第</v>
          </cell>
          <cell r="T35" t="str">
            <v>　　みだしのことについて、下記業者との間で地方自治法施行令第１６７条の２</v>
          </cell>
        </row>
        <row r="36">
          <cell r="N36" t="str">
            <v>(72)オカムネ建設.(73)エスエス工業(株).(74)ウチダ建設(株).(75)森山建設工業(株).(76)(有)大内土木興業.(77)マックス.(78)(株)イムラ.(79)(株)得野組.(80)</v>
          </cell>
          <cell r="P36" t="str">
            <v>　※　落札金額は、入札金額に８％を加算した額。　</v>
          </cell>
          <cell r="Q36" t="str">
            <v>　のとおり契約を締結してよろしいか。</v>
          </cell>
          <cell r="R36" t="str">
            <v>　　　　報告いたします。</v>
          </cell>
          <cell r="S36" t="str">
            <v>　１６７条の２第１項第２号の規定により随意契約の準備をしてよろしいか。</v>
          </cell>
          <cell r="T36" t="e">
            <v>#VALUE!</v>
          </cell>
        </row>
        <row r="37">
          <cell r="N37" t="str">
            <v/>
          </cell>
          <cell r="O37" t="str">
            <v>　　　　　　　　　　　　　　　　　　記</v>
          </cell>
          <cell r="P37" t="str">
            <v>　※　入札金額には８％を含まず。　</v>
          </cell>
          <cell r="Q37" t="str">
            <v>　　　　　　　　　　　　　　　　　　記</v>
          </cell>
          <cell r="R37" t="str">
            <v>　　　　　　　　　　　　　　　　　　記</v>
          </cell>
          <cell r="S37" t="str">
            <v>　　　　　　　　　　　　　　　　　　記</v>
          </cell>
          <cell r="T37" t="str">
            <v>　　　　　　　　　　　　　　　　　　記</v>
          </cell>
        </row>
        <row r="38">
          <cell r="N38" t="str">
            <v>件　　名</v>
          </cell>
          <cell r="O38" t="str">
            <v>件　　名</v>
          </cell>
          <cell r="P38" t="str">
            <v>件　　名</v>
          </cell>
          <cell r="Q38" t="str">
            <v>件　　名</v>
          </cell>
          <cell r="R38" t="str">
            <v>件　　名</v>
          </cell>
          <cell r="S38" t="str">
            <v>件　　名</v>
          </cell>
          <cell r="T38" t="str">
            <v>件　　名</v>
          </cell>
        </row>
        <row r="39">
          <cell r="N39" t="str">
            <v xml:space="preserve"> 令和３年度道路維持補修単価契約工事Ｎｏ.１</v>
          </cell>
          <cell r="O39" t="str">
            <v xml:space="preserve"> 令和３年度道路維持補修単価契約工事Ｎｏ.１</v>
          </cell>
          <cell r="P39" t="str">
            <v xml:space="preserve"> 令和３年度道路維持補修単価契約工事Ｎｏ.１</v>
          </cell>
          <cell r="Q39" t="str">
            <v xml:space="preserve"> 令和３年度道路維持補修単価契約工事Ｎｏ.１</v>
          </cell>
          <cell r="R39" t="str">
            <v xml:space="preserve"> 令和３年度道路維持補修単価契約工事Ｎｏ.１</v>
          </cell>
          <cell r="S39" t="str">
            <v xml:space="preserve"> 令和３年度道路維持補修単価契約工事Ｎｏ.１</v>
          </cell>
          <cell r="T39" t="str">
            <v xml:space="preserve"> 令和３年度道路維持補修単価契約工事Ｎｏ.１</v>
          </cell>
        </row>
        <row r="40">
          <cell r="N40" t="str">
            <v>場　　所</v>
          </cell>
          <cell r="O40" t="str">
            <v>場　　所</v>
          </cell>
          <cell r="P40" t="str">
            <v>執行日時</v>
          </cell>
          <cell r="Q40" t="str">
            <v>場　　所</v>
          </cell>
          <cell r="R40" t="str">
            <v>場　　所</v>
          </cell>
          <cell r="S40" t="str">
            <v>場　　所</v>
          </cell>
          <cell r="T40" t="str">
            <v>場　　所</v>
          </cell>
        </row>
        <row r="41">
          <cell r="N41" t="str">
            <v xml:space="preserve"> 伊丹市Ｎｏ．１地区　地内</v>
          </cell>
          <cell r="O41" t="str">
            <v xml:space="preserve"> 伊丹市Ｎｏ．１地区　地内</v>
          </cell>
          <cell r="P41" t="str">
            <v xml:space="preserve"> 令和3年4月1日 14時01分</v>
          </cell>
          <cell r="Q41" t="str">
            <v xml:space="preserve"> 伊丹市Ｎｏ．１地区　地内</v>
          </cell>
          <cell r="R41" t="str">
            <v xml:space="preserve"> 伊丹市Ｎｏ．１地区　地内</v>
          </cell>
          <cell r="S41" t="str">
            <v xml:space="preserve"> 伊丹市Ｎｏ．１地区　地内</v>
          </cell>
          <cell r="T41" t="str">
            <v xml:space="preserve"> 伊丹市Ｎｏ．１地区　地内</v>
          </cell>
        </row>
        <row r="42">
          <cell r="N42" t="str">
            <v>備　　考</v>
          </cell>
          <cell r="O42" t="str">
            <v>期　　間</v>
          </cell>
          <cell r="P42" t="str">
            <v>執行場所</v>
          </cell>
          <cell r="Q42" t="str">
            <v>期　　間</v>
          </cell>
          <cell r="R42" t="str">
            <v>期　　間</v>
          </cell>
          <cell r="S42" t="str">
            <v>期　　間</v>
          </cell>
          <cell r="T42" t="str">
            <v>請負業者</v>
          </cell>
        </row>
        <row r="43">
          <cell r="N43" t="str">
            <v>支払時に消費税及び地方消費税を加算して支払う。</v>
          </cell>
          <cell r="O43" t="str">
            <v xml:space="preserve"> 工期 令和3年4月1日 ～ 令和4年3月31日</v>
          </cell>
          <cell r="P43" t="str">
            <v xml:space="preserve"> 電子入札</v>
          </cell>
          <cell r="Q43" t="str">
            <v xml:space="preserve"> 工期 令和3年4月1日 ～ 令和4年3月31日</v>
          </cell>
          <cell r="R43" t="str">
            <v xml:space="preserve"> 工期 令和3年4月1日 ～ 令和4年3月31日</v>
          </cell>
          <cell r="S43" t="str">
            <v xml:space="preserve"> 工期 令和3年4月1日 ～ 令和4年3月31日</v>
          </cell>
          <cell r="T43" t="str">
            <v xml:space="preserve">  (株)マエダコンストラクション　　 代表取締役 前田　文雄</v>
          </cell>
        </row>
        <row r="44">
          <cell r="Q44" t="str">
            <v>契約金額</v>
          </cell>
          <cell r="R44" t="str">
            <v>契約金額</v>
          </cell>
          <cell r="S44" t="str">
            <v>　見　１</v>
          </cell>
          <cell r="T44" t="str">
            <v>変更前の</v>
          </cell>
        </row>
        <row r="45">
          <cell r="N45" t="str">
            <v>当初契約</v>
          </cell>
          <cell r="O45">
            <v>1</v>
          </cell>
          <cell r="P45">
            <v>1</v>
          </cell>
          <cell r="S45" t="str">
            <v>　積　２</v>
          </cell>
          <cell r="T45" t="str">
            <v>設計金額</v>
          </cell>
        </row>
        <row r="46">
          <cell r="O46">
            <v>2</v>
          </cell>
          <cell r="P46">
            <v>2</v>
          </cell>
          <cell r="Q46" t="str">
            <v>契　　約</v>
          </cell>
          <cell r="R46" t="str">
            <v>契　　約</v>
          </cell>
          <cell r="S46" t="str">
            <v>　業　３</v>
          </cell>
          <cell r="T46" t="str">
            <v>変更後の</v>
          </cell>
        </row>
        <row r="47">
          <cell r="O47">
            <v>3</v>
          </cell>
          <cell r="P47">
            <v>3</v>
          </cell>
          <cell r="Q47" t="str">
            <v>保 証 金</v>
          </cell>
          <cell r="R47" t="str">
            <v>保 証 金</v>
          </cell>
          <cell r="S47" t="str">
            <v>　者　４</v>
          </cell>
          <cell r="T47" t="str">
            <v>設計金額</v>
          </cell>
        </row>
        <row r="48">
          <cell r="N48" t="str">
            <v>変更１回</v>
          </cell>
          <cell r="O48">
            <v>4</v>
          </cell>
          <cell r="P48">
            <v>4</v>
          </cell>
          <cell r="Q48" t="str">
            <v>契　　約</v>
          </cell>
          <cell r="R48" t="str">
            <v>契　　約</v>
          </cell>
          <cell r="S48" t="str">
            <v>　及　５</v>
          </cell>
          <cell r="T48" t="str">
            <v>変更前の</v>
          </cell>
        </row>
        <row r="49">
          <cell r="O49">
            <v>5</v>
          </cell>
          <cell r="P49">
            <v>5</v>
          </cell>
          <cell r="Q49" t="str">
            <v>年 月 日</v>
          </cell>
          <cell r="R49" t="str">
            <v>年 月 日</v>
          </cell>
          <cell r="S49" t="str">
            <v>　び　６</v>
          </cell>
          <cell r="T49" t="str">
            <v>契約金額</v>
          </cell>
        </row>
        <row r="50">
          <cell r="O50">
            <v>6</v>
          </cell>
          <cell r="P50">
            <v>6</v>
          </cell>
          <cell r="Q50" t="str">
            <v>請負業者</v>
          </cell>
          <cell r="R50" t="str">
            <v>請負業者</v>
          </cell>
          <cell r="S50" t="str">
            <v>　見　７</v>
          </cell>
          <cell r="T50" t="str">
            <v>変更後の</v>
          </cell>
        </row>
        <row r="51">
          <cell r="N51" t="str">
            <v>変更２回</v>
          </cell>
          <cell r="O51">
            <v>7</v>
          </cell>
          <cell r="P51">
            <v>7</v>
          </cell>
          <cell r="S51" t="str">
            <v>　積　８</v>
          </cell>
          <cell r="T51" t="str">
            <v>契約金額</v>
          </cell>
        </row>
        <row r="52">
          <cell r="O52">
            <v>8</v>
          </cell>
          <cell r="P52">
            <v>8</v>
          </cell>
          <cell r="Q52" t="str">
            <v>支払条件</v>
          </cell>
          <cell r="R52" t="str">
            <v>支払条件</v>
          </cell>
          <cell r="S52" t="str">
            <v>　金　９</v>
          </cell>
          <cell r="T52" t="str">
            <v>差　　引</v>
          </cell>
        </row>
        <row r="53">
          <cell r="O53">
            <v>9</v>
          </cell>
          <cell r="P53">
            <v>9</v>
          </cell>
          <cell r="S53" t="str">
            <v>　額　10</v>
          </cell>
        </row>
        <row r="54">
          <cell r="N54" t="str">
            <v>変更３回</v>
          </cell>
          <cell r="O54">
            <v>10</v>
          </cell>
          <cell r="P54">
            <v>10</v>
          </cell>
          <cell r="Q54" t="str">
            <v>契約方法</v>
          </cell>
          <cell r="R54" t="str">
            <v>契約方法</v>
          </cell>
          <cell r="S54" t="str">
            <v>設計金額(消費税)</v>
          </cell>
          <cell r="T54" t="str">
            <v>変更前の</v>
          </cell>
        </row>
        <row r="55">
          <cell r="O55">
            <v>11</v>
          </cell>
          <cell r="P55">
            <v>11</v>
          </cell>
          <cell r="S55" t="str">
            <v>予定金額(比較額)</v>
          </cell>
          <cell r="T55" t="str">
            <v>完了期日</v>
          </cell>
        </row>
        <row r="56">
          <cell r="O56" t="str">
            <v>　 12</v>
          </cell>
          <cell r="P56" t="str">
            <v>　　12</v>
          </cell>
          <cell r="Q56" t="str">
            <v>備　　考</v>
          </cell>
          <cell r="R56" t="str">
            <v>備　　考</v>
          </cell>
          <cell r="S56" t="str">
            <v>業者決定</v>
          </cell>
          <cell r="T56" t="str">
            <v>変更後の</v>
          </cell>
        </row>
        <row r="57">
          <cell r="N57" t="str">
            <v>変更４回</v>
          </cell>
          <cell r="O57" t="str">
            <v>　 13</v>
          </cell>
          <cell r="P57" t="str">
            <v>　　13</v>
          </cell>
          <cell r="S57" t="str">
            <v>の方法等</v>
          </cell>
          <cell r="T57" t="str">
            <v>完了期日</v>
          </cell>
        </row>
        <row r="58">
          <cell r="O58" t="str">
            <v>　 14</v>
          </cell>
          <cell r="P58" t="str">
            <v>　　14</v>
          </cell>
          <cell r="S58" t="str">
            <v xml:space="preserve"> </v>
          </cell>
          <cell r="T58" t="str">
            <v>そ の 他</v>
          </cell>
        </row>
        <row r="59">
          <cell r="O59" t="str">
            <v>　 15</v>
          </cell>
          <cell r="P59" t="str">
            <v>　　15</v>
          </cell>
          <cell r="S59" t="str">
            <v xml:space="preserve"> </v>
          </cell>
          <cell r="T59" t="str">
            <v>備　　考</v>
          </cell>
        </row>
        <row r="60">
          <cell r="N60" t="str">
            <v>上段：契約日・工期　　　　　　　　　　　　　　　下段：契約保証金</v>
          </cell>
          <cell r="O60" t="str">
            <v>　　　　　　指　名　業　者</v>
          </cell>
          <cell r="P60" t="str">
            <v>　　　　　入　札　者　氏　名</v>
          </cell>
          <cell r="Q60" t="str">
            <v>（単価合計）   \4,530,000-</v>
          </cell>
          <cell r="R60" t="str">
            <v>（単価合計）   \4,530,000-</v>
          </cell>
          <cell r="S60" t="str">
            <v>(株)マエダコンストラクション</v>
          </cell>
          <cell r="T60" t="str">
            <v>　　　　　         \--</v>
          </cell>
        </row>
        <row r="61">
          <cell r="N61" t="str">
            <v>令和3年4月1日</v>
          </cell>
          <cell r="O61" t="str">
            <v>(株)マエダコンストラクション</v>
          </cell>
          <cell r="P61" t="str">
            <v>(株)マエダコンストラクション</v>
          </cell>
          <cell r="Q61" t="str">
            <v xml:space="preserve"> 消費税額分含まず　</v>
          </cell>
          <cell r="R61" t="str">
            <v xml:space="preserve"> 消費税額分含まず　</v>
          </cell>
          <cell r="S61" t="str">
            <v>(株)禎建</v>
          </cell>
        </row>
        <row r="62">
          <cell r="N62" t="str">
            <v xml:space="preserve"> 着工： 令和3年4月1日　　　　　　　　　　　　　　　　　　　　.竣工： 令和4年3月31日</v>
          </cell>
          <cell r="O62" t="str">
            <v>(株)禎建</v>
          </cell>
          <cell r="P62" t="str">
            <v>(株)禎建</v>
          </cell>
          <cell r="Q62" t="str">
            <v/>
          </cell>
          <cell r="R62" t="str">
            <v/>
          </cell>
          <cell r="S62" t="str">
            <v>(株)高木興産</v>
          </cell>
          <cell r="T62" t="str">
            <v>　　　　　         \--</v>
          </cell>
        </row>
        <row r="63">
          <cell r="N63" t="str">
            <v>（保険）    \608,000-</v>
          </cell>
          <cell r="O63" t="str">
            <v>(株)高木興産</v>
          </cell>
          <cell r="P63" t="str">
            <v>(株)高木興産</v>
          </cell>
          <cell r="Q63" t="str">
            <v xml:space="preserve">    \608,000-</v>
          </cell>
          <cell r="R63" t="str">
            <v>（保険）    \608,000-</v>
          </cell>
          <cell r="S63" t="str">
            <v>(株)ミズホ工業</v>
          </cell>
        </row>
        <row r="64">
          <cell r="N64" t="str">
            <v>　　年　　月　　日</v>
          </cell>
          <cell r="O64" t="str">
            <v>(株)ミズホ工業</v>
          </cell>
          <cell r="P64" t="str">
            <v>(株)ミズホ工業</v>
          </cell>
          <cell r="Q64" t="str">
            <v xml:space="preserve"> 令和3年4月1日</v>
          </cell>
          <cell r="R64" t="str">
            <v xml:space="preserve"> 令和3年4月1日</v>
          </cell>
          <cell r="S64" t="str">
            <v>野本興業</v>
          </cell>
          <cell r="T64" t="str">
            <v>　　　　　         \--</v>
          </cell>
        </row>
        <row r="65">
          <cell r="N65" t="str">
            <v>　　年　　月　　日～　　年　　月　　日</v>
          </cell>
          <cell r="O65" t="str">
            <v>野本興業</v>
          </cell>
          <cell r="P65" t="str">
            <v>野本興業</v>
          </cell>
          <cell r="S65" t="str">
            <v>(株)ビルドプラス</v>
          </cell>
          <cell r="T65" t="e">
            <v>#VALUE!</v>
          </cell>
        </row>
        <row r="66">
          <cell r="N66" t="str">
            <v>　(　　　　　)</v>
          </cell>
          <cell r="O66" t="str">
            <v>(株)ビルドプラス</v>
          </cell>
          <cell r="P66" t="str">
            <v>(株)ビルドプラス</v>
          </cell>
          <cell r="Q66" t="str">
            <v xml:space="preserve"> (株)マエダコンストラクション　</v>
          </cell>
          <cell r="R66" t="str">
            <v xml:space="preserve"> (株)マエダコンストラクション　</v>
          </cell>
          <cell r="S66" t="str">
            <v>(株)平澤建設</v>
          </cell>
          <cell r="T66" t="str">
            <v>　　　　　         \--</v>
          </cell>
        </row>
        <row r="67">
          <cell r="N67" t="str">
            <v>　　年　　月　　日</v>
          </cell>
          <cell r="O67" t="str">
            <v>(株)平澤建設</v>
          </cell>
          <cell r="P67" t="str">
            <v>(株)平澤建設</v>
          </cell>
          <cell r="Q67" t="str">
            <v xml:space="preserve"> 代表取締役 前田　文雄</v>
          </cell>
          <cell r="R67" t="str">
            <v xml:space="preserve"> 代表取締役 前田　文雄</v>
          </cell>
          <cell r="S67" t="str">
            <v>(株)三研</v>
          </cell>
          <cell r="T67" t="e">
            <v>#VALUE!</v>
          </cell>
        </row>
        <row r="68">
          <cell r="N68" t="str">
            <v>　　年　　月　　日～　　年　　月　　日</v>
          </cell>
          <cell r="O68" t="str">
            <v>(株)三研</v>
          </cell>
          <cell r="P68" t="str">
            <v>(株)三研</v>
          </cell>
          <cell r="Q68" t="str">
            <v xml:space="preserve"> 出来高払4回</v>
          </cell>
          <cell r="R68" t="str">
            <v xml:space="preserve"> 出来高払4回</v>
          </cell>
          <cell r="S68" t="str">
            <v>オカムネ建設</v>
          </cell>
          <cell r="T68" t="e">
            <v>#VALUE!</v>
          </cell>
        </row>
        <row r="69">
          <cell r="N69" t="str">
            <v>　(　　　　　)</v>
          </cell>
          <cell r="O69" t="str">
            <v>オカムネ建設</v>
          </cell>
          <cell r="P69" t="str">
            <v>オカムネ建設</v>
          </cell>
          <cell r="Q69" t="str">
            <v/>
          </cell>
          <cell r="R69" t="str">
            <v/>
          </cell>
          <cell r="S69" t="str">
            <v>エスエス工業(株)</v>
          </cell>
          <cell r="T69" t="e">
            <v>#VALUE!</v>
          </cell>
        </row>
        <row r="70">
          <cell r="N70" t="str">
            <v>　　年　　月　　日</v>
          </cell>
          <cell r="O70" t="str">
            <v>エスエス工業(株)</v>
          </cell>
          <cell r="P70" t="str">
            <v>エスエス工業(株)</v>
          </cell>
          <cell r="Q70" t="str">
            <v xml:space="preserve"> 随意契約　
　地方自治法施行令第167条の2第１項第2号</v>
          </cell>
          <cell r="R70" t="str">
            <v xml:space="preserve"> 随意契約　
　地方自治法施行令第167条の2第１項第2号</v>
          </cell>
          <cell r="S70" t="str">
            <v xml:space="preserve">   \6,028,000-</v>
          </cell>
          <cell r="T70" t="e">
            <v>#VALUE!</v>
          </cell>
        </row>
        <row r="71">
          <cell r="N71" t="str">
            <v>　　年　　月　　日～　　年　　月　　日</v>
          </cell>
          <cell r="O71" t="str">
            <v>ウチダ建設(株)</v>
          </cell>
          <cell r="P71" t="str">
            <v>ウチダ建設(株)</v>
          </cell>
          <cell r="Q71" t="str">
            <v>　（年度前準備行為としての単価契約で入札に適しないため）</v>
          </cell>
          <cell r="R71" t="str">
            <v>　（年度前準備行為としての単価契約で入札に適しないため）</v>
          </cell>
          <cell r="S71" t="str">
            <v xml:space="preserve">   \6,028,000-</v>
          </cell>
        </row>
        <row r="72">
          <cell r="N72" t="str">
            <v>　(　　　　　)</v>
          </cell>
          <cell r="O72" t="str">
            <v>森山建設工業(株)</v>
          </cell>
          <cell r="P72" t="str">
            <v>森山建設工業(株)</v>
          </cell>
          <cell r="Q72" t="str">
            <v/>
          </cell>
          <cell r="R72" t="str">
            <v xml:space="preserve"> ※ 支払時に消費税及び地方消費税を加</v>
          </cell>
          <cell r="S72" t="str">
            <v xml:space="preserve"> (1)見積合せを行う場合は、予定金額の範　.　 見積もった業者と契約する。</v>
          </cell>
          <cell r="T72" t="e">
            <v>#VALUE!</v>
          </cell>
        </row>
        <row r="73">
          <cell r="N73" t="str">
            <v>　　年　　月　　日</v>
          </cell>
          <cell r="O73" t="str">
            <v>(有)大内土木興業</v>
          </cell>
          <cell r="P73" t="str">
            <v>(有)大内土木興業</v>
          </cell>
          <cell r="R73" t="str">
            <v/>
          </cell>
          <cell r="S73" t="str">
            <v xml:space="preserve"> (2)単独随契をする場合は、予定金額の範　.　 もったとき契約をする｡</v>
          </cell>
        </row>
        <row r="74">
          <cell r="N74" t="str">
            <v>　　年　　月　　日～　　年　　月　　日</v>
          </cell>
          <cell r="O74" t="str">
            <v>マックス</v>
          </cell>
          <cell r="P74" t="str">
            <v>マックス</v>
          </cell>
          <cell r="R74" t="str">
            <v/>
          </cell>
          <cell r="S74" t="str">
            <v xml:space="preserve"> (3)請負金は、見積書に記載された価格に　.　 とする。(単価契約を除く｡)</v>
          </cell>
          <cell r="T74" t="str">
            <v xml:space="preserve"> 変更回数  回</v>
          </cell>
        </row>
        <row r="75">
          <cell r="N75" t="str">
            <v>　(　　　　　)</v>
          </cell>
          <cell r="O75" t="str">
            <v>(株)イムラ</v>
          </cell>
          <cell r="P75" t="str">
            <v>(株)イムラ</v>
          </cell>
          <cell r="T75" t="str">
            <v xml:space="preserve"> 契約変更理由については別添起工伺いのとおり</v>
          </cell>
        </row>
        <row r="76">
          <cell r="N76" t="str">
            <v>上段:設計額　　　　　　　　　　　　　　　　下段:契約額(税)</v>
          </cell>
          <cell r="O76" t="str">
            <v>（電子入札）</v>
          </cell>
          <cell r="P76" t="str">
            <v>　入　札　金　額</v>
          </cell>
          <cell r="R76" t="str">
            <v/>
          </cell>
        </row>
        <row r="77">
          <cell r="N77" t="str">
            <v xml:space="preserve">   \6,028,000-</v>
          </cell>
          <cell r="P77">
            <v>0</v>
          </cell>
          <cell r="R77" t="str">
            <v/>
          </cell>
        </row>
        <row r="78">
          <cell r="N78" t="str">
            <v xml:space="preserve">   \4,530,000-</v>
          </cell>
          <cell r="P78">
            <v>0</v>
          </cell>
        </row>
        <row r="79">
          <cell r="N79" t="str">
            <v>(          \-)</v>
          </cell>
          <cell r="P79">
            <v>0</v>
          </cell>
          <cell r="Q79" t="str">
            <v/>
          </cell>
          <cell r="R79" t="str">
            <v/>
          </cell>
        </row>
        <row r="80">
          <cell r="P80">
            <v>0</v>
          </cell>
        </row>
        <row r="81">
          <cell r="P81">
            <v>0</v>
          </cell>
        </row>
        <row r="82">
          <cell r="N82" t="str">
            <v>（　　　　　　　)</v>
          </cell>
          <cell r="P82">
            <v>0</v>
          </cell>
        </row>
        <row r="83">
          <cell r="P83">
            <v>0</v>
          </cell>
        </row>
        <row r="84">
          <cell r="P84">
            <v>0</v>
          </cell>
        </row>
        <row r="85">
          <cell r="N85" t="str">
            <v>（　　　　　　　)</v>
          </cell>
          <cell r="P85">
            <v>0</v>
          </cell>
        </row>
        <row r="86">
          <cell r="P86">
            <v>0</v>
          </cell>
          <cell r="Q86" t="str">
            <v xml:space="preserve">
　</v>
          </cell>
          <cell r="R86" t="str">
            <v>2号の規定による。</v>
          </cell>
          <cell r="S86" t="str">
            <v>（消費税額含む）</v>
          </cell>
        </row>
        <row r="87">
          <cell r="P87">
            <v>0</v>
          </cell>
          <cell r="Q87" t="str">
            <v>　</v>
          </cell>
          <cell r="S87" t="str">
            <v>(\5,480,000-)</v>
          </cell>
        </row>
        <row r="88">
          <cell r="N88" t="str">
            <v>（　　　　　　　)</v>
          </cell>
          <cell r="P88">
            <v>0</v>
          </cell>
          <cell r="R88" t="str">
            <v>算して支払う。</v>
          </cell>
          <cell r="S88" t="str">
            <v>囲内で最低金額を　.</v>
          </cell>
        </row>
        <row r="89">
          <cell r="P89">
            <v>0</v>
          </cell>
          <cell r="S89" t="str">
            <v>囲内の金額を見積　.</v>
          </cell>
        </row>
        <row r="90">
          <cell r="P90">
            <v>0</v>
          </cell>
          <cell r="R90" t="str">
            <v/>
          </cell>
          <cell r="S90" t="str">
            <v>８％を加算した額　.</v>
          </cell>
        </row>
        <row r="91">
          <cell r="N91" t="str">
            <v>（　　　　　　　)</v>
          </cell>
          <cell r="P91">
            <v>0</v>
          </cell>
          <cell r="R91" t="str">
            <v/>
          </cell>
        </row>
      </sheetData>
      <sheetData sheetId="19"/>
      <sheetData sheetId="20"/>
      <sheetData sheetId="21"/>
      <sheetData sheetId="22"/>
      <sheetData sheetId="23"/>
      <sheetData sheetId="24"/>
      <sheetData sheetId="25"/>
      <sheetData sheetId="26">
        <row r="4">
          <cell r="A4">
            <v>1</v>
          </cell>
          <cell r="B4" t="str">
            <v/>
          </cell>
          <cell r="R4" t="str">
            <v/>
          </cell>
          <cell r="S4">
            <v>5079</v>
          </cell>
        </row>
        <row r="5">
          <cell r="A5">
            <v>2</v>
          </cell>
          <cell r="B5" t="str">
            <v/>
          </cell>
          <cell r="O5" t="str">
            <v/>
          </cell>
          <cell r="P5" t="str">
            <v/>
          </cell>
          <cell r="R5" t="str">
            <v/>
          </cell>
          <cell r="S5">
            <v>5079</v>
          </cell>
        </row>
        <row r="6">
          <cell r="A6">
            <v>3</v>
          </cell>
          <cell r="B6" t="str">
            <v/>
          </cell>
          <cell r="O6" t="str">
            <v/>
          </cell>
          <cell r="P6" t="str">
            <v/>
          </cell>
          <cell r="R6">
            <v>5079</v>
          </cell>
          <cell r="S6">
            <v>5079</v>
          </cell>
        </row>
        <row r="7">
          <cell r="A7">
            <v>4</v>
          </cell>
          <cell r="B7" t="str">
            <v/>
          </cell>
          <cell r="O7" t="str">
            <v/>
          </cell>
          <cell r="P7" t="str">
            <v/>
          </cell>
          <cell r="R7">
            <v>5079</v>
          </cell>
          <cell r="S7">
            <v>5155</v>
          </cell>
        </row>
        <row r="8">
          <cell r="A8">
            <v>5</v>
          </cell>
          <cell r="B8" t="str">
            <v/>
          </cell>
          <cell r="O8" t="str">
            <v/>
          </cell>
          <cell r="P8" t="str">
            <v/>
          </cell>
          <cell r="R8">
            <v>5079</v>
          </cell>
          <cell r="S8">
            <v>5155</v>
          </cell>
        </row>
        <row r="9">
          <cell r="A9">
            <v>6</v>
          </cell>
          <cell r="B9" t="str">
            <v/>
          </cell>
          <cell r="O9" t="str">
            <v/>
          </cell>
          <cell r="P9" t="str">
            <v/>
          </cell>
          <cell r="R9" t="str">
            <v/>
          </cell>
          <cell r="S9">
            <v>5216</v>
          </cell>
        </row>
        <row r="10">
          <cell r="A10">
            <v>7</v>
          </cell>
          <cell r="B10" t="str">
            <v/>
          </cell>
          <cell r="O10" t="str">
            <v/>
          </cell>
          <cell r="P10" t="str">
            <v/>
          </cell>
          <cell r="R10">
            <v>5155</v>
          </cell>
          <cell r="S10">
            <v>5216</v>
          </cell>
        </row>
        <row r="11">
          <cell r="A11">
            <v>8</v>
          </cell>
          <cell r="B11" t="str">
            <v/>
          </cell>
          <cell r="O11" t="str">
            <v/>
          </cell>
          <cell r="P11" t="str">
            <v/>
          </cell>
          <cell r="R11">
            <v>5155</v>
          </cell>
          <cell r="S11">
            <v>5216</v>
          </cell>
        </row>
        <row r="12">
          <cell r="A12">
            <v>9</v>
          </cell>
          <cell r="B12" t="str">
            <v/>
          </cell>
          <cell r="O12" t="str">
            <v/>
          </cell>
          <cell r="P12" t="str">
            <v/>
          </cell>
          <cell r="R12" t="str">
            <v/>
          </cell>
          <cell r="S12">
            <v>5336</v>
          </cell>
        </row>
        <row r="13">
          <cell r="A13">
            <v>10</v>
          </cell>
          <cell r="B13" t="str">
            <v/>
          </cell>
          <cell r="O13" t="str">
            <v/>
          </cell>
          <cell r="P13" t="str">
            <v/>
          </cell>
          <cell r="R13" t="str">
            <v/>
          </cell>
          <cell r="S13">
            <v>5336</v>
          </cell>
        </row>
        <row r="14">
          <cell r="A14">
            <v>11</v>
          </cell>
          <cell r="B14" t="str">
            <v/>
          </cell>
          <cell r="O14" t="str">
            <v/>
          </cell>
          <cell r="P14" t="str">
            <v/>
          </cell>
          <cell r="R14" t="str">
            <v/>
          </cell>
          <cell r="S14">
            <v>5390</v>
          </cell>
        </row>
        <row r="15">
          <cell r="A15">
            <v>12</v>
          </cell>
          <cell r="B15" t="str">
            <v/>
          </cell>
          <cell r="O15" t="str">
            <v/>
          </cell>
          <cell r="P15" t="str">
            <v/>
          </cell>
          <cell r="R15">
            <v>5216</v>
          </cell>
          <cell r="S15">
            <v>5390</v>
          </cell>
        </row>
        <row r="16">
          <cell r="A16">
            <v>13</v>
          </cell>
          <cell r="B16" t="str">
            <v/>
          </cell>
          <cell r="O16" t="str">
            <v/>
          </cell>
          <cell r="P16" t="str">
            <v/>
          </cell>
          <cell r="R16">
            <v>5216</v>
          </cell>
          <cell r="S16">
            <v>5390</v>
          </cell>
        </row>
        <row r="17">
          <cell r="A17">
            <v>14</v>
          </cell>
          <cell r="B17" t="str">
            <v/>
          </cell>
          <cell r="O17" t="str">
            <v/>
          </cell>
          <cell r="P17" t="str">
            <v/>
          </cell>
          <cell r="R17">
            <v>5216</v>
          </cell>
          <cell r="S17">
            <v>5452</v>
          </cell>
        </row>
        <row r="18">
          <cell r="A18">
            <v>15</v>
          </cell>
          <cell r="B18" t="str">
            <v/>
          </cell>
          <cell r="O18" t="str">
            <v/>
          </cell>
          <cell r="P18" t="str">
            <v/>
          </cell>
          <cell r="R18" t="str">
            <v/>
          </cell>
          <cell r="S18">
            <v>5452</v>
          </cell>
        </row>
        <row r="19">
          <cell r="A19">
            <v>16</v>
          </cell>
          <cell r="B19" t="str">
            <v/>
          </cell>
          <cell r="O19" t="str">
            <v/>
          </cell>
          <cell r="P19" t="str">
            <v/>
          </cell>
          <cell r="R19">
            <v>5336</v>
          </cell>
          <cell r="S19">
            <v>5452</v>
          </cell>
        </row>
        <row r="20">
          <cell r="A20">
            <v>17</v>
          </cell>
          <cell r="B20" t="str">
            <v/>
          </cell>
          <cell r="O20" t="str">
            <v/>
          </cell>
          <cell r="P20" t="str">
            <v/>
          </cell>
          <cell r="R20">
            <v>5336</v>
          </cell>
          <cell r="S20">
            <v>5487</v>
          </cell>
        </row>
        <row r="21">
          <cell r="A21">
            <v>18</v>
          </cell>
          <cell r="B21" t="str">
            <v/>
          </cell>
          <cell r="O21" t="str">
            <v/>
          </cell>
          <cell r="P21" t="str">
            <v/>
          </cell>
          <cell r="R21" t="str">
            <v/>
          </cell>
          <cell r="S21">
            <v>5487</v>
          </cell>
        </row>
        <row r="22">
          <cell r="A22">
            <v>19</v>
          </cell>
          <cell r="B22" t="str">
            <v/>
          </cell>
          <cell r="O22" t="str">
            <v/>
          </cell>
          <cell r="P22" t="str">
            <v/>
          </cell>
          <cell r="R22" t="str">
            <v/>
          </cell>
          <cell r="S22">
            <v>5535</v>
          </cell>
        </row>
        <row r="23">
          <cell r="A23">
            <v>20</v>
          </cell>
          <cell r="B23" t="str">
            <v/>
          </cell>
          <cell r="O23" t="str">
            <v/>
          </cell>
          <cell r="P23" t="str">
            <v/>
          </cell>
          <cell r="R23">
            <v>5390</v>
          </cell>
          <cell r="S23">
            <v>5535</v>
          </cell>
        </row>
        <row r="24">
          <cell r="A24">
            <v>21</v>
          </cell>
          <cell r="B24" t="str">
            <v/>
          </cell>
          <cell r="O24" t="str">
            <v/>
          </cell>
          <cell r="P24" t="str">
            <v/>
          </cell>
          <cell r="R24">
            <v>5390</v>
          </cell>
          <cell r="S24">
            <v>5608</v>
          </cell>
        </row>
        <row r="25">
          <cell r="A25">
            <v>22</v>
          </cell>
          <cell r="B25" t="str">
            <v/>
          </cell>
          <cell r="O25" t="str">
            <v/>
          </cell>
          <cell r="P25" t="str">
            <v/>
          </cell>
          <cell r="R25">
            <v>5390</v>
          </cell>
          <cell r="S25">
            <v>5608</v>
          </cell>
        </row>
        <row r="26">
          <cell r="A26">
            <v>23</v>
          </cell>
          <cell r="B26" t="str">
            <v/>
          </cell>
          <cell r="R26" t="str">
            <v/>
          </cell>
          <cell r="S26">
            <v>5705</v>
          </cell>
        </row>
        <row r="27">
          <cell r="A27">
            <v>24</v>
          </cell>
          <cell r="B27" t="str">
            <v/>
          </cell>
          <cell r="R27" t="str">
            <v/>
          </cell>
          <cell r="S27">
            <v>5705</v>
          </cell>
        </row>
        <row r="28">
          <cell r="A28">
            <v>25</v>
          </cell>
          <cell r="B28" t="str">
            <v/>
          </cell>
          <cell r="O28" t="str">
            <v/>
          </cell>
          <cell r="P28" t="str">
            <v/>
          </cell>
          <cell r="R28">
            <v>5452</v>
          </cell>
          <cell r="S28">
            <v>5705</v>
          </cell>
        </row>
        <row r="29">
          <cell r="A29">
            <v>26</v>
          </cell>
          <cell r="B29" t="str">
            <v/>
          </cell>
          <cell r="O29" t="str">
            <v/>
          </cell>
          <cell r="P29" t="str">
            <v/>
          </cell>
          <cell r="R29">
            <v>5452</v>
          </cell>
          <cell r="S29">
            <v>5705</v>
          </cell>
        </row>
        <row r="30">
          <cell r="A30">
            <v>27</v>
          </cell>
          <cell r="B30" t="str">
            <v/>
          </cell>
          <cell r="O30" t="str">
            <v/>
          </cell>
          <cell r="P30" t="str">
            <v/>
          </cell>
          <cell r="R30">
            <v>5452</v>
          </cell>
          <cell r="S30">
            <v>5724</v>
          </cell>
        </row>
        <row r="31">
          <cell r="A31">
            <v>28</v>
          </cell>
          <cell r="B31" t="str">
            <v/>
          </cell>
          <cell r="O31" t="str">
            <v/>
          </cell>
          <cell r="P31" t="str">
            <v/>
          </cell>
          <cell r="R31" t="str">
            <v/>
          </cell>
          <cell r="S31">
            <v>5724</v>
          </cell>
        </row>
        <row r="32">
          <cell r="A32">
            <v>29</v>
          </cell>
          <cell r="B32" t="str">
            <v/>
          </cell>
          <cell r="O32" t="str">
            <v/>
          </cell>
          <cell r="P32" t="str">
            <v/>
          </cell>
          <cell r="R32">
            <v>5487</v>
          </cell>
          <cell r="S32">
            <v>6258</v>
          </cell>
        </row>
        <row r="33">
          <cell r="A33">
            <v>30</v>
          </cell>
          <cell r="B33" t="str">
            <v/>
          </cell>
          <cell r="O33" t="str">
            <v/>
          </cell>
          <cell r="P33" t="str">
            <v/>
          </cell>
          <cell r="R33">
            <v>5487</v>
          </cell>
          <cell r="S33">
            <v>6301</v>
          </cell>
        </row>
        <row r="34">
          <cell r="A34">
            <v>31</v>
          </cell>
          <cell r="B34" t="str">
            <v/>
          </cell>
          <cell r="O34" t="str">
            <v/>
          </cell>
          <cell r="P34" t="str">
            <v/>
          </cell>
          <cell r="R34" t="str">
            <v/>
          </cell>
          <cell r="S34">
            <v>6301</v>
          </cell>
        </row>
        <row r="35">
          <cell r="A35">
            <v>32</v>
          </cell>
          <cell r="B35" t="str">
            <v/>
          </cell>
          <cell r="O35" t="str">
            <v/>
          </cell>
          <cell r="P35" t="str">
            <v/>
          </cell>
          <cell r="R35">
            <v>5535</v>
          </cell>
          <cell r="S35">
            <v>6506</v>
          </cell>
        </row>
        <row r="36">
          <cell r="A36">
            <v>33</v>
          </cell>
          <cell r="B36" t="str">
            <v/>
          </cell>
          <cell r="O36" t="str">
            <v/>
          </cell>
          <cell r="P36" t="str">
            <v/>
          </cell>
          <cell r="R36">
            <v>5535</v>
          </cell>
          <cell r="S36">
            <v>6506</v>
          </cell>
        </row>
        <row r="37">
          <cell r="A37">
            <v>34</v>
          </cell>
          <cell r="B37" t="str">
            <v/>
          </cell>
          <cell r="O37" t="str">
            <v/>
          </cell>
          <cell r="P37" t="str">
            <v/>
          </cell>
          <cell r="R37" t="str">
            <v/>
          </cell>
          <cell r="S37" t="str">
            <v/>
          </cell>
        </row>
        <row r="38">
          <cell r="A38">
            <v>35</v>
          </cell>
          <cell r="B38" t="str">
            <v/>
          </cell>
          <cell r="O38" t="str">
            <v/>
          </cell>
          <cell r="P38" t="str">
            <v/>
          </cell>
          <cell r="R38" t="str">
            <v/>
          </cell>
          <cell r="S38" t="str">
            <v/>
          </cell>
        </row>
        <row r="39">
          <cell r="A39">
            <v>36</v>
          </cell>
          <cell r="B39" t="str">
            <v/>
          </cell>
          <cell r="O39" t="str">
            <v/>
          </cell>
          <cell r="P39" t="str">
            <v/>
          </cell>
          <cell r="R39" t="str">
            <v/>
          </cell>
          <cell r="S39" t="str">
            <v/>
          </cell>
        </row>
        <row r="40">
          <cell r="A40">
            <v>37</v>
          </cell>
          <cell r="B40" t="str">
            <v/>
          </cell>
          <cell r="O40" t="str">
            <v/>
          </cell>
          <cell r="P40" t="str">
            <v/>
          </cell>
          <cell r="R40">
            <v>5608</v>
          </cell>
          <cell r="S40" t="str">
            <v/>
          </cell>
        </row>
        <row r="41">
          <cell r="A41">
            <v>38</v>
          </cell>
          <cell r="B41" t="str">
            <v/>
          </cell>
          <cell r="O41" t="str">
            <v/>
          </cell>
          <cell r="P41" t="str">
            <v/>
          </cell>
          <cell r="R41">
            <v>5608</v>
          </cell>
          <cell r="S41" t="str">
            <v/>
          </cell>
        </row>
        <row r="42">
          <cell r="A42">
            <v>39</v>
          </cell>
          <cell r="B42" t="str">
            <v/>
          </cell>
          <cell r="O42" t="str">
            <v/>
          </cell>
          <cell r="P42" t="str">
            <v/>
          </cell>
          <cell r="R42" t="str">
            <v/>
          </cell>
          <cell r="S42" t="str">
            <v/>
          </cell>
        </row>
        <row r="43">
          <cell r="A43">
            <v>40</v>
          </cell>
          <cell r="B43" t="str">
            <v/>
          </cell>
          <cell r="O43" t="str">
            <v/>
          </cell>
          <cell r="P43" t="str">
            <v/>
          </cell>
          <cell r="R43" t="str">
            <v/>
          </cell>
          <cell r="S43" t="str">
            <v/>
          </cell>
        </row>
        <row r="44">
          <cell r="A44">
            <v>41</v>
          </cell>
          <cell r="B44">
            <v>4</v>
          </cell>
          <cell r="O44" t="str">
            <v/>
          </cell>
          <cell r="P44" t="str">
            <v/>
          </cell>
          <cell r="R44">
            <v>5705</v>
          </cell>
          <cell r="S44" t="str">
            <v/>
          </cell>
        </row>
        <row r="45">
          <cell r="A45">
            <v>42</v>
          </cell>
          <cell r="B45">
            <v>5</v>
          </cell>
          <cell r="O45" t="str">
            <v/>
          </cell>
          <cell r="P45" t="str">
            <v/>
          </cell>
          <cell r="R45">
            <v>5705</v>
          </cell>
          <cell r="S45" t="str">
            <v/>
          </cell>
        </row>
        <row r="46">
          <cell r="A46">
            <v>43</v>
          </cell>
          <cell r="B46">
            <v>6</v>
          </cell>
          <cell r="O46" t="str">
            <v/>
          </cell>
          <cell r="P46" t="str">
            <v/>
          </cell>
          <cell r="R46">
            <v>5705</v>
          </cell>
          <cell r="S46" t="str">
            <v/>
          </cell>
        </row>
        <row r="47">
          <cell r="A47">
            <v>44</v>
          </cell>
          <cell r="B47">
            <v>7</v>
          </cell>
          <cell r="O47" t="str">
            <v/>
          </cell>
          <cell r="P47" t="str">
            <v/>
          </cell>
          <cell r="R47">
            <v>5705</v>
          </cell>
          <cell r="S47" t="str">
            <v/>
          </cell>
        </row>
        <row r="48">
          <cell r="A48">
            <v>45</v>
          </cell>
          <cell r="B48">
            <v>31</v>
          </cell>
          <cell r="O48" t="str">
            <v/>
          </cell>
          <cell r="P48" t="str">
            <v/>
          </cell>
          <cell r="R48" t="str">
            <v/>
          </cell>
          <cell r="S48" t="str">
            <v/>
          </cell>
        </row>
        <row r="49">
          <cell r="A49">
            <v>46</v>
          </cell>
          <cell r="B49">
            <v>32</v>
          </cell>
          <cell r="R49">
            <v>5724</v>
          </cell>
          <cell r="S49" t="str">
            <v/>
          </cell>
        </row>
        <row r="50">
          <cell r="A50">
            <v>47</v>
          </cell>
          <cell r="B50" t="str">
            <v/>
          </cell>
          <cell r="R50">
            <v>5724</v>
          </cell>
          <cell r="S50" t="str">
            <v/>
          </cell>
        </row>
        <row r="51">
          <cell r="A51">
            <v>48</v>
          </cell>
          <cell r="B51" t="str">
            <v/>
          </cell>
          <cell r="O51" t="str">
            <v/>
          </cell>
          <cell r="P51" t="str">
            <v/>
          </cell>
          <cell r="R51" t="str">
            <v/>
          </cell>
          <cell r="S51" t="str">
            <v/>
          </cell>
        </row>
        <row r="52">
          <cell r="A52">
            <v>49</v>
          </cell>
          <cell r="B52" t="str">
            <v/>
          </cell>
          <cell r="O52" t="str">
            <v/>
          </cell>
          <cell r="P52" t="str">
            <v/>
          </cell>
          <cell r="R52" t="str">
            <v/>
          </cell>
          <cell r="S52" t="str">
            <v/>
          </cell>
        </row>
        <row r="53">
          <cell r="A53">
            <v>50</v>
          </cell>
          <cell r="B53" t="str">
            <v/>
          </cell>
          <cell r="O53" t="str">
            <v/>
          </cell>
          <cell r="P53" t="str">
            <v/>
          </cell>
          <cell r="R53" t="str">
            <v/>
          </cell>
          <cell r="S53" t="str">
            <v/>
          </cell>
        </row>
        <row r="54">
          <cell r="A54">
            <v>51</v>
          </cell>
          <cell r="B54" t="str">
            <v/>
          </cell>
          <cell r="O54" t="str">
            <v/>
          </cell>
          <cell r="P54" t="str">
            <v/>
          </cell>
          <cell r="R54" t="str">
            <v/>
          </cell>
          <cell r="S54" t="str">
            <v/>
          </cell>
        </row>
        <row r="55">
          <cell r="A55">
            <v>52</v>
          </cell>
          <cell r="B55" t="str">
            <v/>
          </cell>
          <cell r="O55" t="str">
            <v/>
          </cell>
          <cell r="P55" t="str">
            <v/>
          </cell>
          <cell r="R55" t="str">
            <v/>
          </cell>
          <cell r="S55" t="str">
            <v/>
          </cell>
        </row>
        <row r="56">
          <cell r="A56">
            <v>53</v>
          </cell>
          <cell r="B56" t="str">
            <v/>
          </cell>
          <cell r="O56" t="str">
            <v/>
          </cell>
          <cell r="P56" t="str">
            <v/>
          </cell>
          <cell r="R56" t="str">
            <v/>
          </cell>
          <cell r="S56" t="str">
            <v/>
          </cell>
        </row>
        <row r="57">
          <cell r="A57">
            <v>54</v>
          </cell>
          <cell r="B57" t="str">
            <v/>
          </cell>
          <cell r="O57" t="str">
            <v/>
          </cell>
          <cell r="P57" t="str">
            <v/>
          </cell>
          <cell r="R57" t="str">
            <v/>
          </cell>
          <cell r="S57" t="str">
            <v/>
          </cell>
        </row>
        <row r="58">
          <cell r="A58">
            <v>55</v>
          </cell>
          <cell r="B58" t="str">
            <v/>
          </cell>
          <cell r="O58" t="str">
            <v/>
          </cell>
          <cell r="P58" t="str">
            <v/>
          </cell>
          <cell r="R58">
            <v>6258</v>
          </cell>
          <cell r="S58" t="str">
            <v/>
          </cell>
        </row>
        <row r="59">
          <cell r="A59">
            <v>56</v>
          </cell>
          <cell r="B59" t="str">
            <v/>
          </cell>
          <cell r="O59" t="str">
            <v/>
          </cell>
          <cell r="P59" t="str">
            <v/>
          </cell>
          <cell r="R59" t="str">
            <v/>
          </cell>
          <cell r="S59" t="str">
            <v/>
          </cell>
        </row>
        <row r="60">
          <cell r="A60">
            <v>57</v>
          </cell>
          <cell r="B60" t="str">
            <v/>
          </cell>
          <cell r="O60" t="str">
            <v/>
          </cell>
          <cell r="P60" t="str">
            <v/>
          </cell>
          <cell r="R60">
            <v>6301</v>
          </cell>
          <cell r="S60" t="str">
            <v/>
          </cell>
        </row>
        <row r="61">
          <cell r="A61">
            <v>58</v>
          </cell>
          <cell r="B61" t="str">
            <v/>
          </cell>
          <cell r="O61" t="str">
            <v/>
          </cell>
          <cell r="P61" t="str">
            <v/>
          </cell>
          <cell r="R61">
            <v>6301</v>
          </cell>
          <cell r="S61" t="str">
            <v/>
          </cell>
        </row>
        <row r="62">
          <cell r="A62">
            <v>59</v>
          </cell>
          <cell r="B62" t="str">
            <v/>
          </cell>
          <cell r="O62" t="str">
            <v/>
          </cell>
          <cell r="P62" t="str">
            <v/>
          </cell>
          <cell r="R62" t="str">
            <v/>
          </cell>
          <cell r="S62" t="str">
            <v/>
          </cell>
        </row>
        <row r="63">
          <cell r="A63">
            <v>60</v>
          </cell>
          <cell r="B63" t="str">
            <v/>
          </cell>
          <cell r="O63" t="str">
            <v/>
          </cell>
          <cell r="P63" t="str">
            <v/>
          </cell>
          <cell r="R63">
            <v>6506</v>
          </cell>
          <cell r="S63" t="str">
            <v/>
          </cell>
        </row>
        <row r="64">
          <cell r="A64">
            <v>61</v>
          </cell>
          <cell r="B64" t="str">
            <v/>
          </cell>
          <cell r="O64" t="str">
            <v/>
          </cell>
          <cell r="P64" t="str">
            <v/>
          </cell>
          <cell r="R64">
            <v>6506</v>
          </cell>
          <cell r="S64" t="str">
            <v/>
          </cell>
        </row>
        <row r="65">
          <cell r="A65">
            <v>62</v>
          </cell>
          <cell r="B65" t="str">
            <v/>
          </cell>
          <cell r="O65" t="str">
            <v/>
          </cell>
          <cell r="P65" t="str">
            <v/>
          </cell>
          <cell r="R65" t="str">
            <v/>
          </cell>
          <cell r="S65" t="str">
            <v/>
          </cell>
        </row>
        <row r="66">
          <cell r="A66">
            <v>63</v>
          </cell>
          <cell r="B66" t="str">
            <v/>
          </cell>
          <cell r="O66" t="str">
            <v/>
          </cell>
          <cell r="P66" t="str">
            <v/>
          </cell>
          <cell r="R66" t="str">
            <v/>
          </cell>
          <cell r="S66" t="str">
            <v/>
          </cell>
        </row>
        <row r="67">
          <cell r="A67">
            <v>64</v>
          </cell>
          <cell r="B67" t="str">
            <v/>
          </cell>
          <cell r="O67" t="str">
            <v/>
          </cell>
          <cell r="P67" t="str">
            <v/>
          </cell>
          <cell r="R67" t="str">
            <v/>
          </cell>
          <cell r="S67" t="str">
            <v/>
          </cell>
        </row>
        <row r="68">
          <cell r="A68">
            <v>65</v>
          </cell>
          <cell r="B68" t="str">
            <v/>
          </cell>
          <cell r="O68" t="str">
            <v/>
          </cell>
          <cell r="P68" t="str">
            <v/>
          </cell>
          <cell r="R68" t="str">
            <v/>
          </cell>
          <cell r="S68" t="str">
            <v/>
          </cell>
        </row>
        <row r="69">
          <cell r="A69">
            <v>66</v>
          </cell>
          <cell r="B69" t="str">
            <v/>
          </cell>
          <cell r="O69" t="str">
            <v/>
          </cell>
          <cell r="P69" t="str">
            <v/>
          </cell>
          <cell r="R69" t="str">
            <v/>
          </cell>
          <cell r="S69" t="str">
            <v/>
          </cell>
        </row>
        <row r="70">
          <cell r="A70">
            <v>67</v>
          </cell>
          <cell r="B70" t="str">
            <v/>
          </cell>
          <cell r="O70" t="str">
            <v/>
          </cell>
          <cell r="P70" t="str">
            <v/>
          </cell>
          <cell r="R70" t="str">
            <v/>
          </cell>
          <cell r="S70" t="str">
            <v/>
          </cell>
        </row>
        <row r="71">
          <cell r="A71">
            <v>68</v>
          </cell>
          <cell r="B71" t="str">
            <v/>
          </cell>
          <cell r="O71" t="str">
            <v/>
          </cell>
          <cell r="P71" t="str">
            <v/>
          </cell>
          <cell r="R71" t="str">
            <v/>
          </cell>
          <cell r="S71" t="str">
            <v/>
          </cell>
        </row>
        <row r="72">
          <cell r="A72">
            <v>69</v>
          </cell>
          <cell r="B72" t="str">
            <v/>
          </cell>
          <cell r="R72" t="str">
            <v/>
          </cell>
          <cell r="S72" t="str">
            <v/>
          </cell>
        </row>
        <row r="73">
          <cell r="A73">
            <v>70</v>
          </cell>
          <cell r="B73" t="str">
            <v/>
          </cell>
          <cell r="R73" t="str">
            <v/>
          </cell>
          <cell r="S73" t="str">
            <v/>
          </cell>
        </row>
        <row r="74">
          <cell r="A74">
            <v>71</v>
          </cell>
          <cell r="B74" t="str">
            <v/>
          </cell>
          <cell r="O74" t="str">
            <v/>
          </cell>
          <cell r="P74" t="str">
            <v/>
          </cell>
          <cell r="R74" t="str">
            <v/>
          </cell>
          <cell r="S74" t="str">
            <v/>
          </cell>
        </row>
        <row r="75">
          <cell r="A75">
            <v>72</v>
          </cell>
          <cell r="B75" t="str">
            <v/>
          </cell>
          <cell r="O75" t="str">
            <v/>
          </cell>
          <cell r="P75" t="str">
            <v/>
          </cell>
          <cell r="R75" t="str">
            <v/>
          </cell>
          <cell r="S75" t="str">
            <v/>
          </cell>
        </row>
        <row r="76">
          <cell r="A76">
            <v>73</v>
          </cell>
          <cell r="B76" t="str">
            <v/>
          </cell>
          <cell r="O76" t="str">
            <v/>
          </cell>
          <cell r="P76" t="str">
            <v/>
          </cell>
          <cell r="R76" t="str">
            <v/>
          </cell>
          <cell r="S76" t="str">
            <v/>
          </cell>
        </row>
        <row r="77">
          <cell r="A77">
            <v>74</v>
          </cell>
          <cell r="B77" t="str">
            <v/>
          </cell>
          <cell r="O77" t="str">
            <v/>
          </cell>
          <cell r="P77" t="str">
            <v/>
          </cell>
          <cell r="R77" t="str">
            <v/>
          </cell>
          <cell r="S77" t="str">
            <v/>
          </cell>
        </row>
        <row r="78">
          <cell r="A78">
            <v>75</v>
          </cell>
          <cell r="B78" t="str">
            <v/>
          </cell>
          <cell r="O78" t="str">
            <v/>
          </cell>
          <cell r="P78" t="str">
            <v/>
          </cell>
          <cell r="R78" t="str">
            <v/>
          </cell>
          <cell r="S78" t="str">
            <v/>
          </cell>
        </row>
        <row r="79">
          <cell r="A79">
            <v>76</v>
          </cell>
          <cell r="B79" t="str">
            <v/>
          </cell>
          <cell r="O79" t="str">
            <v/>
          </cell>
          <cell r="P79" t="str">
            <v/>
          </cell>
          <cell r="R79" t="str">
            <v/>
          </cell>
          <cell r="S79" t="str">
            <v/>
          </cell>
        </row>
        <row r="80">
          <cell r="A80">
            <v>77</v>
          </cell>
          <cell r="B80" t="str">
            <v/>
          </cell>
          <cell r="O80" t="str">
            <v/>
          </cell>
          <cell r="P80" t="str">
            <v/>
          </cell>
          <cell r="R80" t="str">
            <v/>
          </cell>
          <cell r="S80" t="str">
            <v/>
          </cell>
        </row>
        <row r="81">
          <cell r="A81">
            <v>78</v>
          </cell>
          <cell r="B81" t="str">
            <v/>
          </cell>
          <cell r="O81" t="str">
            <v/>
          </cell>
          <cell r="P81" t="str">
            <v/>
          </cell>
          <cell r="R81" t="str">
            <v/>
          </cell>
          <cell r="S81" t="str">
            <v/>
          </cell>
        </row>
        <row r="82">
          <cell r="A82">
            <v>79</v>
          </cell>
          <cell r="B82" t="str">
            <v/>
          </cell>
          <cell r="O82" t="str">
            <v/>
          </cell>
          <cell r="P82" t="str">
            <v/>
          </cell>
          <cell r="R82" t="str">
            <v/>
          </cell>
          <cell r="S82" t="str">
            <v/>
          </cell>
        </row>
        <row r="83">
          <cell r="A83">
            <v>80</v>
          </cell>
          <cell r="B83" t="str">
            <v/>
          </cell>
          <cell r="O83" t="str">
            <v/>
          </cell>
          <cell r="P83" t="str">
            <v/>
          </cell>
          <cell r="R83" t="str">
            <v/>
          </cell>
          <cell r="S83" t="str">
            <v/>
          </cell>
        </row>
        <row r="84">
          <cell r="O84" t="str">
            <v/>
          </cell>
          <cell r="P84" t="str">
            <v/>
          </cell>
          <cell r="R84" t="str">
            <v/>
          </cell>
          <cell r="S84" t="str">
            <v/>
          </cell>
        </row>
        <row r="85">
          <cell r="O85" t="str">
            <v/>
          </cell>
          <cell r="P85" t="str">
            <v/>
          </cell>
          <cell r="R85" t="str">
            <v/>
          </cell>
          <cell r="S85" t="str">
            <v/>
          </cell>
        </row>
        <row r="86">
          <cell r="O86" t="str">
            <v/>
          </cell>
          <cell r="P86" t="str">
            <v/>
          </cell>
          <cell r="R86" t="str">
            <v/>
          </cell>
          <cell r="S86" t="str">
            <v/>
          </cell>
        </row>
        <row r="87">
          <cell r="O87" t="str">
            <v/>
          </cell>
          <cell r="P87" t="str">
            <v/>
          </cell>
          <cell r="R87" t="str">
            <v/>
          </cell>
          <cell r="S87" t="str">
            <v/>
          </cell>
        </row>
        <row r="88">
          <cell r="O88" t="str">
            <v/>
          </cell>
          <cell r="P88" t="str">
            <v/>
          </cell>
          <cell r="R88" t="str">
            <v/>
          </cell>
          <cell r="S88" t="str">
            <v/>
          </cell>
        </row>
        <row r="89">
          <cell r="O89" t="str">
            <v/>
          </cell>
          <cell r="P89" t="str">
            <v/>
          </cell>
          <cell r="R89" t="str">
            <v/>
          </cell>
          <cell r="S89" t="str">
            <v/>
          </cell>
        </row>
        <row r="90">
          <cell r="O90" t="str">
            <v/>
          </cell>
          <cell r="P90" t="str">
            <v/>
          </cell>
          <cell r="R90" t="str">
            <v/>
          </cell>
          <cell r="S90" t="str">
            <v/>
          </cell>
        </row>
        <row r="91">
          <cell r="O91" t="str">
            <v/>
          </cell>
          <cell r="P91" t="str">
            <v/>
          </cell>
          <cell r="R91" t="str">
            <v/>
          </cell>
          <cell r="S91" t="str">
            <v/>
          </cell>
        </row>
        <row r="92">
          <cell r="O92" t="str">
            <v/>
          </cell>
          <cell r="P92" t="str">
            <v/>
          </cell>
          <cell r="R92" t="str">
            <v/>
          </cell>
          <cell r="S92" t="str">
            <v/>
          </cell>
        </row>
        <row r="93">
          <cell r="O93" t="str">
            <v/>
          </cell>
          <cell r="P93" t="str">
            <v/>
          </cell>
          <cell r="R93" t="str">
            <v/>
          </cell>
          <cell r="S93" t="str">
            <v/>
          </cell>
        </row>
        <row r="94">
          <cell r="O94" t="str">
            <v/>
          </cell>
          <cell r="P94" t="str">
            <v/>
          </cell>
          <cell r="R94" t="str">
            <v/>
          </cell>
          <cell r="S94" t="str">
            <v/>
          </cell>
        </row>
        <row r="95">
          <cell r="R95" t="str">
            <v/>
          </cell>
          <cell r="S95" t="str">
            <v/>
          </cell>
        </row>
        <row r="96">
          <cell r="R96" t="str">
            <v/>
          </cell>
          <cell r="S96" t="str">
            <v/>
          </cell>
        </row>
        <row r="97">
          <cell r="O97" t="str">
            <v/>
          </cell>
          <cell r="P97" t="str">
            <v/>
          </cell>
          <cell r="R97" t="str">
            <v/>
          </cell>
          <cell r="S97" t="str">
            <v/>
          </cell>
        </row>
        <row r="98">
          <cell r="O98" t="str">
            <v/>
          </cell>
          <cell r="P98" t="str">
            <v/>
          </cell>
          <cell r="R98" t="str">
            <v/>
          </cell>
          <cell r="S98" t="str">
            <v/>
          </cell>
        </row>
        <row r="99">
          <cell r="O99" t="str">
            <v/>
          </cell>
          <cell r="P99" t="str">
            <v/>
          </cell>
          <cell r="R99" t="str">
            <v/>
          </cell>
          <cell r="S99" t="str">
            <v/>
          </cell>
        </row>
        <row r="100">
          <cell r="O100" t="str">
            <v/>
          </cell>
          <cell r="P100" t="str">
            <v/>
          </cell>
          <cell r="R100" t="str">
            <v/>
          </cell>
          <cell r="S100" t="str">
            <v/>
          </cell>
        </row>
        <row r="101">
          <cell r="O101" t="str">
            <v/>
          </cell>
          <cell r="P101" t="str">
            <v/>
          </cell>
          <cell r="R101" t="str">
            <v/>
          </cell>
          <cell r="S101" t="str">
            <v/>
          </cell>
        </row>
        <row r="102">
          <cell r="O102" t="str">
            <v/>
          </cell>
          <cell r="P102" t="str">
            <v/>
          </cell>
          <cell r="R102" t="str">
            <v/>
          </cell>
          <cell r="S102" t="str">
            <v/>
          </cell>
        </row>
        <row r="103">
          <cell r="O103" t="str">
            <v/>
          </cell>
          <cell r="P103" t="str">
            <v/>
          </cell>
          <cell r="R103" t="str">
            <v/>
          </cell>
          <cell r="S103" t="str">
            <v/>
          </cell>
        </row>
        <row r="104">
          <cell r="O104" t="str">
            <v/>
          </cell>
          <cell r="P104" t="str">
            <v/>
          </cell>
          <cell r="R104" t="str">
            <v/>
          </cell>
        </row>
        <row r="105">
          <cell r="O105" t="str">
            <v/>
          </cell>
          <cell r="P105" t="str">
            <v/>
          </cell>
          <cell r="R105" t="str">
            <v/>
          </cell>
        </row>
        <row r="106">
          <cell r="O106" t="str">
            <v/>
          </cell>
          <cell r="P106" t="str">
            <v/>
          </cell>
          <cell r="R106" t="str">
            <v/>
          </cell>
        </row>
        <row r="107">
          <cell r="O107" t="str">
            <v/>
          </cell>
          <cell r="P107" t="str">
            <v/>
          </cell>
          <cell r="R107" t="str">
            <v/>
          </cell>
        </row>
        <row r="108">
          <cell r="O108" t="str">
            <v/>
          </cell>
          <cell r="P108" t="str">
            <v/>
          </cell>
          <cell r="R108" t="str">
            <v/>
          </cell>
        </row>
        <row r="109">
          <cell r="O109" t="str">
            <v/>
          </cell>
          <cell r="P109" t="str">
            <v/>
          </cell>
          <cell r="R109" t="str">
            <v/>
          </cell>
        </row>
        <row r="110">
          <cell r="O110" t="str">
            <v/>
          </cell>
          <cell r="P110" t="str">
            <v/>
          </cell>
          <cell r="R110" t="str">
            <v/>
          </cell>
        </row>
        <row r="111">
          <cell r="O111" t="str">
            <v/>
          </cell>
          <cell r="P111" t="str">
            <v/>
          </cell>
          <cell r="R111" t="str">
            <v/>
          </cell>
        </row>
        <row r="112">
          <cell r="O112" t="str">
            <v/>
          </cell>
          <cell r="P112" t="str">
            <v/>
          </cell>
          <cell r="R112" t="str">
            <v/>
          </cell>
        </row>
        <row r="113">
          <cell r="O113" t="str">
            <v/>
          </cell>
          <cell r="P113" t="str">
            <v/>
          </cell>
          <cell r="R113" t="str">
            <v/>
          </cell>
        </row>
        <row r="114">
          <cell r="O114" t="str">
            <v/>
          </cell>
          <cell r="P114" t="str">
            <v/>
          </cell>
          <cell r="R114" t="str">
            <v/>
          </cell>
        </row>
        <row r="115">
          <cell r="O115" t="str">
            <v/>
          </cell>
          <cell r="P115" t="str">
            <v/>
          </cell>
          <cell r="R115" t="str">
            <v/>
          </cell>
        </row>
        <row r="116">
          <cell r="O116" t="str">
            <v/>
          </cell>
          <cell r="P116" t="str">
            <v/>
          </cell>
          <cell r="R116" t="str">
            <v/>
          </cell>
        </row>
        <row r="117">
          <cell r="O117" t="str">
            <v/>
          </cell>
          <cell r="P117" t="str">
            <v/>
          </cell>
          <cell r="R117" t="str">
            <v/>
          </cell>
        </row>
        <row r="118">
          <cell r="R118" t="str">
            <v/>
          </cell>
        </row>
        <row r="119">
          <cell r="R119" t="str">
            <v/>
          </cell>
        </row>
        <row r="120">
          <cell r="O120" t="str">
            <v/>
          </cell>
          <cell r="P120" t="str">
            <v/>
          </cell>
          <cell r="R120" t="str">
            <v/>
          </cell>
        </row>
        <row r="121">
          <cell r="O121" t="str">
            <v/>
          </cell>
          <cell r="P121" t="str">
            <v/>
          </cell>
          <cell r="R121" t="str">
            <v/>
          </cell>
        </row>
        <row r="122">
          <cell r="O122" t="str">
            <v/>
          </cell>
          <cell r="P122" t="str">
            <v/>
          </cell>
          <cell r="R122" t="str">
            <v/>
          </cell>
        </row>
        <row r="123">
          <cell r="O123" t="str">
            <v/>
          </cell>
          <cell r="P123" t="str">
            <v/>
          </cell>
          <cell r="R123" t="str">
            <v/>
          </cell>
        </row>
        <row r="124">
          <cell r="O124" t="str">
            <v/>
          </cell>
          <cell r="P124" t="str">
            <v/>
          </cell>
          <cell r="R124" t="str">
            <v/>
          </cell>
        </row>
        <row r="125">
          <cell r="O125" t="str">
            <v/>
          </cell>
          <cell r="P125" t="str">
            <v/>
          </cell>
          <cell r="R125" t="str">
            <v/>
          </cell>
        </row>
        <row r="126">
          <cell r="O126" t="str">
            <v/>
          </cell>
          <cell r="P126" t="str">
            <v/>
          </cell>
          <cell r="R126" t="str">
            <v/>
          </cell>
        </row>
        <row r="127">
          <cell r="O127" t="str">
            <v/>
          </cell>
          <cell r="P127" t="str">
            <v/>
          </cell>
          <cell r="R127" t="str">
            <v/>
          </cell>
        </row>
        <row r="128">
          <cell r="O128" t="str">
            <v/>
          </cell>
          <cell r="P128" t="str">
            <v/>
          </cell>
          <cell r="R128" t="str">
            <v/>
          </cell>
        </row>
        <row r="129">
          <cell r="O129" t="str">
            <v/>
          </cell>
          <cell r="P129" t="str">
            <v/>
          </cell>
          <cell r="R129" t="str">
            <v/>
          </cell>
        </row>
        <row r="130">
          <cell r="O130" t="str">
            <v/>
          </cell>
          <cell r="P130" t="str">
            <v/>
          </cell>
          <cell r="R130" t="str">
            <v/>
          </cell>
        </row>
        <row r="131">
          <cell r="O131" t="str">
            <v/>
          </cell>
          <cell r="P131" t="str">
            <v/>
          </cell>
          <cell r="R131" t="str">
            <v/>
          </cell>
        </row>
        <row r="132">
          <cell r="O132" t="str">
            <v/>
          </cell>
          <cell r="P132" t="str">
            <v/>
          </cell>
          <cell r="R132" t="str">
            <v/>
          </cell>
        </row>
        <row r="133">
          <cell r="O133" t="str">
            <v/>
          </cell>
          <cell r="P133" t="str">
            <v/>
          </cell>
          <cell r="R133" t="str">
            <v/>
          </cell>
        </row>
        <row r="134">
          <cell r="O134" t="str">
            <v/>
          </cell>
          <cell r="P134" t="str">
            <v/>
          </cell>
          <cell r="R134" t="str">
            <v/>
          </cell>
        </row>
        <row r="135">
          <cell r="O135" t="str">
            <v/>
          </cell>
          <cell r="P135" t="str">
            <v/>
          </cell>
          <cell r="R135" t="str">
            <v/>
          </cell>
        </row>
        <row r="136">
          <cell r="O136" t="str">
            <v/>
          </cell>
          <cell r="P136" t="str">
            <v/>
          </cell>
          <cell r="R136" t="str">
            <v/>
          </cell>
        </row>
        <row r="137">
          <cell r="O137" t="str">
            <v/>
          </cell>
          <cell r="P137" t="str">
            <v/>
          </cell>
          <cell r="R137" t="str">
            <v/>
          </cell>
        </row>
        <row r="138">
          <cell r="O138" t="str">
            <v/>
          </cell>
          <cell r="P138" t="str">
            <v/>
          </cell>
          <cell r="R138" t="str">
            <v/>
          </cell>
        </row>
        <row r="139">
          <cell r="O139" t="str">
            <v/>
          </cell>
          <cell r="P139" t="str">
            <v/>
          </cell>
          <cell r="R139" t="str">
            <v/>
          </cell>
        </row>
        <row r="140">
          <cell r="O140" t="str">
            <v/>
          </cell>
          <cell r="P140" t="str">
            <v/>
          </cell>
          <cell r="R140" t="str">
            <v/>
          </cell>
        </row>
        <row r="141">
          <cell r="R141" t="str">
            <v/>
          </cell>
        </row>
        <row r="142">
          <cell r="R142" t="str">
            <v/>
          </cell>
        </row>
        <row r="143">
          <cell r="O143" t="str">
            <v/>
          </cell>
          <cell r="P143" t="str">
            <v/>
          </cell>
          <cell r="R143" t="str">
            <v/>
          </cell>
        </row>
        <row r="144">
          <cell r="O144" t="str">
            <v/>
          </cell>
          <cell r="P144" t="str">
            <v/>
          </cell>
          <cell r="R144" t="str">
            <v/>
          </cell>
        </row>
        <row r="145">
          <cell r="O145" t="str">
            <v/>
          </cell>
          <cell r="P145" t="str">
            <v/>
          </cell>
          <cell r="R145" t="str">
            <v/>
          </cell>
        </row>
        <row r="146">
          <cell r="O146" t="str">
            <v/>
          </cell>
          <cell r="P146" t="str">
            <v/>
          </cell>
          <cell r="R146" t="str">
            <v/>
          </cell>
        </row>
        <row r="147">
          <cell r="O147" t="str">
            <v/>
          </cell>
          <cell r="P147" t="str">
            <v/>
          </cell>
          <cell r="R147" t="str">
            <v/>
          </cell>
        </row>
        <row r="148">
          <cell r="O148" t="str">
            <v/>
          </cell>
          <cell r="P148" t="str">
            <v/>
          </cell>
          <cell r="R148" t="str">
            <v/>
          </cell>
        </row>
        <row r="149">
          <cell r="O149" t="str">
            <v/>
          </cell>
          <cell r="P149" t="str">
            <v/>
          </cell>
          <cell r="R149" t="str">
            <v/>
          </cell>
        </row>
        <row r="150">
          <cell r="O150" t="str">
            <v/>
          </cell>
          <cell r="P150" t="str">
            <v/>
          </cell>
          <cell r="R150" t="str">
            <v/>
          </cell>
        </row>
        <row r="151">
          <cell r="O151" t="str">
            <v/>
          </cell>
          <cell r="P151" t="str">
            <v/>
          </cell>
          <cell r="R151" t="str">
            <v/>
          </cell>
        </row>
        <row r="152">
          <cell r="O152" t="str">
            <v/>
          </cell>
          <cell r="P152" t="str">
            <v/>
          </cell>
          <cell r="R152" t="str">
            <v/>
          </cell>
        </row>
        <row r="153">
          <cell r="O153" t="str">
            <v/>
          </cell>
          <cell r="P153" t="str">
            <v/>
          </cell>
          <cell r="R153" t="str">
            <v/>
          </cell>
        </row>
        <row r="154">
          <cell r="O154" t="str">
            <v/>
          </cell>
          <cell r="P154" t="str">
            <v/>
          </cell>
          <cell r="R154" t="str">
            <v/>
          </cell>
        </row>
        <row r="155">
          <cell r="O155" t="str">
            <v/>
          </cell>
          <cell r="P155" t="str">
            <v/>
          </cell>
          <cell r="R155" t="str">
            <v/>
          </cell>
        </row>
        <row r="156">
          <cell r="O156" t="str">
            <v/>
          </cell>
          <cell r="P156" t="str">
            <v/>
          </cell>
          <cell r="R156" t="str">
            <v/>
          </cell>
        </row>
        <row r="157">
          <cell r="O157" t="str">
            <v/>
          </cell>
          <cell r="P157" t="str">
            <v/>
          </cell>
          <cell r="R157" t="str">
            <v/>
          </cell>
        </row>
        <row r="158">
          <cell r="O158" t="str">
            <v/>
          </cell>
          <cell r="P158" t="str">
            <v/>
          </cell>
          <cell r="R158" t="str">
            <v/>
          </cell>
        </row>
        <row r="159">
          <cell r="O159" t="str">
            <v/>
          </cell>
          <cell r="P159" t="str">
            <v/>
          </cell>
          <cell r="R159" t="str">
            <v/>
          </cell>
        </row>
        <row r="160">
          <cell r="O160" t="str">
            <v/>
          </cell>
          <cell r="P160" t="str">
            <v/>
          </cell>
          <cell r="R160" t="str">
            <v/>
          </cell>
        </row>
        <row r="161">
          <cell r="O161" t="str">
            <v/>
          </cell>
          <cell r="P161" t="str">
            <v/>
          </cell>
          <cell r="R161" t="str">
            <v/>
          </cell>
        </row>
        <row r="162">
          <cell r="O162" t="str">
            <v/>
          </cell>
          <cell r="P162" t="str">
            <v/>
          </cell>
          <cell r="R162" t="str">
            <v/>
          </cell>
        </row>
        <row r="163">
          <cell r="O163" t="str">
            <v/>
          </cell>
          <cell r="P163" t="str">
            <v/>
          </cell>
          <cell r="R163" t="str">
            <v/>
          </cell>
        </row>
        <row r="164">
          <cell r="R164" t="str">
            <v/>
          </cell>
        </row>
        <row r="165">
          <cell r="R165" t="str">
            <v/>
          </cell>
        </row>
        <row r="166">
          <cell r="O166" t="str">
            <v/>
          </cell>
          <cell r="P166" t="str">
            <v/>
          </cell>
          <cell r="R166" t="str">
            <v/>
          </cell>
        </row>
        <row r="167">
          <cell r="O167" t="str">
            <v/>
          </cell>
          <cell r="P167" t="str">
            <v/>
          </cell>
          <cell r="R167" t="str">
            <v/>
          </cell>
        </row>
        <row r="168">
          <cell r="O168" t="str">
            <v/>
          </cell>
          <cell r="P168" t="str">
            <v/>
          </cell>
          <cell r="R168" t="str">
            <v/>
          </cell>
        </row>
        <row r="169">
          <cell r="O169" t="str">
            <v/>
          </cell>
          <cell r="P169" t="str">
            <v/>
          </cell>
          <cell r="R169" t="str">
            <v/>
          </cell>
        </row>
        <row r="170">
          <cell r="O170" t="str">
            <v/>
          </cell>
          <cell r="P170" t="str">
            <v/>
          </cell>
          <cell r="R170" t="str">
            <v/>
          </cell>
        </row>
        <row r="171">
          <cell r="O171" t="str">
            <v/>
          </cell>
          <cell r="P171" t="str">
            <v/>
          </cell>
          <cell r="R171" t="str">
            <v/>
          </cell>
        </row>
        <row r="172">
          <cell r="O172" t="str">
            <v/>
          </cell>
          <cell r="P172" t="str">
            <v/>
          </cell>
          <cell r="R172" t="str">
            <v/>
          </cell>
        </row>
        <row r="173">
          <cell r="O173" t="str">
            <v/>
          </cell>
          <cell r="P173" t="str">
            <v/>
          </cell>
          <cell r="R173" t="str">
            <v/>
          </cell>
        </row>
        <row r="174">
          <cell r="O174" t="str">
            <v/>
          </cell>
          <cell r="P174" t="str">
            <v/>
          </cell>
          <cell r="R174" t="str">
            <v/>
          </cell>
        </row>
        <row r="175">
          <cell r="O175" t="str">
            <v/>
          </cell>
          <cell r="P175" t="str">
            <v/>
          </cell>
          <cell r="R175" t="str">
            <v/>
          </cell>
        </row>
        <row r="176">
          <cell r="O176" t="str">
            <v/>
          </cell>
          <cell r="P176" t="str">
            <v/>
          </cell>
          <cell r="R176" t="str">
            <v/>
          </cell>
        </row>
        <row r="177">
          <cell r="O177" t="str">
            <v/>
          </cell>
          <cell r="P177" t="str">
            <v/>
          </cell>
          <cell r="R177" t="str">
            <v/>
          </cell>
        </row>
        <row r="178">
          <cell r="O178" t="str">
            <v/>
          </cell>
          <cell r="P178" t="str">
            <v/>
          </cell>
          <cell r="R178" t="str">
            <v/>
          </cell>
        </row>
        <row r="179">
          <cell r="O179" t="str">
            <v/>
          </cell>
          <cell r="P179" t="str">
            <v/>
          </cell>
          <cell r="R179" t="str">
            <v/>
          </cell>
        </row>
        <row r="180">
          <cell r="O180" t="str">
            <v/>
          </cell>
          <cell r="P180" t="str">
            <v/>
          </cell>
          <cell r="R180" t="str">
            <v/>
          </cell>
        </row>
        <row r="181">
          <cell r="O181" t="str">
            <v/>
          </cell>
          <cell r="P181" t="str">
            <v/>
          </cell>
          <cell r="R181" t="str">
            <v/>
          </cell>
        </row>
        <row r="182">
          <cell r="O182" t="str">
            <v/>
          </cell>
          <cell r="P182" t="str">
            <v/>
          </cell>
          <cell r="R182" t="str">
            <v/>
          </cell>
        </row>
        <row r="183">
          <cell r="O183" t="str">
            <v/>
          </cell>
          <cell r="P183" t="str">
            <v/>
          </cell>
          <cell r="R183" t="str">
            <v/>
          </cell>
        </row>
        <row r="184">
          <cell r="O184" t="str">
            <v/>
          </cell>
          <cell r="P184" t="str">
            <v/>
          </cell>
          <cell r="R184" t="str">
            <v/>
          </cell>
        </row>
        <row r="185">
          <cell r="O185" t="str">
            <v/>
          </cell>
          <cell r="P185" t="str">
            <v/>
          </cell>
          <cell r="R185" t="str">
            <v/>
          </cell>
        </row>
        <row r="186">
          <cell r="O186" t="str">
            <v/>
          </cell>
          <cell r="P186" t="str">
            <v/>
          </cell>
          <cell r="R186" t="str">
            <v/>
          </cell>
        </row>
        <row r="187">
          <cell r="R187" t="str">
            <v/>
          </cell>
        </row>
        <row r="188">
          <cell r="R188" t="str">
            <v/>
          </cell>
        </row>
        <row r="189">
          <cell r="O189" t="str">
            <v/>
          </cell>
          <cell r="P189" t="str">
            <v/>
          </cell>
          <cell r="R189" t="str">
            <v/>
          </cell>
        </row>
        <row r="190">
          <cell r="O190" t="str">
            <v/>
          </cell>
          <cell r="P190" t="str">
            <v/>
          </cell>
          <cell r="R190" t="str">
            <v/>
          </cell>
        </row>
        <row r="191">
          <cell r="O191" t="str">
            <v/>
          </cell>
          <cell r="P191" t="str">
            <v/>
          </cell>
          <cell r="R191" t="str">
            <v/>
          </cell>
        </row>
        <row r="192">
          <cell r="O192" t="str">
            <v/>
          </cell>
          <cell r="P192" t="str">
            <v/>
          </cell>
          <cell r="R192" t="str">
            <v/>
          </cell>
        </row>
        <row r="193">
          <cell r="O193" t="str">
            <v/>
          </cell>
          <cell r="P193" t="str">
            <v/>
          </cell>
          <cell r="R193" t="str">
            <v/>
          </cell>
        </row>
        <row r="194">
          <cell r="O194" t="str">
            <v/>
          </cell>
          <cell r="P194" t="str">
            <v/>
          </cell>
        </row>
        <row r="195">
          <cell r="O195" t="str">
            <v/>
          </cell>
          <cell r="P195" t="str">
            <v/>
          </cell>
        </row>
        <row r="196">
          <cell r="O196" t="str">
            <v/>
          </cell>
          <cell r="P196" t="str">
            <v/>
          </cell>
        </row>
        <row r="197">
          <cell r="O197" t="str">
            <v/>
          </cell>
          <cell r="P197" t="str">
            <v/>
          </cell>
        </row>
        <row r="198">
          <cell r="O198" t="str">
            <v/>
          </cell>
          <cell r="P198" t="str">
            <v/>
          </cell>
        </row>
        <row r="199">
          <cell r="O199" t="str">
            <v/>
          </cell>
          <cell r="P199" t="str">
            <v/>
          </cell>
        </row>
        <row r="200">
          <cell r="O200" t="str">
            <v/>
          </cell>
          <cell r="P200" t="str">
            <v/>
          </cell>
        </row>
        <row r="201">
          <cell r="O201" t="str">
            <v/>
          </cell>
          <cell r="P201" t="str">
            <v/>
          </cell>
        </row>
        <row r="202">
          <cell r="O202" t="str">
            <v/>
          </cell>
          <cell r="P202" t="str">
            <v/>
          </cell>
        </row>
        <row r="203">
          <cell r="O203" t="str">
            <v/>
          </cell>
          <cell r="P203" t="str">
            <v/>
          </cell>
        </row>
        <row r="204">
          <cell r="O204" t="str">
            <v/>
          </cell>
          <cell r="P204" t="str">
            <v/>
          </cell>
        </row>
        <row r="205">
          <cell r="O205" t="str">
            <v/>
          </cell>
          <cell r="P205" t="str">
            <v/>
          </cell>
        </row>
        <row r="206">
          <cell r="O206" t="str">
            <v/>
          </cell>
          <cell r="P206" t="str">
            <v/>
          </cell>
        </row>
        <row r="207">
          <cell r="O207" t="str">
            <v/>
          </cell>
          <cell r="P207" t="str">
            <v/>
          </cell>
        </row>
        <row r="208">
          <cell r="O208" t="str">
            <v/>
          </cell>
          <cell r="P208" t="str">
            <v/>
          </cell>
        </row>
        <row r="209">
          <cell r="O209" t="str">
            <v/>
          </cell>
          <cell r="P209" t="str">
            <v/>
          </cell>
        </row>
        <row r="212">
          <cell r="O212" t="str">
            <v/>
          </cell>
          <cell r="P212" t="str">
            <v/>
          </cell>
        </row>
        <row r="213">
          <cell r="O213" t="str">
            <v/>
          </cell>
          <cell r="P213" t="str">
            <v/>
          </cell>
        </row>
        <row r="214">
          <cell r="O214" t="str">
            <v/>
          </cell>
          <cell r="P214" t="str">
            <v/>
          </cell>
        </row>
        <row r="215">
          <cell r="O215" t="str">
            <v/>
          </cell>
          <cell r="P215" t="str">
            <v/>
          </cell>
        </row>
        <row r="216">
          <cell r="O216" t="str">
            <v/>
          </cell>
          <cell r="P216" t="str">
            <v/>
          </cell>
        </row>
        <row r="217">
          <cell r="O217" t="str">
            <v/>
          </cell>
          <cell r="P217" t="str">
            <v/>
          </cell>
        </row>
        <row r="218">
          <cell r="O218" t="str">
            <v/>
          </cell>
          <cell r="P218" t="str">
            <v/>
          </cell>
        </row>
        <row r="219">
          <cell r="O219" t="str">
            <v/>
          </cell>
          <cell r="P219" t="str">
            <v/>
          </cell>
        </row>
        <row r="220">
          <cell r="O220" t="str">
            <v/>
          </cell>
          <cell r="P220" t="str">
            <v/>
          </cell>
        </row>
        <row r="221">
          <cell r="O221" t="str">
            <v/>
          </cell>
          <cell r="P221" t="str">
            <v/>
          </cell>
        </row>
        <row r="222">
          <cell r="O222" t="str">
            <v/>
          </cell>
          <cell r="P222" t="str">
            <v/>
          </cell>
        </row>
        <row r="223">
          <cell r="O223" t="str">
            <v/>
          </cell>
          <cell r="P223" t="str">
            <v/>
          </cell>
        </row>
        <row r="224">
          <cell r="O224" t="str">
            <v/>
          </cell>
          <cell r="P224" t="str">
            <v/>
          </cell>
        </row>
        <row r="225">
          <cell r="O225" t="str">
            <v/>
          </cell>
          <cell r="P225" t="str">
            <v/>
          </cell>
        </row>
        <row r="226">
          <cell r="O226" t="str">
            <v/>
          </cell>
          <cell r="P226" t="str">
            <v/>
          </cell>
        </row>
        <row r="227">
          <cell r="O227" t="str">
            <v/>
          </cell>
          <cell r="P227" t="str">
            <v/>
          </cell>
        </row>
        <row r="228">
          <cell r="O228" t="str">
            <v/>
          </cell>
          <cell r="P228" t="str">
            <v/>
          </cell>
        </row>
        <row r="229">
          <cell r="O229" t="str">
            <v/>
          </cell>
          <cell r="P229" t="str">
            <v/>
          </cell>
        </row>
        <row r="230">
          <cell r="O230" t="str">
            <v/>
          </cell>
          <cell r="P230" t="str">
            <v/>
          </cell>
        </row>
        <row r="231">
          <cell r="O231" t="str">
            <v/>
          </cell>
          <cell r="P231" t="str">
            <v/>
          </cell>
        </row>
        <row r="232">
          <cell r="O232" t="str">
            <v/>
          </cell>
          <cell r="P232" t="str">
            <v/>
          </cell>
        </row>
        <row r="235">
          <cell r="O235" t="str">
            <v/>
          </cell>
          <cell r="P235" t="str">
            <v/>
          </cell>
        </row>
        <row r="236">
          <cell r="O236" t="str">
            <v/>
          </cell>
          <cell r="P236" t="str">
            <v/>
          </cell>
        </row>
        <row r="237">
          <cell r="O237" t="str">
            <v/>
          </cell>
          <cell r="P237" t="str">
            <v/>
          </cell>
        </row>
        <row r="238">
          <cell r="O238" t="str">
            <v/>
          </cell>
          <cell r="P238" t="str">
            <v/>
          </cell>
        </row>
        <row r="239">
          <cell r="O239" t="str">
            <v/>
          </cell>
          <cell r="P239" t="str">
            <v/>
          </cell>
        </row>
        <row r="240">
          <cell r="O240" t="str">
            <v/>
          </cell>
          <cell r="P240" t="str">
            <v/>
          </cell>
        </row>
        <row r="241">
          <cell r="O241" t="str">
            <v/>
          </cell>
          <cell r="P241" t="str">
            <v/>
          </cell>
        </row>
        <row r="242">
          <cell r="O242" t="str">
            <v/>
          </cell>
          <cell r="P242" t="str">
            <v/>
          </cell>
        </row>
        <row r="243">
          <cell r="O243" t="str">
            <v/>
          </cell>
          <cell r="P243" t="str">
            <v/>
          </cell>
        </row>
        <row r="244">
          <cell r="O244" t="str">
            <v/>
          </cell>
          <cell r="P244" t="str">
            <v/>
          </cell>
        </row>
        <row r="245">
          <cell r="O245" t="str">
            <v/>
          </cell>
          <cell r="P245" t="str">
            <v/>
          </cell>
        </row>
        <row r="246">
          <cell r="O246" t="str">
            <v/>
          </cell>
          <cell r="P246" t="str">
            <v/>
          </cell>
        </row>
        <row r="247">
          <cell r="O247" t="str">
            <v/>
          </cell>
          <cell r="P247" t="str">
            <v/>
          </cell>
        </row>
        <row r="248">
          <cell r="O248" t="str">
            <v/>
          </cell>
          <cell r="P248" t="str">
            <v/>
          </cell>
        </row>
        <row r="249">
          <cell r="O249" t="str">
            <v/>
          </cell>
          <cell r="P249" t="str">
            <v/>
          </cell>
        </row>
        <row r="250">
          <cell r="O250" t="str">
            <v/>
          </cell>
          <cell r="P250" t="str">
            <v/>
          </cell>
        </row>
        <row r="251">
          <cell r="O251" t="str">
            <v/>
          </cell>
          <cell r="P251" t="str">
            <v/>
          </cell>
        </row>
        <row r="252">
          <cell r="O252" t="str">
            <v/>
          </cell>
          <cell r="P252" t="str">
            <v/>
          </cell>
        </row>
        <row r="253">
          <cell r="O253" t="str">
            <v/>
          </cell>
          <cell r="P253" t="str">
            <v/>
          </cell>
        </row>
        <row r="254">
          <cell r="O254" t="str">
            <v/>
          </cell>
          <cell r="P254" t="str">
            <v/>
          </cell>
        </row>
        <row r="255">
          <cell r="O255" t="str">
            <v/>
          </cell>
          <cell r="P255" t="str">
            <v/>
          </cell>
        </row>
        <row r="258">
          <cell r="O258" t="str">
            <v/>
          </cell>
          <cell r="P258" t="str">
            <v/>
          </cell>
        </row>
        <row r="259">
          <cell r="O259" t="str">
            <v/>
          </cell>
          <cell r="P259" t="str">
            <v/>
          </cell>
        </row>
        <row r="260">
          <cell r="O260" t="str">
            <v/>
          </cell>
          <cell r="P260" t="str">
            <v/>
          </cell>
        </row>
        <row r="261">
          <cell r="O261" t="str">
            <v/>
          </cell>
          <cell r="P261" t="str">
            <v/>
          </cell>
        </row>
        <row r="262">
          <cell r="O262" t="str">
            <v/>
          </cell>
          <cell r="P262" t="str">
            <v/>
          </cell>
        </row>
        <row r="263">
          <cell r="O263" t="str">
            <v/>
          </cell>
          <cell r="P263" t="str">
            <v/>
          </cell>
        </row>
        <row r="264">
          <cell r="O264" t="str">
            <v/>
          </cell>
          <cell r="P264" t="str">
            <v/>
          </cell>
        </row>
        <row r="265">
          <cell r="O265" t="str">
            <v/>
          </cell>
          <cell r="P265" t="str">
            <v/>
          </cell>
        </row>
        <row r="266">
          <cell r="O266" t="str">
            <v/>
          </cell>
          <cell r="P266" t="str">
            <v/>
          </cell>
        </row>
        <row r="267">
          <cell r="O267" t="str">
            <v/>
          </cell>
          <cell r="P267" t="str">
            <v/>
          </cell>
        </row>
        <row r="268">
          <cell r="O268" t="str">
            <v/>
          </cell>
          <cell r="P268" t="str">
            <v/>
          </cell>
        </row>
        <row r="269">
          <cell r="O269" t="str">
            <v/>
          </cell>
          <cell r="P269" t="str">
            <v/>
          </cell>
        </row>
        <row r="270">
          <cell r="O270" t="str">
            <v/>
          </cell>
          <cell r="P270" t="str">
            <v/>
          </cell>
        </row>
        <row r="271">
          <cell r="O271" t="str">
            <v/>
          </cell>
          <cell r="P271" t="str">
            <v/>
          </cell>
        </row>
        <row r="272">
          <cell r="O272" t="str">
            <v/>
          </cell>
          <cell r="P272" t="str">
            <v/>
          </cell>
        </row>
        <row r="273">
          <cell r="O273" t="str">
            <v/>
          </cell>
          <cell r="P273" t="str">
            <v/>
          </cell>
        </row>
        <row r="274">
          <cell r="O274" t="str">
            <v/>
          </cell>
          <cell r="P274" t="str">
            <v/>
          </cell>
        </row>
        <row r="275">
          <cell r="O275" t="str">
            <v/>
          </cell>
          <cell r="P275" t="str">
            <v/>
          </cell>
        </row>
        <row r="276">
          <cell r="O276" t="str">
            <v/>
          </cell>
          <cell r="P276" t="str">
            <v/>
          </cell>
        </row>
        <row r="277">
          <cell r="O277" t="str">
            <v/>
          </cell>
          <cell r="P277" t="str">
            <v/>
          </cell>
        </row>
        <row r="278">
          <cell r="O278" t="str">
            <v xml:space="preserve"> FAX</v>
          </cell>
          <cell r="P278" t="str">
            <v/>
          </cell>
        </row>
        <row r="281">
          <cell r="O281">
            <v>5705</v>
          </cell>
          <cell r="P281">
            <v>5724</v>
          </cell>
        </row>
        <row r="282">
          <cell r="O282">
            <v>5216</v>
          </cell>
          <cell r="P282">
            <v>5079</v>
          </cell>
        </row>
        <row r="283">
          <cell r="O283">
            <v>5336</v>
          </cell>
          <cell r="P283">
            <v>5390</v>
          </cell>
        </row>
        <row r="284">
          <cell r="O284">
            <v>5607</v>
          </cell>
          <cell r="P284">
            <v>5452</v>
          </cell>
        </row>
        <row r="285">
          <cell r="O285">
            <v>5586</v>
          </cell>
          <cell r="P285">
            <v>5705</v>
          </cell>
        </row>
        <row r="286">
          <cell r="O286">
            <v>6016</v>
          </cell>
          <cell r="P286">
            <v>6301</v>
          </cell>
        </row>
        <row r="287">
          <cell r="O287">
            <v>5155</v>
          </cell>
          <cell r="P287" t="str">
            <v/>
          </cell>
        </row>
        <row r="288">
          <cell r="O288">
            <v>5857</v>
          </cell>
          <cell r="P288" t="str">
            <v/>
          </cell>
        </row>
        <row r="289">
          <cell r="O289">
            <v>5535</v>
          </cell>
          <cell r="P289" t="str">
            <v/>
          </cell>
        </row>
        <row r="290">
          <cell r="O290">
            <v>6506</v>
          </cell>
          <cell r="P290" t="str">
            <v/>
          </cell>
        </row>
        <row r="291">
          <cell r="O291">
            <v>5213</v>
          </cell>
          <cell r="P291" t="str">
            <v/>
          </cell>
        </row>
        <row r="292">
          <cell r="O292">
            <v>5079</v>
          </cell>
          <cell r="P292" t="str">
            <v/>
          </cell>
        </row>
        <row r="293">
          <cell r="O293">
            <v>6258</v>
          </cell>
          <cell r="P293" t="str">
            <v/>
          </cell>
        </row>
        <row r="294">
          <cell r="O294">
            <v>5910</v>
          </cell>
          <cell r="P294" t="str">
            <v/>
          </cell>
        </row>
        <row r="295">
          <cell r="O295">
            <v>5608</v>
          </cell>
          <cell r="P295" t="str">
            <v/>
          </cell>
        </row>
        <row r="296">
          <cell r="O296">
            <v>5395</v>
          </cell>
          <cell r="P296" t="str">
            <v/>
          </cell>
        </row>
        <row r="297">
          <cell r="O297">
            <v>5390</v>
          </cell>
          <cell r="P297" t="str">
            <v/>
          </cell>
        </row>
        <row r="298">
          <cell r="O298">
            <v>5345</v>
          </cell>
          <cell r="P298" t="str">
            <v/>
          </cell>
        </row>
        <row r="299">
          <cell r="O299">
            <v>5487</v>
          </cell>
          <cell r="P299" t="str">
            <v/>
          </cell>
        </row>
        <row r="300">
          <cell r="O300">
            <v>5452</v>
          </cell>
          <cell r="P300" t="str">
            <v/>
          </cell>
        </row>
        <row r="301">
          <cell r="O301" t="str">
            <v/>
          </cell>
          <cell r="P301" t="str">
            <v/>
          </cell>
        </row>
        <row r="304">
          <cell r="O304">
            <v>5216</v>
          </cell>
          <cell r="P304">
            <v>5216</v>
          </cell>
        </row>
        <row r="305">
          <cell r="O305">
            <v>5336</v>
          </cell>
          <cell r="P305">
            <v>5705</v>
          </cell>
        </row>
        <row r="306">
          <cell r="O306">
            <v>5155</v>
          </cell>
          <cell r="P306" t="str">
            <v/>
          </cell>
        </row>
        <row r="307">
          <cell r="O307">
            <v>5535</v>
          </cell>
          <cell r="P307" t="str">
            <v/>
          </cell>
        </row>
        <row r="308">
          <cell r="O308">
            <v>6506</v>
          </cell>
          <cell r="P308" t="str">
            <v/>
          </cell>
        </row>
        <row r="309">
          <cell r="O309">
            <v>5608</v>
          </cell>
          <cell r="P309" t="str">
            <v/>
          </cell>
        </row>
        <row r="310">
          <cell r="O310">
            <v>5487</v>
          </cell>
          <cell r="P310" t="str">
            <v/>
          </cell>
        </row>
        <row r="311">
          <cell r="O311">
            <v>5079</v>
          </cell>
          <cell r="P311" t="str">
            <v/>
          </cell>
        </row>
        <row r="312">
          <cell r="O312">
            <v>6258</v>
          </cell>
          <cell r="P312" t="str">
            <v/>
          </cell>
        </row>
        <row r="313">
          <cell r="O313">
            <v>5390</v>
          </cell>
          <cell r="P313" t="str">
            <v/>
          </cell>
        </row>
        <row r="314">
          <cell r="O314">
            <v>5724</v>
          </cell>
          <cell r="P314" t="str">
            <v/>
          </cell>
        </row>
        <row r="315">
          <cell r="O315">
            <v>5452</v>
          </cell>
          <cell r="P315" t="str">
            <v/>
          </cell>
        </row>
        <row r="316">
          <cell r="O316">
            <v>5705</v>
          </cell>
          <cell r="P316" t="str">
            <v/>
          </cell>
        </row>
        <row r="317">
          <cell r="O317">
            <v>6301</v>
          </cell>
          <cell r="P317" t="str">
            <v/>
          </cell>
        </row>
        <row r="318">
          <cell r="O318" t="str">
            <v/>
          </cell>
          <cell r="P318" t="str">
            <v/>
          </cell>
        </row>
        <row r="319">
          <cell r="O319" t="str">
            <v/>
          </cell>
          <cell r="P319" t="str">
            <v/>
          </cell>
        </row>
        <row r="320">
          <cell r="O320" t="str">
            <v/>
          </cell>
          <cell r="P320" t="str">
            <v/>
          </cell>
        </row>
        <row r="321">
          <cell r="O321" t="str">
            <v/>
          </cell>
          <cell r="P321" t="str">
            <v/>
          </cell>
        </row>
        <row r="322">
          <cell r="O322" t="str">
            <v/>
          </cell>
          <cell r="P322" t="str">
            <v/>
          </cell>
        </row>
        <row r="323">
          <cell r="O323" t="str">
            <v/>
          </cell>
          <cell r="P323" t="str">
            <v/>
          </cell>
        </row>
        <row r="324">
          <cell r="O324" t="str">
            <v/>
          </cell>
          <cell r="P324" t="str">
            <v/>
          </cell>
        </row>
        <row r="327">
          <cell r="O327">
            <v>5336</v>
          </cell>
          <cell r="P327">
            <v>5942</v>
          </cell>
        </row>
        <row r="328">
          <cell r="O328">
            <v>5608</v>
          </cell>
          <cell r="P328">
            <v>5696</v>
          </cell>
        </row>
        <row r="329">
          <cell r="O329">
            <v>6506</v>
          </cell>
          <cell r="P329">
            <v>5986</v>
          </cell>
        </row>
        <row r="330">
          <cell r="O330">
            <v>5155</v>
          </cell>
          <cell r="P330">
            <v>5011</v>
          </cell>
        </row>
        <row r="331">
          <cell r="O331">
            <v>5535</v>
          </cell>
          <cell r="P331">
            <v>5182</v>
          </cell>
        </row>
        <row r="332">
          <cell r="O332">
            <v>5079</v>
          </cell>
          <cell r="P332" t="str">
            <v/>
          </cell>
        </row>
        <row r="333">
          <cell r="O333">
            <v>6065</v>
          </cell>
          <cell r="P333" t="str">
            <v/>
          </cell>
        </row>
        <row r="334">
          <cell r="O334">
            <v>5487</v>
          </cell>
          <cell r="P334" t="str">
            <v/>
          </cell>
        </row>
        <row r="335">
          <cell r="O335">
            <v>5724</v>
          </cell>
          <cell r="P335" t="str">
            <v/>
          </cell>
        </row>
        <row r="336">
          <cell r="O336">
            <v>5216</v>
          </cell>
          <cell r="P336" t="str">
            <v/>
          </cell>
        </row>
        <row r="337">
          <cell r="O337">
            <v>5390</v>
          </cell>
          <cell r="P337" t="str">
            <v/>
          </cell>
        </row>
        <row r="338">
          <cell r="O338">
            <v>5452</v>
          </cell>
          <cell r="P338" t="str">
            <v/>
          </cell>
        </row>
        <row r="339">
          <cell r="O339">
            <v>5705</v>
          </cell>
          <cell r="P339" t="str">
            <v/>
          </cell>
        </row>
        <row r="340">
          <cell r="O340">
            <v>6301</v>
          </cell>
          <cell r="P340" t="str">
            <v/>
          </cell>
        </row>
        <row r="341">
          <cell r="O341" t="str">
            <v/>
          </cell>
          <cell r="P341" t="str">
            <v/>
          </cell>
        </row>
        <row r="342">
          <cell r="O342" t="str">
            <v/>
          </cell>
          <cell r="P342" t="str">
            <v/>
          </cell>
        </row>
        <row r="343">
          <cell r="O343" t="str">
            <v/>
          </cell>
          <cell r="P343" t="str">
            <v/>
          </cell>
        </row>
        <row r="344">
          <cell r="O344" t="str">
            <v/>
          </cell>
          <cell r="P344" t="str">
            <v/>
          </cell>
        </row>
        <row r="345">
          <cell r="O345" t="str">
            <v/>
          </cell>
          <cell r="P345" t="str">
            <v/>
          </cell>
        </row>
        <row r="346">
          <cell r="O346" t="str">
            <v/>
          </cell>
          <cell r="P346" t="str">
            <v/>
          </cell>
        </row>
        <row r="347">
          <cell r="O347" t="str">
            <v/>
          </cell>
          <cell r="P347" t="str">
            <v/>
          </cell>
        </row>
        <row r="350">
          <cell r="O350" t="str">
            <v/>
          </cell>
          <cell r="P350" t="str">
            <v/>
          </cell>
        </row>
        <row r="351">
          <cell r="O351" t="str">
            <v/>
          </cell>
          <cell r="P351" t="str">
            <v/>
          </cell>
        </row>
        <row r="352">
          <cell r="O352" t="str">
            <v/>
          </cell>
          <cell r="P352" t="str">
            <v/>
          </cell>
        </row>
        <row r="353">
          <cell r="O353" t="str">
            <v/>
          </cell>
          <cell r="P353" t="str">
            <v/>
          </cell>
        </row>
        <row r="354">
          <cell r="O354" t="str">
            <v/>
          </cell>
          <cell r="P354" t="str">
            <v/>
          </cell>
        </row>
        <row r="355">
          <cell r="O355" t="str">
            <v/>
          </cell>
          <cell r="P355" t="str">
            <v/>
          </cell>
        </row>
        <row r="356">
          <cell r="O356" t="str">
            <v/>
          </cell>
          <cell r="P356" t="str">
            <v/>
          </cell>
        </row>
        <row r="357">
          <cell r="O357" t="str">
            <v/>
          </cell>
          <cell r="P357" t="str">
            <v/>
          </cell>
        </row>
        <row r="358">
          <cell r="O358" t="str">
            <v/>
          </cell>
          <cell r="P358" t="str">
            <v/>
          </cell>
        </row>
        <row r="359">
          <cell r="O359" t="str">
            <v/>
          </cell>
          <cell r="P359" t="str">
            <v/>
          </cell>
        </row>
        <row r="360">
          <cell r="O360" t="str">
            <v/>
          </cell>
          <cell r="P360" t="str">
            <v/>
          </cell>
        </row>
        <row r="361">
          <cell r="O361" t="str">
            <v/>
          </cell>
          <cell r="P361" t="str">
            <v/>
          </cell>
        </row>
        <row r="362">
          <cell r="O362" t="str">
            <v/>
          </cell>
          <cell r="P362" t="str">
            <v/>
          </cell>
        </row>
        <row r="363">
          <cell r="O363" t="str">
            <v/>
          </cell>
          <cell r="P363" t="str">
            <v/>
          </cell>
        </row>
        <row r="364">
          <cell r="O364" t="str">
            <v/>
          </cell>
          <cell r="P364" t="str">
            <v/>
          </cell>
        </row>
        <row r="365">
          <cell r="O365" t="str">
            <v/>
          </cell>
          <cell r="P365" t="str">
            <v/>
          </cell>
        </row>
        <row r="366">
          <cell r="O366" t="str">
            <v/>
          </cell>
          <cell r="P366" t="str">
            <v/>
          </cell>
        </row>
        <row r="367">
          <cell r="O367" t="str">
            <v/>
          </cell>
          <cell r="P367" t="str">
            <v/>
          </cell>
        </row>
        <row r="368">
          <cell r="O368" t="str">
            <v/>
          </cell>
          <cell r="P368" t="str">
            <v/>
          </cell>
        </row>
        <row r="369">
          <cell r="O369" t="str">
            <v/>
          </cell>
          <cell r="P369" t="str">
            <v/>
          </cell>
        </row>
        <row r="370">
          <cell r="O370" t="str">
            <v/>
          </cell>
          <cell r="P370" t="str">
            <v/>
          </cell>
        </row>
        <row r="373">
          <cell r="O373" t="str">
            <v/>
          </cell>
          <cell r="P373" t="str">
            <v/>
          </cell>
        </row>
        <row r="374">
          <cell r="O374" t="str">
            <v/>
          </cell>
          <cell r="P374" t="str">
            <v/>
          </cell>
        </row>
        <row r="375">
          <cell r="O375" t="str">
            <v/>
          </cell>
          <cell r="P375" t="str">
            <v/>
          </cell>
        </row>
        <row r="376">
          <cell r="O376" t="str">
            <v/>
          </cell>
          <cell r="P376" t="str">
            <v/>
          </cell>
        </row>
        <row r="377">
          <cell r="O377" t="str">
            <v/>
          </cell>
          <cell r="P377" t="str">
            <v/>
          </cell>
        </row>
        <row r="378">
          <cell r="O378" t="str">
            <v/>
          </cell>
          <cell r="P378" t="str">
            <v/>
          </cell>
        </row>
        <row r="379">
          <cell r="O379" t="str">
            <v/>
          </cell>
          <cell r="P379" t="str">
            <v/>
          </cell>
        </row>
        <row r="380">
          <cell r="O380" t="str">
            <v/>
          </cell>
          <cell r="P380" t="str">
            <v/>
          </cell>
        </row>
        <row r="381">
          <cell r="O381" t="str">
            <v/>
          </cell>
          <cell r="P381" t="str">
            <v/>
          </cell>
        </row>
        <row r="382">
          <cell r="O382" t="str">
            <v/>
          </cell>
          <cell r="P382" t="str">
            <v/>
          </cell>
        </row>
        <row r="383">
          <cell r="O383" t="str">
            <v/>
          </cell>
          <cell r="P383" t="str">
            <v/>
          </cell>
        </row>
        <row r="384">
          <cell r="O384" t="str">
            <v/>
          </cell>
          <cell r="P384" t="str">
            <v/>
          </cell>
        </row>
        <row r="385">
          <cell r="O385" t="str">
            <v/>
          </cell>
          <cell r="P385" t="str">
            <v/>
          </cell>
        </row>
        <row r="386">
          <cell r="O386" t="str">
            <v/>
          </cell>
          <cell r="P386" t="str">
            <v/>
          </cell>
        </row>
        <row r="387">
          <cell r="O387" t="str">
            <v/>
          </cell>
          <cell r="P387" t="str">
            <v/>
          </cell>
        </row>
        <row r="388">
          <cell r="O388" t="str">
            <v/>
          </cell>
          <cell r="P388" t="str">
            <v/>
          </cell>
        </row>
        <row r="389">
          <cell r="O389" t="str">
            <v/>
          </cell>
          <cell r="P389" t="str">
            <v/>
          </cell>
        </row>
        <row r="390">
          <cell r="O390" t="str">
            <v/>
          </cell>
          <cell r="P390" t="str">
            <v/>
          </cell>
        </row>
        <row r="391">
          <cell r="O391" t="str">
            <v/>
          </cell>
          <cell r="P391" t="str">
            <v/>
          </cell>
        </row>
        <row r="392">
          <cell r="O392" t="str">
            <v/>
          </cell>
          <cell r="P392" t="str">
            <v/>
          </cell>
        </row>
        <row r="393">
          <cell r="O393" t="str">
            <v/>
          </cell>
          <cell r="P393" t="str">
            <v/>
          </cell>
        </row>
        <row r="396">
          <cell r="O396" t="str">
            <v/>
          </cell>
          <cell r="P396" t="str">
            <v/>
          </cell>
        </row>
        <row r="397">
          <cell r="O397" t="str">
            <v/>
          </cell>
          <cell r="P397" t="str">
            <v/>
          </cell>
        </row>
        <row r="398">
          <cell r="O398" t="str">
            <v/>
          </cell>
          <cell r="P398" t="str">
            <v/>
          </cell>
        </row>
        <row r="399">
          <cell r="O399" t="str">
            <v/>
          </cell>
          <cell r="P399" t="str">
            <v/>
          </cell>
        </row>
        <row r="400">
          <cell r="O400" t="str">
            <v/>
          </cell>
          <cell r="P400" t="str">
            <v/>
          </cell>
        </row>
        <row r="401">
          <cell r="O401" t="str">
            <v/>
          </cell>
          <cell r="P401" t="str">
            <v/>
          </cell>
        </row>
        <row r="402">
          <cell r="O402" t="str">
            <v/>
          </cell>
          <cell r="P402" t="str">
            <v/>
          </cell>
        </row>
        <row r="403">
          <cell r="O403" t="str">
            <v/>
          </cell>
          <cell r="P403" t="str">
            <v/>
          </cell>
        </row>
        <row r="404">
          <cell r="O404" t="str">
            <v/>
          </cell>
          <cell r="P404" t="str">
            <v/>
          </cell>
        </row>
        <row r="405">
          <cell r="O405" t="str">
            <v/>
          </cell>
          <cell r="P405" t="str">
            <v/>
          </cell>
        </row>
        <row r="406">
          <cell r="O406" t="str">
            <v/>
          </cell>
          <cell r="P406" t="str">
            <v/>
          </cell>
        </row>
        <row r="407">
          <cell r="O407" t="str">
            <v/>
          </cell>
          <cell r="P407" t="str">
            <v/>
          </cell>
        </row>
        <row r="408">
          <cell r="O408" t="str">
            <v/>
          </cell>
          <cell r="P408" t="str">
            <v/>
          </cell>
        </row>
        <row r="409">
          <cell r="O409" t="str">
            <v/>
          </cell>
          <cell r="P409" t="str">
            <v/>
          </cell>
        </row>
        <row r="410">
          <cell r="O410" t="str">
            <v/>
          </cell>
          <cell r="P410" t="str">
            <v/>
          </cell>
        </row>
        <row r="411">
          <cell r="O411" t="str">
            <v/>
          </cell>
          <cell r="P411" t="str">
            <v/>
          </cell>
        </row>
        <row r="412">
          <cell r="O412" t="str">
            <v/>
          </cell>
          <cell r="P412" t="str">
            <v/>
          </cell>
        </row>
        <row r="413">
          <cell r="O413" t="str">
            <v/>
          </cell>
          <cell r="P413" t="str">
            <v/>
          </cell>
        </row>
        <row r="414">
          <cell r="O414" t="str">
            <v/>
          </cell>
          <cell r="P414" t="str">
            <v/>
          </cell>
        </row>
        <row r="415">
          <cell r="O415" t="str">
            <v/>
          </cell>
          <cell r="P415" t="str">
            <v/>
          </cell>
        </row>
        <row r="416">
          <cell r="O416" t="str">
            <v/>
          </cell>
          <cell r="P416" t="str">
            <v/>
          </cell>
        </row>
        <row r="419">
          <cell r="O419" t="str">
            <v/>
          </cell>
          <cell r="P419" t="str">
            <v/>
          </cell>
        </row>
        <row r="420">
          <cell r="O420" t="str">
            <v/>
          </cell>
          <cell r="P420" t="str">
            <v/>
          </cell>
        </row>
        <row r="421">
          <cell r="O421" t="str">
            <v/>
          </cell>
          <cell r="P421" t="str">
            <v/>
          </cell>
        </row>
        <row r="422">
          <cell r="O422" t="str">
            <v/>
          </cell>
          <cell r="P422" t="str">
            <v/>
          </cell>
        </row>
        <row r="423">
          <cell r="O423" t="str">
            <v/>
          </cell>
          <cell r="P423" t="str">
            <v/>
          </cell>
        </row>
        <row r="424">
          <cell r="O424" t="str">
            <v/>
          </cell>
          <cell r="P424" t="str">
            <v/>
          </cell>
        </row>
        <row r="425">
          <cell r="O425" t="str">
            <v/>
          </cell>
          <cell r="P425" t="str">
            <v/>
          </cell>
        </row>
        <row r="426">
          <cell r="O426" t="str">
            <v/>
          </cell>
          <cell r="P426" t="str">
            <v/>
          </cell>
        </row>
        <row r="427">
          <cell r="O427" t="str">
            <v/>
          </cell>
          <cell r="P427" t="str">
            <v/>
          </cell>
        </row>
        <row r="428">
          <cell r="O428" t="str">
            <v/>
          </cell>
          <cell r="P428" t="str">
            <v/>
          </cell>
        </row>
        <row r="429">
          <cell r="O429" t="str">
            <v/>
          </cell>
          <cell r="P429" t="str">
            <v/>
          </cell>
        </row>
        <row r="430">
          <cell r="O430" t="str">
            <v/>
          </cell>
          <cell r="P430" t="str">
            <v/>
          </cell>
        </row>
        <row r="431">
          <cell r="O431" t="str">
            <v/>
          </cell>
          <cell r="P431" t="str">
            <v/>
          </cell>
        </row>
        <row r="432">
          <cell r="O432" t="str">
            <v/>
          </cell>
          <cell r="P432" t="str">
            <v/>
          </cell>
        </row>
        <row r="433">
          <cell r="O433" t="str">
            <v/>
          </cell>
          <cell r="P433" t="str">
            <v/>
          </cell>
        </row>
        <row r="434">
          <cell r="O434" t="str">
            <v/>
          </cell>
          <cell r="P434" t="str">
            <v/>
          </cell>
        </row>
        <row r="435">
          <cell r="O435" t="str">
            <v/>
          </cell>
          <cell r="P435" t="str">
            <v/>
          </cell>
        </row>
        <row r="436">
          <cell r="O436" t="str">
            <v/>
          </cell>
          <cell r="P436" t="str">
            <v/>
          </cell>
        </row>
        <row r="437">
          <cell r="O437" t="str">
            <v/>
          </cell>
          <cell r="P437" t="str">
            <v/>
          </cell>
        </row>
        <row r="438">
          <cell r="O438" t="str">
            <v/>
          </cell>
          <cell r="P438" t="str">
            <v/>
          </cell>
        </row>
        <row r="439">
          <cell r="O439" t="str">
            <v/>
          </cell>
          <cell r="P439" t="str">
            <v/>
          </cell>
        </row>
        <row r="442">
          <cell r="O442" t="str">
            <v/>
          </cell>
          <cell r="P442" t="str">
            <v/>
          </cell>
        </row>
        <row r="443">
          <cell r="O443" t="str">
            <v/>
          </cell>
          <cell r="P443" t="str">
            <v/>
          </cell>
        </row>
        <row r="444">
          <cell r="O444" t="str">
            <v/>
          </cell>
          <cell r="P444" t="str">
            <v/>
          </cell>
        </row>
        <row r="445">
          <cell r="O445" t="str">
            <v/>
          </cell>
          <cell r="P445" t="str">
            <v/>
          </cell>
        </row>
        <row r="446">
          <cell r="O446" t="str">
            <v/>
          </cell>
          <cell r="P446" t="str">
            <v/>
          </cell>
        </row>
        <row r="447">
          <cell r="O447" t="str">
            <v/>
          </cell>
          <cell r="P447" t="str">
            <v/>
          </cell>
        </row>
        <row r="448">
          <cell r="O448" t="str">
            <v/>
          </cell>
          <cell r="P448" t="str">
            <v/>
          </cell>
        </row>
        <row r="449">
          <cell r="O449" t="str">
            <v/>
          </cell>
          <cell r="P449" t="str">
            <v/>
          </cell>
        </row>
        <row r="450">
          <cell r="O450" t="str">
            <v/>
          </cell>
          <cell r="P450" t="str">
            <v/>
          </cell>
        </row>
        <row r="451">
          <cell r="O451" t="str">
            <v/>
          </cell>
          <cell r="P451" t="str">
            <v/>
          </cell>
        </row>
        <row r="452">
          <cell r="O452" t="str">
            <v/>
          </cell>
          <cell r="P452" t="str">
            <v/>
          </cell>
        </row>
        <row r="453">
          <cell r="O453" t="str">
            <v/>
          </cell>
          <cell r="P453" t="str">
            <v/>
          </cell>
        </row>
        <row r="454">
          <cell r="O454" t="str">
            <v/>
          </cell>
          <cell r="P454" t="str">
            <v/>
          </cell>
        </row>
        <row r="455">
          <cell r="O455" t="str">
            <v/>
          </cell>
          <cell r="P455" t="str">
            <v/>
          </cell>
        </row>
        <row r="456">
          <cell r="O456" t="str">
            <v/>
          </cell>
          <cell r="P456" t="str">
            <v/>
          </cell>
        </row>
        <row r="457">
          <cell r="O457" t="str">
            <v/>
          </cell>
          <cell r="P457" t="str">
            <v/>
          </cell>
        </row>
        <row r="458">
          <cell r="O458" t="str">
            <v/>
          </cell>
          <cell r="P458" t="str">
            <v/>
          </cell>
        </row>
        <row r="459">
          <cell r="O459" t="str">
            <v/>
          </cell>
          <cell r="P459" t="str">
            <v/>
          </cell>
        </row>
        <row r="460">
          <cell r="O460" t="str">
            <v/>
          </cell>
          <cell r="P460" t="str">
            <v/>
          </cell>
        </row>
        <row r="461">
          <cell r="O461" t="str">
            <v/>
          </cell>
          <cell r="P461" t="str">
            <v/>
          </cell>
        </row>
        <row r="462">
          <cell r="O462" t="str">
            <v/>
          </cell>
          <cell r="P462" t="str">
            <v/>
          </cell>
        </row>
        <row r="465">
          <cell r="O465" t="str">
            <v/>
          </cell>
          <cell r="P465" t="str">
            <v/>
          </cell>
        </row>
        <row r="466">
          <cell r="O466" t="str">
            <v/>
          </cell>
          <cell r="P466" t="str">
            <v/>
          </cell>
        </row>
        <row r="467">
          <cell r="O467" t="str">
            <v/>
          </cell>
          <cell r="P467" t="str">
            <v/>
          </cell>
        </row>
        <row r="468">
          <cell r="O468" t="str">
            <v/>
          </cell>
          <cell r="P468" t="str">
            <v/>
          </cell>
        </row>
        <row r="469">
          <cell r="O469" t="str">
            <v/>
          </cell>
          <cell r="P469" t="str">
            <v/>
          </cell>
        </row>
        <row r="470">
          <cell r="O470" t="str">
            <v/>
          </cell>
          <cell r="P470" t="str">
            <v/>
          </cell>
        </row>
        <row r="471">
          <cell r="O471" t="str">
            <v/>
          </cell>
          <cell r="P471" t="str">
            <v/>
          </cell>
        </row>
        <row r="472">
          <cell r="O472" t="str">
            <v/>
          </cell>
          <cell r="P472" t="str">
            <v/>
          </cell>
        </row>
        <row r="473">
          <cell r="O473" t="str">
            <v/>
          </cell>
          <cell r="P473" t="str">
            <v/>
          </cell>
        </row>
        <row r="474">
          <cell r="O474" t="str">
            <v/>
          </cell>
          <cell r="P474" t="str">
            <v/>
          </cell>
        </row>
        <row r="475">
          <cell r="O475" t="str">
            <v/>
          </cell>
          <cell r="P475" t="str">
            <v/>
          </cell>
        </row>
        <row r="476">
          <cell r="O476" t="str">
            <v/>
          </cell>
          <cell r="P476" t="str">
            <v/>
          </cell>
        </row>
        <row r="477">
          <cell r="O477" t="str">
            <v/>
          </cell>
          <cell r="P477" t="str">
            <v/>
          </cell>
        </row>
        <row r="478">
          <cell r="O478" t="str">
            <v/>
          </cell>
          <cell r="P478" t="str">
            <v/>
          </cell>
        </row>
        <row r="479">
          <cell r="O479" t="str">
            <v/>
          </cell>
          <cell r="P479" t="str">
            <v/>
          </cell>
        </row>
        <row r="480">
          <cell r="O480" t="str">
            <v/>
          </cell>
          <cell r="P480" t="str">
            <v/>
          </cell>
        </row>
        <row r="481">
          <cell r="O481" t="str">
            <v/>
          </cell>
          <cell r="P481" t="str">
            <v/>
          </cell>
        </row>
        <row r="482">
          <cell r="O482" t="str">
            <v/>
          </cell>
          <cell r="P482" t="str">
            <v/>
          </cell>
        </row>
        <row r="483">
          <cell r="O483" t="str">
            <v/>
          </cell>
          <cell r="P483" t="str">
            <v/>
          </cell>
        </row>
        <row r="484">
          <cell r="O484" t="str">
            <v/>
          </cell>
          <cell r="P484" t="str">
            <v/>
          </cell>
        </row>
        <row r="485">
          <cell r="O485" t="str">
            <v/>
          </cell>
          <cell r="P485" t="str">
            <v/>
          </cell>
        </row>
        <row r="488">
          <cell r="O488" t="str">
            <v/>
          </cell>
          <cell r="P488" t="str">
            <v/>
          </cell>
        </row>
        <row r="489">
          <cell r="O489" t="str">
            <v/>
          </cell>
          <cell r="P489" t="str">
            <v/>
          </cell>
        </row>
        <row r="490">
          <cell r="O490" t="str">
            <v/>
          </cell>
          <cell r="P490" t="str">
            <v/>
          </cell>
        </row>
        <row r="491">
          <cell r="O491" t="str">
            <v/>
          </cell>
          <cell r="P491" t="str">
            <v/>
          </cell>
        </row>
        <row r="492">
          <cell r="O492" t="str">
            <v/>
          </cell>
          <cell r="P492" t="str">
            <v/>
          </cell>
        </row>
        <row r="493">
          <cell r="O493" t="str">
            <v/>
          </cell>
          <cell r="P493" t="str">
            <v/>
          </cell>
        </row>
        <row r="494">
          <cell r="O494" t="str">
            <v/>
          </cell>
          <cell r="P494" t="str">
            <v/>
          </cell>
        </row>
        <row r="495">
          <cell r="O495" t="str">
            <v/>
          </cell>
          <cell r="P495" t="str">
            <v/>
          </cell>
        </row>
        <row r="496">
          <cell r="O496" t="str">
            <v/>
          </cell>
          <cell r="P496" t="str">
            <v/>
          </cell>
        </row>
        <row r="497">
          <cell r="O497" t="str">
            <v/>
          </cell>
          <cell r="P497" t="str">
            <v/>
          </cell>
        </row>
        <row r="498">
          <cell r="O498" t="str">
            <v/>
          </cell>
          <cell r="P498" t="str">
            <v/>
          </cell>
        </row>
        <row r="499">
          <cell r="O499" t="str">
            <v/>
          </cell>
          <cell r="P499" t="str">
            <v/>
          </cell>
        </row>
        <row r="500">
          <cell r="O500" t="str">
            <v/>
          </cell>
          <cell r="P500" t="str">
            <v/>
          </cell>
        </row>
        <row r="501">
          <cell r="O501" t="str">
            <v/>
          </cell>
          <cell r="P501" t="str">
            <v/>
          </cell>
        </row>
        <row r="502">
          <cell r="O502" t="str">
            <v/>
          </cell>
          <cell r="P502" t="str">
            <v/>
          </cell>
        </row>
        <row r="503">
          <cell r="O503" t="str">
            <v/>
          </cell>
          <cell r="P503" t="str">
            <v/>
          </cell>
        </row>
        <row r="504">
          <cell r="O504" t="str">
            <v/>
          </cell>
          <cell r="P504" t="str">
            <v/>
          </cell>
        </row>
        <row r="505">
          <cell r="O505" t="str">
            <v/>
          </cell>
          <cell r="P505" t="str">
            <v/>
          </cell>
        </row>
        <row r="506">
          <cell r="O506" t="str">
            <v/>
          </cell>
          <cell r="P506" t="str">
            <v/>
          </cell>
        </row>
        <row r="507">
          <cell r="O507" t="str">
            <v/>
          </cell>
          <cell r="P507" t="str">
            <v/>
          </cell>
        </row>
        <row r="508">
          <cell r="O508" t="str">
            <v/>
          </cell>
          <cell r="P508" t="str">
            <v/>
          </cell>
        </row>
        <row r="511">
          <cell r="O511" t="str">
            <v/>
          </cell>
          <cell r="P511" t="str">
            <v/>
          </cell>
        </row>
        <row r="512">
          <cell r="O512" t="str">
            <v/>
          </cell>
          <cell r="P512" t="str">
            <v/>
          </cell>
        </row>
        <row r="513">
          <cell r="O513" t="str">
            <v/>
          </cell>
          <cell r="P513" t="str">
            <v/>
          </cell>
        </row>
        <row r="514">
          <cell r="O514" t="str">
            <v/>
          </cell>
          <cell r="P514" t="str">
            <v/>
          </cell>
        </row>
        <row r="515">
          <cell r="O515" t="str">
            <v/>
          </cell>
          <cell r="P515" t="str">
            <v/>
          </cell>
        </row>
        <row r="516">
          <cell r="O516" t="str">
            <v/>
          </cell>
          <cell r="P516" t="str">
            <v/>
          </cell>
        </row>
        <row r="517">
          <cell r="O517" t="str">
            <v/>
          </cell>
          <cell r="P517" t="str">
            <v/>
          </cell>
        </row>
        <row r="518">
          <cell r="O518" t="str">
            <v/>
          </cell>
          <cell r="P518" t="str">
            <v/>
          </cell>
        </row>
        <row r="519">
          <cell r="O519" t="str">
            <v/>
          </cell>
          <cell r="P519" t="str">
            <v/>
          </cell>
        </row>
        <row r="520">
          <cell r="O520" t="str">
            <v/>
          </cell>
          <cell r="P520" t="str">
            <v/>
          </cell>
        </row>
        <row r="521">
          <cell r="O521" t="str">
            <v/>
          </cell>
          <cell r="P521" t="str">
            <v/>
          </cell>
        </row>
        <row r="522">
          <cell r="O522" t="str">
            <v/>
          </cell>
          <cell r="P522" t="str">
            <v/>
          </cell>
        </row>
        <row r="523">
          <cell r="O523" t="str">
            <v/>
          </cell>
          <cell r="P523" t="str">
            <v/>
          </cell>
        </row>
        <row r="524">
          <cell r="O524" t="str">
            <v/>
          </cell>
          <cell r="P524" t="str">
            <v/>
          </cell>
        </row>
        <row r="525">
          <cell r="O525" t="str">
            <v/>
          </cell>
          <cell r="P525" t="str">
            <v/>
          </cell>
        </row>
        <row r="526">
          <cell r="O526" t="str">
            <v/>
          </cell>
          <cell r="P526" t="str">
            <v/>
          </cell>
        </row>
        <row r="527">
          <cell r="O527" t="str">
            <v/>
          </cell>
          <cell r="P527" t="str">
            <v/>
          </cell>
        </row>
        <row r="528">
          <cell r="O528" t="str">
            <v/>
          </cell>
          <cell r="P528" t="str">
            <v/>
          </cell>
        </row>
        <row r="529">
          <cell r="O529" t="str">
            <v/>
          </cell>
          <cell r="P529" t="str">
            <v/>
          </cell>
        </row>
        <row r="530">
          <cell r="O530" t="str">
            <v/>
          </cell>
          <cell r="P530" t="str">
            <v/>
          </cell>
        </row>
        <row r="531">
          <cell r="O531" t="str">
            <v/>
          </cell>
          <cell r="P531" t="str">
            <v/>
          </cell>
        </row>
        <row r="534">
          <cell r="O534" t="str">
            <v/>
          </cell>
          <cell r="P534" t="str">
            <v/>
          </cell>
        </row>
        <row r="535">
          <cell r="O535" t="str">
            <v/>
          </cell>
          <cell r="P535" t="str">
            <v/>
          </cell>
        </row>
        <row r="536">
          <cell r="O536" t="str">
            <v/>
          </cell>
          <cell r="P536" t="str">
            <v/>
          </cell>
        </row>
        <row r="537">
          <cell r="O537" t="str">
            <v/>
          </cell>
          <cell r="P537" t="str">
            <v/>
          </cell>
        </row>
        <row r="538">
          <cell r="O538" t="str">
            <v/>
          </cell>
          <cell r="P538" t="str">
            <v/>
          </cell>
        </row>
        <row r="539">
          <cell r="O539" t="str">
            <v/>
          </cell>
          <cell r="P539" t="str">
            <v/>
          </cell>
        </row>
        <row r="540">
          <cell r="O540" t="str">
            <v/>
          </cell>
          <cell r="P540" t="str">
            <v/>
          </cell>
        </row>
        <row r="541">
          <cell r="O541" t="str">
            <v/>
          </cell>
          <cell r="P541" t="str">
            <v/>
          </cell>
        </row>
        <row r="542">
          <cell r="O542" t="str">
            <v/>
          </cell>
          <cell r="P542" t="str">
            <v/>
          </cell>
        </row>
        <row r="543">
          <cell r="O543" t="str">
            <v/>
          </cell>
          <cell r="P543" t="str">
            <v/>
          </cell>
        </row>
        <row r="544">
          <cell r="O544" t="str">
            <v/>
          </cell>
          <cell r="P544" t="str">
            <v/>
          </cell>
        </row>
        <row r="545">
          <cell r="O545" t="str">
            <v/>
          </cell>
          <cell r="P545" t="str">
            <v/>
          </cell>
        </row>
        <row r="546">
          <cell r="O546" t="str">
            <v/>
          </cell>
          <cell r="P546" t="str">
            <v/>
          </cell>
        </row>
        <row r="547">
          <cell r="O547" t="str">
            <v/>
          </cell>
          <cell r="P547" t="str">
            <v/>
          </cell>
        </row>
        <row r="548">
          <cell r="O548" t="str">
            <v/>
          </cell>
          <cell r="P548" t="str">
            <v/>
          </cell>
        </row>
        <row r="549">
          <cell r="O549" t="str">
            <v/>
          </cell>
          <cell r="P549" t="str">
            <v/>
          </cell>
        </row>
        <row r="550">
          <cell r="O550" t="str">
            <v/>
          </cell>
          <cell r="P550" t="str">
            <v/>
          </cell>
        </row>
        <row r="551">
          <cell r="O551" t="str">
            <v/>
          </cell>
          <cell r="P551" t="str">
            <v/>
          </cell>
        </row>
        <row r="552">
          <cell r="O552" t="str">
            <v/>
          </cell>
          <cell r="P552" t="str">
            <v/>
          </cell>
        </row>
        <row r="553">
          <cell r="O553" t="str">
            <v/>
          </cell>
          <cell r="P553" t="str">
            <v/>
          </cell>
        </row>
      </sheetData>
      <sheetData sheetId="27">
        <row r="2">
          <cell r="A2" t="str">
            <v/>
          </cell>
          <cell r="B2" t="str">
            <v/>
          </cell>
          <cell r="C2" t="str">
            <v/>
          </cell>
          <cell r="E2" t="str">
            <v/>
          </cell>
          <cell r="F2" t="str">
            <v/>
          </cell>
          <cell r="G2">
            <v>1</v>
          </cell>
          <cell r="H2">
            <v>4</v>
          </cell>
        </row>
        <row r="3">
          <cell r="A3" t="str">
            <v/>
          </cell>
          <cell r="B3" t="str">
            <v/>
          </cell>
          <cell r="C3" t="str">
            <v/>
          </cell>
          <cell r="E3" t="str">
            <v/>
          </cell>
          <cell r="F3" t="str">
            <v/>
          </cell>
          <cell r="G3">
            <v>2</v>
          </cell>
          <cell r="H3">
            <v>5</v>
          </cell>
        </row>
        <row r="4">
          <cell r="A4" t="str">
            <v/>
          </cell>
          <cell r="B4" t="str">
            <v/>
          </cell>
          <cell r="C4" t="str">
            <v/>
          </cell>
          <cell r="E4" t="str">
            <v/>
          </cell>
          <cell r="F4" t="str">
            <v/>
          </cell>
          <cell r="G4">
            <v>3</v>
          </cell>
          <cell r="H4">
            <v>6</v>
          </cell>
        </row>
        <row r="5">
          <cell r="A5" t="str">
            <v/>
          </cell>
          <cell r="B5" t="str">
            <v/>
          </cell>
          <cell r="C5" t="str">
            <v/>
          </cell>
          <cell r="E5" t="str">
            <v/>
          </cell>
          <cell r="F5" t="str">
            <v/>
          </cell>
          <cell r="G5">
            <v>4</v>
          </cell>
          <cell r="H5">
            <v>7</v>
          </cell>
        </row>
        <row r="6">
          <cell r="A6" t="str">
            <v/>
          </cell>
          <cell r="B6" t="str">
            <v/>
          </cell>
          <cell r="C6" t="str">
            <v/>
          </cell>
          <cell r="E6" t="str">
            <v/>
          </cell>
          <cell r="F6" t="str">
            <v/>
          </cell>
          <cell r="G6">
            <v>5</v>
          </cell>
          <cell r="H6">
            <v>31</v>
          </cell>
        </row>
        <row r="7">
          <cell r="A7" t="str">
            <v/>
          </cell>
          <cell r="B7" t="str">
            <v/>
          </cell>
          <cell r="C7" t="str">
            <v/>
          </cell>
          <cell r="E7" t="str">
            <v/>
          </cell>
          <cell r="F7" t="str">
            <v/>
          </cell>
          <cell r="G7">
            <v>6</v>
          </cell>
          <cell r="H7">
            <v>32</v>
          </cell>
        </row>
        <row r="8">
          <cell r="A8" t="str">
            <v/>
          </cell>
          <cell r="B8" t="str">
            <v/>
          </cell>
          <cell r="C8" t="str">
            <v/>
          </cell>
          <cell r="E8" t="str">
            <v/>
          </cell>
          <cell r="F8" t="str">
            <v/>
          </cell>
          <cell r="G8" t="str">
            <v/>
          </cell>
          <cell r="H8" t="str">
            <v/>
          </cell>
        </row>
        <row r="9">
          <cell r="A9" t="str">
            <v/>
          </cell>
          <cell r="B9" t="str">
            <v/>
          </cell>
          <cell r="C9" t="str">
            <v/>
          </cell>
          <cell r="E9" t="str">
            <v/>
          </cell>
          <cell r="F9" t="str">
            <v/>
          </cell>
          <cell r="G9" t="str">
            <v/>
          </cell>
          <cell r="H9" t="str">
            <v/>
          </cell>
        </row>
        <row r="10">
          <cell r="A10" t="str">
            <v/>
          </cell>
          <cell r="B10" t="str">
            <v/>
          </cell>
          <cell r="C10" t="str">
            <v/>
          </cell>
          <cell r="E10" t="str">
            <v/>
          </cell>
          <cell r="F10" t="str">
            <v/>
          </cell>
          <cell r="G10" t="str">
            <v/>
          </cell>
          <cell r="H10" t="str">
            <v/>
          </cell>
        </row>
        <row r="11">
          <cell r="A11" t="str">
            <v/>
          </cell>
          <cell r="B11" t="str">
            <v/>
          </cell>
          <cell r="C11" t="str">
            <v/>
          </cell>
          <cell r="E11" t="str">
            <v/>
          </cell>
          <cell r="F11" t="str">
            <v/>
          </cell>
          <cell r="G11" t="str">
            <v/>
          </cell>
          <cell r="H11" t="str">
            <v/>
          </cell>
        </row>
        <row r="12">
          <cell r="A12" t="str">
            <v/>
          </cell>
          <cell r="B12" t="str">
            <v/>
          </cell>
          <cell r="C12" t="str">
            <v/>
          </cell>
          <cell r="E12" t="str">
            <v/>
          </cell>
          <cell r="F12" t="str">
            <v/>
          </cell>
          <cell r="G12" t="str">
            <v/>
          </cell>
          <cell r="H12" t="str">
            <v/>
          </cell>
        </row>
        <row r="13">
          <cell r="A13" t="str">
            <v/>
          </cell>
          <cell r="B13" t="str">
            <v/>
          </cell>
          <cell r="C13" t="str">
            <v/>
          </cell>
          <cell r="E13" t="str">
            <v/>
          </cell>
          <cell r="F13" t="str">
            <v/>
          </cell>
          <cell r="G13" t="str">
            <v/>
          </cell>
          <cell r="H13" t="str">
            <v/>
          </cell>
        </row>
        <row r="14">
          <cell r="A14" t="str">
            <v/>
          </cell>
          <cell r="B14" t="str">
            <v/>
          </cell>
          <cell r="C14" t="str">
            <v/>
          </cell>
          <cell r="E14" t="str">
            <v/>
          </cell>
          <cell r="F14" t="str">
            <v/>
          </cell>
          <cell r="G14" t="str">
            <v/>
          </cell>
          <cell r="H14" t="str">
            <v/>
          </cell>
        </row>
        <row r="15">
          <cell r="A15" t="str">
            <v/>
          </cell>
          <cell r="B15" t="str">
            <v/>
          </cell>
          <cell r="C15" t="str">
            <v/>
          </cell>
          <cell r="E15" t="str">
            <v/>
          </cell>
          <cell r="F15" t="str">
            <v/>
          </cell>
          <cell r="G15" t="str">
            <v/>
          </cell>
          <cell r="H15" t="str">
            <v/>
          </cell>
        </row>
        <row r="16">
          <cell r="A16" t="str">
            <v/>
          </cell>
          <cell r="B16" t="str">
            <v/>
          </cell>
          <cell r="C16" t="str">
            <v/>
          </cell>
          <cell r="E16" t="str">
            <v/>
          </cell>
          <cell r="F16" t="str">
            <v/>
          </cell>
          <cell r="G16" t="str">
            <v/>
          </cell>
          <cell r="H16" t="str">
            <v/>
          </cell>
        </row>
        <row r="17">
          <cell r="A17" t="str">
            <v/>
          </cell>
          <cell r="B17" t="str">
            <v/>
          </cell>
          <cell r="C17" t="str">
            <v/>
          </cell>
          <cell r="E17" t="str">
            <v/>
          </cell>
          <cell r="F17" t="str">
            <v/>
          </cell>
          <cell r="G17" t="str">
            <v/>
          </cell>
          <cell r="H17" t="str">
            <v/>
          </cell>
        </row>
        <row r="18">
          <cell r="A18" t="str">
            <v/>
          </cell>
          <cell r="B18" t="str">
            <v/>
          </cell>
          <cell r="C18" t="str">
            <v/>
          </cell>
          <cell r="E18" t="str">
            <v/>
          </cell>
          <cell r="F18" t="str">
            <v/>
          </cell>
          <cell r="G18" t="str">
            <v/>
          </cell>
          <cell r="H18" t="str">
            <v/>
          </cell>
        </row>
        <row r="19">
          <cell r="A19" t="str">
            <v/>
          </cell>
          <cell r="B19" t="str">
            <v/>
          </cell>
          <cell r="C19" t="str">
            <v/>
          </cell>
          <cell r="E19" t="str">
            <v/>
          </cell>
          <cell r="F19" t="str">
            <v/>
          </cell>
          <cell r="G19" t="str">
            <v/>
          </cell>
          <cell r="H19" t="str">
            <v/>
          </cell>
        </row>
        <row r="20">
          <cell r="A20" t="str">
            <v/>
          </cell>
          <cell r="B20" t="str">
            <v/>
          </cell>
          <cell r="C20" t="str">
            <v/>
          </cell>
          <cell r="E20" t="str">
            <v/>
          </cell>
          <cell r="F20" t="str">
            <v/>
          </cell>
          <cell r="G20" t="str">
            <v/>
          </cell>
          <cell r="H20" t="str">
            <v/>
          </cell>
        </row>
        <row r="21">
          <cell r="A21" t="str">
            <v/>
          </cell>
          <cell r="B21" t="str">
            <v/>
          </cell>
          <cell r="C21" t="str">
            <v/>
          </cell>
          <cell r="E21" t="str">
            <v/>
          </cell>
          <cell r="F21" t="str">
            <v/>
          </cell>
          <cell r="G21" t="str">
            <v/>
          </cell>
          <cell r="H21" t="str">
            <v/>
          </cell>
        </row>
        <row r="22">
          <cell r="A22" t="str">
            <v/>
          </cell>
          <cell r="B22" t="str">
            <v/>
          </cell>
          <cell r="C22" t="str">
            <v/>
          </cell>
          <cell r="E22" t="str">
            <v/>
          </cell>
          <cell r="F22" t="str">
            <v/>
          </cell>
          <cell r="G22" t="str">
            <v/>
          </cell>
          <cell r="H22" t="str">
            <v/>
          </cell>
        </row>
        <row r="23">
          <cell r="A23" t="str">
            <v/>
          </cell>
          <cell r="B23" t="str">
            <v/>
          </cell>
          <cell r="C23" t="str">
            <v/>
          </cell>
          <cell r="E23" t="str">
            <v/>
          </cell>
          <cell r="F23" t="str">
            <v/>
          </cell>
          <cell r="G23" t="str">
            <v/>
          </cell>
          <cell r="H23" t="str">
            <v/>
          </cell>
        </row>
        <row r="24">
          <cell r="A24" t="str">
            <v/>
          </cell>
          <cell r="B24" t="str">
            <v/>
          </cell>
          <cell r="C24" t="str">
            <v/>
          </cell>
          <cell r="E24" t="str">
            <v/>
          </cell>
          <cell r="F24" t="str">
            <v/>
          </cell>
          <cell r="G24" t="str">
            <v/>
          </cell>
          <cell r="H24" t="str">
            <v/>
          </cell>
        </row>
        <row r="25">
          <cell r="A25" t="str">
            <v/>
          </cell>
          <cell r="B25" t="str">
            <v/>
          </cell>
          <cell r="C25" t="str">
            <v/>
          </cell>
          <cell r="E25" t="str">
            <v/>
          </cell>
          <cell r="F25" t="str">
            <v/>
          </cell>
          <cell r="G25" t="str">
            <v/>
          </cell>
          <cell r="H25" t="str">
            <v/>
          </cell>
        </row>
        <row r="26">
          <cell r="A26" t="str">
            <v/>
          </cell>
          <cell r="B26" t="str">
            <v/>
          </cell>
          <cell r="C26" t="str">
            <v/>
          </cell>
          <cell r="E26" t="str">
            <v/>
          </cell>
          <cell r="F26" t="str">
            <v/>
          </cell>
          <cell r="G26" t="str">
            <v/>
          </cell>
          <cell r="H26" t="str">
            <v/>
          </cell>
        </row>
        <row r="27">
          <cell r="A27" t="str">
            <v/>
          </cell>
          <cell r="B27" t="str">
            <v/>
          </cell>
          <cell r="C27" t="str">
            <v/>
          </cell>
          <cell r="E27" t="str">
            <v/>
          </cell>
          <cell r="F27" t="str">
            <v/>
          </cell>
          <cell r="G27" t="str">
            <v/>
          </cell>
          <cell r="H27" t="str">
            <v/>
          </cell>
        </row>
        <row r="28">
          <cell r="A28" t="str">
            <v/>
          </cell>
          <cell r="B28" t="str">
            <v/>
          </cell>
          <cell r="C28" t="str">
            <v/>
          </cell>
          <cell r="E28" t="str">
            <v/>
          </cell>
          <cell r="F28" t="str">
            <v/>
          </cell>
          <cell r="G28" t="str">
            <v/>
          </cell>
          <cell r="H28" t="str">
            <v/>
          </cell>
        </row>
        <row r="29">
          <cell r="A29" t="str">
            <v/>
          </cell>
          <cell r="B29" t="str">
            <v/>
          </cell>
          <cell r="C29" t="str">
            <v/>
          </cell>
          <cell r="E29" t="str">
            <v/>
          </cell>
          <cell r="F29" t="str">
            <v/>
          </cell>
          <cell r="G29" t="str">
            <v/>
          </cell>
          <cell r="H29" t="str">
            <v/>
          </cell>
        </row>
        <row r="30">
          <cell r="A30" t="str">
            <v/>
          </cell>
          <cell r="B30" t="str">
            <v/>
          </cell>
          <cell r="C30" t="str">
            <v/>
          </cell>
          <cell r="E30" t="str">
            <v/>
          </cell>
          <cell r="F30" t="str">
            <v/>
          </cell>
          <cell r="G30" t="str">
            <v/>
          </cell>
          <cell r="H30" t="str">
            <v/>
          </cell>
        </row>
        <row r="31">
          <cell r="A31" t="str">
            <v/>
          </cell>
          <cell r="B31" t="str">
            <v/>
          </cell>
          <cell r="C31" t="str">
            <v/>
          </cell>
          <cell r="E31" t="str">
            <v/>
          </cell>
          <cell r="F31" t="str">
            <v/>
          </cell>
          <cell r="G31" t="str">
            <v/>
          </cell>
          <cell r="H31" t="str">
            <v/>
          </cell>
        </row>
        <row r="32">
          <cell r="A32" t="str">
            <v/>
          </cell>
          <cell r="B32" t="str">
            <v/>
          </cell>
          <cell r="C32" t="str">
            <v/>
          </cell>
          <cell r="E32" t="str">
            <v/>
          </cell>
          <cell r="F32" t="str">
            <v/>
          </cell>
          <cell r="G32" t="str">
            <v/>
          </cell>
          <cell r="H32" t="str">
            <v/>
          </cell>
        </row>
        <row r="33">
          <cell r="A33" t="str">
            <v/>
          </cell>
          <cell r="B33" t="str">
            <v/>
          </cell>
          <cell r="C33" t="str">
            <v/>
          </cell>
          <cell r="E33" t="str">
            <v/>
          </cell>
          <cell r="F33" t="str">
            <v/>
          </cell>
          <cell r="G33" t="str">
            <v/>
          </cell>
          <cell r="H33" t="str">
            <v/>
          </cell>
        </row>
        <row r="34">
          <cell r="A34" t="str">
            <v/>
          </cell>
          <cell r="B34" t="str">
            <v/>
          </cell>
          <cell r="C34" t="str">
            <v/>
          </cell>
          <cell r="E34" t="str">
            <v/>
          </cell>
          <cell r="F34" t="str">
            <v/>
          </cell>
          <cell r="G34" t="str">
            <v/>
          </cell>
          <cell r="H34" t="str">
            <v/>
          </cell>
        </row>
        <row r="35">
          <cell r="A35" t="str">
            <v/>
          </cell>
          <cell r="B35" t="str">
            <v/>
          </cell>
          <cell r="C35" t="str">
            <v/>
          </cell>
          <cell r="E35" t="str">
            <v/>
          </cell>
          <cell r="F35" t="str">
            <v/>
          </cell>
          <cell r="G35" t="str">
            <v/>
          </cell>
          <cell r="H35" t="str">
            <v/>
          </cell>
        </row>
        <row r="36">
          <cell r="A36" t="str">
            <v/>
          </cell>
          <cell r="B36" t="str">
            <v/>
          </cell>
          <cell r="C36" t="str">
            <v/>
          </cell>
          <cell r="E36" t="str">
            <v/>
          </cell>
          <cell r="F36" t="str">
            <v/>
          </cell>
          <cell r="G36" t="str">
            <v/>
          </cell>
          <cell r="H36" t="str">
            <v/>
          </cell>
        </row>
        <row r="37">
          <cell r="A37" t="str">
            <v/>
          </cell>
          <cell r="B37" t="str">
            <v/>
          </cell>
          <cell r="C37" t="str">
            <v/>
          </cell>
          <cell r="E37" t="str">
            <v/>
          </cell>
          <cell r="F37" t="str">
            <v/>
          </cell>
          <cell r="G37" t="str">
            <v/>
          </cell>
          <cell r="H37" t="str">
            <v/>
          </cell>
        </row>
        <row r="38">
          <cell r="A38">
            <v>1</v>
          </cell>
          <cell r="B38">
            <v>38</v>
          </cell>
          <cell r="C38">
            <v>4</v>
          </cell>
          <cell r="E38" t="str">
            <v/>
          </cell>
          <cell r="F38" t="str">
            <v/>
          </cell>
          <cell r="G38" t="str">
            <v/>
          </cell>
          <cell r="H38" t="str">
            <v/>
          </cell>
        </row>
        <row r="39">
          <cell r="A39">
            <v>2</v>
          </cell>
          <cell r="B39">
            <v>39</v>
          </cell>
          <cell r="C39">
            <v>5</v>
          </cell>
          <cell r="E39" t="str">
            <v/>
          </cell>
          <cell r="F39" t="str">
            <v/>
          </cell>
          <cell r="G39" t="str">
            <v/>
          </cell>
          <cell r="H39" t="str">
            <v/>
          </cell>
        </row>
        <row r="40">
          <cell r="A40">
            <v>3</v>
          </cell>
          <cell r="B40">
            <v>40</v>
          </cell>
          <cell r="C40">
            <v>6</v>
          </cell>
          <cell r="E40" t="str">
            <v/>
          </cell>
          <cell r="F40" t="str">
            <v/>
          </cell>
          <cell r="G40" t="str">
            <v/>
          </cell>
          <cell r="H40" t="str">
            <v/>
          </cell>
        </row>
        <row r="41">
          <cell r="A41">
            <v>4</v>
          </cell>
          <cell r="B41">
            <v>41</v>
          </cell>
          <cell r="C41">
            <v>7</v>
          </cell>
          <cell r="E41" t="str">
            <v/>
          </cell>
          <cell r="G41" t="str">
            <v/>
          </cell>
          <cell r="H41" t="str">
            <v/>
          </cell>
        </row>
        <row r="42">
          <cell r="A42">
            <v>5</v>
          </cell>
          <cell r="B42">
            <v>42</v>
          </cell>
          <cell r="C42">
            <v>31</v>
          </cell>
        </row>
        <row r="43">
          <cell r="A43">
            <v>6</v>
          </cell>
          <cell r="B43">
            <v>43</v>
          </cell>
          <cell r="C43">
            <v>32</v>
          </cell>
        </row>
        <row r="44">
          <cell r="A44" t="str">
            <v/>
          </cell>
          <cell r="B44" t="str">
            <v/>
          </cell>
          <cell r="C44" t="str">
            <v/>
          </cell>
        </row>
        <row r="45">
          <cell r="A45" t="str">
            <v/>
          </cell>
          <cell r="B45" t="str">
            <v/>
          </cell>
          <cell r="C45" t="str">
            <v/>
          </cell>
        </row>
        <row r="46">
          <cell r="A46" t="str">
            <v/>
          </cell>
          <cell r="B46" t="str">
            <v/>
          </cell>
          <cell r="C46" t="str">
            <v/>
          </cell>
        </row>
        <row r="47">
          <cell r="A47" t="str">
            <v/>
          </cell>
          <cell r="B47" t="str">
            <v/>
          </cell>
          <cell r="C47" t="str">
            <v/>
          </cell>
        </row>
        <row r="48">
          <cell r="A48" t="str">
            <v/>
          </cell>
          <cell r="B48" t="str">
            <v/>
          </cell>
          <cell r="C48" t="str">
            <v/>
          </cell>
        </row>
        <row r="49">
          <cell r="A49" t="str">
            <v/>
          </cell>
          <cell r="B49" t="str">
            <v/>
          </cell>
          <cell r="C49" t="str">
            <v/>
          </cell>
        </row>
        <row r="50">
          <cell r="A50" t="str">
            <v/>
          </cell>
          <cell r="B50" t="str">
            <v/>
          </cell>
          <cell r="C50" t="str">
            <v/>
          </cell>
        </row>
        <row r="51">
          <cell r="A51" t="str">
            <v/>
          </cell>
          <cell r="B51" t="str">
            <v/>
          </cell>
          <cell r="C51" t="str">
            <v/>
          </cell>
        </row>
        <row r="52">
          <cell r="A52" t="str">
            <v/>
          </cell>
          <cell r="B52" t="str">
            <v/>
          </cell>
          <cell r="C52" t="str">
            <v/>
          </cell>
        </row>
        <row r="53">
          <cell r="A53" t="str">
            <v/>
          </cell>
          <cell r="B53" t="str">
            <v/>
          </cell>
          <cell r="C53" t="str">
            <v/>
          </cell>
        </row>
        <row r="54">
          <cell r="A54" t="str">
            <v/>
          </cell>
          <cell r="B54" t="str">
            <v/>
          </cell>
          <cell r="C54" t="str">
            <v/>
          </cell>
        </row>
        <row r="55">
          <cell r="A55" t="str">
            <v/>
          </cell>
          <cell r="B55" t="str">
            <v/>
          </cell>
          <cell r="C55" t="str">
            <v/>
          </cell>
        </row>
        <row r="56">
          <cell r="A56" t="str">
            <v/>
          </cell>
          <cell r="B56" t="str">
            <v/>
          </cell>
          <cell r="C56" t="str">
            <v/>
          </cell>
        </row>
        <row r="57">
          <cell r="A57" t="str">
            <v/>
          </cell>
          <cell r="B57" t="str">
            <v/>
          </cell>
          <cell r="C57" t="str">
            <v/>
          </cell>
        </row>
        <row r="58">
          <cell r="A58" t="str">
            <v/>
          </cell>
          <cell r="B58" t="str">
            <v/>
          </cell>
          <cell r="C58" t="str">
            <v/>
          </cell>
        </row>
        <row r="59">
          <cell r="A59" t="str">
            <v/>
          </cell>
          <cell r="B59" t="str">
            <v/>
          </cell>
          <cell r="C59" t="str">
            <v/>
          </cell>
        </row>
        <row r="60">
          <cell r="A60" t="str">
            <v/>
          </cell>
          <cell r="B60" t="str">
            <v/>
          </cell>
          <cell r="C60" t="str">
            <v/>
          </cell>
        </row>
        <row r="61">
          <cell r="A61" t="str">
            <v/>
          </cell>
          <cell r="B61" t="str">
            <v/>
          </cell>
          <cell r="C61" t="str">
            <v/>
          </cell>
        </row>
        <row r="62">
          <cell r="A62" t="str">
            <v/>
          </cell>
          <cell r="B62" t="str">
            <v/>
          </cell>
          <cell r="C62" t="str">
            <v/>
          </cell>
        </row>
        <row r="63">
          <cell r="A63" t="str">
            <v/>
          </cell>
          <cell r="B63" t="str">
            <v/>
          </cell>
          <cell r="C63" t="str">
            <v/>
          </cell>
        </row>
        <row r="64">
          <cell r="A64" t="str">
            <v/>
          </cell>
          <cell r="B64" t="str">
            <v/>
          </cell>
          <cell r="C64" t="str">
            <v/>
          </cell>
        </row>
        <row r="65">
          <cell r="A65" t="str">
            <v/>
          </cell>
          <cell r="B65" t="str">
            <v/>
          </cell>
          <cell r="C65" t="str">
            <v/>
          </cell>
        </row>
        <row r="66">
          <cell r="A66" t="str">
            <v/>
          </cell>
          <cell r="B66" t="str">
            <v/>
          </cell>
          <cell r="C66" t="str">
            <v/>
          </cell>
        </row>
        <row r="67">
          <cell r="A67" t="str">
            <v/>
          </cell>
          <cell r="B67" t="str">
            <v/>
          </cell>
          <cell r="C67" t="str">
            <v/>
          </cell>
        </row>
        <row r="68">
          <cell r="A68" t="str">
            <v/>
          </cell>
          <cell r="B68" t="str">
            <v/>
          </cell>
          <cell r="C68" t="str">
            <v/>
          </cell>
        </row>
        <row r="69">
          <cell r="A69" t="str">
            <v/>
          </cell>
          <cell r="B69" t="str">
            <v/>
          </cell>
          <cell r="C69" t="str">
            <v/>
          </cell>
        </row>
        <row r="70">
          <cell r="A70" t="str">
            <v/>
          </cell>
          <cell r="B70" t="str">
            <v/>
          </cell>
          <cell r="C70" t="str">
            <v/>
          </cell>
        </row>
        <row r="71">
          <cell r="A71" t="str">
            <v/>
          </cell>
          <cell r="B71" t="str">
            <v/>
          </cell>
          <cell r="C71" t="str">
            <v/>
          </cell>
        </row>
        <row r="72">
          <cell r="A72" t="str">
            <v/>
          </cell>
          <cell r="B72" t="str">
            <v/>
          </cell>
          <cell r="C72" t="str">
            <v/>
          </cell>
        </row>
        <row r="73">
          <cell r="A73" t="str">
            <v/>
          </cell>
          <cell r="B73" t="str">
            <v/>
          </cell>
          <cell r="C73" t="str">
            <v/>
          </cell>
        </row>
        <row r="74">
          <cell r="A74" t="str">
            <v/>
          </cell>
          <cell r="B74" t="str">
            <v/>
          </cell>
          <cell r="C74" t="str">
            <v/>
          </cell>
        </row>
        <row r="75">
          <cell r="A75" t="str">
            <v/>
          </cell>
          <cell r="B75" t="str">
            <v/>
          </cell>
          <cell r="C75" t="str">
            <v/>
          </cell>
        </row>
        <row r="76">
          <cell r="A76" t="str">
            <v/>
          </cell>
          <cell r="B76" t="str">
            <v/>
          </cell>
          <cell r="C76" t="str">
            <v/>
          </cell>
        </row>
        <row r="77">
          <cell r="A77" t="str">
            <v/>
          </cell>
          <cell r="B77" t="str">
            <v/>
          </cell>
          <cell r="C77" t="str">
            <v/>
          </cell>
        </row>
      </sheetData>
      <sheetData sheetId="28"/>
      <sheetData sheetId="29"/>
      <sheetData sheetId="30">
        <row r="1">
          <cell r="C1">
            <v>1</v>
          </cell>
          <cell r="D1">
            <v>1.1000000000000001</v>
          </cell>
          <cell r="E1">
            <v>1.2000000000000002</v>
          </cell>
          <cell r="F1">
            <v>1.3000000000000003</v>
          </cell>
          <cell r="G1">
            <v>1.4000000000000004</v>
          </cell>
          <cell r="H1">
            <v>2</v>
          </cell>
          <cell r="I1">
            <v>2.1</v>
          </cell>
          <cell r="J1">
            <v>2.2000000000000002</v>
          </cell>
          <cell r="K1">
            <v>2.3000000000000003</v>
          </cell>
          <cell r="L1">
            <v>2.4000000000000004</v>
          </cell>
          <cell r="M1">
            <v>3</v>
          </cell>
          <cell r="N1">
            <v>3.1</v>
          </cell>
          <cell r="O1">
            <v>3.2</v>
          </cell>
          <cell r="P1">
            <v>3.3000000000000003</v>
          </cell>
          <cell r="Q1">
            <v>3.4000000000000004</v>
          </cell>
          <cell r="R1">
            <v>4</v>
          </cell>
          <cell r="S1">
            <v>4.0999999999999996</v>
          </cell>
          <cell r="T1">
            <v>4.1999999999999993</v>
          </cell>
          <cell r="U1">
            <v>4.2999999999999989</v>
          </cell>
          <cell r="V1">
            <v>4.3999999999999986</v>
          </cell>
          <cell r="W1">
            <v>5</v>
          </cell>
          <cell r="X1">
            <v>5.0999999999999996</v>
          </cell>
          <cell r="Y1">
            <v>5.1999999999999993</v>
          </cell>
          <cell r="Z1">
            <v>5.2999999999999989</v>
          </cell>
          <cell r="AA1">
            <v>5.3999999999999986</v>
          </cell>
          <cell r="AB1">
            <v>6</v>
          </cell>
          <cell r="AC1">
            <v>6.1</v>
          </cell>
          <cell r="AD1">
            <v>6.1999999999999993</v>
          </cell>
          <cell r="AE1">
            <v>6.2999999999999989</v>
          </cell>
          <cell r="AF1">
            <v>6.3999999999999986</v>
          </cell>
          <cell r="AG1">
            <v>7</v>
          </cell>
          <cell r="AH1">
            <v>7.1</v>
          </cell>
          <cell r="AI1">
            <v>7.1999999999999993</v>
          </cell>
          <cell r="AJ1">
            <v>7.2999999999999989</v>
          </cell>
          <cell r="AK1">
            <v>7.3999999999999986</v>
          </cell>
          <cell r="AL1">
            <v>8</v>
          </cell>
          <cell r="AM1">
            <v>8.1</v>
          </cell>
          <cell r="AN1">
            <v>8.1999999999999993</v>
          </cell>
          <cell r="AO1">
            <v>8.2999999999999989</v>
          </cell>
          <cell r="AP1">
            <v>8.3999999999999986</v>
          </cell>
          <cell r="AQ1">
            <v>9</v>
          </cell>
          <cell r="AR1">
            <v>9.1</v>
          </cell>
          <cell r="AS1">
            <v>9.1999999999999993</v>
          </cell>
          <cell r="AT1">
            <v>9.2999999999999989</v>
          </cell>
          <cell r="AU1">
            <v>9.3999999999999986</v>
          </cell>
          <cell r="AV1">
            <v>10</v>
          </cell>
          <cell r="AW1">
            <v>10.1</v>
          </cell>
          <cell r="AX1">
            <v>10.199999999999999</v>
          </cell>
          <cell r="AY1">
            <v>10.299999999999999</v>
          </cell>
          <cell r="AZ1">
            <v>10.399999999999999</v>
          </cell>
          <cell r="BA1">
            <v>11</v>
          </cell>
          <cell r="BB1">
            <v>11.1</v>
          </cell>
          <cell r="BC1">
            <v>11.2</v>
          </cell>
          <cell r="BD1">
            <v>11.299999999999999</v>
          </cell>
          <cell r="BF1">
            <v>12</v>
          </cell>
          <cell r="BG1">
            <v>12.1</v>
          </cell>
          <cell r="BH1">
            <v>12.2</v>
          </cell>
          <cell r="BI1">
            <v>12.299999999999999</v>
          </cell>
          <cell r="BK1">
            <v>13</v>
          </cell>
          <cell r="BL1">
            <v>13.1</v>
          </cell>
          <cell r="BM1">
            <v>13.2</v>
          </cell>
          <cell r="BN1">
            <v>13.299999999999999</v>
          </cell>
          <cell r="BP1">
            <v>14</v>
          </cell>
          <cell r="BQ1">
            <v>14.1</v>
          </cell>
          <cell r="BR1">
            <v>14.2</v>
          </cell>
          <cell r="BS1">
            <v>14.299999999999999</v>
          </cell>
          <cell r="BU1">
            <v>15</v>
          </cell>
          <cell r="BV1">
            <v>15.1</v>
          </cell>
          <cell r="BW1">
            <v>15.2</v>
          </cell>
          <cell r="BX1">
            <v>15.299999999999999</v>
          </cell>
          <cell r="BZ1">
            <v>16</v>
          </cell>
          <cell r="CA1">
            <v>16.100000000000001</v>
          </cell>
          <cell r="CB1">
            <v>16.200000000000003</v>
          </cell>
          <cell r="CC1">
            <v>16.300000000000004</v>
          </cell>
          <cell r="CE1">
            <v>17</v>
          </cell>
          <cell r="CF1">
            <v>17.100000000000001</v>
          </cell>
          <cell r="CG1">
            <v>17.200000000000003</v>
          </cell>
          <cell r="CH1">
            <v>17.300000000000004</v>
          </cell>
          <cell r="CJ1">
            <v>18</v>
          </cell>
          <cell r="CK1">
            <v>18.100000000000001</v>
          </cell>
          <cell r="CL1">
            <v>18.200000000000003</v>
          </cell>
          <cell r="CM1">
            <v>18.300000000000004</v>
          </cell>
          <cell r="CO1">
            <v>19</v>
          </cell>
          <cell r="CP1">
            <v>19.100000000000001</v>
          </cell>
          <cell r="CQ1">
            <v>19.200000000000003</v>
          </cell>
          <cell r="CR1">
            <v>19.300000000000004</v>
          </cell>
          <cell r="CT1">
            <v>20</v>
          </cell>
          <cell r="CU1">
            <v>20.100000000000001</v>
          </cell>
          <cell r="CV1">
            <v>20.200000000000003</v>
          </cell>
          <cell r="CW1">
            <v>20.300000000000004</v>
          </cell>
          <cell r="CY1">
            <v>21</v>
          </cell>
          <cell r="CZ1">
            <v>21.1</v>
          </cell>
          <cell r="DA1">
            <v>21.200000000000003</v>
          </cell>
          <cell r="DB1">
            <v>21.300000000000004</v>
          </cell>
          <cell r="DD1">
            <v>22</v>
          </cell>
          <cell r="DE1">
            <v>22.1</v>
          </cell>
          <cell r="DF1">
            <v>22.200000000000003</v>
          </cell>
          <cell r="DG1">
            <v>22.300000000000004</v>
          </cell>
          <cell r="DI1">
            <v>23</v>
          </cell>
          <cell r="DJ1">
            <v>23.1</v>
          </cell>
          <cell r="DK1">
            <v>23.200000000000003</v>
          </cell>
          <cell r="DL1">
            <v>23.300000000000004</v>
          </cell>
        </row>
        <row r="2">
          <cell r="C2" t="str">
            <v>No</v>
          </cell>
          <cell r="D2" t="str">
            <v>額/PW</v>
          </cell>
          <cell r="E2" t="str">
            <v>指予</v>
          </cell>
          <cell r="F2" t="str">
            <v>件　名</v>
          </cell>
          <cell r="H2" t="str">
            <v>No</v>
          </cell>
          <cell r="I2" t="str">
            <v>額/PW</v>
          </cell>
          <cell r="J2" t="str">
            <v>公予</v>
          </cell>
          <cell r="K2" t="str">
            <v>件　名</v>
          </cell>
          <cell r="M2" t="str">
            <v>No</v>
          </cell>
          <cell r="N2" t="str">
            <v>額/PW</v>
          </cell>
          <cell r="O2" t="str">
            <v>指予</v>
          </cell>
          <cell r="P2" t="str">
            <v>件　名</v>
          </cell>
          <cell r="R2" t="str">
            <v>No</v>
          </cell>
          <cell r="S2" t="str">
            <v>額/PW</v>
          </cell>
          <cell r="T2" t="str">
            <v>指予</v>
          </cell>
          <cell r="U2" t="str">
            <v>件　名</v>
          </cell>
          <cell r="W2" t="str">
            <v>No</v>
          </cell>
          <cell r="X2" t="str">
            <v>額/PW</v>
          </cell>
          <cell r="Y2" t="str">
            <v>指予</v>
          </cell>
          <cell r="Z2" t="str">
            <v>件　名</v>
          </cell>
          <cell r="AB2" t="str">
            <v>No</v>
          </cell>
          <cell r="AC2" t="str">
            <v>額/PW</v>
          </cell>
          <cell r="AD2" t="str">
            <v/>
          </cell>
          <cell r="AE2" t="str">
            <v>件　名</v>
          </cell>
          <cell r="AG2" t="str">
            <v>No</v>
          </cell>
          <cell r="AH2" t="str">
            <v>額/PW</v>
          </cell>
          <cell r="AI2" t="str">
            <v/>
          </cell>
          <cell r="AJ2" t="str">
            <v>件　名</v>
          </cell>
          <cell r="AL2" t="str">
            <v>No</v>
          </cell>
          <cell r="AM2" t="str">
            <v>額/PW</v>
          </cell>
          <cell r="AN2" t="str">
            <v/>
          </cell>
          <cell r="AO2" t="str">
            <v>件　名</v>
          </cell>
          <cell r="AQ2" t="str">
            <v>No</v>
          </cell>
          <cell r="AR2" t="str">
            <v>額/PW</v>
          </cell>
          <cell r="AS2" t="str">
            <v/>
          </cell>
          <cell r="AT2" t="str">
            <v>件　名</v>
          </cell>
          <cell r="AV2" t="str">
            <v>No</v>
          </cell>
          <cell r="AW2" t="str">
            <v>額/PW</v>
          </cell>
          <cell r="AX2" t="str">
            <v/>
          </cell>
          <cell r="AY2" t="str">
            <v>件　名</v>
          </cell>
          <cell r="BA2" t="str">
            <v>No</v>
          </cell>
          <cell r="BB2" t="str">
            <v>額/PW</v>
          </cell>
          <cell r="BC2" t="str">
            <v/>
          </cell>
          <cell r="BD2" t="str">
            <v>件　名</v>
          </cell>
          <cell r="BF2" t="str">
            <v>No</v>
          </cell>
          <cell r="BG2" t="str">
            <v>額/PW</v>
          </cell>
          <cell r="BH2" t="str">
            <v/>
          </cell>
          <cell r="BI2" t="str">
            <v>件　名</v>
          </cell>
          <cell r="BK2" t="str">
            <v>No</v>
          </cell>
          <cell r="BL2" t="str">
            <v>額/PW</v>
          </cell>
          <cell r="BM2" t="str">
            <v/>
          </cell>
          <cell r="BN2" t="str">
            <v>件　名</v>
          </cell>
          <cell r="BP2" t="str">
            <v>No</v>
          </cell>
          <cell r="BQ2" t="str">
            <v>額/PW</v>
          </cell>
          <cell r="BR2" t="str">
            <v/>
          </cell>
          <cell r="BS2" t="str">
            <v>件　名</v>
          </cell>
          <cell r="BU2" t="str">
            <v>No</v>
          </cell>
          <cell r="BV2" t="str">
            <v>額/PW</v>
          </cell>
          <cell r="BW2" t="str">
            <v/>
          </cell>
          <cell r="BX2" t="str">
            <v>件　名</v>
          </cell>
          <cell r="BZ2" t="str">
            <v>No</v>
          </cell>
          <cell r="CA2" t="str">
            <v>額/PW</v>
          </cell>
          <cell r="CB2" t="str">
            <v/>
          </cell>
          <cell r="CC2" t="str">
            <v>件　名</v>
          </cell>
          <cell r="CE2" t="str">
            <v>No</v>
          </cell>
          <cell r="CF2" t="str">
            <v>額/PW</v>
          </cell>
          <cell r="CG2" t="str">
            <v/>
          </cell>
          <cell r="CH2" t="str">
            <v>件　名</v>
          </cell>
          <cell r="CJ2" t="str">
            <v>No</v>
          </cell>
          <cell r="CK2" t="str">
            <v>額/PW</v>
          </cell>
          <cell r="CL2" t="str">
            <v/>
          </cell>
          <cell r="CM2" t="str">
            <v>件　名</v>
          </cell>
          <cell r="CO2" t="str">
            <v>No</v>
          </cell>
          <cell r="CP2" t="str">
            <v>額/PW</v>
          </cell>
          <cell r="CQ2" t="str">
            <v/>
          </cell>
          <cell r="CR2" t="str">
            <v>件　名</v>
          </cell>
          <cell r="CT2" t="str">
            <v>No</v>
          </cell>
          <cell r="CU2" t="str">
            <v>額/PW</v>
          </cell>
          <cell r="CV2" t="str">
            <v/>
          </cell>
          <cell r="CW2" t="str">
            <v>件　名</v>
          </cell>
          <cell r="CY2" t="str">
            <v>No</v>
          </cell>
          <cell r="CZ2" t="str">
            <v>額/PW</v>
          </cell>
          <cell r="DA2" t="str">
            <v/>
          </cell>
          <cell r="DB2" t="str">
            <v>件　名</v>
          </cell>
          <cell r="DD2" t="str">
            <v>No</v>
          </cell>
          <cell r="DE2" t="str">
            <v>額/PW</v>
          </cell>
          <cell r="DF2" t="str">
            <v/>
          </cell>
          <cell r="DG2" t="str">
            <v>件　名</v>
          </cell>
          <cell r="DI2" t="str">
            <v>No</v>
          </cell>
          <cell r="DJ2" t="str">
            <v>額/PW</v>
          </cell>
          <cell r="DK2" t="str">
            <v/>
          </cell>
          <cell r="DL2" t="str">
            <v>件　名</v>
          </cell>
        </row>
        <row r="3">
          <cell r="C3">
            <v>333</v>
          </cell>
          <cell r="D3" t="str">
            <v>6　   　13678</v>
          </cell>
          <cell r="E3" t="str">
            <v>173　要</v>
          </cell>
          <cell r="F3" t="str">
            <v>CRP計測ﾘｰｽ　(その他)</v>
          </cell>
          <cell r="H3">
            <v>121</v>
          </cell>
          <cell r="I3" t="str">
            <v>1289　   ●80459</v>
          </cell>
          <cell r="J3" t="str">
            <v>60　要</v>
          </cell>
          <cell r="K3" t="str">
            <v>宮4085舗復工　(舗装)</v>
          </cell>
          <cell r="M3">
            <v>271</v>
          </cell>
          <cell r="N3" t="str">
            <v>4　   　18453</v>
          </cell>
          <cell r="O3" t="str">
            <v>134　要</v>
          </cell>
          <cell r="P3" t="str">
            <v>統合端末ﾘｰｽ　(その他)</v>
          </cell>
          <cell r="R3">
            <v>253</v>
          </cell>
          <cell r="S3" t="str">
            <v>0　   　62808</v>
          </cell>
          <cell r="T3" t="str">
            <v>124　要</v>
          </cell>
          <cell r="U3" t="str">
            <v>パイプイス単　(その他)</v>
          </cell>
          <cell r="W3">
            <v>276</v>
          </cell>
          <cell r="X3" t="str">
            <v>165　   　74476</v>
          </cell>
          <cell r="Y3" t="str">
            <v>139　要</v>
          </cell>
          <cell r="Z3" t="str">
            <v>消毒液2　(その他)</v>
          </cell>
          <cell r="AC3" t="str">
            <v/>
          </cell>
          <cell r="AD3" t="str">
            <v/>
          </cell>
          <cell r="AE3" t="str">
            <v/>
          </cell>
          <cell r="AH3" t="str">
            <v/>
          </cell>
          <cell r="AI3" t="str">
            <v/>
          </cell>
          <cell r="AJ3" t="str">
            <v/>
          </cell>
          <cell r="AM3" t="str">
            <v/>
          </cell>
          <cell r="AN3" t="str">
            <v/>
          </cell>
          <cell r="AO3" t="str">
            <v/>
          </cell>
          <cell r="AR3" t="str">
            <v/>
          </cell>
          <cell r="AS3" t="str">
            <v/>
          </cell>
          <cell r="AT3" t="str">
            <v/>
          </cell>
          <cell r="AW3" t="str">
            <v/>
          </cell>
          <cell r="AX3" t="str">
            <v/>
          </cell>
          <cell r="AY3" t="str">
            <v/>
          </cell>
          <cell r="BB3" t="str">
            <v/>
          </cell>
          <cell r="BC3" t="str">
            <v/>
          </cell>
          <cell r="BD3" t="str">
            <v/>
          </cell>
          <cell r="BG3" t="str">
            <v/>
          </cell>
          <cell r="BH3" t="str">
            <v/>
          </cell>
          <cell r="BI3" t="str">
            <v/>
          </cell>
          <cell r="BL3" t="str">
            <v/>
          </cell>
          <cell r="BM3" t="str">
            <v/>
          </cell>
          <cell r="BN3" t="str">
            <v/>
          </cell>
          <cell r="BQ3" t="str">
            <v/>
          </cell>
          <cell r="BR3" t="str">
            <v/>
          </cell>
          <cell r="BS3" t="str">
            <v/>
          </cell>
          <cell r="BV3" t="str">
            <v/>
          </cell>
          <cell r="BW3" t="str">
            <v/>
          </cell>
          <cell r="BX3" t="str">
            <v/>
          </cell>
          <cell r="CA3" t="str">
            <v/>
          </cell>
          <cell r="CB3" t="str">
            <v/>
          </cell>
          <cell r="CC3" t="str">
            <v/>
          </cell>
          <cell r="CF3" t="str">
            <v/>
          </cell>
          <cell r="CG3" t="str">
            <v/>
          </cell>
          <cell r="CH3" t="str">
            <v/>
          </cell>
          <cell r="CK3" t="str">
            <v/>
          </cell>
          <cell r="CL3" t="str">
            <v/>
          </cell>
          <cell r="CM3" t="str">
            <v/>
          </cell>
          <cell r="CP3" t="str">
            <v/>
          </cell>
          <cell r="CQ3" t="str">
            <v/>
          </cell>
          <cell r="CR3" t="str">
            <v/>
          </cell>
          <cell r="CU3" t="str">
            <v/>
          </cell>
          <cell r="CV3" t="str">
            <v/>
          </cell>
          <cell r="CW3" t="str">
            <v/>
          </cell>
          <cell r="CZ3" t="str">
            <v/>
          </cell>
          <cell r="DA3" t="str">
            <v/>
          </cell>
          <cell r="DB3" t="str">
            <v/>
          </cell>
          <cell r="DE3" t="str">
            <v/>
          </cell>
          <cell r="DF3" t="str">
            <v/>
          </cell>
          <cell r="DG3" t="str">
            <v/>
          </cell>
          <cell r="DJ3" t="str">
            <v/>
          </cell>
          <cell r="DK3" t="str">
            <v/>
          </cell>
          <cell r="DL3" t="str">
            <v/>
          </cell>
        </row>
        <row r="4">
          <cell r="D4" t="str">
            <v/>
          </cell>
          <cell r="E4" t="str">
            <v/>
          </cell>
          <cell r="F4" t="str">
            <v/>
          </cell>
          <cell r="H4">
            <v>122</v>
          </cell>
          <cell r="I4" t="str">
            <v>1237　   ●77232</v>
          </cell>
          <cell r="J4" t="str">
            <v>61　要</v>
          </cell>
          <cell r="K4" t="str">
            <v>交安全対策工　(土木一式)</v>
          </cell>
          <cell r="N4" t="str">
            <v/>
          </cell>
          <cell r="O4" t="str">
            <v/>
          </cell>
          <cell r="P4" t="str">
            <v/>
          </cell>
          <cell r="R4">
            <v>254</v>
          </cell>
          <cell r="S4" t="str">
            <v>21590　   　67375</v>
          </cell>
          <cell r="T4" t="str">
            <v>125　不</v>
          </cell>
          <cell r="U4" t="str">
            <v>展示製作委託　(その他)</v>
          </cell>
          <cell r="X4" t="str">
            <v/>
          </cell>
          <cell r="Y4" t="str">
            <v/>
          </cell>
          <cell r="Z4" t="str">
            <v/>
          </cell>
          <cell r="AC4" t="str">
            <v/>
          </cell>
          <cell r="AD4" t="str">
            <v/>
          </cell>
          <cell r="AE4" t="str">
            <v/>
          </cell>
          <cell r="AH4" t="str">
            <v/>
          </cell>
          <cell r="AI4" t="str">
            <v/>
          </cell>
          <cell r="AJ4" t="str">
            <v/>
          </cell>
          <cell r="AM4" t="str">
            <v/>
          </cell>
          <cell r="AN4" t="str">
            <v/>
          </cell>
          <cell r="AO4" t="str">
            <v/>
          </cell>
          <cell r="AR4" t="str">
            <v/>
          </cell>
          <cell r="AS4" t="str">
            <v/>
          </cell>
          <cell r="AT4" t="str">
            <v/>
          </cell>
          <cell r="AW4" t="str">
            <v/>
          </cell>
          <cell r="AX4" t="str">
            <v/>
          </cell>
          <cell r="AY4" t="str">
            <v/>
          </cell>
          <cell r="BB4" t="str">
            <v/>
          </cell>
          <cell r="BC4" t="str">
            <v/>
          </cell>
          <cell r="BD4" t="str">
            <v/>
          </cell>
          <cell r="BG4" t="str">
            <v/>
          </cell>
          <cell r="BH4" t="str">
            <v/>
          </cell>
          <cell r="BI4" t="str">
            <v/>
          </cell>
          <cell r="BL4" t="str">
            <v/>
          </cell>
          <cell r="BM4" t="str">
            <v/>
          </cell>
          <cell r="BN4" t="str">
            <v/>
          </cell>
          <cell r="BQ4" t="str">
            <v/>
          </cell>
          <cell r="BR4" t="str">
            <v/>
          </cell>
          <cell r="BS4" t="str">
            <v/>
          </cell>
          <cell r="BV4" t="str">
            <v/>
          </cell>
          <cell r="BW4" t="str">
            <v/>
          </cell>
          <cell r="BX4" t="str">
            <v/>
          </cell>
          <cell r="CA4" t="str">
            <v/>
          </cell>
          <cell r="CB4" t="str">
            <v/>
          </cell>
          <cell r="CC4" t="str">
            <v/>
          </cell>
          <cell r="CF4" t="str">
            <v/>
          </cell>
          <cell r="CG4" t="str">
            <v/>
          </cell>
          <cell r="CH4" t="str">
            <v/>
          </cell>
          <cell r="CK4" t="str">
            <v/>
          </cell>
          <cell r="CL4" t="str">
            <v/>
          </cell>
          <cell r="CM4" t="str">
            <v/>
          </cell>
          <cell r="CP4" t="str">
            <v/>
          </cell>
          <cell r="CQ4" t="str">
            <v/>
          </cell>
          <cell r="CR4" t="str">
            <v/>
          </cell>
          <cell r="CU4" t="str">
            <v/>
          </cell>
          <cell r="CV4" t="str">
            <v/>
          </cell>
          <cell r="CW4" t="str">
            <v/>
          </cell>
          <cell r="CZ4" t="str">
            <v/>
          </cell>
          <cell r="DA4" t="str">
            <v/>
          </cell>
          <cell r="DB4" t="str">
            <v/>
          </cell>
          <cell r="DE4" t="str">
            <v/>
          </cell>
          <cell r="DF4" t="str">
            <v/>
          </cell>
          <cell r="DG4" t="str">
            <v/>
          </cell>
          <cell r="DJ4" t="str">
            <v/>
          </cell>
          <cell r="DK4" t="str">
            <v/>
          </cell>
          <cell r="DL4" t="str">
            <v/>
          </cell>
        </row>
        <row r="5">
          <cell r="D5" t="str">
            <v/>
          </cell>
          <cell r="E5" t="str">
            <v/>
          </cell>
          <cell r="F5" t="str">
            <v/>
          </cell>
          <cell r="H5">
            <v>123</v>
          </cell>
          <cell r="I5" t="str">
            <v>201　   ●56481</v>
          </cell>
          <cell r="J5" t="str">
            <v>62　要</v>
          </cell>
          <cell r="K5" t="str">
            <v>南5138舗装工　(舗装)</v>
          </cell>
          <cell r="N5" t="str">
            <v/>
          </cell>
          <cell r="O5" t="str">
            <v/>
          </cell>
          <cell r="P5" t="str">
            <v/>
          </cell>
          <cell r="S5" t="str">
            <v/>
          </cell>
          <cell r="T5" t="str">
            <v/>
          </cell>
          <cell r="U5" t="str">
            <v/>
          </cell>
          <cell r="X5" t="str">
            <v/>
          </cell>
          <cell r="Y5" t="str">
            <v/>
          </cell>
          <cell r="Z5" t="str">
            <v/>
          </cell>
          <cell r="AC5" t="str">
            <v/>
          </cell>
          <cell r="AD5" t="str">
            <v/>
          </cell>
          <cell r="AE5" t="str">
            <v/>
          </cell>
          <cell r="AH5" t="str">
            <v/>
          </cell>
          <cell r="AI5" t="str">
            <v/>
          </cell>
          <cell r="AJ5" t="str">
            <v/>
          </cell>
          <cell r="AM5" t="str">
            <v/>
          </cell>
          <cell r="AN5" t="str">
            <v/>
          </cell>
          <cell r="AO5" t="str">
            <v/>
          </cell>
          <cell r="AR5" t="str">
            <v/>
          </cell>
          <cell r="AS5" t="str">
            <v/>
          </cell>
          <cell r="AT5" t="str">
            <v/>
          </cell>
          <cell r="AW5" t="str">
            <v/>
          </cell>
          <cell r="AX5" t="str">
            <v/>
          </cell>
          <cell r="AY5" t="str">
            <v/>
          </cell>
          <cell r="BB5" t="str">
            <v/>
          </cell>
          <cell r="BC5" t="str">
            <v/>
          </cell>
          <cell r="BD5" t="str">
            <v/>
          </cell>
          <cell r="BG5" t="str">
            <v/>
          </cell>
          <cell r="BH5" t="str">
            <v/>
          </cell>
          <cell r="BI5" t="str">
            <v/>
          </cell>
          <cell r="BL5" t="str">
            <v/>
          </cell>
          <cell r="BM5" t="str">
            <v/>
          </cell>
          <cell r="BN5" t="str">
            <v/>
          </cell>
          <cell r="BQ5" t="str">
            <v/>
          </cell>
          <cell r="BR5" t="str">
            <v/>
          </cell>
          <cell r="BS5" t="str">
            <v/>
          </cell>
          <cell r="BV5" t="str">
            <v/>
          </cell>
          <cell r="BW5" t="str">
            <v/>
          </cell>
          <cell r="BX5" t="str">
            <v/>
          </cell>
          <cell r="CA5" t="str">
            <v/>
          </cell>
          <cell r="CB5" t="str">
            <v/>
          </cell>
          <cell r="CC5" t="str">
            <v/>
          </cell>
          <cell r="CF5" t="str">
            <v/>
          </cell>
          <cell r="CG5" t="str">
            <v/>
          </cell>
          <cell r="CH5" t="str">
            <v/>
          </cell>
          <cell r="CK5" t="str">
            <v/>
          </cell>
          <cell r="CL5" t="str">
            <v/>
          </cell>
          <cell r="CM5" t="str">
            <v/>
          </cell>
          <cell r="CP5" t="str">
            <v/>
          </cell>
          <cell r="CQ5" t="str">
            <v/>
          </cell>
          <cell r="CR5" t="str">
            <v/>
          </cell>
          <cell r="CU5" t="str">
            <v/>
          </cell>
          <cell r="CV5" t="str">
            <v/>
          </cell>
          <cell r="CW5" t="str">
            <v/>
          </cell>
          <cell r="CZ5" t="str">
            <v/>
          </cell>
          <cell r="DA5" t="str">
            <v/>
          </cell>
          <cell r="DB5" t="str">
            <v/>
          </cell>
          <cell r="DE5" t="str">
            <v/>
          </cell>
          <cell r="DF5" t="str">
            <v/>
          </cell>
          <cell r="DG5" t="str">
            <v/>
          </cell>
          <cell r="DJ5" t="str">
            <v/>
          </cell>
          <cell r="DK5" t="str">
            <v/>
          </cell>
          <cell r="DL5" t="str">
            <v/>
          </cell>
        </row>
        <row r="6">
          <cell r="D6" t="str">
            <v/>
          </cell>
          <cell r="E6" t="str">
            <v/>
          </cell>
          <cell r="F6" t="str">
            <v/>
          </cell>
          <cell r="I6" t="str">
            <v/>
          </cell>
          <cell r="J6" t="str">
            <v/>
          </cell>
          <cell r="K6" t="str">
            <v/>
          </cell>
          <cell r="N6" t="str">
            <v/>
          </cell>
          <cell r="O6" t="str">
            <v/>
          </cell>
          <cell r="P6" t="str">
            <v/>
          </cell>
          <cell r="S6" t="str">
            <v/>
          </cell>
          <cell r="T6" t="str">
            <v/>
          </cell>
          <cell r="U6" t="str">
            <v/>
          </cell>
          <cell r="X6" t="str">
            <v/>
          </cell>
          <cell r="Y6" t="str">
            <v/>
          </cell>
          <cell r="Z6" t="str">
            <v/>
          </cell>
          <cell r="AC6" t="str">
            <v/>
          </cell>
          <cell r="AD6" t="str">
            <v/>
          </cell>
          <cell r="AE6" t="str">
            <v/>
          </cell>
          <cell r="AH6" t="str">
            <v/>
          </cell>
          <cell r="AI6" t="str">
            <v/>
          </cell>
          <cell r="AJ6" t="str">
            <v/>
          </cell>
          <cell r="AM6" t="str">
            <v/>
          </cell>
          <cell r="AN6" t="str">
            <v/>
          </cell>
          <cell r="AO6" t="str">
            <v/>
          </cell>
          <cell r="AR6" t="str">
            <v/>
          </cell>
          <cell r="AS6" t="str">
            <v/>
          </cell>
          <cell r="AT6" t="str">
            <v/>
          </cell>
          <cell r="AW6" t="str">
            <v/>
          </cell>
          <cell r="AX6" t="str">
            <v/>
          </cell>
          <cell r="AY6" t="str">
            <v/>
          </cell>
          <cell r="BB6" t="str">
            <v/>
          </cell>
          <cell r="BC6" t="str">
            <v/>
          </cell>
          <cell r="BD6" t="str">
            <v/>
          </cell>
          <cell r="BG6" t="str">
            <v/>
          </cell>
          <cell r="BH6" t="str">
            <v/>
          </cell>
          <cell r="BI6" t="str">
            <v/>
          </cell>
          <cell r="BL6" t="str">
            <v/>
          </cell>
          <cell r="BM6" t="str">
            <v/>
          </cell>
          <cell r="BN6" t="str">
            <v/>
          </cell>
          <cell r="BQ6" t="str">
            <v/>
          </cell>
          <cell r="BR6" t="str">
            <v/>
          </cell>
          <cell r="BS6" t="str">
            <v/>
          </cell>
          <cell r="BV6" t="str">
            <v/>
          </cell>
          <cell r="BW6" t="str">
            <v/>
          </cell>
          <cell r="BX6" t="str">
            <v/>
          </cell>
          <cell r="CA6" t="str">
            <v/>
          </cell>
          <cell r="CB6" t="str">
            <v/>
          </cell>
          <cell r="CC6" t="str">
            <v/>
          </cell>
          <cell r="CF6" t="str">
            <v/>
          </cell>
          <cell r="CG6" t="str">
            <v/>
          </cell>
          <cell r="CH6" t="str">
            <v/>
          </cell>
          <cell r="CK6" t="str">
            <v/>
          </cell>
          <cell r="CL6" t="str">
            <v/>
          </cell>
          <cell r="CM6" t="str">
            <v/>
          </cell>
          <cell r="CP6" t="str">
            <v/>
          </cell>
          <cell r="CQ6" t="str">
            <v/>
          </cell>
          <cell r="CR6" t="str">
            <v/>
          </cell>
          <cell r="CU6" t="str">
            <v/>
          </cell>
          <cell r="CV6" t="str">
            <v/>
          </cell>
          <cell r="CW6" t="str">
            <v/>
          </cell>
          <cell r="CZ6" t="str">
            <v/>
          </cell>
          <cell r="DA6" t="str">
            <v/>
          </cell>
          <cell r="DB6" t="str">
            <v/>
          </cell>
          <cell r="DE6" t="str">
            <v/>
          </cell>
          <cell r="DF6" t="str">
            <v/>
          </cell>
          <cell r="DG6" t="str">
            <v/>
          </cell>
          <cell r="DJ6" t="str">
            <v/>
          </cell>
          <cell r="DK6" t="str">
            <v/>
          </cell>
          <cell r="DL6" t="str">
            <v/>
          </cell>
        </row>
        <row r="7">
          <cell r="D7" t="str">
            <v/>
          </cell>
          <cell r="E7" t="str">
            <v/>
          </cell>
          <cell r="F7" t="str">
            <v/>
          </cell>
          <cell r="I7" t="str">
            <v/>
          </cell>
          <cell r="J7" t="str">
            <v/>
          </cell>
          <cell r="K7" t="str">
            <v/>
          </cell>
          <cell r="N7" t="str">
            <v/>
          </cell>
          <cell r="O7" t="str">
            <v/>
          </cell>
          <cell r="P7" t="str">
            <v/>
          </cell>
          <cell r="S7" t="str">
            <v/>
          </cell>
          <cell r="T7" t="str">
            <v/>
          </cell>
          <cell r="U7" t="str">
            <v/>
          </cell>
          <cell r="X7" t="str">
            <v/>
          </cell>
          <cell r="Y7" t="str">
            <v/>
          </cell>
          <cell r="Z7" t="str">
            <v/>
          </cell>
          <cell r="AC7" t="str">
            <v/>
          </cell>
          <cell r="AD7" t="str">
            <v/>
          </cell>
          <cell r="AE7" t="str">
            <v/>
          </cell>
          <cell r="AH7" t="str">
            <v/>
          </cell>
          <cell r="AI7" t="str">
            <v/>
          </cell>
          <cell r="AJ7" t="str">
            <v/>
          </cell>
          <cell r="AM7" t="str">
            <v/>
          </cell>
          <cell r="AN7" t="str">
            <v/>
          </cell>
          <cell r="AO7" t="str">
            <v/>
          </cell>
          <cell r="AR7" t="str">
            <v/>
          </cell>
          <cell r="AS7" t="str">
            <v/>
          </cell>
          <cell r="AT7" t="str">
            <v/>
          </cell>
          <cell r="AW7" t="str">
            <v/>
          </cell>
          <cell r="AX7" t="str">
            <v/>
          </cell>
          <cell r="AY7" t="str">
            <v/>
          </cell>
          <cell r="BB7" t="str">
            <v/>
          </cell>
          <cell r="BC7" t="str">
            <v/>
          </cell>
          <cell r="BD7" t="str">
            <v/>
          </cell>
          <cell r="BG7" t="str">
            <v/>
          </cell>
          <cell r="BH7" t="str">
            <v/>
          </cell>
          <cell r="BI7" t="str">
            <v/>
          </cell>
          <cell r="BL7" t="str">
            <v/>
          </cell>
          <cell r="BM7" t="str">
            <v/>
          </cell>
          <cell r="BN7" t="str">
            <v/>
          </cell>
          <cell r="BQ7" t="str">
            <v/>
          </cell>
          <cell r="BR7" t="str">
            <v/>
          </cell>
          <cell r="BS7" t="str">
            <v/>
          </cell>
          <cell r="BV7" t="str">
            <v/>
          </cell>
          <cell r="BW7" t="str">
            <v/>
          </cell>
          <cell r="BX7" t="str">
            <v/>
          </cell>
          <cell r="CA7" t="str">
            <v/>
          </cell>
          <cell r="CB7" t="str">
            <v/>
          </cell>
          <cell r="CC7" t="str">
            <v/>
          </cell>
          <cell r="CF7" t="str">
            <v/>
          </cell>
          <cell r="CG7" t="str">
            <v/>
          </cell>
          <cell r="CH7" t="str">
            <v/>
          </cell>
          <cell r="CK7" t="str">
            <v/>
          </cell>
          <cell r="CL7" t="str">
            <v/>
          </cell>
          <cell r="CM7" t="str">
            <v/>
          </cell>
          <cell r="CP7" t="str">
            <v/>
          </cell>
          <cell r="CQ7" t="str">
            <v/>
          </cell>
          <cell r="CR7" t="str">
            <v/>
          </cell>
          <cell r="CU7" t="str">
            <v/>
          </cell>
          <cell r="CV7" t="str">
            <v/>
          </cell>
          <cell r="CW7" t="str">
            <v/>
          </cell>
          <cell r="CZ7" t="str">
            <v/>
          </cell>
          <cell r="DA7" t="str">
            <v/>
          </cell>
          <cell r="DB7" t="str">
            <v/>
          </cell>
          <cell r="DE7" t="str">
            <v/>
          </cell>
          <cell r="DF7" t="str">
            <v/>
          </cell>
          <cell r="DG7" t="str">
            <v/>
          </cell>
          <cell r="DJ7" t="str">
            <v/>
          </cell>
          <cell r="DK7" t="str">
            <v/>
          </cell>
          <cell r="DL7" t="str">
            <v/>
          </cell>
        </row>
        <row r="8">
          <cell r="D8" t="str">
            <v/>
          </cell>
          <cell r="E8" t="str">
            <v/>
          </cell>
          <cell r="F8" t="str">
            <v/>
          </cell>
          <cell r="I8" t="str">
            <v/>
          </cell>
          <cell r="J8" t="str">
            <v/>
          </cell>
          <cell r="K8" t="str">
            <v/>
          </cell>
          <cell r="N8" t="str">
            <v/>
          </cell>
          <cell r="O8" t="str">
            <v/>
          </cell>
          <cell r="P8" t="str">
            <v/>
          </cell>
          <cell r="S8" t="str">
            <v/>
          </cell>
          <cell r="T8" t="str">
            <v/>
          </cell>
          <cell r="U8" t="str">
            <v/>
          </cell>
          <cell r="X8" t="str">
            <v/>
          </cell>
          <cell r="Y8" t="str">
            <v/>
          </cell>
          <cell r="Z8" t="str">
            <v/>
          </cell>
          <cell r="AC8" t="str">
            <v/>
          </cell>
          <cell r="AD8" t="str">
            <v/>
          </cell>
          <cell r="AE8" t="str">
            <v/>
          </cell>
          <cell r="AH8" t="str">
            <v/>
          </cell>
          <cell r="AI8" t="str">
            <v/>
          </cell>
          <cell r="AJ8" t="str">
            <v/>
          </cell>
          <cell r="AM8" t="str">
            <v/>
          </cell>
          <cell r="AN8" t="str">
            <v/>
          </cell>
          <cell r="AO8" t="str">
            <v/>
          </cell>
          <cell r="AR8" t="str">
            <v/>
          </cell>
          <cell r="AS8" t="str">
            <v/>
          </cell>
          <cell r="AT8" t="str">
            <v/>
          </cell>
          <cell r="AW8" t="str">
            <v/>
          </cell>
          <cell r="AX8" t="str">
            <v/>
          </cell>
          <cell r="AY8" t="str">
            <v/>
          </cell>
          <cell r="BB8" t="str">
            <v/>
          </cell>
          <cell r="BC8" t="str">
            <v/>
          </cell>
          <cell r="BD8" t="str">
            <v/>
          </cell>
          <cell r="BG8" t="str">
            <v/>
          </cell>
          <cell r="BH8" t="str">
            <v/>
          </cell>
          <cell r="BI8" t="str">
            <v/>
          </cell>
          <cell r="BL8" t="str">
            <v/>
          </cell>
          <cell r="BM8" t="str">
            <v/>
          </cell>
          <cell r="BN8" t="str">
            <v/>
          </cell>
          <cell r="BQ8" t="str">
            <v/>
          </cell>
          <cell r="BR8" t="str">
            <v/>
          </cell>
          <cell r="BS8" t="str">
            <v/>
          </cell>
          <cell r="BV8" t="str">
            <v/>
          </cell>
          <cell r="BW8" t="str">
            <v/>
          </cell>
          <cell r="BX8" t="str">
            <v/>
          </cell>
          <cell r="CA8" t="str">
            <v/>
          </cell>
          <cell r="CB8" t="str">
            <v/>
          </cell>
          <cell r="CC8" t="str">
            <v/>
          </cell>
          <cell r="CF8" t="str">
            <v/>
          </cell>
          <cell r="CG8" t="str">
            <v/>
          </cell>
          <cell r="CH8" t="str">
            <v/>
          </cell>
          <cell r="CK8" t="str">
            <v/>
          </cell>
          <cell r="CL8" t="str">
            <v/>
          </cell>
          <cell r="CM8" t="str">
            <v/>
          </cell>
          <cell r="CP8" t="str">
            <v/>
          </cell>
          <cell r="CQ8" t="str">
            <v/>
          </cell>
          <cell r="CR8" t="str">
            <v/>
          </cell>
          <cell r="CU8" t="str">
            <v/>
          </cell>
          <cell r="CV8" t="str">
            <v/>
          </cell>
          <cell r="CW8" t="str">
            <v/>
          </cell>
          <cell r="CZ8" t="str">
            <v/>
          </cell>
          <cell r="DA8" t="str">
            <v/>
          </cell>
          <cell r="DB8" t="str">
            <v/>
          </cell>
          <cell r="DE8" t="str">
            <v/>
          </cell>
          <cell r="DF8" t="str">
            <v/>
          </cell>
          <cell r="DG8" t="str">
            <v/>
          </cell>
          <cell r="DJ8" t="str">
            <v/>
          </cell>
          <cell r="DK8" t="str">
            <v/>
          </cell>
          <cell r="DL8" t="str">
            <v/>
          </cell>
        </row>
        <row r="9">
          <cell r="D9" t="str">
            <v/>
          </cell>
          <cell r="E9" t="str">
            <v/>
          </cell>
          <cell r="F9" t="str">
            <v/>
          </cell>
          <cell r="I9" t="str">
            <v/>
          </cell>
          <cell r="J9" t="str">
            <v/>
          </cell>
          <cell r="K9" t="str">
            <v/>
          </cell>
          <cell r="N9" t="str">
            <v/>
          </cell>
          <cell r="O9" t="str">
            <v/>
          </cell>
          <cell r="P9" t="str">
            <v/>
          </cell>
          <cell r="S9" t="str">
            <v/>
          </cell>
          <cell r="T9" t="str">
            <v/>
          </cell>
          <cell r="U9" t="str">
            <v/>
          </cell>
          <cell r="X9" t="str">
            <v/>
          </cell>
          <cell r="Y9" t="str">
            <v/>
          </cell>
          <cell r="Z9" t="str">
            <v/>
          </cell>
          <cell r="AC9" t="str">
            <v/>
          </cell>
          <cell r="AD9" t="str">
            <v/>
          </cell>
          <cell r="AE9" t="str">
            <v/>
          </cell>
          <cell r="AH9" t="str">
            <v/>
          </cell>
          <cell r="AI9" t="str">
            <v/>
          </cell>
          <cell r="AJ9" t="str">
            <v/>
          </cell>
          <cell r="AM9" t="str">
            <v/>
          </cell>
          <cell r="AN9" t="str">
            <v/>
          </cell>
          <cell r="AO9" t="str">
            <v/>
          </cell>
          <cell r="AR9" t="str">
            <v/>
          </cell>
          <cell r="AS9" t="str">
            <v/>
          </cell>
          <cell r="AT9" t="str">
            <v/>
          </cell>
          <cell r="AW9" t="str">
            <v/>
          </cell>
          <cell r="AX9" t="str">
            <v/>
          </cell>
          <cell r="AY9" t="str">
            <v/>
          </cell>
          <cell r="BB9" t="str">
            <v/>
          </cell>
          <cell r="BC9" t="str">
            <v/>
          </cell>
          <cell r="BD9" t="str">
            <v/>
          </cell>
          <cell r="BG9" t="str">
            <v/>
          </cell>
          <cell r="BH9" t="str">
            <v/>
          </cell>
          <cell r="BI9" t="str">
            <v/>
          </cell>
          <cell r="BL9" t="str">
            <v/>
          </cell>
          <cell r="BM9" t="str">
            <v/>
          </cell>
          <cell r="BN9" t="str">
            <v/>
          </cell>
          <cell r="BQ9" t="str">
            <v/>
          </cell>
          <cell r="BR9" t="str">
            <v/>
          </cell>
          <cell r="BS9" t="str">
            <v/>
          </cell>
          <cell r="BV9" t="str">
            <v/>
          </cell>
          <cell r="BW9" t="str">
            <v/>
          </cell>
          <cell r="BX9" t="str">
            <v/>
          </cell>
          <cell r="CA9" t="str">
            <v/>
          </cell>
          <cell r="CB9" t="str">
            <v/>
          </cell>
          <cell r="CC9" t="str">
            <v/>
          </cell>
          <cell r="CF9" t="str">
            <v/>
          </cell>
          <cell r="CG9" t="str">
            <v/>
          </cell>
          <cell r="CH9" t="str">
            <v/>
          </cell>
          <cell r="CK9" t="str">
            <v/>
          </cell>
          <cell r="CL9" t="str">
            <v/>
          </cell>
          <cell r="CM9" t="str">
            <v/>
          </cell>
          <cell r="CP9" t="str">
            <v/>
          </cell>
          <cell r="CQ9" t="str">
            <v/>
          </cell>
          <cell r="CR9" t="str">
            <v/>
          </cell>
          <cell r="CU9" t="str">
            <v/>
          </cell>
          <cell r="CV9" t="str">
            <v/>
          </cell>
          <cell r="CW9" t="str">
            <v/>
          </cell>
          <cell r="CZ9" t="str">
            <v/>
          </cell>
          <cell r="DA9" t="str">
            <v/>
          </cell>
          <cell r="DB9" t="str">
            <v/>
          </cell>
          <cell r="DE9" t="str">
            <v/>
          </cell>
          <cell r="DF9" t="str">
            <v/>
          </cell>
          <cell r="DG9" t="str">
            <v/>
          </cell>
          <cell r="DJ9" t="str">
            <v/>
          </cell>
          <cell r="DK9" t="str">
            <v/>
          </cell>
          <cell r="DL9" t="str">
            <v/>
          </cell>
        </row>
        <row r="10">
          <cell r="D10" t="str">
            <v/>
          </cell>
          <cell r="E10" t="str">
            <v/>
          </cell>
          <cell r="F10" t="str">
            <v/>
          </cell>
          <cell r="I10" t="str">
            <v/>
          </cell>
          <cell r="J10" t="str">
            <v/>
          </cell>
          <cell r="K10" t="str">
            <v/>
          </cell>
          <cell r="N10" t="str">
            <v/>
          </cell>
          <cell r="O10" t="str">
            <v/>
          </cell>
          <cell r="P10" t="str">
            <v/>
          </cell>
          <cell r="S10" t="str">
            <v/>
          </cell>
          <cell r="T10" t="str">
            <v/>
          </cell>
          <cell r="U10" t="str">
            <v/>
          </cell>
          <cell r="X10" t="str">
            <v/>
          </cell>
          <cell r="Y10" t="str">
            <v/>
          </cell>
          <cell r="Z10" t="str">
            <v/>
          </cell>
          <cell r="AC10" t="str">
            <v/>
          </cell>
          <cell r="AD10" t="str">
            <v/>
          </cell>
          <cell r="AE10" t="str">
            <v/>
          </cell>
          <cell r="AH10" t="str">
            <v/>
          </cell>
          <cell r="AI10" t="str">
            <v/>
          </cell>
          <cell r="AJ10" t="str">
            <v/>
          </cell>
          <cell r="AM10" t="str">
            <v/>
          </cell>
          <cell r="AN10" t="str">
            <v/>
          </cell>
          <cell r="AO10" t="str">
            <v/>
          </cell>
          <cell r="AR10" t="str">
            <v/>
          </cell>
          <cell r="AS10" t="str">
            <v/>
          </cell>
          <cell r="AT10" t="str">
            <v/>
          </cell>
          <cell r="AW10" t="str">
            <v/>
          </cell>
          <cell r="AX10" t="str">
            <v/>
          </cell>
          <cell r="AY10" t="str">
            <v/>
          </cell>
          <cell r="BB10" t="str">
            <v/>
          </cell>
          <cell r="BC10" t="str">
            <v/>
          </cell>
          <cell r="BD10" t="str">
            <v/>
          </cell>
          <cell r="BG10" t="str">
            <v/>
          </cell>
          <cell r="BH10" t="str">
            <v/>
          </cell>
          <cell r="BI10" t="str">
            <v/>
          </cell>
          <cell r="BL10" t="str">
            <v/>
          </cell>
          <cell r="BM10" t="str">
            <v/>
          </cell>
          <cell r="BN10" t="str">
            <v/>
          </cell>
          <cell r="BQ10" t="str">
            <v/>
          </cell>
          <cell r="BR10" t="str">
            <v/>
          </cell>
          <cell r="BS10" t="str">
            <v/>
          </cell>
          <cell r="BV10" t="str">
            <v/>
          </cell>
          <cell r="BW10" t="str">
            <v/>
          </cell>
          <cell r="BX10" t="str">
            <v/>
          </cell>
          <cell r="CA10" t="str">
            <v/>
          </cell>
          <cell r="CB10" t="str">
            <v/>
          </cell>
          <cell r="CC10" t="str">
            <v/>
          </cell>
          <cell r="CF10" t="str">
            <v/>
          </cell>
          <cell r="CG10" t="str">
            <v/>
          </cell>
          <cell r="CH10" t="str">
            <v/>
          </cell>
          <cell r="CK10" t="str">
            <v/>
          </cell>
          <cell r="CL10" t="str">
            <v/>
          </cell>
          <cell r="CM10" t="str">
            <v/>
          </cell>
          <cell r="CP10" t="str">
            <v/>
          </cell>
          <cell r="CQ10" t="str">
            <v/>
          </cell>
          <cell r="CR10" t="str">
            <v/>
          </cell>
          <cell r="CU10" t="str">
            <v/>
          </cell>
          <cell r="CV10" t="str">
            <v/>
          </cell>
          <cell r="CW10" t="str">
            <v/>
          </cell>
          <cell r="CZ10" t="str">
            <v/>
          </cell>
          <cell r="DA10" t="str">
            <v/>
          </cell>
          <cell r="DB10" t="str">
            <v/>
          </cell>
          <cell r="DE10" t="str">
            <v/>
          </cell>
          <cell r="DF10" t="str">
            <v/>
          </cell>
          <cell r="DG10" t="str">
            <v/>
          </cell>
          <cell r="DJ10" t="str">
            <v/>
          </cell>
          <cell r="DK10" t="str">
            <v/>
          </cell>
          <cell r="DL10" t="str">
            <v/>
          </cell>
        </row>
        <row r="11">
          <cell r="D11" t="str">
            <v/>
          </cell>
          <cell r="E11" t="str">
            <v/>
          </cell>
          <cell r="F11" t="str">
            <v/>
          </cell>
          <cell r="I11" t="str">
            <v/>
          </cell>
          <cell r="J11" t="str">
            <v/>
          </cell>
          <cell r="K11" t="str">
            <v/>
          </cell>
          <cell r="N11" t="str">
            <v/>
          </cell>
          <cell r="O11" t="str">
            <v/>
          </cell>
          <cell r="P11" t="str">
            <v/>
          </cell>
          <cell r="S11" t="str">
            <v/>
          </cell>
          <cell r="T11" t="str">
            <v/>
          </cell>
          <cell r="U11" t="str">
            <v/>
          </cell>
          <cell r="X11" t="str">
            <v/>
          </cell>
          <cell r="Y11" t="str">
            <v/>
          </cell>
          <cell r="Z11" t="str">
            <v/>
          </cell>
          <cell r="AC11" t="str">
            <v/>
          </cell>
          <cell r="AD11" t="str">
            <v/>
          </cell>
          <cell r="AE11" t="str">
            <v/>
          </cell>
          <cell r="AH11" t="str">
            <v/>
          </cell>
          <cell r="AI11" t="str">
            <v/>
          </cell>
          <cell r="AJ11" t="str">
            <v/>
          </cell>
          <cell r="AM11" t="str">
            <v/>
          </cell>
          <cell r="AN11" t="str">
            <v/>
          </cell>
          <cell r="AO11" t="str">
            <v/>
          </cell>
          <cell r="AR11" t="str">
            <v/>
          </cell>
          <cell r="AS11" t="str">
            <v/>
          </cell>
          <cell r="AT11" t="str">
            <v/>
          </cell>
          <cell r="AW11" t="str">
            <v/>
          </cell>
          <cell r="AX11" t="str">
            <v/>
          </cell>
          <cell r="AY11" t="str">
            <v/>
          </cell>
          <cell r="BB11" t="str">
            <v/>
          </cell>
          <cell r="BC11" t="str">
            <v/>
          </cell>
          <cell r="BD11" t="str">
            <v/>
          </cell>
          <cell r="BG11" t="str">
            <v/>
          </cell>
          <cell r="BH11" t="str">
            <v/>
          </cell>
          <cell r="BI11" t="str">
            <v/>
          </cell>
          <cell r="BL11" t="str">
            <v/>
          </cell>
          <cell r="BM11" t="str">
            <v/>
          </cell>
          <cell r="BN11" t="str">
            <v/>
          </cell>
          <cell r="BQ11" t="str">
            <v/>
          </cell>
          <cell r="BR11" t="str">
            <v/>
          </cell>
          <cell r="BS11" t="str">
            <v/>
          </cell>
          <cell r="BV11" t="str">
            <v/>
          </cell>
          <cell r="BW11" t="str">
            <v/>
          </cell>
          <cell r="BX11" t="str">
            <v/>
          </cell>
          <cell r="CA11" t="str">
            <v/>
          </cell>
          <cell r="CB11" t="str">
            <v/>
          </cell>
          <cell r="CC11" t="str">
            <v/>
          </cell>
          <cell r="CF11" t="str">
            <v/>
          </cell>
          <cell r="CG11" t="str">
            <v/>
          </cell>
          <cell r="CH11" t="str">
            <v/>
          </cell>
          <cell r="CK11" t="str">
            <v/>
          </cell>
          <cell r="CL11" t="str">
            <v/>
          </cell>
          <cell r="CM11" t="str">
            <v/>
          </cell>
          <cell r="CP11" t="str">
            <v/>
          </cell>
          <cell r="CQ11" t="str">
            <v/>
          </cell>
          <cell r="CR11" t="str">
            <v/>
          </cell>
          <cell r="CU11" t="str">
            <v/>
          </cell>
          <cell r="CV11" t="str">
            <v/>
          </cell>
          <cell r="CW11" t="str">
            <v/>
          </cell>
          <cell r="CZ11" t="str">
            <v/>
          </cell>
          <cell r="DA11" t="str">
            <v/>
          </cell>
          <cell r="DB11" t="str">
            <v/>
          </cell>
          <cell r="DE11" t="str">
            <v/>
          </cell>
          <cell r="DF11" t="str">
            <v/>
          </cell>
          <cell r="DG11" t="str">
            <v/>
          </cell>
          <cell r="DJ11" t="str">
            <v/>
          </cell>
          <cell r="DK11" t="str">
            <v/>
          </cell>
          <cell r="DL11" t="str">
            <v/>
          </cell>
        </row>
        <row r="12">
          <cell r="D12" t="str">
            <v/>
          </cell>
          <cell r="E12" t="str">
            <v/>
          </cell>
          <cell r="F12" t="str">
            <v/>
          </cell>
          <cell r="I12" t="str">
            <v/>
          </cell>
          <cell r="J12" t="str">
            <v/>
          </cell>
          <cell r="K12" t="str">
            <v/>
          </cell>
          <cell r="N12" t="str">
            <v/>
          </cell>
          <cell r="O12" t="str">
            <v/>
          </cell>
          <cell r="P12" t="str">
            <v/>
          </cell>
          <cell r="S12" t="str">
            <v/>
          </cell>
          <cell r="T12" t="str">
            <v/>
          </cell>
          <cell r="U12" t="str">
            <v/>
          </cell>
          <cell r="X12" t="str">
            <v/>
          </cell>
          <cell r="Y12" t="str">
            <v/>
          </cell>
          <cell r="Z12" t="str">
            <v/>
          </cell>
          <cell r="AC12" t="str">
            <v/>
          </cell>
          <cell r="AD12" t="str">
            <v/>
          </cell>
          <cell r="AE12" t="str">
            <v/>
          </cell>
          <cell r="AH12" t="str">
            <v/>
          </cell>
          <cell r="AI12" t="str">
            <v/>
          </cell>
          <cell r="AJ12" t="str">
            <v/>
          </cell>
          <cell r="AM12" t="str">
            <v/>
          </cell>
          <cell r="AN12" t="str">
            <v/>
          </cell>
          <cell r="AO12" t="str">
            <v/>
          </cell>
          <cell r="AR12" t="str">
            <v/>
          </cell>
          <cell r="AS12" t="str">
            <v/>
          </cell>
          <cell r="AT12" t="str">
            <v/>
          </cell>
          <cell r="AW12" t="str">
            <v/>
          </cell>
          <cell r="AX12" t="str">
            <v/>
          </cell>
          <cell r="AY12" t="str">
            <v/>
          </cell>
          <cell r="BB12" t="str">
            <v/>
          </cell>
          <cell r="BC12" t="str">
            <v/>
          </cell>
          <cell r="BD12" t="str">
            <v/>
          </cell>
          <cell r="BG12" t="str">
            <v/>
          </cell>
          <cell r="BH12" t="str">
            <v/>
          </cell>
          <cell r="BI12" t="str">
            <v/>
          </cell>
          <cell r="BL12" t="str">
            <v/>
          </cell>
          <cell r="BM12" t="str">
            <v/>
          </cell>
          <cell r="BN12" t="str">
            <v/>
          </cell>
          <cell r="BQ12" t="str">
            <v/>
          </cell>
          <cell r="BR12" t="str">
            <v/>
          </cell>
          <cell r="BS12" t="str">
            <v/>
          </cell>
          <cell r="BV12" t="str">
            <v/>
          </cell>
          <cell r="BW12" t="str">
            <v/>
          </cell>
          <cell r="BX12" t="str">
            <v/>
          </cell>
          <cell r="CA12" t="str">
            <v/>
          </cell>
          <cell r="CB12" t="str">
            <v/>
          </cell>
          <cell r="CC12" t="str">
            <v/>
          </cell>
          <cell r="CF12" t="str">
            <v/>
          </cell>
          <cell r="CG12" t="str">
            <v/>
          </cell>
          <cell r="CH12" t="str">
            <v/>
          </cell>
          <cell r="CK12" t="str">
            <v/>
          </cell>
          <cell r="CL12" t="str">
            <v/>
          </cell>
          <cell r="CM12" t="str">
            <v/>
          </cell>
          <cell r="CP12" t="str">
            <v/>
          </cell>
          <cell r="CQ12" t="str">
            <v/>
          </cell>
          <cell r="CR12" t="str">
            <v/>
          </cell>
          <cell r="CU12" t="str">
            <v/>
          </cell>
          <cell r="CV12" t="str">
            <v/>
          </cell>
          <cell r="CW12" t="str">
            <v/>
          </cell>
          <cell r="CZ12" t="str">
            <v/>
          </cell>
          <cell r="DA12" t="str">
            <v/>
          </cell>
          <cell r="DB12" t="str">
            <v/>
          </cell>
          <cell r="DE12" t="str">
            <v/>
          </cell>
          <cell r="DF12" t="str">
            <v/>
          </cell>
          <cell r="DG12" t="str">
            <v/>
          </cell>
          <cell r="DJ12" t="str">
            <v/>
          </cell>
          <cell r="DK12" t="str">
            <v/>
          </cell>
          <cell r="DL12" t="str">
            <v/>
          </cell>
        </row>
        <row r="14">
          <cell r="D14" t="str">
            <v>月日</v>
          </cell>
          <cell r="E14" t="str">
            <v>曜</v>
          </cell>
          <cell r="I14" t="str">
            <v>月日</v>
          </cell>
          <cell r="J14" t="str">
            <v>曜</v>
          </cell>
          <cell r="N14" t="str">
            <v>月日</v>
          </cell>
          <cell r="O14" t="str">
            <v>曜</v>
          </cell>
          <cell r="S14" t="str">
            <v>月日</v>
          </cell>
          <cell r="T14" t="str">
            <v>曜</v>
          </cell>
          <cell r="X14" t="str">
            <v>月日</v>
          </cell>
          <cell r="Y14" t="str">
            <v>曜</v>
          </cell>
          <cell r="AC14" t="str">
            <v>月日</v>
          </cell>
          <cell r="AD14" t="str">
            <v>曜</v>
          </cell>
          <cell r="AH14" t="str">
            <v>月日</v>
          </cell>
          <cell r="AI14" t="str">
            <v>曜</v>
          </cell>
          <cell r="AM14" t="str">
            <v>月日</v>
          </cell>
          <cell r="AN14" t="str">
            <v>曜</v>
          </cell>
          <cell r="AR14" t="str">
            <v>月日</v>
          </cell>
          <cell r="AS14" t="str">
            <v>曜</v>
          </cell>
          <cell r="AW14" t="str">
            <v>月日</v>
          </cell>
          <cell r="AX14" t="str">
            <v>曜</v>
          </cell>
          <cell r="BB14" t="str">
            <v>月日</v>
          </cell>
          <cell r="BC14" t="str">
            <v>曜</v>
          </cell>
          <cell r="BG14" t="str">
            <v>月日</v>
          </cell>
          <cell r="BH14" t="str">
            <v>曜</v>
          </cell>
          <cell r="BL14" t="str">
            <v>月日</v>
          </cell>
          <cell r="BM14" t="str">
            <v>曜</v>
          </cell>
          <cell r="BQ14" t="str">
            <v>月日</v>
          </cell>
          <cell r="BR14" t="str">
            <v>曜</v>
          </cell>
          <cell r="BV14" t="str">
            <v>月日</v>
          </cell>
          <cell r="BW14" t="str">
            <v>曜</v>
          </cell>
          <cell r="CA14" t="str">
            <v>月日</v>
          </cell>
          <cell r="CB14" t="str">
            <v>曜</v>
          </cell>
          <cell r="CF14" t="str">
            <v>月日</v>
          </cell>
          <cell r="CG14" t="str">
            <v>曜</v>
          </cell>
          <cell r="CK14" t="str">
            <v>月日</v>
          </cell>
          <cell r="CL14" t="str">
            <v>曜</v>
          </cell>
          <cell r="CP14" t="str">
            <v>月日</v>
          </cell>
          <cell r="CQ14" t="str">
            <v>曜</v>
          </cell>
          <cell r="CU14" t="str">
            <v>月日</v>
          </cell>
          <cell r="CV14" t="str">
            <v>曜</v>
          </cell>
          <cell r="CZ14" t="str">
            <v>月日</v>
          </cell>
          <cell r="DA14" t="str">
            <v>曜</v>
          </cell>
          <cell r="DE14" t="str">
            <v>月日</v>
          </cell>
          <cell r="DF14" t="str">
            <v>曜</v>
          </cell>
          <cell r="DJ14" t="str">
            <v>月日</v>
          </cell>
          <cell r="DK14" t="str">
            <v>曜</v>
          </cell>
        </row>
        <row r="15">
          <cell r="D15">
            <v>44251</v>
          </cell>
          <cell r="E15" t="str">
            <v>水</v>
          </cell>
          <cell r="F15" t="str">
            <v>通知</v>
          </cell>
          <cell r="I15">
            <v>43945</v>
          </cell>
          <cell r="J15" t="str">
            <v>金</v>
          </cell>
          <cell r="K15" t="str">
            <v>公告</v>
          </cell>
          <cell r="N15">
            <v>42781</v>
          </cell>
          <cell r="O15" t="str">
            <v>水</v>
          </cell>
          <cell r="P15" t="str">
            <v>公告</v>
          </cell>
          <cell r="S15">
            <v>42755</v>
          </cell>
          <cell r="T15" t="str">
            <v>金</v>
          </cell>
          <cell r="U15" t="str">
            <v>公告</v>
          </cell>
          <cell r="X15">
            <v>42774</v>
          </cell>
          <cell r="Y15" t="str">
            <v>水</v>
          </cell>
          <cell r="Z15" t="str">
            <v>通知</v>
          </cell>
          <cell r="AC15">
            <v>42725</v>
          </cell>
          <cell r="AD15" t="str">
            <v>水</v>
          </cell>
          <cell r="AE15" t="str">
            <v>通知</v>
          </cell>
          <cell r="AH15">
            <v>42542</v>
          </cell>
          <cell r="AI15" t="str">
            <v>火</v>
          </cell>
          <cell r="AM15">
            <v>42680</v>
          </cell>
          <cell r="AN15" t="str">
            <v>日</v>
          </cell>
          <cell r="AR15">
            <v>42712</v>
          </cell>
          <cell r="AS15" t="str">
            <v>木</v>
          </cell>
          <cell r="AT15" t="str">
            <v>入札</v>
          </cell>
          <cell r="AW15">
            <v>42687</v>
          </cell>
          <cell r="AX15" t="str">
            <v>日</v>
          </cell>
          <cell r="BB15">
            <v>41439</v>
          </cell>
          <cell r="BC15" t="str">
            <v>金</v>
          </cell>
          <cell r="BD15" t="str">
            <v>公告</v>
          </cell>
          <cell r="BG15">
            <v>41442</v>
          </cell>
          <cell r="BH15" t="str">
            <v>月</v>
          </cell>
          <cell r="BI15" t="str">
            <v xml:space="preserve"> </v>
          </cell>
          <cell r="BL15">
            <v>42064</v>
          </cell>
          <cell r="BM15" t="str">
            <v>日</v>
          </cell>
          <cell r="BQ15">
            <v>42698</v>
          </cell>
          <cell r="BR15" t="str">
            <v>木</v>
          </cell>
          <cell r="BV15">
            <v>42707</v>
          </cell>
          <cell r="BW15" t="str">
            <v>土</v>
          </cell>
          <cell r="CA15">
            <v>42712</v>
          </cell>
          <cell r="CB15" t="str">
            <v>木</v>
          </cell>
          <cell r="CC15" t="str">
            <v>公告</v>
          </cell>
          <cell r="CF15">
            <v>42723</v>
          </cell>
          <cell r="CG15" t="str">
            <v>月</v>
          </cell>
          <cell r="CH15" t="str">
            <v>第１委</v>
          </cell>
          <cell r="CK15">
            <v>42720</v>
          </cell>
          <cell r="CL15" t="str">
            <v>金</v>
          </cell>
          <cell r="CM15" t="str">
            <v>　</v>
          </cell>
          <cell r="CP15">
            <v>42729</v>
          </cell>
          <cell r="CQ15" t="str">
            <v>日</v>
          </cell>
          <cell r="CR15" t="str">
            <v>公告</v>
          </cell>
          <cell r="CU15">
            <v>42022</v>
          </cell>
          <cell r="CV15" t="str">
            <v>日</v>
          </cell>
          <cell r="CZ15">
            <v>42024</v>
          </cell>
          <cell r="DA15" t="str">
            <v>火</v>
          </cell>
          <cell r="DE15">
            <v>42024</v>
          </cell>
          <cell r="DF15" t="str">
            <v>火</v>
          </cell>
          <cell r="DJ15">
            <v>42018</v>
          </cell>
          <cell r="DK15" t="str">
            <v>水</v>
          </cell>
          <cell r="DL15" t="str">
            <v>　</v>
          </cell>
        </row>
        <row r="16">
          <cell r="D16">
            <v>44252</v>
          </cell>
          <cell r="E16" t="str">
            <v>木</v>
          </cell>
          <cell r="I16">
            <v>43946</v>
          </cell>
          <cell r="J16" t="str">
            <v>土</v>
          </cell>
          <cell r="N16">
            <v>42782</v>
          </cell>
          <cell r="O16" t="str">
            <v>木</v>
          </cell>
          <cell r="S16">
            <v>42756</v>
          </cell>
          <cell r="T16" t="str">
            <v>土</v>
          </cell>
          <cell r="X16">
            <v>42775</v>
          </cell>
          <cell r="Y16" t="str">
            <v>木</v>
          </cell>
          <cell r="AC16">
            <v>42726</v>
          </cell>
          <cell r="AD16" t="str">
            <v>木</v>
          </cell>
          <cell r="AH16">
            <v>42543</v>
          </cell>
          <cell r="AI16" t="str">
            <v>水</v>
          </cell>
          <cell r="AM16">
            <v>42681</v>
          </cell>
          <cell r="AN16" t="str">
            <v>月</v>
          </cell>
          <cell r="AR16">
            <v>42713</v>
          </cell>
          <cell r="AS16" t="str">
            <v>金</v>
          </cell>
          <cell r="AT16" t="str">
            <v>入札</v>
          </cell>
          <cell r="AW16">
            <v>42688</v>
          </cell>
          <cell r="AX16" t="str">
            <v>月</v>
          </cell>
          <cell r="AY16" t="str">
            <v>公告</v>
          </cell>
          <cell r="BB16">
            <v>41440</v>
          </cell>
          <cell r="BC16" t="str">
            <v>土</v>
          </cell>
          <cell r="BD16" t="str">
            <v>　</v>
          </cell>
          <cell r="BG16">
            <v>41443</v>
          </cell>
          <cell r="BH16" t="str">
            <v>火</v>
          </cell>
          <cell r="BI16" t="str">
            <v>　</v>
          </cell>
          <cell r="BL16">
            <v>42065</v>
          </cell>
          <cell r="BM16" t="str">
            <v>月</v>
          </cell>
          <cell r="BQ16">
            <v>42699</v>
          </cell>
          <cell r="BR16" t="str">
            <v>金</v>
          </cell>
          <cell r="BS16" t="str">
            <v xml:space="preserve"> </v>
          </cell>
          <cell r="BV16">
            <v>42708</v>
          </cell>
          <cell r="BW16" t="str">
            <v>日</v>
          </cell>
          <cell r="BX16" t="str">
            <v>指名通知</v>
          </cell>
          <cell r="CA16">
            <v>42713</v>
          </cell>
          <cell r="CB16" t="str">
            <v>金</v>
          </cell>
          <cell r="CF16">
            <v>42724</v>
          </cell>
          <cell r="CG16" t="str">
            <v>火</v>
          </cell>
          <cell r="CK16">
            <v>42721</v>
          </cell>
          <cell r="CL16" t="str">
            <v>土</v>
          </cell>
          <cell r="CM16" t="str">
            <v>公告</v>
          </cell>
          <cell r="CP16">
            <v>42730</v>
          </cell>
          <cell r="CQ16" t="str">
            <v>月</v>
          </cell>
          <cell r="CU16">
            <v>42023</v>
          </cell>
          <cell r="CV16" t="str">
            <v>月</v>
          </cell>
          <cell r="CW16" t="str">
            <v>公告</v>
          </cell>
          <cell r="CZ16">
            <v>42025</v>
          </cell>
          <cell r="DA16" t="str">
            <v>水</v>
          </cell>
          <cell r="DB16" t="str">
            <v>指名通知</v>
          </cell>
          <cell r="DE16">
            <v>42025</v>
          </cell>
          <cell r="DF16" t="str">
            <v>水</v>
          </cell>
          <cell r="DG16" t="str">
            <v>公告</v>
          </cell>
          <cell r="DJ16">
            <v>42019</v>
          </cell>
          <cell r="DK16" t="str">
            <v>木</v>
          </cell>
          <cell r="DL16" t="str">
            <v>公告</v>
          </cell>
        </row>
        <row r="17">
          <cell r="D17">
            <v>44253</v>
          </cell>
          <cell r="E17" t="str">
            <v>金</v>
          </cell>
          <cell r="I17">
            <v>43947</v>
          </cell>
          <cell r="J17" t="str">
            <v>日</v>
          </cell>
          <cell r="N17">
            <v>42783</v>
          </cell>
          <cell r="O17" t="str">
            <v>金</v>
          </cell>
          <cell r="S17">
            <v>42757</v>
          </cell>
          <cell r="T17" t="str">
            <v>日</v>
          </cell>
          <cell r="X17">
            <v>42776</v>
          </cell>
          <cell r="Y17" t="str">
            <v>金</v>
          </cell>
          <cell r="AC17">
            <v>42727</v>
          </cell>
          <cell r="AD17" t="str">
            <v>金</v>
          </cell>
          <cell r="AH17">
            <v>42544</v>
          </cell>
          <cell r="AI17" t="str">
            <v>木</v>
          </cell>
          <cell r="AM17">
            <v>42682</v>
          </cell>
          <cell r="AN17" t="str">
            <v>火</v>
          </cell>
          <cell r="AR17">
            <v>42714</v>
          </cell>
          <cell r="AS17" t="str">
            <v>土</v>
          </cell>
          <cell r="AT17" t="str">
            <v>開札</v>
          </cell>
          <cell r="AW17">
            <v>42689</v>
          </cell>
          <cell r="AX17" t="str">
            <v>火</v>
          </cell>
          <cell r="BB17">
            <v>41441</v>
          </cell>
          <cell r="BC17" t="str">
            <v>日</v>
          </cell>
          <cell r="BG17">
            <v>41444</v>
          </cell>
          <cell r="BH17" t="str">
            <v>水</v>
          </cell>
          <cell r="BI17" t="str">
            <v>　</v>
          </cell>
          <cell r="BL17">
            <v>42066</v>
          </cell>
          <cell r="BM17" t="str">
            <v>火</v>
          </cell>
          <cell r="BN17" t="str">
            <v xml:space="preserve"> </v>
          </cell>
          <cell r="BQ17">
            <v>42700</v>
          </cell>
          <cell r="BR17" t="str">
            <v>土</v>
          </cell>
          <cell r="BV17">
            <v>42709</v>
          </cell>
          <cell r="BW17" t="str">
            <v>月</v>
          </cell>
          <cell r="CA17">
            <v>42714</v>
          </cell>
          <cell r="CB17" t="str">
            <v>土</v>
          </cell>
          <cell r="CC17" t="str">
            <v>　</v>
          </cell>
          <cell r="CF17">
            <v>42725</v>
          </cell>
          <cell r="CG17" t="str">
            <v>水</v>
          </cell>
          <cell r="CH17" t="str">
            <v>　</v>
          </cell>
          <cell r="CK17">
            <v>42722</v>
          </cell>
          <cell r="CL17" t="str">
            <v>日</v>
          </cell>
          <cell r="CP17">
            <v>42731</v>
          </cell>
          <cell r="CQ17" t="str">
            <v>火</v>
          </cell>
          <cell r="CR17" t="str">
            <v>年末</v>
          </cell>
          <cell r="CU17">
            <v>42024</v>
          </cell>
          <cell r="CV17" t="str">
            <v>火</v>
          </cell>
          <cell r="CZ17">
            <v>42026</v>
          </cell>
          <cell r="DA17" t="str">
            <v>木</v>
          </cell>
          <cell r="DE17">
            <v>42026</v>
          </cell>
          <cell r="DF17" t="str">
            <v>木</v>
          </cell>
          <cell r="DG17" t="str">
            <v>　</v>
          </cell>
          <cell r="DJ17">
            <v>42020</v>
          </cell>
          <cell r="DK17" t="str">
            <v>金</v>
          </cell>
        </row>
        <row r="18">
          <cell r="D18">
            <v>44254</v>
          </cell>
          <cell r="E18" t="str">
            <v>土</v>
          </cell>
          <cell r="I18">
            <v>43948</v>
          </cell>
          <cell r="J18" t="str">
            <v>月</v>
          </cell>
          <cell r="N18">
            <v>42784</v>
          </cell>
          <cell r="O18" t="str">
            <v>土</v>
          </cell>
          <cell r="S18">
            <v>42758</v>
          </cell>
          <cell r="T18" t="str">
            <v>月</v>
          </cell>
          <cell r="X18">
            <v>42777</v>
          </cell>
          <cell r="Y18" t="str">
            <v>土</v>
          </cell>
          <cell r="AC18">
            <v>42728</v>
          </cell>
          <cell r="AD18" t="str">
            <v>土</v>
          </cell>
          <cell r="AH18">
            <v>42545</v>
          </cell>
          <cell r="AI18" t="str">
            <v>金</v>
          </cell>
          <cell r="AM18">
            <v>42683</v>
          </cell>
          <cell r="AN18" t="str">
            <v>水</v>
          </cell>
          <cell r="AR18">
            <v>42715</v>
          </cell>
          <cell r="AS18" t="str">
            <v>日</v>
          </cell>
          <cell r="AW18">
            <v>42690</v>
          </cell>
          <cell r="AX18" t="str">
            <v>水</v>
          </cell>
          <cell r="BB18">
            <v>41442</v>
          </cell>
          <cell r="BC18" t="str">
            <v>月</v>
          </cell>
          <cell r="BG18">
            <v>41445</v>
          </cell>
          <cell r="BH18" t="str">
            <v>木</v>
          </cell>
          <cell r="BI18" t="str">
            <v>公告</v>
          </cell>
          <cell r="BL18">
            <v>42067</v>
          </cell>
          <cell r="BM18" t="str">
            <v>水</v>
          </cell>
          <cell r="BQ18">
            <v>42701</v>
          </cell>
          <cell r="BR18" t="str">
            <v>日</v>
          </cell>
          <cell r="BS18" t="str">
            <v>第二委</v>
          </cell>
          <cell r="BV18">
            <v>42710</v>
          </cell>
          <cell r="BW18" t="str">
            <v>火</v>
          </cell>
          <cell r="CA18">
            <v>42715</v>
          </cell>
          <cell r="CB18" t="str">
            <v>日</v>
          </cell>
          <cell r="CF18">
            <v>42726</v>
          </cell>
          <cell r="CG18" t="str">
            <v>木</v>
          </cell>
          <cell r="CK18">
            <v>42723</v>
          </cell>
          <cell r="CL18" t="str">
            <v>月</v>
          </cell>
          <cell r="CP18">
            <v>42008</v>
          </cell>
          <cell r="CQ18" t="str">
            <v>日</v>
          </cell>
          <cell r="CR18" t="str">
            <v>年始</v>
          </cell>
          <cell r="CU18">
            <v>42025</v>
          </cell>
          <cell r="CV18" t="str">
            <v>水</v>
          </cell>
          <cell r="CZ18">
            <v>42027</v>
          </cell>
          <cell r="DA18" t="str">
            <v>金</v>
          </cell>
          <cell r="DE18">
            <v>42027</v>
          </cell>
          <cell r="DF18" t="str">
            <v>金</v>
          </cell>
          <cell r="DJ18">
            <v>42025</v>
          </cell>
          <cell r="DK18" t="str">
            <v>水</v>
          </cell>
          <cell r="DL18" t="str">
            <v>下見(CC)</v>
          </cell>
        </row>
        <row r="19">
          <cell r="D19">
            <v>44255</v>
          </cell>
          <cell r="E19" t="str">
            <v>日</v>
          </cell>
          <cell r="I19">
            <v>43949</v>
          </cell>
          <cell r="J19" t="str">
            <v>火</v>
          </cell>
          <cell r="N19">
            <v>42785</v>
          </cell>
          <cell r="O19" t="str">
            <v>日</v>
          </cell>
          <cell r="S19">
            <v>42759</v>
          </cell>
          <cell r="T19" t="str">
            <v>火</v>
          </cell>
          <cell r="X19">
            <v>42778</v>
          </cell>
          <cell r="Y19" t="str">
            <v>日</v>
          </cell>
          <cell r="AC19">
            <v>42729</v>
          </cell>
          <cell r="AD19" t="str">
            <v>日</v>
          </cell>
          <cell r="AH19">
            <v>42546</v>
          </cell>
          <cell r="AI19" t="str">
            <v>土</v>
          </cell>
          <cell r="AM19">
            <v>42684</v>
          </cell>
          <cell r="AN19" t="str">
            <v>木</v>
          </cell>
          <cell r="AR19">
            <v>42716</v>
          </cell>
          <cell r="AS19" t="str">
            <v>月</v>
          </cell>
          <cell r="AT19" t="str">
            <v xml:space="preserve"> </v>
          </cell>
          <cell r="AW19">
            <v>42691</v>
          </cell>
          <cell r="AX19" t="str">
            <v>木</v>
          </cell>
          <cell r="AY19" t="str">
            <v xml:space="preserve"> </v>
          </cell>
          <cell r="BB19">
            <v>41443</v>
          </cell>
          <cell r="BC19" t="str">
            <v>火</v>
          </cell>
          <cell r="BG19">
            <v>41446</v>
          </cell>
          <cell r="BH19" t="str">
            <v>金</v>
          </cell>
          <cell r="BI19" t="str">
            <v>　</v>
          </cell>
          <cell r="BL19">
            <v>42068</v>
          </cell>
          <cell r="BM19" t="str">
            <v>木</v>
          </cell>
          <cell r="BN19" t="str">
            <v>通知</v>
          </cell>
          <cell r="BQ19">
            <v>42702</v>
          </cell>
          <cell r="BR19" t="str">
            <v>月</v>
          </cell>
          <cell r="BV19">
            <v>42711</v>
          </cell>
          <cell r="BW19" t="str">
            <v>水</v>
          </cell>
          <cell r="CA19">
            <v>42716</v>
          </cell>
          <cell r="CB19" t="str">
            <v>月</v>
          </cell>
          <cell r="CF19">
            <v>42727</v>
          </cell>
          <cell r="CG19" t="str">
            <v>金</v>
          </cell>
          <cell r="CH19" t="str">
            <v>天皇誕生日</v>
          </cell>
          <cell r="CK19">
            <v>42724</v>
          </cell>
          <cell r="CL19" t="str">
            <v>火</v>
          </cell>
          <cell r="CP19">
            <v>42009</v>
          </cell>
          <cell r="CQ19" t="str">
            <v>月</v>
          </cell>
          <cell r="CU19">
            <v>42026</v>
          </cell>
          <cell r="CV19" t="str">
            <v>木</v>
          </cell>
          <cell r="CZ19">
            <v>42028</v>
          </cell>
          <cell r="DA19" t="str">
            <v>土</v>
          </cell>
          <cell r="DE19">
            <v>42028</v>
          </cell>
          <cell r="DF19" t="str">
            <v>土</v>
          </cell>
          <cell r="DJ19">
            <v>42026</v>
          </cell>
          <cell r="DK19" t="str">
            <v>木</v>
          </cell>
          <cell r="DL19" t="str">
            <v>下見(CC)</v>
          </cell>
        </row>
        <row r="20">
          <cell r="D20">
            <v>44256</v>
          </cell>
          <cell r="E20" t="str">
            <v>月</v>
          </cell>
          <cell r="I20">
            <v>43950</v>
          </cell>
          <cell r="J20" t="str">
            <v>水</v>
          </cell>
          <cell r="N20">
            <v>42786</v>
          </cell>
          <cell r="O20" t="str">
            <v>月</v>
          </cell>
          <cell r="S20">
            <v>42760</v>
          </cell>
          <cell r="T20" t="str">
            <v>水</v>
          </cell>
          <cell r="X20">
            <v>42779</v>
          </cell>
          <cell r="Y20" t="str">
            <v>月</v>
          </cell>
          <cell r="AC20">
            <v>42730</v>
          </cell>
          <cell r="AD20" t="str">
            <v>月</v>
          </cell>
          <cell r="AH20">
            <v>42547</v>
          </cell>
          <cell r="AI20" t="str">
            <v>日</v>
          </cell>
          <cell r="AM20">
            <v>42685</v>
          </cell>
          <cell r="AN20" t="str">
            <v>金</v>
          </cell>
          <cell r="AR20">
            <v>42717</v>
          </cell>
          <cell r="AS20" t="str">
            <v>火</v>
          </cell>
          <cell r="AW20">
            <v>42692</v>
          </cell>
          <cell r="AX20" t="str">
            <v>金</v>
          </cell>
          <cell r="BB20">
            <v>41444</v>
          </cell>
          <cell r="BC20" t="str">
            <v>水</v>
          </cell>
          <cell r="BG20">
            <v>41447</v>
          </cell>
          <cell r="BH20" t="str">
            <v>土</v>
          </cell>
          <cell r="BL20">
            <v>42069</v>
          </cell>
          <cell r="BM20" t="str">
            <v>金</v>
          </cell>
          <cell r="BQ20">
            <v>42703</v>
          </cell>
          <cell r="BR20" t="str">
            <v>火</v>
          </cell>
          <cell r="BV20">
            <v>42712</v>
          </cell>
          <cell r="BW20" t="str">
            <v>木</v>
          </cell>
          <cell r="CA20">
            <v>42717</v>
          </cell>
          <cell r="CB20" t="str">
            <v>火</v>
          </cell>
          <cell r="CC20" t="str">
            <v>　</v>
          </cell>
          <cell r="CF20">
            <v>42728</v>
          </cell>
          <cell r="CG20" t="str">
            <v>土</v>
          </cell>
          <cell r="CH20" t="str">
            <v>公告</v>
          </cell>
          <cell r="CK20">
            <v>42725</v>
          </cell>
          <cell r="CL20" t="str">
            <v>水</v>
          </cell>
          <cell r="CP20">
            <v>42010</v>
          </cell>
          <cell r="CQ20" t="str">
            <v>火</v>
          </cell>
          <cell r="CU20">
            <v>42027</v>
          </cell>
          <cell r="CV20" t="str">
            <v>金</v>
          </cell>
          <cell r="CZ20">
            <v>42029</v>
          </cell>
          <cell r="DA20" t="str">
            <v>日</v>
          </cell>
          <cell r="DE20">
            <v>42029</v>
          </cell>
          <cell r="DF20" t="str">
            <v>日</v>
          </cell>
          <cell r="DJ20">
            <v>42027</v>
          </cell>
          <cell r="DK20" t="str">
            <v>金</v>
          </cell>
        </row>
        <row r="21">
          <cell r="D21">
            <v>44257</v>
          </cell>
          <cell r="E21" t="str">
            <v>火</v>
          </cell>
          <cell r="I21">
            <v>43951</v>
          </cell>
          <cell r="J21" t="str">
            <v>木</v>
          </cell>
          <cell r="N21">
            <v>42787</v>
          </cell>
          <cell r="O21" t="str">
            <v>火</v>
          </cell>
          <cell r="S21">
            <v>42761</v>
          </cell>
          <cell r="T21" t="str">
            <v>木</v>
          </cell>
          <cell r="X21">
            <v>42780</v>
          </cell>
          <cell r="Y21" t="str">
            <v>火</v>
          </cell>
          <cell r="AC21">
            <v>42731</v>
          </cell>
          <cell r="AD21" t="str">
            <v>火</v>
          </cell>
          <cell r="AH21">
            <v>42548</v>
          </cell>
          <cell r="AI21" t="str">
            <v>月</v>
          </cell>
          <cell r="AM21">
            <v>42686</v>
          </cell>
          <cell r="AN21" t="str">
            <v>土</v>
          </cell>
          <cell r="AR21">
            <v>42718</v>
          </cell>
          <cell r="AS21" t="str">
            <v>水</v>
          </cell>
          <cell r="AW21">
            <v>42693</v>
          </cell>
          <cell r="AX21" t="str">
            <v>土</v>
          </cell>
          <cell r="BB21">
            <v>41445</v>
          </cell>
          <cell r="BC21" t="str">
            <v>木</v>
          </cell>
          <cell r="BG21">
            <v>41448</v>
          </cell>
          <cell r="BH21" t="str">
            <v>日</v>
          </cell>
          <cell r="BL21">
            <v>42070</v>
          </cell>
          <cell r="BM21" t="str">
            <v>土</v>
          </cell>
          <cell r="BQ21">
            <v>42704</v>
          </cell>
          <cell r="BR21" t="str">
            <v>水</v>
          </cell>
          <cell r="BV21">
            <v>42713</v>
          </cell>
          <cell r="BW21" t="str">
            <v>金</v>
          </cell>
          <cell r="CA21">
            <v>42718</v>
          </cell>
          <cell r="CB21" t="str">
            <v>水</v>
          </cell>
          <cell r="CF21">
            <v>42729</v>
          </cell>
          <cell r="CG21" t="str">
            <v>日</v>
          </cell>
          <cell r="CK21">
            <v>42726</v>
          </cell>
          <cell r="CL21" t="str">
            <v>木</v>
          </cell>
          <cell r="CP21">
            <v>42011</v>
          </cell>
          <cell r="CQ21" t="str">
            <v>水</v>
          </cell>
          <cell r="CU21">
            <v>42028</v>
          </cell>
          <cell r="CV21" t="str">
            <v>土</v>
          </cell>
          <cell r="CZ21">
            <v>42030</v>
          </cell>
          <cell r="DA21" t="str">
            <v>月</v>
          </cell>
          <cell r="DE21">
            <v>42030</v>
          </cell>
          <cell r="DF21" t="str">
            <v>月</v>
          </cell>
          <cell r="DJ21">
            <v>42028</v>
          </cell>
          <cell r="DK21" t="str">
            <v>土</v>
          </cell>
        </row>
        <row r="22">
          <cell r="D22">
            <v>44258</v>
          </cell>
          <cell r="E22" t="str">
            <v>水</v>
          </cell>
          <cell r="F22" t="str">
            <v>図書質問</v>
          </cell>
          <cell r="I22">
            <v>43952</v>
          </cell>
          <cell r="J22" t="str">
            <v>金</v>
          </cell>
          <cell r="N22">
            <v>42788</v>
          </cell>
          <cell r="O22" t="str">
            <v>水</v>
          </cell>
          <cell r="S22">
            <v>42762</v>
          </cell>
          <cell r="T22" t="str">
            <v>金</v>
          </cell>
          <cell r="X22">
            <v>42781</v>
          </cell>
          <cell r="Y22" t="str">
            <v>水</v>
          </cell>
          <cell r="Z22" t="str">
            <v>質問締切</v>
          </cell>
          <cell r="AC22">
            <v>42732</v>
          </cell>
          <cell r="AD22" t="str">
            <v>水</v>
          </cell>
          <cell r="AH22">
            <v>42549</v>
          </cell>
          <cell r="AI22" t="str">
            <v>火</v>
          </cell>
          <cell r="AM22">
            <v>42687</v>
          </cell>
          <cell r="AN22" t="str">
            <v>日</v>
          </cell>
          <cell r="AR22">
            <v>42719</v>
          </cell>
          <cell r="AS22" t="str">
            <v>木</v>
          </cell>
          <cell r="AW22">
            <v>42694</v>
          </cell>
          <cell r="AX22" t="str">
            <v>日</v>
          </cell>
          <cell r="BB22">
            <v>41446</v>
          </cell>
          <cell r="BC22" t="str">
            <v>金</v>
          </cell>
          <cell r="BD22" t="str">
            <v>申込締切</v>
          </cell>
          <cell r="BG22">
            <v>41449</v>
          </cell>
          <cell r="BH22" t="str">
            <v>月</v>
          </cell>
          <cell r="BL22">
            <v>42071</v>
          </cell>
          <cell r="BM22" t="str">
            <v>日</v>
          </cell>
          <cell r="BQ22">
            <v>42705</v>
          </cell>
          <cell r="BR22" t="str">
            <v>木</v>
          </cell>
          <cell r="BS22" t="str">
            <v>公告</v>
          </cell>
          <cell r="BV22">
            <v>42714</v>
          </cell>
          <cell r="BW22" t="str">
            <v>土</v>
          </cell>
          <cell r="BX22" t="str">
            <v xml:space="preserve"> </v>
          </cell>
          <cell r="CA22">
            <v>42719</v>
          </cell>
          <cell r="CB22" t="str">
            <v>木</v>
          </cell>
          <cell r="CF22">
            <v>42730</v>
          </cell>
          <cell r="CG22" t="str">
            <v>月</v>
          </cell>
          <cell r="CK22">
            <v>42727</v>
          </cell>
          <cell r="CL22" t="str">
            <v>金</v>
          </cell>
          <cell r="CP22">
            <v>42012</v>
          </cell>
          <cell r="CQ22" t="str">
            <v>木</v>
          </cell>
          <cell r="CU22">
            <v>42029</v>
          </cell>
          <cell r="CV22" t="str">
            <v>日</v>
          </cell>
          <cell r="CZ22">
            <v>42031</v>
          </cell>
          <cell r="DA22" t="str">
            <v>火</v>
          </cell>
          <cell r="DE22">
            <v>42031</v>
          </cell>
          <cell r="DF22" t="str">
            <v>火</v>
          </cell>
          <cell r="DJ22">
            <v>42029</v>
          </cell>
          <cell r="DK22" t="str">
            <v>日</v>
          </cell>
        </row>
        <row r="23">
          <cell r="D23">
            <v>44259</v>
          </cell>
          <cell r="E23" t="str">
            <v>木</v>
          </cell>
          <cell r="I23">
            <v>43953</v>
          </cell>
          <cell r="K23" t="str">
            <v>～5/6 休み</v>
          </cell>
          <cell r="N23">
            <v>42789</v>
          </cell>
          <cell r="O23" t="str">
            <v>木</v>
          </cell>
          <cell r="P23" t="str">
            <v>申込締切</v>
          </cell>
          <cell r="S23">
            <v>42763</v>
          </cell>
          <cell r="T23" t="str">
            <v>土</v>
          </cell>
          <cell r="X23">
            <v>42782</v>
          </cell>
          <cell r="Y23" t="str">
            <v>木</v>
          </cell>
          <cell r="AC23">
            <v>42733</v>
          </cell>
          <cell r="AD23" t="str">
            <v>木</v>
          </cell>
          <cell r="AH23">
            <v>42550</v>
          </cell>
          <cell r="AI23" t="str">
            <v>水</v>
          </cell>
          <cell r="AM23">
            <v>42688</v>
          </cell>
          <cell r="AN23" t="str">
            <v>月</v>
          </cell>
          <cell r="AR23">
            <v>42720</v>
          </cell>
          <cell r="AS23" t="str">
            <v>金</v>
          </cell>
          <cell r="AW23">
            <v>42695</v>
          </cell>
          <cell r="AX23" t="str">
            <v>月</v>
          </cell>
          <cell r="AY23" t="str">
            <v xml:space="preserve"> </v>
          </cell>
          <cell r="BB23">
            <v>41447</v>
          </cell>
          <cell r="BC23" t="str">
            <v>土</v>
          </cell>
          <cell r="BG23">
            <v>41450</v>
          </cell>
          <cell r="BH23" t="str">
            <v>火</v>
          </cell>
          <cell r="BL23">
            <v>42072</v>
          </cell>
          <cell r="BM23" t="str">
            <v>月</v>
          </cell>
          <cell r="BQ23">
            <v>42706</v>
          </cell>
          <cell r="BR23" t="str">
            <v>金</v>
          </cell>
          <cell r="BV23">
            <v>42715</v>
          </cell>
          <cell r="BW23" t="str">
            <v>日</v>
          </cell>
          <cell r="BX23" t="str">
            <v>下見</v>
          </cell>
          <cell r="CA23">
            <v>42720</v>
          </cell>
          <cell r="CB23" t="str">
            <v>金</v>
          </cell>
          <cell r="CC23" t="str">
            <v>申込締切</v>
          </cell>
          <cell r="CF23">
            <v>42731</v>
          </cell>
          <cell r="CG23" t="str">
            <v>火</v>
          </cell>
          <cell r="CH23" t="str">
            <v>年末</v>
          </cell>
          <cell r="CK23">
            <v>42728</v>
          </cell>
          <cell r="CL23" t="str">
            <v>土</v>
          </cell>
          <cell r="CP23">
            <v>42013</v>
          </cell>
          <cell r="CQ23" t="str">
            <v>金</v>
          </cell>
          <cell r="CU23">
            <v>42030</v>
          </cell>
          <cell r="CV23" t="str">
            <v>月</v>
          </cell>
          <cell r="CZ23">
            <v>42032</v>
          </cell>
          <cell r="DA23" t="str">
            <v>水</v>
          </cell>
          <cell r="DE23">
            <v>42032</v>
          </cell>
          <cell r="DF23" t="str">
            <v>水</v>
          </cell>
          <cell r="DJ23">
            <v>42030</v>
          </cell>
          <cell r="DK23" t="str">
            <v>月</v>
          </cell>
          <cell r="DL23" t="str">
            <v>下見(消防)</v>
          </cell>
        </row>
        <row r="24">
          <cell r="D24">
            <v>44260</v>
          </cell>
          <cell r="E24" t="str">
            <v>金</v>
          </cell>
          <cell r="I24">
            <v>43958</v>
          </cell>
          <cell r="J24" t="str">
            <v>木</v>
          </cell>
          <cell r="N24">
            <v>42790</v>
          </cell>
          <cell r="O24" t="str">
            <v>金</v>
          </cell>
          <cell r="S24">
            <v>42764</v>
          </cell>
          <cell r="T24" t="str">
            <v>日</v>
          </cell>
          <cell r="X24">
            <v>42783</v>
          </cell>
          <cell r="Y24" t="str">
            <v>金</v>
          </cell>
          <cell r="AC24">
            <v>42734</v>
          </cell>
          <cell r="AD24" t="str">
            <v>金</v>
          </cell>
          <cell r="AH24">
            <v>42551</v>
          </cell>
          <cell r="AI24" t="str">
            <v>木</v>
          </cell>
          <cell r="AM24">
            <v>42689</v>
          </cell>
          <cell r="AN24" t="str">
            <v>火</v>
          </cell>
          <cell r="AR24">
            <v>42721</v>
          </cell>
          <cell r="AS24" t="str">
            <v>土</v>
          </cell>
          <cell r="AW24">
            <v>42696</v>
          </cell>
          <cell r="AX24" t="str">
            <v>火</v>
          </cell>
          <cell r="BB24">
            <v>41448</v>
          </cell>
          <cell r="BC24" t="str">
            <v>日</v>
          </cell>
          <cell r="BG24">
            <v>41451</v>
          </cell>
          <cell r="BH24" t="str">
            <v>水</v>
          </cell>
          <cell r="BI24" t="str">
            <v>　</v>
          </cell>
          <cell r="BL24">
            <v>42073</v>
          </cell>
          <cell r="BM24" t="str">
            <v>火</v>
          </cell>
          <cell r="BN24" t="str">
            <v>　</v>
          </cell>
          <cell r="BQ24">
            <v>42707</v>
          </cell>
          <cell r="BR24" t="str">
            <v>土</v>
          </cell>
          <cell r="BV24">
            <v>42716</v>
          </cell>
          <cell r="BW24" t="str">
            <v>月</v>
          </cell>
          <cell r="BX24" t="str">
            <v>下見</v>
          </cell>
          <cell r="CA24">
            <v>42721</v>
          </cell>
          <cell r="CB24" t="str">
            <v>土</v>
          </cell>
          <cell r="CC24" t="str">
            <v>　</v>
          </cell>
          <cell r="CF24">
            <v>42008</v>
          </cell>
          <cell r="CG24" t="str">
            <v>日</v>
          </cell>
          <cell r="CH24" t="str">
            <v>年始</v>
          </cell>
          <cell r="CK24">
            <v>42729</v>
          </cell>
          <cell r="CL24" t="str">
            <v>日</v>
          </cell>
          <cell r="CM24" t="str">
            <v>申込締切</v>
          </cell>
          <cell r="CP24">
            <v>42014</v>
          </cell>
          <cell r="CQ24" t="str">
            <v>土</v>
          </cell>
          <cell r="CU24">
            <v>42031</v>
          </cell>
          <cell r="CV24" t="str">
            <v>火</v>
          </cell>
          <cell r="CW24" t="str">
            <v>申込期限</v>
          </cell>
          <cell r="CZ24">
            <v>42033</v>
          </cell>
          <cell r="DA24" t="str">
            <v>木</v>
          </cell>
          <cell r="DB24" t="str">
            <v>図書質問</v>
          </cell>
          <cell r="DE24">
            <v>42033</v>
          </cell>
          <cell r="DF24" t="str">
            <v>木</v>
          </cell>
          <cell r="DG24" t="str">
            <v>申込締切</v>
          </cell>
          <cell r="DJ24">
            <v>42031</v>
          </cell>
          <cell r="DK24" t="str">
            <v>火</v>
          </cell>
          <cell r="DL24" t="str">
            <v>下見(消防)</v>
          </cell>
        </row>
        <row r="25">
          <cell r="D25">
            <v>44261</v>
          </cell>
          <cell r="E25" t="str">
            <v>土</v>
          </cell>
          <cell r="I25">
            <v>43959</v>
          </cell>
          <cell r="J25" t="str">
            <v>金</v>
          </cell>
          <cell r="N25">
            <v>42791</v>
          </cell>
          <cell r="O25" t="str">
            <v>土</v>
          </cell>
          <cell r="S25">
            <v>42765</v>
          </cell>
          <cell r="T25" t="str">
            <v>月</v>
          </cell>
          <cell r="U25" t="str">
            <v>質問締切</v>
          </cell>
          <cell r="X25">
            <v>42784</v>
          </cell>
          <cell r="Y25" t="str">
            <v>土</v>
          </cell>
          <cell r="AC25">
            <v>42735</v>
          </cell>
          <cell r="AD25" t="str">
            <v>土</v>
          </cell>
          <cell r="AH25">
            <v>42552</v>
          </cell>
          <cell r="AI25" t="str">
            <v>金</v>
          </cell>
          <cell r="AM25">
            <v>42690</v>
          </cell>
          <cell r="AN25" t="str">
            <v>水</v>
          </cell>
          <cell r="AR25">
            <v>42722</v>
          </cell>
          <cell r="AS25" t="str">
            <v>日</v>
          </cell>
          <cell r="AW25">
            <v>42697</v>
          </cell>
          <cell r="AX25" t="str">
            <v>水</v>
          </cell>
          <cell r="BB25">
            <v>41449</v>
          </cell>
          <cell r="BC25" t="str">
            <v>月</v>
          </cell>
          <cell r="BD25" t="str">
            <v>結果通知</v>
          </cell>
          <cell r="BG25">
            <v>41452</v>
          </cell>
          <cell r="BH25" t="str">
            <v>木</v>
          </cell>
          <cell r="BI25" t="str">
            <v>　</v>
          </cell>
          <cell r="BL25">
            <v>42074</v>
          </cell>
          <cell r="BM25" t="str">
            <v>水</v>
          </cell>
          <cell r="BN25" t="str">
            <v>　</v>
          </cell>
          <cell r="BQ25">
            <v>42708</v>
          </cell>
          <cell r="BR25" t="str">
            <v>日</v>
          </cell>
          <cell r="BV25">
            <v>42717</v>
          </cell>
          <cell r="BW25" t="str">
            <v>火</v>
          </cell>
          <cell r="CA25">
            <v>42722</v>
          </cell>
          <cell r="CB25" t="str">
            <v>日</v>
          </cell>
          <cell r="CC25" t="str">
            <v>結果通知</v>
          </cell>
          <cell r="CF25">
            <v>42009</v>
          </cell>
          <cell r="CG25" t="str">
            <v>月</v>
          </cell>
          <cell r="CK25">
            <v>42730</v>
          </cell>
          <cell r="CL25" t="str">
            <v>月</v>
          </cell>
          <cell r="CP25">
            <v>42015</v>
          </cell>
          <cell r="CQ25" t="str">
            <v>日</v>
          </cell>
          <cell r="CU25">
            <v>42032</v>
          </cell>
          <cell r="CV25" t="str">
            <v>水</v>
          </cell>
          <cell r="CZ25">
            <v>42034</v>
          </cell>
          <cell r="DA25" t="str">
            <v>金</v>
          </cell>
          <cell r="DE25">
            <v>42034</v>
          </cell>
          <cell r="DF25" t="str">
            <v>金</v>
          </cell>
          <cell r="DG25" t="str">
            <v>結果通知</v>
          </cell>
          <cell r="DJ25">
            <v>42032</v>
          </cell>
          <cell r="DK25" t="str">
            <v>水</v>
          </cell>
        </row>
        <row r="26">
          <cell r="D26">
            <v>44262</v>
          </cell>
          <cell r="E26" t="str">
            <v>日</v>
          </cell>
          <cell r="I26">
            <v>43960</v>
          </cell>
          <cell r="J26" t="str">
            <v>土</v>
          </cell>
          <cell r="N26">
            <v>42792</v>
          </cell>
          <cell r="O26" t="str">
            <v>日</v>
          </cell>
          <cell r="S26">
            <v>42766</v>
          </cell>
          <cell r="T26" t="str">
            <v>火</v>
          </cell>
          <cell r="X26">
            <v>42785</v>
          </cell>
          <cell r="Y26" t="str">
            <v>日</v>
          </cell>
          <cell r="AC26">
            <v>42736</v>
          </cell>
          <cell r="AD26" t="str">
            <v>日</v>
          </cell>
          <cell r="AH26">
            <v>42553</v>
          </cell>
          <cell r="AI26" t="str">
            <v>土</v>
          </cell>
          <cell r="AM26">
            <v>42691</v>
          </cell>
          <cell r="AN26" t="str">
            <v>木</v>
          </cell>
          <cell r="AR26">
            <v>42723</v>
          </cell>
          <cell r="AS26" t="str">
            <v>月</v>
          </cell>
          <cell r="AW26">
            <v>42698</v>
          </cell>
          <cell r="AX26" t="str">
            <v>木</v>
          </cell>
          <cell r="BB26">
            <v>41450</v>
          </cell>
          <cell r="BC26" t="str">
            <v>火</v>
          </cell>
          <cell r="BD26" t="str">
            <v>資格質問</v>
          </cell>
          <cell r="BG26">
            <v>41453</v>
          </cell>
          <cell r="BH26" t="str">
            <v>金</v>
          </cell>
          <cell r="BI26" t="str">
            <v>申込期限</v>
          </cell>
          <cell r="BL26">
            <v>42075</v>
          </cell>
          <cell r="BM26" t="str">
            <v>木</v>
          </cell>
          <cell r="BQ26">
            <v>42709</v>
          </cell>
          <cell r="BR26" t="str">
            <v>月</v>
          </cell>
          <cell r="BV26">
            <v>42718</v>
          </cell>
          <cell r="BW26" t="str">
            <v>水</v>
          </cell>
          <cell r="CA26">
            <v>42723</v>
          </cell>
          <cell r="CB26" t="str">
            <v>月</v>
          </cell>
          <cell r="CC26" t="str">
            <v>資格質問</v>
          </cell>
          <cell r="CF26">
            <v>42010</v>
          </cell>
          <cell r="CG26" t="str">
            <v>火</v>
          </cell>
          <cell r="CK26">
            <v>42731</v>
          </cell>
          <cell r="CL26" t="str">
            <v>火</v>
          </cell>
          <cell r="CM26" t="str">
            <v>年末</v>
          </cell>
          <cell r="CP26">
            <v>42016</v>
          </cell>
          <cell r="CQ26" t="str">
            <v>月</v>
          </cell>
          <cell r="CR26" t="str">
            <v>敬老の日</v>
          </cell>
          <cell r="CU26">
            <v>42033</v>
          </cell>
          <cell r="CV26" t="str">
            <v>木</v>
          </cell>
          <cell r="CZ26">
            <v>42035</v>
          </cell>
          <cell r="DA26" t="str">
            <v>土</v>
          </cell>
          <cell r="DE26">
            <v>42035</v>
          </cell>
          <cell r="DF26" t="str">
            <v>土</v>
          </cell>
          <cell r="DJ26">
            <v>42038</v>
          </cell>
          <cell r="DK26" t="str">
            <v>火</v>
          </cell>
        </row>
        <row r="27">
          <cell r="D27">
            <v>44263</v>
          </cell>
          <cell r="E27" t="str">
            <v>月</v>
          </cell>
          <cell r="F27" t="str">
            <v>図書回答</v>
          </cell>
          <cell r="I27">
            <v>43961</v>
          </cell>
          <cell r="J27" t="str">
            <v>日</v>
          </cell>
          <cell r="N27">
            <v>42793</v>
          </cell>
          <cell r="O27" t="str">
            <v>月</v>
          </cell>
          <cell r="P27" t="str">
            <v>図書質問</v>
          </cell>
          <cell r="S27">
            <v>42767</v>
          </cell>
          <cell r="T27" t="str">
            <v>水</v>
          </cell>
          <cell r="U27" t="str">
            <v>参加締切</v>
          </cell>
          <cell r="X27">
            <v>42786</v>
          </cell>
          <cell r="Y27" t="str">
            <v>月</v>
          </cell>
          <cell r="Z27" t="str">
            <v>回答</v>
          </cell>
          <cell r="AC27">
            <v>42737</v>
          </cell>
          <cell r="AD27" t="str">
            <v>月</v>
          </cell>
          <cell r="AH27">
            <v>42554</v>
          </cell>
          <cell r="AI27" t="str">
            <v>日</v>
          </cell>
          <cell r="AM27">
            <v>42692</v>
          </cell>
          <cell r="AN27" t="str">
            <v>金</v>
          </cell>
          <cell r="AR27">
            <v>42724</v>
          </cell>
          <cell r="AS27" t="str">
            <v>火</v>
          </cell>
          <cell r="AW27">
            <v>42699</v>
          </cell>
          <cell r="AX27" t="str">
            <v>金</v>
          </cell>
          <cell r="AY27" t="str">
            <v>申込期限</v>
          </cell>
          <cell r="BB27">
            <v>41451</v>
          </cell>
          <cell r="BC27" t="str">
            <v>水</v>
          </cell>
          <cell r="BD27" t="str">
            <v>資格回答</v>
          </cell>
          <cell r="BG27">
            <v>41454</v>
          </cell>
          <cell r="BH27" t="str">
            <v>土</v>
          </cell>
          <cell r="BL27">
            <v>42076</v>
          </cell>
          <cell r="BM27" t="str">
            <v>金</v>
          </cell>
          <cell r="BN27" t="str">
            <v>図書質問</v>
          </cell>
          <cell r="BQ27">
            <v>42710</v>
          </cell>
          <cell r="BR27" t="str">
            <v>火</v>
          </cell>
          <cell r="BV27">
            <v>42719</v>
          </cell>
          <cell r="BW27" t="str">
            <v>木</v>
          </cell>
          <cell r="CA27">
            <v>42724</v>
          </cell>
          <cell r="CB27" t="str">
            <v>火</v>
          </cell>
          <cell r="CF27">
            <v>42011</v>
          </cell>
          <cell r="CG27" t="str">
            <v>水</v>
          </cell>
          <cell r="CK27">
            <v>42008</v>
          </cell>
          <cell r="CL27" t="str">
            <v>日</v>
          </cell>
          <cell r="CM27" t="str">
            <v>年始</v>
          </cell>
          <cell r="CP27">
            <v>42017</v>
          </cell>
          <cell r="CQ27" t="str">
            <v>火</v>
          </cell>
          <cell r="CR27" t="str">
            <v>申込締切</v>
          </cell>
          <cell r="CU27">
            <v>42034</v>
          </cell>
          <cell r="CV27" t="str">
            <v>金</v>
          </cell>
          <cell r="CW27" t="str">
            <v>図書質問</v>
          </cell>
          <cell r="CZ27">
            <v>42036</v>
          </cell>
          <cell r="DA27" t="str">
            <v>日</v>
          </cell>
          <cell r="DE27">
            <v>42036</v>
          </cell>
          <cell r="DF27" t="str">
            <v>日</v>
          </cell>
          <cell r="DJ27">
            <v>42039</v>
          </cell>
          <cell r="DK27" t="str">
            <v>水</v>
          </cell>
          <cell r="DL27" t="str">
            <v>申込締切</v>
          </cell>
        </row>
        <row r="28">
          <cell r="D28">
            <v>44264</v>
          </cell>
          <cell r="E28" t="str">
            <v>火</v>
          </cell>
          <cell r="I28">
            <v>43962</v>
          </cell>
          <cell r="J28" t="str">
            <v>月</v>
          </cell>
          <cell r="N28">
            <v>42794</v>
          </cell>
          <cell r="O28" t="str">
            <v>火</v>
          </cell>
          <cell r="S28">
            <v>42768</v>
          </cell>
          <cell r="T28" t="str">
            <v>木</v>
          </cell>
          <cell r="U28" t="str">
            <v>質問回答</v>
          </cell>
          <cell r="X28">
            <v>42787</v>
          </cell>
          <cell r="Y28" t="str">
            <v>火</v>
          </cell>
          <cell r="AC28">
            <v>42738</v>
          </cell>
          <cell r="AD28" t="str">
            <v>火</v>
          </cell>
          <cell r="AH28">
            <v>42555</v>
          </cell>
          <cell r="AI28" t="str">
            <v>月</v>
          </cell>
          <cell r="AM28">
            <v>42693</v>
          </cell>
          <cell r="AN28" t="str">
            <v>土</v>
          </cell>
          <cell r="AR28">
            <v>42725</v>
          </cell>
          <cell r="AS28" t="str">
            <v>水</v>
          </cell>
          <cell r="AW28">
            <v>42700</v>
          </cell>
          <cell r="AX28" t="str">
            <v>土</v>
          </cell>
          <cell r="BB28">
            <v>41452</v>
          </cell>
          <cell r="BC28" t="str">
            <v>木</v>
          </cell>
          <cell r="BD28" t="str">
            <v xml:space="preserve"> </v>
          </cell>
          <cell r="BG28">
            <v>41455</v>
          </cell>
          <cell r="BH28" t="str">
            <v>日</v>
          </cell>
          <cell r="BI28" t="str">
            <v>　</v>
          </cell>
          <cell r="BL28">
            <v>42077</v>
          </cell>
          <cell r="BM28" t="str">
            <v>土</v>
          </cell>
          <cell r="BQ28">
            <v>42711</v>
          </cell>
          <cell r="BR28" t="str">
            <v>水</v>
          </cell>
          <cell r="BV28">
            <v>42720</v>
          </cell>
          <cell r="BW28" t="str">
            <v>金</v>
          </cell>
          <cell r="BX28" t="str">
            <v>図書質問</v>
          </cell>
          <cell r="CA28">
            <v>42725</v>
          </cell>
          <cell r="CB28" t="str">
            <v>水</v>
          </cell>
          <cell r="CF28">
            <v>42012</v>
          </cell>
          <cell r="CG28" t="str">
            <v>木</v>
          </cell>
          <cell r="CK28">
            <v>42009</v>
          </cell>
          <cell r="CL28" t="str">
            <v>月</v>
          </cell>
          <cell r="CP28">
            <v>42018</v>
          </cell>
          <cell r="CQ28" t="str">
            <v>水</v>
          </cell>
          <cell r="CR28" t="str">
            <v>結果通知</v>
          </cell>
          <cell r="CU28">
            <v>42035</v>
          </cell>
          <cell r="CV28" t="str">
            <v>土</v>
          </cell>
          <cell r="CZ28">
            <v>42037</v>
          </cell>
          <cell r="DA28" t="str">
            <v>月</v>
          </cell>
          <cell r="DB28" t="str">
            <v>図書回答</v>
          </cell>
          <cell r="DE28">
            <v>42037</v>
          </cell>
          <cell r="DF28" t="str">
            <v>月</v>
          </cell>
          <cell r="DG28" t="str">
            <v>資格質問</v>
          </cell>
          <cell r="DJ28">
            <v>42040</v>
          </cell>
          <cell r="DK28" t="str">
            <v>木</v>
          </cell>
        </row>
        <row r="29">
          <cell r="D29">
            <v>44265</v>
          </cell>
          <cell r="E29" t="str">
            <v>水</v>
          </cell>
          <cell r="I29">
            <v>43963</v>
          </cell>
          <cell r="J29" t="str">
            <v>火</v>
          </cell>
          <cell r="N29">
            <v>42795</v>
          </cell>
          <cell r="O29" t="str">
            <v>水</v>
          </cell>
          <cell r="S29">
            <v>42769</v>
          </cell>
          <cell r="T29" t="str">
            <v>金</v>
          </cell>
          <cell r="X29">
            <v>42788</v>
          </cell>
          <cell r="Y29" t="str">
            <v>水</v>
          </cell>
          <cell r="Z29" t="str">
            <v>入札</v>
          </cell>
          <cell r="AC29">
            <v>42739</v>
          </cell>
          <cell r="AD29" t="str">
            <v>水</v>
          </cell>
          <cell r="AH29">
            <v>42556</v>
          </cell>
          <cell r="AI29" t="str">
            <v>火</v>
          </cell>
          <cell r="AM29">
            <v>42694</v>
          </cell>
          <cell r="AN29" t="str">
            <v>日</v>
          </cell>
          <cell r="AR29">
            <v>42726</v>
          </cell>
          <cell r="AS29" t="str">
            <v>木</v>
          </cell>
          <cell r="AW29">
            <v>42701</v>
          </cell>
          <cell r="AX29" t="str">
            <v>日</v>
          </cell>
          <cell r="AY29" t="str">
            <v>結果通知</v>
          </cell>
          <cell r="BB29">
            <v>41453</v>
          </cell>
          <cell r="BC29" t="str">
            <v>金</v>
          </cell>
          <cell r="BD29" t="str">
            <v>　</v>
          </cell>
          <cell r="BG29">
            <v>41456</v>
          </cell>
          <cell r="BH29" t="str">
            <v>月</v>
          </cell>
          <cell r="BL29">
            <v>42078</v>
          </cell>
          <cell r="BM29" t="str">
            <v>日</v>
          </cell>
          <cell r="BQ29">
            <v>42712</v>
          </cell>
          <cell r="BR29" t="str">
            <v>木</v>
          </cell>
          <cell r="BV29">
            <v>42721</v>
          </cell>
          <cell r="BW29" t="str">
            <v>土</v>
          </cell>
          <cell r="CA29">
            <v>42726</v>
          </cell>
          <cell r="CB29" t="str">
            <v>木</v>
          </cell>
          <cell r="CC29" t="str">
            <v>資格回答</v>
          </cell>
          <cell r="CF29">
            <v>42013</v>
          </cell>
          <cell r="CG29" t="str">
            <v>金</v>
          </cell>
          <cell r="CH29" t="str">
            <v>申込締切</v>
          </cell>
          <cell r="CK29">
            <v>42010</v>
          </cell>
          <cell r="CL29" t="str">
            <v>火</v>
          </cell>
          <cell r="CP29">
            <v>42019</v>
          </cell>
          <cell r="CQ29" t="str">
            <v>木</v>
          </cell>
          <cell r="CU29">
            <v>42036</v>
          </cell>
          <cell r="CV29" t="str">
            <v>日</v>
          </cell>
          <cell r="CZ29">
            <v>42038</v>
          </cell>
          <cell r="DA29" t="str">
            <v>火</v>
          </cell>
          <cell r="DE29">
            <v>42038</v>
          </cell>
          <cell r="DF29" t="str">
            <v>火</v>
          </cell>
          <cell r="DG29" t="str">
            <v>資格回答</v>
          </cell>
          <cell r="DJ29">
            <v>42053</v>
          </cell>
          <cell r="DK29" t="str">
            <v>水</v>
          </cell>
        </row>
        <row r="30">
          <cell r="D30">
            <v>44266</v>
          </cell>
          <cell r="E30" t="str">
            <v>木</v>
          </cell>
          <cell r="F30" t="str">
            <v>入札</v>
          </cell>
          <cell r="I30">
            <v>43964</v>
          </cell>
          <cell r="J30" t="str">
            <v>水</v>
          </cell>
          <cell r="K30" t="str">
            <v>申込締切</v>
          </cell>
          <cell r="N30">
            <v>42796</v>
          </cell>
          <cell r="O30" t="str">
            <v>木</v>
          </cell>
          <cell r="P30" t="str">
            <v>図書回答</v>
          </cell>
          <cell r="S30">
            <v>42770</v>
          </cell>
          <cell r="T30" t="str">
            <v>土</v>
          </cell>
          <cell r="X30">
            <v>42789</v>
          </cell>
          <cell r="Y30" t="str">
            <v>木</v>
          </cell>
          <cell r="Z30" t="str">
            <v>入札</v>
          </cell>
          <cell r="AC30">
            <v>42740</v>
          </cell>
          <cell r="AD30" t="str">
            <v>木</v>
          </cell>
          <cell r="AH30">
            <v>42557</v>
          </cell>
          <cell r="AI30" t="str">
            <v>水</v>
          </cell>
          <cell r="AM30">
            <v>42695</v>
          </cell>
          <cell r="AN30" t="str">
            <v>月</v>
          </cell>
          <cell r="AR30">
            <v>42727</v>
          </cell>
          <cell r="AS30" t="str">
            <v>金</v>
          </cell>
          <cell r="AW30">
            <v>42702</v>
          </cell>
          <cell r="AX30" t="str">
            <v>月</v>
          </cell>
          <cell r="BB30">
            <v>41454</v>
          </cell>
          <cell r="BC30" t="str">
            <v>土</v>
          </cell>
          <cell r="BD30" t="str">
            <v xml:space="preserve"> </v>
          </cell>
          <cell r="BG30">
            <v>41457</v>
          </cell>
          <cell r="BH30" t="str">
            <v>火</v>
          </cell>
          <cell r="BI30" t="str">
            <v>図書質問</v>
          </cell>
          <cell r="BL30">
            <v>42079</v>
          </cell>
          <cell r="BM30" t="str">
            <v>月</v>
          </cell>
          <cell r="BQ30">
            <v>42713</v>
          </cell>
          <cell r="BR30" t="str">
            <v>金</v>
          </cell>
          <cell r="BS30" t="str">
            <v>申込締切</v>
          </cell>
          <cell r="BV30">
            <v>42722</v>
          </cell>
          <cell r="BW30" t="str">
            <v>日</v>
          </cell>
          <cell r="BX30" t="str">
            <v>図書回答</v>
          </cell>
          <cell r="CA30">
            <v>42727</v>
          </cell>
          <cell r="CB30" t="str">
            <v>金</v>
          </cell>
          <cell r="CF30">
            <v>42014</v>
          </cell>
          <cell r="CG30" t="str">
            <v>土</v>
          </cell>
          <cell r="CK30">
            <v>42011</v>
          </cell>
          <cell r="CL30" t="str">
            <v>水</v>
          </cell>
          <cell r="CP30">
            <v>42020</v>
          </cell>
          <cell r="CQ30" t="str">
            <v>金</v>
          </cell>
          <cell r="CR30" t="str">
            <v>結果通知</v>
          </cell>
          <cell r="CU30">
            <v>42037</v>
          </cell>
          <cell r="CV30" t="str">
            <v>月</v>
          </cell>
          <cell r="CZ30">
            <v>42039</v>
          </cell>
          <cell r="DA30" t="str">
            <v>水</v>
          </cell>
          <cell r="DE30">
            <v>42039</v>
          </cell>
          <cell r="DF30" t="str">
            <v>水</v>
          </cell>
          <cell r="DG30" t="str">
            <v>　</v>
          </cell>
          <cell r="DJ30">
            <v>42054</v>
          </cell>
          <cell r="DK30" t="str">
            <v>木</v>
          </cell>
          <cell r="DL30" t="str">
            <v>入札</v>
          </cell>
        </row>
        <row r="31">
          <cell r="D31">
            <v>44267</v>
          </cell>
          <cell r="E31" t="str">
            <v>金</v>
          </cell>
          <cell r="F31" t="str">
            <v>入札</v>
          </cell>
          <cell r="I31">
            <v>43965</v>
          </cell>
          <cell r="J31" t="str">
            <v>木</v>
          </cell>
          <cell r="N31">
            <v>42797</v>
          </cell>
          <cell r="O31" t="str">
            <v>金</v>
          </cell>
          <cell r="S31">
            <v>42771</v>
          </cell>
          <cell r="T31" t="str">
            <v>日</v>
          </cell>
          <cell r="X31">
            <v>42790</v>
          </cell>
          <cell r="Y31" t="str">
            <v>金</v>
          </cell>
          <cell r="Z31" t="str">
            <v>開札</v>
          </cell>
          <cell r="AC31">
            <v>42741</v>
          </cell>
          <cell r="AD31" t="str">
            <v>金</v>
          </cell>
          <cell r="AH31">
            <v>42558</v>
          </cell>
          <cell r="AI31" t="str">
            <v>木</v>
          </cell>
          <cell r="AM31">
            <v>42696</v>
          </cell>
          <cell r="AN31" t="str">
            <v>火</v>
          </cell>
          <cell r="AR31">
            <v>42728</v>
          </cell>
          <cell r="AS31" t="str">
            <v>土</v>
          </cell>
          <cell r="AW31">
            <v>42703</v>
          </cell>
          <cell r="AX31" t="str">
            <v>火</v>
          </cell>
          <cell r="BB31">
            <v>41455</v>
          </cell>
          <cell r="BC31" t="str">
            <v>日</v>
          </cell>
          <cell r="BG31">
            <v>41458</v>
          </cell>
          <cell r="BH31" t="str">
            <v>水</v>
          </cell>
          <cell r="BL31">
            <v>42080</v>
          </cell>
          <cell r="BM31" t="str">
            <v>火</v>
          </cell>
          <cell r="BN31" t="str">
            <v>図書回答</v>
          </cell>
          <cell r="BQ31">
            <v>42714</v>
          </cell>
          <cell r="BR31" t="str">
            <v>土</v>
          </cell>
          <cell r="BV31">
            <v>42723</v>
          </cell>
          <cell r="BW31" t="str">
            <v>月</v>
          </cell>
          <cell r="CA31">
            <v>42728</v>
          </cell>
          <cell r="CB31" t="str">
            <v>土</v>
          </cell>
          <cell r="CF31">
            <v>42015</v>
          </cell>
          <cell r="CG31" t="str">
            <v>日</v>
          </cell>
          <cell r="CK31">
            <v>42012</v>
          </cell>
          <cell r="CL31" t="str">
            <v>木</v>
          </cell>
          <cell r="CM31" t="str">
            <v>図書質問</v>
          </cell>
          <cell r="CP31">
            <v>42021</v>
          </cell>
          <cell r="CQ31" t="str">
            <v>土</v>
          </cell>
          <cell r="CU31">
            <v>42038</v>
          </cell>
          <cell r="CV31" t="str">
            <v>火</v>
          </cell>
          <cell r="CW31" t="str">
            <v>図書回答</v>
          </cell>
          <cell r="CZ31">
            <v>42040</v>
          </cell>
          <cell r="DA31" t="str">
            <v>木</v>
          </cell>
          <cell r="DB31" t="str">
            <v>入札</v>
          </cell>
          <cell r="DE31">
            <v>42040</v>
          </cell>
          <cell r="DF31" t="str">
            <v>木</v>
          </cell>
          <cell r="DG31" t="str">
            <v>図書質問</v>
          </cell>
          <cell r="DJ31">
            <v>42055</v>
          </cell>
          <cell r="DK31" t="str">
            <v>金</v>
          </cell>
          <cell r="DL31" t="str">
            <v>入札</v>
          </cell>
        </row>
        <row r="32">
          <cell r="D32">
            <v>44268</v>
          </cell>
          <cell r="E32" t="str">
            <v>土</v>
          </cell>
          <cell r="I32">
            <v>43966</v>
          </cell>
          <cell r="J32" t="str">
            <v>金</v>
          </cell>
          <cell r="K32" t="str">
            <v>結果通知</v>
          </cell>
          <cell r="N32">
            <v>42798</v>
          </cell>
          <cell r="O32" t="str">
            <v>土</v>
          </cell>
          <cell r="S32">
            <v>42772</v>
          </cell>
          <cell r="T32" t="str">
            <v>月</v>
          </cell>
          <cell r="X32">
            <v>42791</v>
          </cell>
          <cell r="Y32" t="str">
            <v>土</v>
          </cell>
          <cell r="AC32">
            <v>42742</v>
          </cell>
          <cell r="AD32" t="str">
            <v>土</v>
          </cell>
          <cell r="AH32">
            <v>42559</v>
          </cell>
          <cell r="AI32" t="str">
            <v>金</v>
          </cell>
          <cell r="AM32">
            <v>42697</v>
          </cell>
          <cell r="AN32" t="str">
            <v>水</v>
          </cell>
          <cell r="AR32">
            <v>42729</v>
          </cell>
          <cell r="AS32" t="str">
            <v>日</v>
          </cell>
          <cell r="AW32">
            <v>42704</v>
          </cell>
          <cell r="AX32" t="str">
            <v>水</v>
          </cell>
          <cell r="BB32">
            <v>41456</v>
          </cell>
          <cell r="BC32" t="str">
            <v>月</v>
          </cell>
          <cell r="BD32" t="str">
            <v>図書質問</v>
          </cell>
          <cell r="BG32">
            <v>41459</v>
          </cell>
          <cell r="BH32" t="str">
            <v>木</v>
          </cell>
          <cell r="BI32" t="str">
            <v>図書回答</v>
          </cell>
          <cell r="BL32">
            <v>42081</v>
          </cell>
          <cell r="BM32" t="str">
            <v>水</v>
          </cell>
          <cell r="BQ32">
            <v>42715</v>
          </cell>
          <cell r="BR32" t="str">
            <v>日</v>
          </cell>
          <cell r="BS32" t="str">
            <v>図書質問</v>
          </cell>
          <cell r="BV32">
            <v>42724</v>
          </cell>
          <cell r="BW32" t="str">
            <v>火</v>
          </cell>
          <cell r="CA32">
            <v>42729</v>
          </cell>
          <cell r="CB32" t="str">
            <v>日</v>
          </cell>
          <cell r="CF32">
            <v>42016</v>
          </cell>
          <cell r="CG32" t="str">
            <v>月</v>
          </cell>
          <cell r="CH32" t="str">
            <v>成人の日</v>
          </cell>
          <cell r="CK32">
            <v>42013</v>
          </cell>
          <cell r="CL32" t="str">
            <v>金</v>
          </cell>
          <cell r="CM32" t="str">
            <v>図書回答</v>
          </cell>
          <cell r="CP32">
            <v>42022</v>
          </cell>
          <cell r="CQ32" t="str">
            <v>日</v>
          </cell>
          <cell r="CU32">
            <v>42039</v>
          </cell>
          <cell r="CV32" t="str">
            <v>水</v>
          </cell>
          <cell r="CZ32">
            <v>42041</v>
          </cell>
          <cell r="DA32" t="str">
            <v>金</v>
          </cell>
          <cell r="DB32" t="str">
            <v>入札</v>
          </cell>
          <cell r="DE32">
            <v>42041</v>
          </cell>
          <cell r="DF32" t="str">
            <v>金</v>
          </cell>
          <cell r="DJ32">
            <v>42056</v>
          </cell>
          <cell r="DK32" t="str">
            <v>土</v>
          </cell>
          <cell r="DL32" t="str">
            <v>入札</v>
          </cell>
        </row>
        <row r="33">
          <cell r="D33">
            <v>44269</v>
          </cell>
          <cell r="E33" t="str">
            <v>日</v>
          </cell>
          <cell r="I33">
            <v>43967</v>
          </cell>
          <cell r="J33" t="str">
            <v>土</v>
          </cell>
          <cell r="N33">
            <v>42799</v>
          </cell>
          <cell r="O33" t="str">
            <v>日</v>
          </cell>
          <cell r="S33">
            <v>42773</v>
          </cell>
          <cell r="T33" t="str">
            <v>火</v>
          </cell>
          <cell r="X33">
            <v>42792</v>
          </cell>
          <cell r="Y33" t="str">
            <v>日</v>
          </cell>
          <cell r="AC33">
            <v>42743</v>
          </cell>
          <cell r="AD33" t="str">
            <v>日</v>
          </cell>
          <cell r="AH33">
            <v>42560</v>
          </cell>
          <cell r="AI33" t="str">
            <v>土</v>
          </cell>
          <cell r="AM33">
            <v>42698</v>
          </cell>
          <cell r="AN33" t="str">
            <v>木</v>
          </cell>
          <cell r="AR33">
            <v>42730</v>
          </cell>
          <cell r="AS33" t="str">
            <v>月</v>
          </cell>
          <cell r="AW33">
            <v>42705</v>
          </cell>
          <cell r="AX33" t="str">
            <v>木</v>
          </cell>
          <cell r="AY33" t="str">
            <v>資格質問</v>
          </cell>
          <cell r="BB33">
            <v>41457</v>
          </cell>
          <cell r="BC33" t="str">
            <v>火</v>
          </cell>
          <cell r="BG33">
            <v>41460</v>
          </cell>
          <cell r="BH33" t="str">
            <v>金</v>
          </cell>
          <cell r="BL33">
            <v>42082</v>
          </cell>
          <cell r="BM33" t="str">
            <v>木</v>
          </cell>
          <cell r="BQ33">
            <v>42716</v>
          </cell>
          <cell r="BR33" t="str">
            <v>月</v>
          </cell>
          <cell r="BV33">
            <v>42725</v>
          </cell>
          <cell r="BW33" t="str">
            <v>水</v>
          </cell>
          <cell r="CA33">
            <v>42730</v>
          </cell>
          <cell r="CB33" t="str">
            <v>月</v>
          </cell>
          <cell r="CC33" t="str">
            <v>図書質問</v>
          </cell>
          <cell r="CF33">
            <v>42017</v>
          </cell>
          <cell r="CG33" t="str">
            <v>火</v>
          </cell>
          <cell r="CK33">
            <v>42014</v>
          </cell>
          <cell r="CL33" t="str">
            <v>土</v>
          </cell>
          <cell r="CP33">
            <v>42023</v>
          </cell>
          <cell r="CQ33" t="str">
            <v>月</v>
          </cell>
          <cell r="CR33" t="str">
            <v>資格質問</v>
          </cell>
          <cell r="CU33">
            <v>42040</v>
          </cell>
          <cell r="CV33" t="str">
            <v>木</v>
          </cell>
          <cell r="CW33" t="str">
            <v>入札</v>
          </cell>
          <cell r="CZ33">
            <v>42042</v>
          </cell>
          <cell r="DA33" t="str">
            <v>土</v>
          </cell>
          <cell r="DE33">
            <v>42042</v>
          </cell>
          <cell r="DF33" t="str">
            <v>土</v>
          </cell>
          <cell r="DJ33">
            <v>42057</v>
          </cell>
          <cell r="DK33" t="str">
            <v>日</v>
          </cell>
          <cell r="DL33" t="str">
            <v>入札</v>
          </cell>
        </row>
        <row r="34">
          <cell r="D34">
            <v>44270</v>
          </cell>
          <cell r="E34" t="str">
            <v>月</v>
          </cell>
          <cell r="F34" t="str">
            <v>開札</v>
          </cell>
          <cell r="I34">
            <v>43968</v>
          </cell>
          <cell r="J34" t="str">
            <v>日</v>
          </cell>
          <cell r="N34">
            <v>42800</v>
          </cell>
          <cell r="O34" t="str">
            <v>月</v>
          </cell>
          <cell r="S34">
            <v>42774</v>
          </cell>
          <cell r="T34" t="str">
            <v>水</v>
          </cell>
          <cell r="U34" t="str">
            <v>入札</v>
          </cell>
          <cell r="X34">
            <v>42793</v>
          </cell>
          <cell r="Y34" t="str">
            <v>月</v>
          </cell>
          <cell r="AC34">
            <v>42744</v>
          </cell>
          <cell r="AD34" t="str">
            <v>月</v>
          </cell>
          <cell r="AH34">
            <v>42561</v>
          </cell>
          <cell r="AI34" t="str">
            <v>日</v>
          </cell>
          <cell r="AM34">
            <v>42699</v>
          </cell>
          <cell r="AN34" t="str">
            <v>金</v>
          </cell>
          <cell r="AR34">
            <v>42731</v>
          </cell>
          <cell r="AS34" t="str">
            <v>火</v>
          </cell>
          <cell r="AW34">
            <v>42706</v>
          </cell>
          <cell r="AX34" t="str">
            <v>金</v>
          </cell>
          <cell r="AY34" t="str">
            <v>資格回答</v>
          </cell>
          <cell r="BB34">
            <v>41458</v>
          </cell>
          <cell r="BC34" t="str">
            <v>水</v>
          </cell>
          <cell r="BD34" t="str">
            <v>図書回答</v>
          </cell>
          <cell r="BG34">
            <v>41461</v>
          </cell>
          <cell r="BH34" t="str">
            <v>土</v>
          </cell>
          <cell r="BI34" t="str">
            <v>　</v>
          </cell>
          <cell r="BL34">
            <v>42083</v>
          </cell>
          <cell r="BM34" t="str">
            <v>金</v>
          </cell>
          <cell r="BN34" t="str">
            <v>入札</v>
          </cell>
          <cell r="BQ34">
            <v>42717</v>
          </cell>
          <cell r="BR34" t="str">
            <v>火</v>
          </cell>
          <cell r="BV34">
            <v>42726</v>
          </cell>
          <cell r="BW34" t="str">
            <v>木</v>
          </cell>
          <cell r="CA34">
            <v>42731</v>
          </cell>
          <cell r="CB34" t="str">
            <v>火</v>
          </cell>
          <cell r="CC34" t="str">
            <v>年末年始</v>
          </cell>
          <cell r="CF34">
            <v>42018</v>
          </cell>
          <cell r="CG34" t="str">
            <v>水</v>
          </cell>
          <cell r="CH34" t="str">
            <v>結果通知</v>
          </cell>
          <cell r="CK34">
            <v>42015</v>
          </cell>
          <cell r="CL34" t="str">
            <v>日</v>
          </cell>
          <cell r="CP34">
            <v>42024</v>
          </cell>
          <cell r="CQ34" t="str">
            <v>火</v>
          </cell>
          <cell r="CR34" t="str">
            <v>資格回答</v>
          </cell>
          <cell r="CU34">
            <v>42041</v>
          </cell>
          <cell r="CV34" t="str">
            <v>金</v>
          </cell>
          <cell r="CW34" t="str">
            <v>入札</v>
          </cell>
          <cell r="CZ34">
            <v>42043</v>
          </cell>
          <cell r="DA34" t="str">
            <v>日</v>
          </cell>
          <cell r="DE34">
            <v>42043</v>
          </cell>
          <cell r="DF34" t="str">
            <v>日</v>
          </cell>
          <cell r="DJ34">
            <v>42058</v>
          </cell>
          <cell r="DK34" t="str">
            <v>月</v>
          </cell>
          <cell r="DL34" t="str">
            <v>入札</v>
          </cell>
        </row>
        <row r="35">
          <cell r="D35">
            <v>44271</v>
          </cell>
          <cell r="E35" t="str">
            <v>火</v>
          </cell>
          <cell r="I35">
            <v>43969</v>
          </cell>
          <cell r="J35" t="str">
            <v>月</v>
          </cell>
          <cell r="K35" t="str">
            <v>資格質問</v>
          </cell>
          <cell r="N35">
            <v>42801</v>
          </cell>
          <cell r="O35" t="str">
            <v>火</v>
          </cell>
          <cell r="S35">
            <v>42775</v>
          </cell>
          <cell r="T35" t="str">
            <v>木</v>
          </cell>
          <cell r="U35" t="str">
            <v>入札/開札</v>
          </cell>
          <cell r="X35">
            <v>42794</v>
          </cell>
          <cell r="Y35" t="str">
            <v>火</v>
          </cell>
          <cell r="AC35">
            <v>42745</v>
          </cell>
          <cell r="AD35" t="str">
            <v>火</v>
          </cell>
          <cell r="AE35" t="str">
            <v>ﾊﾟﾝﾌ締切</v>
          </cell>
          <cell r="AH35">
            <v>42562</v>
          </cell>
          <cell r="AI35" t="str">
            <v>月</v>
          </cell>
          <cell r="AM35">
            <v>42700</v>
          </cell>
          <cell r="AN35" t="str">
            <v>土</v>
          </cell>
          <cell r="AR35">
            <v>42732</v>
          </cell>
          <cell r="AS35" t="str">
            <v>水</v>
          </cell>
          <cell r="AW35">
            <v>42707</v>
          </cell>
          <cell r="AX35" t="str">
            <v>土</v>
          </cell>
          <cell r="AY35" t="str">
            <v>図書質問</v>
          </cell>
          <cell r="BB35">
            <v>41459</v>
          </cell>
          <cell r="BC35" t="str">
            <v>木</v>
          </cell>
          <cell r="BG35">
            <v>41462</v>
          </cell>
          <cell r="BH35" t="str">
            <v>日</v>
          </cell>
          <cell r="BL35">
            <v>42084</v>
          </cell>
          <cell r="BM35" t="str">
            <v>土</v>
          </cell>
          <cell r="BQ35">
            <v>42718</v>
          </cell>
          <cell r="BR35" t="str">
            <v>水</v>
          </cell>
          <cell r="BV35">
            <v>42727</v>
          </cell>
          <cell r="BW35" t="str">
            <v>金</v>
          </cell>
          <cell r="CA35">
            <v>42009</v>
          </cell>
          <cell r="CB35" t="str">
            <v>月</v>
          </cell>
          <cell r="CF35">
            <v>42019</v>
          </cell>
          <cell r="CG35" t="str">
            <v>木</v>
          </cell>
          <cell r="CH35" t="str">
            <v>資格質問</v>
          </cell>
          <cell r="CK35">
            <v>42016</v>
          </cell>
          <cell r="CL35" t="str">
            <v>月</v>
          </cell>
          <cell r="CM35" t="str">
            <v>成人の日</v>
          </cell>
          <cell r="CP35">
            <v>42025</v>
          </cell>
          <cell r="CQ35" t="str">
            <v>水</v>
          </cell>
          <cell r="CR35" t="str">
            <v>図書質問</v>
          </cell>
          <cell r="CU35">
            <v>42042</v>
          </cell>
          <cell r="CV35" t="str">
            <v>土</v>
          </cell>
          <cell r="CZ35">
            <v>42044</v>
          </cell>
          <cell r="DA35" t="str">
            <v>月</v>
          </cell>
          <cell r="DB35" t="str">
            <v>開札</v>
          </cell>
          <cell r="DE35">
            <v>42044</v>
          </cell>
          <cell r="DF35" t="str">
            <v>月</v>
          </cell>
          <cell r="DG35" t="str">
            <v>図書回答</v>
          </cell>
          <cell r="DJ35">
            <v>42059</v>
          </cell>
          <cell r="DK35" t="str">
            <v>火</v>
          </cell>
          <cell r="DL35" t="str">
            <v>入札</v>
          </cell>
        </row>
        <row r="36">
          <cell r="D36">
            <v>44272</v>
          </cell>
          <cell r="E36" t="str">
            <v>水</v>
          </cell>
          <cell r="I36">
            <v>43970</v>
          </cell>
          <cell r="J36" t="str">
            <v>火</v>
          </cell>
          <cell r="K36" t="str">
            <v>資格回答</v>
          </cell>
          <cell r="N36">
            <v>42802</v>
          </cell>
          <cell r="O36" t="str">
            <v>水</v>
          </cell>
          <cell r="P36" t="str">
            <v>入札</v>
          </cell>
          <cell r="S36">
            <v>42776</v>
          </cell>
          <cell r="T36" t="str">
            <v>金</v>
          </cell>
          <cell r="X36">
            <v>42795</v>
          </cell>
          <cell r="Y36" t="str">
            <v>水</v>
          </cell>
          <cell r="AC36">
            <v>42746</v>
          </cell>
          <cell r="AD36" t="str">
            <v>水</v>
          </cell>
          <cell r="AE36" t="str">
            <v>質問締切</v>
          </cell>
          <cell r="AH36">
            <v>42563</v>
          </cell>
          <cell r="AI36" t="str">
            <v>火</v>
          </cell>
          <cell r="AM36">
            <v>42701</v>
          </cell>
          <cell r="AN36" t="str">
            <v>日</v>
          </cell>
          <cell r="AR36">
            <v>42733</v>
          </cell>
          <cell r="AS36" t="str">
            <v>木</v>
          </cell>
          <cell r="AW36">
            <v>42708</v>
          </cell>
          <cell r="AX36" t="str">
            <v>日</v>
          </cell>
          <cell r="BB36">
            <v>41460</v>
          </cell>
          <cell r="BC36" t="str">
            <v>金</v>
          </cell>
          <cell r="BD36" t="str">
            <v>入札</v>
          </cell>
          <cell r="BG36">
            <v>41463</v>
          </cell>
          <cell r="BH36" t="str">
            <v>月</v>
          </cell>
          <cell r="BI36" t="str">
            <v>入札</v>
          </cell>
          <cell r="BL36">
            <v>42085</v>
          </cell>
          <cell r="BM36" t="str">
            <v>日</v>
          </cell>
          <cell r="BQ36">
            <v>42719</v>
          </cell>
          <cell r="BR36" t="str">
            <v>木</v>
          </cell>
          <cell r="BS36" t="str">
            <v>図書回答</v>
          </cell>
          <cell r="BV36">
            <v>42728</v>
          </cell>
          <cell r="BW36" t="str">
            <v>土</v>
          </cell>
          <cell r="BX36" t="str">
            <v>入札</v>
          </cell>
          <cell r="CA36">
            <v>42010</v>
          </cell>
          <cell r="CB36" t="str">
            <v>火</v>
          </cell>
          <cell r="CF36">
            <v>42020</v>
          </cell>
          <cell r="CG36" t="str">
            <v>金</v>
          </cell>
          <cell r="CH36" t="str">
            <v>資格回答</v>
          </cell>
          <cell r="CK36">
            <v>42017</v>
          </cell>
          <cell r="CL36" t="str">
            <v>火</v>
          </cell>
          <cell r="CM36" t="str">
            <v>入札</v>
          </cell>
          <cell r="CP36">
            <v>42026</v>
          </cell>
          <cell r="CQ36" t="str">
            <v>木</v>
          </cell>
          <cell r="CU36">
            <v>42043</v>
          </cell>
          <cell r="CV36" t="str">
            <v>日</v>
          </cell>
          <cell r="CZ36">
            <v>42045</v>
          </cell>
          <cell r="DA36" t="str">
            <v>火</v>
          </cell>
          <cell r="DE36">
            <v>42045</v>
          </cell>
          <cell r="DF36" t="str">
            <v>火</v>
          </cell>
          <cell r="DJ36">
            <v>42060</v>
          </cell>
          <cell r="DK36" t="str">
            <v>水</v>
          </cell>
          <cell r="DL36" t="str">
            <v>入札</v>
          </cell>
        </row>
        <row r="37">
          <cell r="D37">
            <v>44273</v>
          </cell>
          <cell r="E37" t="str">
            <v>木</v>
          </cell>
          <cell r="I37">
            <v>43971</v>
          </cell>
          <cell r="J37" t="str">
            <v>水</v>
          </cell>
          <cell r="K37" t="str">
            <v>図書質問〆</v>
          </cell>
          <cell r="N37">
            <v>42803</v>
          </cell>
          <cell r="O37" t="str">
            <v>木</v>
          </cell>
          <cell r="P37" t="str">
            <v>入札</v>
          </cell>
          <cell r="S37">
            <v>42777</v>
          </cell>
          <cell r="T37" t="str">
            <v>土</v>
          </cell>
          <cell r="X37">
            <v>42796</v>
          </cell>
          <cell r="Y37" t="str">
            <v>木</v>
          </cell>
          <cell r="AC37">
            <v>42747</v>
          </cell>
          <cell r="AD37" t="str">
            <v>木</v>
          </cell>
          <cell r="AH37">
            <v>42564</v>
          </cell>
          <cell r="AI37" t="str">
            <v>水</v>
          </cell>
          <cell r="AM37">
            <v>42702</v>
          </cell>
          <cell r="AN37" t="str">
            <v>月</v>
          </cell>
          <cell r="AR37">
            <v>42734</v>
          </cell>
          <cell r="AS37" t="str">
            <v>金</v>
          </cell>
          <cell r="AW37">
            <v>42709</v>
          </cell>
          <cell r="AX37" t="str">
            <v>月</v>
          </cell>
          <cell r="AY37" t="str">
            <v>図書回答</v>
          </cell>
          <cell r="BB37">
            <v>41461</v>
          </cell>
          <cell r="BC37" t="str">
            <v>土</v>
          </cell>
          <cell r="BG37">
            <v>41464</v>
          </cell>
          <cell r="BH37" t="str">
            <v>火</v>
          </cell>
          <cell r="BI37" t="str">
            <v>入札</v>
          </cell>
          <cell r="BL37">
            <v>42086</v>
          </cell>
          <cell r="BM37" t="str">
            <v>月</v>
          </cell>
          <cell r="BN37" t="str">
            <v>入札</v>
          </cell>
          <cell r="BQ37">
            <v>42720</v>
          </cell>
          <cell r="BR37" t="str">
            <v>金</v>
          </cell>
          <cell r="BV37">
            <v>42729</v>
          </cell>
          <cell r="BW37" t="str">
            <v>日</v>
          </cell>
          <cell r="BX37" t="str">
            <v>入札</v>
          </cell>
          <cell r="CA37">
            <v>42011</v>
          </cell>
          <cell r="CB37" t="str">
            <v>水</v>
          </cell>
          <cell r="CF37">
            <v>42027</v>
          </cell>
          <cell r="CG37" t="str">
            <v>金</v>
          </cell>
          <cell r="CH37" t="str">
            <v>図書質問</v>
          </cell>
          <cell r="CK37">
            <v>42018</v>
          </cell>
          <cell r="CL37" t="str">
            <v>水</v>
          </cell>
          <cell r="CM37" t="str">
            <v>入札</v>
          </cell>
          <cell r="CP37">
            <v>42027</v>
          </cell>
          <cell r="CQ37" t="str">
            <v>金</v>
          </cell>
          <cell r="CR37" t="str">
            <v>図書回答</v>
          </cell>
          <cell r="CU37">
            <v>42044</v>
          </cell>
          <cell r="CV37" t="str">
            <v>月</v>
          </cell>
          <cell r="CW37" t="str">
            <v>開札</v>
          </cell>
          <cell r="CZ37">
            <v>42046</v>
          </cell>
          <cell r="DA37" t="str">
            <v>水</v>
          </cell>
          <cell r="DB37" t="str">
            <v>建国記念日</v>
          </cell>
          <cell r="DE37">
            <v>42046</v>
          </cell>
          <cell r="DF37" t="str">
            <v>水</v>
          </cell>
          <cell r="DG37" t="str">
            <v>建国記念日</v>
          </cell>
          <cell r="DJ37">
            <v>42061</v>
          </cell>
          <cell r="DK37" t="str">
            <v>木</v>
          </cell>
          <cell r="DL37" t="str">
            <v>入札/開札</v>
          </cell>
        </row>
        <row r="38">
          <cell r="D38">
            <v>44274</v>
          </cell>
          <cell r="E38" t="str">
            <v>金</v>
          </cell>
          <cell r="K38" t="str">
            <v>・・・・・</v>
          </cell>
          <cell r="N38">
            <v>42804</v>
          </cell>
          <cell r="O38" t="str">
            <v>金</v>
          </cell>
          <cell r="P38" t="str">
            <v>開札</v>
          </cell>
          <cell r="S38">
            <v>42778</v>
          </cell>
          <cell r="T38" t="str">
            <v>日</v>
          </cell>
          <cell r="X38">
            <v>42797</v>
          </cell>
          <cell r="Y38" t="str">
            <v>金</v>
          </cell>
          <cell r="AC38">
            <v>42748</v>
          </cell>
          <cell r="AD38" t="str">
            <v>金</v>
          </cell>
          <cell r="AH38">
            <v>42565</v>
          </cell>
          <cell r="AI38" t="str">
            <v>木</v>
          </cell>
          <cell r="AM38">
            <v>42703</v>
          </cell>
          <cell r="AN38" t="str">
            <v>火</v>
          </cell>
          <cell r="AR38">
            <v>42735</v>
          </cell>
          <cell r="AS38" t="str">
            <v>土</v>
          </cell>
          <cell r="AW38">
            <v>42710</v>
          </cell>
          <cell r="AX38" t="str">
            <v>火</v>
          </cell>
          <cell r="BB38">
            <v>41462</v>
          </cell>
          <cell r="BC38" t="str">
            <v>日</v>
          </cell>
          <cell r="BG38">
            <v>41465</v>
          </cell>
          <cell r="BH38" t="str">
            <v>水</v>
          </cell>
          <cell r="BI38" t="str">
            <v>開札</v>
          </cell>
          <cell r="BL38">
            <v>42087</v>
          </cell>
          <cell r="BM38" t="str">
            <v>火</v>
          </cell>
          <cell r="BN38" t="str">
            <v>開札</v>
          </cell>
          <cell r="BQ38">
            <v>42721</v>
          </cell>
          <cell r="BR38" t="str">
            <v>土</v>
          </cell>
          <cell r="BV38">
            <v>42730</v>
          </cell>
          <cell r="BW38" t="str">
            <v>月</v>
          </cell>
          <cell r="BX38" t="str">
            <v>開札</v>
          </cell>
          <cell r="CA38">
            <v>42012</v>
          </cell>
          <cell r="CB38" t="str">
            <v>木</v>
          </cell>
          <cell r="CC38" t="str">
            <v>図書回答</v>
          </cell>
          <cell r="CF38">
            <v>42032</v>
          </cell>
          <cell r="CG38" t="str">
            <v>水</v>
          </cell>
          <cell r="CH38" t="str">
            <v>図書回答</v>
          </cell>
          <cell r="CK38">
            <v>42019</v>
          </cell>
          <cell r="CL38" t="str">
            <v>木</v>
          </cell>
          <cell r="CM38" t="str">
            <v>開札</v>
          </cell>
          <cell r="CP38">
            <v>42028</v>
          </cell>
          <cell r="CQ38" t="str">
            <v>土</v>
          </cell>
          <cell r="CU38">
            <v>42045</v>
          </cell>
          <cell r="CV38" t="str">
            <v>火</v>
          </cell>
          <cell r="CW38" t="str">
            <v>契約予定日</v>
          </cell>
          <cell r="CZ38">
            <v>42047</v>
          </cell>
          <cell r="DA38" t="str">
            <v>木</v>
          </cell>
          <cell r="DE38">
            <v>42047</v>
          </cell>
          <cell r="DF38" t="str">
            <v>木</v>
          </cell>
          <cell r="DG38" t="str">
            <v>入札</v>
          </cell>
          <cell r="DJ38">
            <v>42062</v>
          </cell>
          <cell r="DK38" t="str">
            <v>金</v>
          </cell>
        </row>
        <row r="39">
          <cell r="D39">
            <v>44275</v>
          </cell>
          <cell r="E39" t="str">
            <v>土</v>
          </cell>
          <cell r="I39">
            <v>43977</v>
          </cell>
          <cell r="J39" t="str">
            <v>火</v>
          </cell>
          <cell r="K39" t="str">
            <v>図書回答</v>
          </cell>
          <cell r="N39">
            <v>42805</v>
          </cell>
          <cell r="O39" t="str">
            <v>土</v>
          </cell>
          <cell r="S39">
            <v>42779</v>
          </cell>
          <cell r="T39" t="str">
            <v>月</v>
          </cell>
          <cell r="X39">
            <v>42798</v>
          </cell>
          <cell r="Y39" t="str">
            <v>土</v>
          </cell>
          <cell r="AC39">
            <v>42749</v>
          </cell>
          <cell r="AD39" t="str">
            <v>土</v>
          </cell>
          <cell r="AH39">
            <v>42566</v>
          </cell>
          <cell r="AI39" t="str">
            <v>金</v>
          </cell>
          <cell r="AM39">
            <v>42704</v>
          </cell>
          <cell r="AN39" t="str">
            <v>水</v>
          </cell>
          <cell r="AR39">
            <v>42736</v>
          </cell>
          <cell r="AS39" t="str">
            <v>日</v>
          </cell>
          <cell r="AW39">
            <v>42711</v>
          </cell>
          <cell r="AX39" t="str">
            <v>水</v>
          </cell>
          <cell r="BB39">
            <v>41463</v>
          </cell>
          <cell r="BC39" t="str">
            <v>月</v>
          </cell>
          <cell r="BD39" t="str">
            <v>入札/開札</v>
          </cell>
          <cell r="BG39">
            <v>41466</v>
          </cell>
          <cell r="BH39" t="str">
            <v>木</v>
          </cell>
          <cell r="BI39" t="str">
            <v>契約予定日</v>
          </cell>
          <cell r="BL39">
            <v>42088</v>
          </cell>
          <cell r="BM39" t="str">
            <v>水</v>
          </cell>
          <cell r="BQ39">
            <v>42722</v>
          </cell>
          <cell r="BR39" t="str">
            <v>日</v>
          </cell>
          <cell r="BS39" t="str">
            <v>入札</v>
          </cell>
          <cell r="BV39">
            <v>42009</v>
          </cell>
          <cell r="BW39" t="str">
            <v>月</v>
          </cell>
          <cell r="CA39">
            <v>42013</v>
          </cell>
          <cell r="CB39" t="str">
            <v>金</v>
          </cell>
          <cell r="CF39">
            <v>42033</v>
          </cell>
          <cell r="CG39" t="str">
            <v>木</v>
          </cell>
          <cell r="CK39">
            <v>42020</v>
          </cell>
          <cell r="CL39" t="str">
            <v>金</v>
          </cell>
          <cell r="CM39" t="str">
            <v>契約予定日</v>
          </cell>
          <cell r="CP39">
            <v>42029</v>
          </cell>
          <cell r="CQ39" t="str">
            <v>日</v>
          </cell>
          <cell r="CU39">
            <v>42046</v>
          </cell>
          <cell r="CV39" t="str">
            <v>水</v>
          </cell>
          <cell r="CW39" t="str">
            <v>建国記念日</v>
          </cell>
          <cell r="CZ39">
            <v>42048</v>
          </cell>
          <cell r="DA39" t="str">
            <v>金</v>
          </cell>
          <cell r="DE39">
            <v>42048</v>
          </cell>
          <cell r="DF39" t="str">
            <v>金</v>
          </cell>
          <cell r="DG39" t="str">
            <v>入札</v>
          </cell>
          <cell r="DJ39">
            <v>42071</v>
          </cell>
          <cell r="DK39" t="str">
            <v>日</v>
          </cell>
        </row>
        <row r="40">
          <cell r="D40">
            <v>44276</v>
          </cell>
          <cell r="E40" t="str">
            <v>日</v>
          </cell>
          <cell r="I40">
            <v>43978</v>
          </cell>
          <cell r="J40" t="str">
            <v>水</v>
          </cell>
          <cell r="N40">
            <v>42806</v>
          </cell>
          <cell r="O40" t="str">
            <v>日</v>
          </cell>
          <cell r="S40">
            <v>42780</v>
          </cell>
          <cell r="T40" t="str">
            <v>火</v>
          </cell>
          <cell r="X40">
            <v>42799</v>
          </cell>
          <cell r="Y40" t="str">
            <v>日</v>
          </cell>
          <cell r="AC40">
            <v>42750</v>
          </cell>
          <cell r="AD40" t="str">
            <v>日</v>
          </cell>
          <cell r="AH40">
            <v>42567</v>
          </cell>
          <cell r="AI40" t="str">
            <v>土</v>
          </cell>
          <cell r="AM40">
            <v>42705</v>
          </cell>
          <cell r="AN40" t="str">
            <v>木</v>
          </cell>
          <cell r="AR40">
            <v>42737</v>
          </cell>
          <cell r="AS40" t="str">
            <v>月</v>
          </cell>
          <cell r="AW40">
            <v>42712</v>
          </cell>
          <cell r="AX40" t="str">
            <v>木</v>
          </cell>
          <cell r="BB40">
            <v>41464</v>
          </cell>
          <cell r="BC40" t="str">
            <v>火</v>
          </cell>
          <cell r="BD40" t="str">
            <v>　</v>
          </cell>
          <cell r="BG40">
            <v>41467</v>
          </cell>
          <cell r="BH40" t="str">
            <v>金</v>
          </cell>
          <cell r="BL40">
            <v>42089</v>
          </cell>
          <cell r="BM40" t="str">
            <v>木</v>
          </cell>
          <cell r="BQ40">
            <v>42723</v>
          </cell>
          <cell r="BR40" t="str">
            <v>月</v>
          </cell>
          <cell r="BS40" t="str">
            <v>入札</v>
          </cell>
          <cell r="BV40">
            <v>42010</v>
          </cell>
          <cell r="BW40" t="str">
            <v>火</v>
          </cell>
          <cell r="CA40">
            <v>42014</v>
          </cell>
          <cell r="CB40" t="str">
            <v>土</v>
          </cell>
          <cell r="CF40">
            <v>42034</v>
          </cell>
          <cell r="CG40" t="str">
            <v>金</v>
          </cell>
          <cell r="CK40">
            <v>42021</v>
          </cell>
          <cell r="CL40" t="str">
            <v>土</v>
          </cell>
          <cell r="CP40">
            <v>42030</v>
          </cell>
          <cell r="CQ40" t="str">
            <v>月</v>
          </cell>
          <cell r="CU40">
            <v>42047</v>
          </cell>
          <cell r="CV40" t="str">
            <v>木</v>
          </cell>
          <cell r="CZ40">
            <v>42049</v>
          </cell>
          <cell r="DA40" t="str">
            <v>土</v>
          </cell>
          <cell r="DE40">
            <v>42049</v>
          </cell>
          <cell r="DF40" t="str">
            <v>土</v>
          </cell>
          <cell r="DJ40">
            <v>42072</v>
          </cell>
          <cell r="DK40" t="str">
            <v>月</v>
          </cell>
          <cell r="DL40" t="str">
            <v>契約締結</v>
          </cell>
        </row>
        <row r="41">
          <cell r="D41">
            <v>44277</v>
          </cell>
          <cell r="E41" t="str">
            <v>月</v>
          </cell>
          <cell r="I41">
            <v>43979</v>
          </cell>
          <cell r="J41" t="str">
            <v>木</v>
          </cell>
          <cell r="N41">
            <v>42807</v>
          </cell>
          <cell r="O41" t="str">
            <v>月</v>
          </cell>
          <cell r="S41">
            <v>42781</v>
          </cell>
          <cell r="T41" t="str">
            <v>水</v>
          </cell>
          <cell r="X41">
            <v>42800</v>
          </cell>
          <cell r="Y41" t="str">
            <v>月</v>
          </cell>
          <cell r="AC41">
            <v>42751</v>
          </cell>
          <cell r="AD41" t="str">
            <v>月</v>
          </cell>
          <cell r="AE41" t="str">
            <v>回答</v>
          </cell>
          <cell r="AH41">
            <v>42568</v>
          </cell>
          <cell r="AI41" t="str">
            <v>日</v>
          </cell>
          <cell r="AM41">
            <v>42706</v>
          </cell>
          <cell r="AN41" t="str">
            <v>金</v>
          </cell>
          <cell r="AR41">
            <v>42738</v>
          </cell>
          <cell r="AS41" t="str">
            <v>火</v>
          </cell>
          <cell r="AW41">
            <v>42713</v>
          </cell>
          <cell r="AX41" t="str">
            <v>金</v>
          </cell>
          <cell r="BB41">
            <v>41465</v>
          </cell>
          <cell r="BC41" t="str">
            <v>水</v>
          </cell>
          <cell r="BG41">
            <v>41468</v>
          </cell>
          <cell r="BH41" t="str">
            <v>土</v>
          </cell>
          <cell r="BL41">
            <v>42090</v>
          </cell>
          <cell r="BM41" t="str">
            <v>金</v>
          </cell>
          <cell r="BQ41">
            <v>42724</v>
          </cell>
          <cell r="BR41" t="str">
            <v>火</v>
          </cell>
          <cell r="BV41">
            <v>42011</v>
          </cell>
          <cell r="BW41" t="str">
            <v>水</v>
          </cell>
          <cell r="CA41">
            <v>42015</v>
          </cell>
          <cell r="CB41" t="str">
            <v>日</v>
          </cell>
          <cell r="CF41">
            <v>42035</v>
          </cell>
          <cell r="CG41" t="str">
            <v>土</v>
          </cell>
          <cell r="CK41">
            <v>42022</v>
          </cell>
          <cell r="CL41" t="str">
            <v>日</v>
          </cell>
          <cell r="CP41">
            <v>42031</v>
          </cell>
          <cell r="CQ41" t="str">
            <v>火</v>
          </cell>
          <cell r="CR41" t="str">
            <v>入札</v>
          </cell>
          <cell r="CU41">
            <v>42048</v>
          </cell>
          <cell r="CV41" t="str">
            <v>金</v>
          </cell>
          <cell r="CZ41">
            <v>42050</v>
          </cell>
          <cell r="DA41" t="str">
            <v>日</v>
          </cell>
          <cell r="DE41">
            <v>42050</v>
          </cell>
          <cell r="DF41" t="str">
            <v>日</v>
          </cell>
          <cell r="DJ41">
            <v>42073</v>
          </cell>
          <cell r="DK41" t="str">
            <v>火</v>
          </cell>
        </row>
        <row r="42">
          <cell r="D42">
            <v>44278</v>
          </cell>
          <cell r="E42" t="str">
            <v>火</v>
          </cell>
          <cell r="I42">
            <v>43980</v>
          </cell>
          <cell r="J42" t="str">
            <v>金</v>
          </cell>
          <cell r="N42">
            <v>42808</v>
          </cell>
          <cell r="O42" t="str">
            <v>火</v>
          </cell>
          <cell r="P42" t="str">
            <v>契約予定日</v>
          </cell>
          <cell r="S42">
            <v>42782</v>
          </cell>
          <cell r="T42" t="str">
            <v>木</v>
          </cell>
          <cell r="X42">
            <v>42801</v>
          </cell>
          <cell r="Y42" t="str">
            <v>火</v>
          </cell>
          <cell r="AC42">
            <v>42752</v>
          </cell>
          <cell r="AD42" t="str">
            <v>火</v>
          </cell>
          <cell r="AH42">
            <v>42569</v>
          </cell>
          <cell r="AI42" t="str">
            <v>月</v>
          </cell>
          <cell r="AM42">
            <v>42707</v>
          </cell>
          <cell r="AN42" t="str">
            <v>土</v>
          </cell>
          <cell r="AR42">
            <v>42739</v>
          </cell>
          <cell r="AS42" t="str">
            <v>水</v>
          </cell>
          <cell r="AW42">
            <v>42714</v>
          </cell>
          <cell r="AX42" t="str">
            <v>土</v>
          </cell>
          <cell r="AY42" t="str">
            <v>入札</v>
          </cell>
          <cell r="BB42">
            <v>41466</v>
          </cell>
          <cell r="BC42" t="str">
            <v>木</v>
          </cell>
          <cell r="BG42">
            <v>41469</v>
          </cell>
          <cell r="BH42" t="str">
            <v>日</v>
          </cell>
          <cell r="BL42">
            <v>42091</v>
          </cell>
          <cell r="BM42" t="str">
            <v>土</v>
          </cell>
          <cell r="BQ42">
            <v>42725</v>
          </cell>
          <cell r="BR42" t="str">
            <v>水</v>
          </cell>
          <cell r="BV42">
            <v>42012</v>
          </cell>
          <cell r="BW42" t="str">
            <v>木</v>
          </cell>
          <cell r="CA42">
            <v>42016</v>
          </cell>
          <cell r="CB42" t="str">
            <v>月</v>
          </cell>
          <cell r="CC42" t="str">
            <v>成人の日</v>
          </cell>
          <cell r="CF42">
            <v>42036</v>
          </cell>
          <cell r="CG42" t="str">
            <v>日</v>
          </cell>
          <cell r="CK42">
            <v>42023</v>
          </cell>
          <cell r="CL42" t="str">
            <v>月</v>
          </cell>
          <cell r="CP42">
            <v>42032</v>
          </cell>
          <cell r="CQ42" t="str">
            <v>水</v>
          </cell>
          <cell r="CR42" t="str">
            <v>入札</v>
          </cell>
          <cell r="CU42">
            <v>42049</v>
          </cell>
          <cell r="CV42" t="str">
            <v>土</v>
          </cell>
          <cell r="CZ42">
            <v>42051</v>
          </cell>
          <cell r="DA42" t="str">
            <v>月</v>
          </cell>
          <cell r="DE42">
            <v>42051</v>
          </cell>
          <cell r="DF42" t="str">
            <v>月</v>
          </cell>
          <cell r="DG42" t="str">
            <v>開札</v>
          </cell>
          <cell r="DJ42">
            <v>42082</v>
          </cell>
          <cell r="DK42" t="str">
            <v>木</v>
          </cell>
        </row>
        <row r="43">
          <cell r="D43">
            <v>44279</v>
          </cell>
          <cell r="E43" t="str">
            <v>水</v>
          </cell>
          <cell r="I43">
            <v>43981</v>
          </cell>
          <cell r="J43" t="str">
            <v>土</v>
          </cell>
          <cell r="N43">
            <v>42809</v>
          </cell>
          <cell r="O43" t="str">
            <v>水</v>
          </cell>
          <cell r="S43">
            <v>42783</v>
          </cell>
          <cell r="T43" t="str">
            <v>金</v>
          </cell>
          <cell r="X43">
            <v>42802</v>
          </cell>
          <cell r="Y43" t="str">
            <v>水</v>
          </cell>
          <cell r="AC43">
            <v>42753</v>
          </cell>
          <cell r="AD43" t="str">
            <v>水</v>
          </cell>
          <cell r="AE43" t="str">
            <v>入札</v>
          </cell>
          <cell r="AH43">
            <v>42570</v>
          </cell>
          <cell r="AI43" t="str">
            <v>火</v>
          </cell>
          <cell r="AM43">
            <v>42708</v>
          </cell>
          <cell r="AN43" t="str">
            <v>日</v>
          </cell>
          <cell r="AR43">
            <v>42740</v>
          </cell>
          <cell r="AS43" t="str">
            <v>木</v>
          </cell>
          <cell r="AW43">
            <v>42715</v>
          </cell>
          <cell r="AX43" t="str">
            <v>日</v>
          </cell>
          <cell r="AY43" t="str">
            <v>入札</v>
          </cell>
          <cell r="BB43">
            <v>41467</v>
          </cell>
          <cell r="BC43" t="str">
            <v>金</v>
          </cell>
          <cell r="BG43">
            <v>41470</v>
          </cell>
          <cell r="BH43" t="str">
            <v>月</v>
          </cell>
          <cell r="BL43">
            <v>42092</v>
          </cell>
          <cell r="BM43" t="str">
            <v>日</v>
          </cell>
          <cell r="BQ43">
            <v>42726</v>
          </cell>
          <cell r="BR43" t="str">
            <v>木</v>
          </cell>
          <cell r="BS43" t="str">
            <v>開札</v>
          </cell>
          <cell r="BV43">
            <v>42013</v>
          </cell>
          <cell r="BW43" t="str">
            <v>金</v>
          </cell>
          <cell r="CA43">
            <v>42017</v>
          </cell>
          <cell r="CB43" t="str">
            <v>火</v>
          </cell>
          <cell r="CC43" t="str">
            <v>入札</v>
          </cell>
          <cell r="CF43">
            <v>42037</v>
          </cell>
          <cell r="CG43" t="str">
            <v>月</v>
          </cell>
          <cell r="CK43">
            <v>42024</v>
          </cell>
          <cell r="CL43" t="str">
            <v>火</v>
          </cell>
          <cell r="CP43">
            <v>42033</v>
          </cell>
          <cell r="CQ43" t="str">
            <v>木</v>
          </cell>
          <cell r="CR43" t="str">
            <v>開札</v>
          </cell>
          <cell r="CU43">
            <v>42050</v>
          </cell>
          <cell r="CV43" t="str">
            <v>日</v>
          </cell>
          <cell r="CZ43">
            <v>42052</v>
          </cell>
          <cell r="DA43" t="str">
            <v>火</v>
          </cell>
          <cell r="DE43">
            <v>42052</v>
          </cell>
          <cell r="DF43" t="str">
            <v>火</v>
          </cell>
          <cell r="DJ43">
            <v>42083</v>
          </cell>
          <cell r="DK43" t="str">
            <v>金</v>
          </cell>
          <cell r="DL43" t="str">
            <v>引渡期限</v>
          </cell>
        </row>
        <row r="44">
          <cell r="D44">
            <v>44280</v>
          </cell>
          <cell r="E44" t="str">
            <v>木</v>
          </cell>
          <cell r="I44">
            <v>43982</v>
          </cell>
          <cell r="J44" t="str">
            <v>日</v>
          </cell>
          <cell r="N44">
            <v>42810</v>
          </cell>
          <cell r="O44" t="str">
            <v>木</v>
          </cell>
          <cell r="S44">
            <v>42784</v>
          </cell>
          <cell r="T44" t="str">
            <v>土</v>
          </cell>
          <cell r="X44">
            <v>42803</v>
          </cell>
          <cell r="Y44" t="str">
            <v>木</v>
          </cell>
          <cell r="AC44">
            <v>42754</v>
          </cell>
          <cell r="AD44" t="str">
            <v>木</v>
          </cell>
          <cell r="AE44" t="str">
            <v>入札</v>
          </cell>
          <cell r="AH44">
            <v>42571</v>
          </cell>
          <cell r="AI44" t="str">
            <v>水</v>
          </cell>
          <cell r="AM44">
            <v>42709</v>
          </cell>
          <cell r="AN44" t="str">
            <v>月</v>
          </cell>
          <cell r="AR44">
            <v>42741</v>
          </cell>
          <cell r="AS44" t="str">
            <v>金</v>
          </cell>
          <cell r="AW44">
            <v>42716</v>
          </cell>
          <cell r="AX44" t="str">
            <v>月</v>
          </cell>
          <cell r="AY44" t="str">
            <v>開札</v>
          </cell>
          <cell r="BB44">
            <v>41468</v>
          </cell>
          <cell r="BC44" t="str">
            <v>土</v>
          </cell>
          <cell r="BG44">
            <v>41471</v>
          </cell>
          <cell r="BH44" t="str">
            <v>火</v>
          </cell>
          <cell r="BL44">
            <v>42093</v>
          </cell>
          <cell r="BM44" t="str">
            <v>月</v>
          </cell>
          <cell r="BQ44">
            <v>42727</v>
          </cell>
          <cell r="BR44" t="str">
            <v>金</v>
          </cell>
          <cell r="BV44">
            <v>42014</v>
          </cell>
          <cell r="BW44" t="str">
            <v>土</v>
          </cell>
          <cell r="CA44">
            <v>42018</v>
          </cell>
          <cell r="CB44" t="str">
            <v>水</v>
          </cell>
          <cell r="CC44" t="str">
            <v>入札</v>
          </cell>
          <cell r="CF44">
            <v>42038</v>
          </cell>
          <cell r="CG44" t="str">
            <v>火</v>
          </cell>
          <cell r="CK44">
            <v>42025</v>
          </cell>
          <cell r="CL44" t="str">
            <v>水</v>
          </cell>
          <cell r="CP44">
            <v>42034</v>
          </cell>
          <cell r="CQ44" t="str">
            <v>金</v>
          </cell>
          <cell r="CR44" t="str">
            <v>　</v>
          </cell>
          <cell r="CU44">
            <v>42051</v>
          </cell>
          <cell r="CV44" t="str">
            <v>月</v>
          </cell>
          <cell r="CW44" t="str">
            <v>　</v>
          </cell>
          <cell r="CZ44">
            <v>42053</v>
          </cell>
          <cell r="DA44" t="str">
            <v>水</v>
          </cell>
          <cell r="DE44">
            <v>42053</v>
          </cell>
          <cell r="DF44" t="str">
            <v>水</v>
          </cell>
          <cell r="DJ44">
            <v>42084</v>
          </cell>
          <cell r="DK44" t="str">
            <v>土</v>
          </cell>
        </row>
        <row r="45">
          <cell r="D45">
            <v>44281</v>
          </cell>
          <cell r="E45" t="str">
            <v>金</v>
          </cell>
          <cell r="I45">
            <v>43983</v>
          </cell>
          <cell r="J45" t="str">
            <v>月</v>
          </cell>
          <cell r="K45" t="str">
            <v>入札</v>
          </cell>
          <cell r="N45">
            <v>42811</v>
          </cell>
          <cell r="O45" t="str">
            <v>金</v>
          </cell>
          <cell r="S45">
            <v>42785</v>
          </cell>
          <cell r="T45" t="str">
            <v>日</v>
          </cell>
          <cell r="X45">
            <v>42804</v>
          </cell>
          <cell r="Y45" t="str">
            <v>金</v>
          </cell>
          <cell r="AC45">
            <v>42755</v>
          </cell>
          <cell r="AD45" t="str">
            <v>金</v>
          </cell>
          <cell r="AE45" t="str">
            <v>開札</v>
          </cell>
          <cell r="AH45">
            <v>42572</v>
          </cell>
          <cell r="AI45" t="str">
            <v>木</v>
          </cell>
          <cell r="AM45">
            <v>42710</v>
          </cell>
          <cell r="AN45" t="str">
            <v>火</v>
          </cell>
          <cell r="AR45">
            <v>42742</v>
          </cell>
          <cell r="AS45" t="str">
            <v>土</v>
          </cell>
          <cell r="AW45">
            <v>42717</v>
          </cell>
          <cell r="AX45" t="str">
            <v>火</v>
          </cell>
          <cell r="AY45" t="str">
            <v>　</v>
          </cell>
          <cell r="BB45">
            <v>41469</v>
          </cell>
          <cell r="BC45" t="str">
            <v>日</v>
          </cell>
          <cell r="BG45">
            <v>41472</v>
          </cell>
          <cell r="BH45" t="str">
            <v>水</v>
          </cell>
          <cell r="BI45" t="str">
            <v>　</v>
          </cell>
          <cell r="BL45">
            <v>42094</v>
          </cell>
          <cell r="BM45" t="str">
            <v>火</v>
          </cell>
          <cell r="BQ45">
            <v>42728</v>
          </cell>
          <cell r="BR45" t="str">
            <v>土</v>
          </cell>
          <cell r="BV45">
            <v>42015</v>
          </cell>
          <cell r="BW45" t="str">
            <v>日</v>
          </cell>
          <cell r="CA45">
            <v>42019</v>
          </cell>
          <cell r="CB45" t="str">
            <v>木</v>
          </cell>
          <cell r="CC45" t="str">
            <v>開札</v>
          </cell>
          <cell r="CF45">
            <v>42039</v>
          </cell>
          <cell r="CG45" t="str">
            <v>水</v>
          </cell>
          <cell r="CH45" t="str">
            <v>入札</v>
          </cell>
          <cell r="CK45">
            <v>42026</v>
          </cell>
          <cell r="CL45" t="str">
            <v>木</v>
          </cell>
          <cell r="CP45">
            <v>42035</v>
          </cell>
          <cell r="CQ45" t="str">
            <v>土</v>
          </cell>
          <cell r="CU45">
            <v>42052</v>
          </cell>
          <cell r="CV45" t="str">
            <v>火</v>
          </cell>
          <cell r="CZ45">
            <v>42054</v>
          </cell>
          <cell r="DA45" t="str">
            <v>木</v>
          </cell>
          <cell r="DE45">
            <v>42054</v>
          </cell>
          <cell r="DF45" t="str">
            <v>木</v>
          </cell>
          <cell r="DJ45">
            <v>42085</v>
          </cell>
          <cell r="DK45" t="str">
            <v>日</v>
          </cell>
        </row>
        <row r="46">
          <cell r="D46">
            <v>44282</v>
          </cell>
          <cell r="E46" t="str">
            <v>土</v>
          </cell>
          <cell r="I46">
            <v>43984</v>
          </cell>
          <cell r="J46" t="str">
            <v>火</v>
          </cell>
          <cell r="K46" t="str">
            <v>入札/開札</v>
          </cell>
          <cell r="N46">
            <v>42812</v>
          </cell>
          <cell r="O46" t="str">
            <v>土</v>
          </cell>
          <cell r="S46">
            <v>42786</v>
          </cell>
          <cell r="T46" t="str">
            <v>月</v>
          </cell>
          <cell r="U46" t="str">
            <v>　</v>
          </cell>
          <cell r="X46">
            <v>42805</v>
          </cell>
          <cell r="Y46" t="str">
            <v>土</v>
          </cell>
          <cell r="AC46">
            <v>42756</v>
          </cell>
          <cell r="AD46" t="str">
            <v>土</v>
          </cell>
          <cell r="AH46">
            <v>42573</v>
          </cell>
          <cell r="AI46" t="str">
            <v>金</v>
          </cell>
          <cell r="AM46">
            <v>42711</v>
          </cell>
          <cell r="AN46" t="str">
            <v>水</v>
          </cell>
          <cell r="AR46">
            <v>42743</v>
          </cell>
          <cell r="AS46" t="str">
            <v>日</v>
          </cell>
          <cell r="AW46">
            <v>42718</v>
          </cell>
          <cell r="AX46" t="str">
            <v>水</v>
          </cell>
          <cell r="BB46">
            <v>41470</v>
          </cell>
          <cell r="BC46" t="str">
            <v>月</v>
          </cell>
          <cell r="BG46">
            <v>41473</v>
          </cell>
          <cell r="BH46" t="str">
            <v>木</v>
          </cell>
          <cell r="BI46" t="str">
            <v>　</v>
          </cell>
          <cell r="BL46">
            <v>42095</v>
          </cell>
          <cell r="BM46" t="str">
            <v>水</v>
          </cell>
          <cell r="BQ46">
            <v>42729</v>
          </cell>
          <cell r="BR46" t="str">
            <v>日</v>
          </cell>
          <cell r="BS46" t="str">
            <v>契約予定日</v>
          </cell>
          <cell r="BV46">
            <v>42016</v>
          </cell>
          <cell r="BW46" t="str">
            <v>月</v>
          </cell>
          <cell r="BX46" t="str">
            <v>成人の日</v>
          </cell>
          <cell r="CA46">
            <v>42020</v>
          </cell>
          <cell r="CB46" t="str">
            <v>金</v>
          </cell>
          <cell r="CF46">
            <v>42040</v>
          </cell>
          <cell r="CG46" t="str">
            <v>木</v>
          </cell>
          <cell r="CH46" t="str">
            <v>入札</v>
          </cell>
          <cell r="CK46">
            <v>42027</v>
          </cell>
          <cell r="CL46" t="str">
            <v>金</v>
          </cell>
          <cell r="CP46">
            <v>42036</v>
          </cell>
          <cell r="CQ46" t="str">
            <v>日</v>
          </cell>
          <cell r="CU46">
            <v>42053</v>
          </cell>
          <cell r="CV46" t="str">
            <v>水</v>
          </cell>
          <cell r="CZ46">
            <v>42055</v>
          </cell>
          <cell r="DA46" t="str">
            <v>金</v>
          </cell>
          <cell r="DE46">
            <v>42055</v>
          </cell>
          <cell r="DF46" t="str">
            <v>金</v>
          </cell>
          <cell r="DJ46">
            <v>42086</v>
          </cell>
          <cell r="DK46" t="str">
            <v>月</v>
          </cell>
        </row>
        <row r="47">
          <cell r="D47">
            <v>44283</v>
          </cell>
          <cell r="E47" t="str">
            <v>日</v>
          </cell>
          <cell r="I47">
            <v>43985</v>
          </cell>
          <cell r="J47" t="str">
            <v>水</v>
          </cell>
          <cell r="N47">
            <v>42813</v>
          </cell>
          <cell r="O47" t="str">
            <v>日</v>
          </cell>
          <cell r="S47">
            <v>42787</v>
          </cell>
          <cell r="T47" t="str">
            <v>火</v>
          </cell>
          <cell r="X47">
            <v>42806</v>
          </cell>
          <cell r="Y47" t="str">
            <v>日</v>
          </cell>
          <cell r="AC47">
            <v>42757</v>
          </cell>
          <cell r="AD47" t="str">
            <v>日</v>
          </cell>
          <cell r="AH47">
            <v>42574</v>
          </cell>
          <cell r="AI47" t="str">
            <v>土</v>
          </cell>
          <cell r="AM47">
            <v>42712</v>
          </cell>
          <cell r="AN47" t="str">
            <v>木</v>
          </cell>
          <cell r="AR47">
            <v>42744</v>
          </cell>
          <cell r="AS47" t="str">
            <v>月</v>
          </cell>
          <cell r="AW47">
            <v>42719</v>
          </cell>
          <cell r="AX47" t="str">
            <v>木</v>
          </cell>
          <cell r="BB47">
            <v>41471</v>
          </cell>
          <cell r="BC47" t="str">
            <v>火</v>
          </cell>
          <cell r="BG47">
            <v>41474</v>
          </cell>
          <cell r="BH47" t="str">
            <v>金</v>
          </cell>
          <cell r="BL47">
            <v>42096</v>
          </cell>
          <cell r="BM47" t="str">
            <v>木</v>
          </cell>
          <cell r="BQ47">
            <v>42730</v>
          </cell>
          <cell r="BR47" t="str">
            <v>月</v>
          </cell>
          <cell r="BV47">
            <v>42017</v>
          </cell>
          <cell r="BW47" t="str">
            <v>火</v>
          </cell>
          <cell r="CA47">
            <v>42021</v>
          </cell>
          <cell r="CB47" t="str">
            <v>土</v>
          </cell>
          <cell r="CF47">
            <v>42041</v>
          </cell>
          <cell r="CG47" t="str">
            <v>金</v>
          </cell>
          <cell r="CH47" t="str">
            <v>開札</v>
          </cell>
          <cell r="CK47">
            <v>42028</v>
          </cell>
          <cell r="CL47" t="str">
            <v>土</v>
          </cell>
          <cell r="CP47">
            <v>42037</v>
          </cell>
          <cell r="CQ47" t="str">
            <v>月</v>
          </cell>
          <cell r="CU47">
            <v>42054</v>
          </cell>
          <cell r="CV47" t="str">
            <v>木</v>
          </cell>
          <cell r="CZ47">
            <v>42056</v>
          </cell>
          <cell r="DA47" t="str">
            <v>土</v>
          </cell>
          <cell r="DE47">
            <v>42056</v>
          </cell>
          <cell r="DF47" t="str">
            <v>土</v>
          </cell>
          <cell r="DJ47">
            <v>42087</v>
          </cell>
          <cell r="DK47" t="str">
            <v>火</v>
          </cell>
        </row>
      </sheetData>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row r="14">
          <cell r="A14">
            <v>1</v>
          </cell>
          <cell r="B14" t="str">
            <v>・制限付一般競争入札の実施について</v>
          </cell>
        </row>
        <row r="15">
          <cell r="A15">
            <v>2</v>
          </cell>
          <cell r="B15" t="str">
            <v>・随意契約の締結について</v>
          </cell>
        </row>
        <row r="16">
          <cell r="A16">
            <v>3</v>
          </cell>
          <cell r="B16" t="str">
            <v>・工事等の業者選定について</v>
          </cell>
        </row>
        <row r="17">
          <cell r="A17">
            <v>4</v>
          </cell>
          <cell r="B17" t="str">
            <v>・委託の業者選定について</v>
          </cell>
        </row>
        <row r="18">
          <cell r="A18">
            <v>5</v>
          </cell>
          <cell r="B18" t="str">
            <v>・その他</v>
          </cell>
        </row>
        <row r="38">
          <cell r="A38">
            <v>1</v>
          </cell>
          <cell r="B38" t="str">
            <v>工事の概要説明</v>
          </cell>
        </row>
        <row r="39">
          <cell r="A39">
            <v>2</v>
          </cell>
          <cell r="B39" t="str">
            <v>一般競争入札の制限項目に関する説明及び審議</v>
          </cell>
        </row>
        <row r="40">
          <cell r="A40">
            <v>3</v>
          </cell>
          <cell r="B40" t="str">
            <v>随意契約の締結に関する工事の概要・理由の説明及び審議</v>
          </cell>
        </row>
        <row r="41">
          <cell r="A41">
            <v>4</v>
          </cell>
          <cell r="B41" t="str">
            <v>登録業者の取扱いについて</v>
          </cell>
        </row>
        <row r="42">
          <cell r="A42">
            <v>5</v>
          </cell>
          <cell r="B42" t="str">
            <v>入札参加者等審査委員会に係る入札等結果について</v>
          </cell>
        </row>
        <row r="43">
          <cell r="A43">
            <v>6</v>
          </cell>
          <cell r="B43" t="str">
            <v>指名業者の選考に関する説明及び審議</v>
          </cell>
        </row>
        <row r="44">
          <cell r="A44">
            <v>7</v>
          </cell>
          <cell r="B44" t="str">
            <v>委託の概要説明</v>
          </cell>
        </row>
        <row r="45">
          <cell r="A45">
            <v>8</v>
          </cell>
          <cell r="B45" t="str">
            <v>随意契約の締結に関する委託の概要・理由の説明及び審議</v>
          </cell>
        </row>
        <row r="46">
          <cell r="A46">
            <v>9</v>
          </cell>
          <cell r="B46" t="str">
            <v>入札参加資格者の入札参加資格制限に関する説明及び審議</v>
          </cell>
        </row>
        <row r="47">
          <cell r="A47">
            <v>10</v>
          </cell>
          <cell r="B47" t="str">
            <v>その他</v>
          </cell>
        </row>
      </sheetData>
      <sheetData sheetId="46">
        <row r="3">
          <cell r="A3" t="str">
            <v>ｱ</v>
          </cell>
          <cell r="B3">
            <v>1</v>
          </cell>
          <cell r="C3">
            <v>1</v>
          </cell>
          <cell r="D3">
            <v>211</v>
          </cell>
          <cell r="E3">
            <v>28.001000000000001</v>
          </cell>
          <cell r="F3">
            <v>77</v>
          </cell>
        </row>
        <row r="4">
          <cell r="A4" t="str">
            <v>ｲ</v>
          </cell>
          <cell r="B4">
            <v>2</v>
          </cell>
          <cell r="C4">
            <v>1</v>
          </cell>
          <cell r="D4">
            <v>314</v>
          </cell>
          <cell r="E4">
            <v>1.002</v>
          </cell>
          <cell r="F4">
            <v>1</v>
          </cell>
        </row>
        <row r="5">
          <cell r="A5" t="str">
            <v>ｳ</v>
          </cell>
          <cell r="B5">
            <v>3</v>
          </cell>
          <cell r="C5">
            <v>1</v>
          </cell>
          <cell r="D5">
            <v>3808</v>
          </cell>
          <cell r="E5">
            <v>26.003</v>
          </cell>
          <cell r="F5">
            <v>66</v>
          </cell>
        </row>
        <row r="6">
          <cell r="A6" t="str">
            <v>ｴ</v>
          </cell>
          <cell r="B6">
            <v>4</v>
          </cell>
          <cell r="C6" t="str">
            <v/>
          </cell>
          <cell r="D6" t="str">
            <v/>
          </cell>
          <cell r="E6" t="str">
            <v/>
          </cell>
          <cell r="F6" t="str">
            <v/>
          </cell>
        </row>
        <row r="7">
          <cell r="A7" t="str">
            <v>ｵ</v>
          </cell>
          <cell r="B7">
            <v>5</v>
          </cell>
          <cell r="C7" t="str">
            <v/>
          </cell>
          <cell r="D7" t="str">
            <v/>
          </cell>
          <cell r="E7" t="str">
            <v/>
          </cell>
          <cell r="F7" t="str">
            <v/>
          </cell>
        </row>
        <row r="8">
          <cell r="A8" t="str">
            <v>ｶ</v>
          </cell>
          <cell r="B8">
            <v>6</v>
          </cell>
          <cell r="C8" t="str">
            <v/>
          </cell>
          <cell r="D8" t="str">
            <v/>
          </cell>
          <cell r="E8" t="str">
            <v/>
          </cell>
          <cell r="F8" t="str">
            <v/>
          </cell>
        </row>
        <row r="9">
          <cell r="A9" t="str">
            <v>ｷ</v>
          </cell>
          <cell r="B9">
            <v>7</v>
          </cell>
          <cell r="C9" t="str">
            <v/>
          </cell>
          <cell r="D9" t="str">
            <v/>
          </cell>
          <cell r="E9" t="str">
            <v/>
          </cell>
          <cell r="F9" t="str">
            <v/>
          </cell>
        </row>
        <row r="10">
          <cell r="A10" t="str">
            <v>ｸ</v>
          </cell>
          <cell r="B10">
            <v>8</v>
          </cell>
          <cell r="C10">
            <v>1</v>
          </cell>
          <cell r="D10" t="str">
            <v/>
          </cell>
          <cell r="E10" t="str">
            <v/>
          </cell>
          <cell r="F10" t="str">
            <v/>
          </cell>
        </row>
        <row r="11">
          <cell r="A11" t="str">
            <v>ｹ</v>
          </cell>
          <cell r="B11">
            <v>9</v>
          </cell>
          <cell r="C11">
            <v>1</v>
          </cell>
          <cell r="D11" t="str">
            <v/>
          </cell>
          <cell r="E11" t="str">
            <v/>
          </cell>
          <cell r="F11" t="str">
            <v/>
          </cell>
        </row>
        <row r="12">
          <cell r="A12" t="str">
            <v>ｺ</v>
          </cell>
          <cell r="B12">
            <v>10</v>
          </cell>
          <cell r="C12">
            <v>1</v>
          </cell>
          <cell r="D12" t="str">
            <v/>
          </cell>
          <cell r="E12" t="str">
            <v/>
          </cell>
          <cell r="F12" t="str">
            <v/>
          </cell>
        </row>
        <row r="13">
          <cell r="A13" t="str">
            <v>ｻ</v>
          </cell>
          <cell r="B13">
            <v>11</v>
          </cell>
          <cell r="C13">
            <v>1</v>
          </cell>
          <cell r="D13" t="str">
            <v>-</v>
          </cell>
          <cell r="E13" t="str">
            <v/>
          </cell>
          <cell r="F13" t="str">
            <v/>
          </cell>
        </row>
        <row r="14">
          <cell r="A14" t="str">
            <v>ｼ</v>
          </cell>
          <cell r="B14">
            <v>12</v>
          </cell>
          <cell r="C14" t="str">
            <v/>
          </cell>
          <cell r="D14" t="str">
            <v/>
          </cell>
          <cell r="E14" t="str">
            <v/>
          </cell>
          <cell r="F14" t="str">
            <v/>
          </cell>
        </row>
        <row r="15">
          <cell r="A15" t="str">
            <v>ｽ</v>
          </cell>
          <cell r="B15">
            <v>13</v>
          </cell>
          <cell r="C15" t="str">
            <v/>
          </cell>
          <cell r="D15" t="str">
            <v/>
          </cell>
          <cell r="E15" t="str">
            <v/>
          </cell>
          <cell r="F15" t="str">
            <v/>
          </cell>
        </row>
        <row r="16">
          <cell r="A16" t="str">
            <v>ｾ</v>
          </cell>
          <cell r="B16">
            <v>14</v>
          </cell>
          <cell r="C16" t="str">
            <v/>
          </cell>
          <cell r="D16" t="str">
            <v/>
          </cell>
          <cell r="E16" t="str">
            <v/>
          </cell>
          <cell r="F16" t="str">
            <v/>
          </cell>
        </row>
        <row r="17">
          <cell r="A17" t="str">
            <v>ｿ</v>
          </cell>
          <cell r="B17">
            <v>15</v>
          </cell>
          <cell r="C17" t="str">
            <v/>
          </cell>
          <cell r="D17" t="str">
            <v/>
          </cell>
          <cell r="E17" t="str">
            <v/>
          </cell>
          <cell r="F17" t="str">
            <v/>
          </cell>
        </row>
        <row r="18">
          <cell r="A18" t="str">
            <v>ﾀ</v>
          </cell>
          <cell r="B18">
            <v>16</v>
          </cell>
          <cell r="C18" t="str">
            <v/>
          </cell>
          <cell r="D18" t="str">
            <v/>
          </cell>
          <cell r="E18" t="str">
            <v/>
          </cell>
          <cell r="F18" t="str">
            <v/>
          </cell>
        </row>
        <row r="19">
          <cell r="A19" t="str">
            <v>ﾁ</v>
          </cell>
          <cell r="B19">
            <v>17</v>
          </cell>
          <cell r="C19" t="str">
            <v/>
          </cell>
          <cell r="D19" t="str">
            <v/>
          </cell>
          <cell r="E19" t="str">
            <v/>
          </cell>
          <cell r="F19" t="str">
            <v/>
          </cell>
        </row>
        <row r="20">
          <cell r="A20" t="str">
            <v>ﾂ</v>
          </cell>
          <cell r="B20">
            <v>18</v>
          </cell>
          <cell r="C20" t="str">
            <v/>
          </cell>
          <cell r="D20" t="str">
            <v/>
          </cell>
          <cell r="E20" t="str">
            <v/>
          </cell>
          <cell r="F20" t="str">
            <v/>
          </cell>
        </row>
        <row r="21">
          <cell r="A21" t="str">
            <v>ﾃ</v>
          </cell>
          <cell r="B21">
            <v>19</v>
          </cell>
          <cell r="C21" t="str">
            <v/>
          </cell>
          <cell r="D21" t="str">
            <v/>
          </cell>
          <cell r="E21" t="str">
            <v/>
          </cell>
          <cell r="F21" t="str">
            <v/>
          </cell>
        </row>
        <row r="22">
          <cell r="A22" t="str">
            <v>ﾄ</v>
          </cell>
          <cell r="B22">
            <v>20</v>
          </cell>
          <cell r="C22" t="str">
            <v/>
          </cell>
          <cell r="D22" t="str">
            <v/>
          </cell>
          <cell r="E22" t="str">
            <v/>
          </cell>
          <cell r="F22" t="str">
            <v/>
          </cell>
        </row>
        <row r="23">
          <cell r="A23" t="str">
            <v>ﾅ</v>
          </cell>
          <cell r="B23">
            <v>21</v>
          </cell>
          <cell r="C23" t="str">
            <v/>
          </cell>
          <cell r="D23" t="str">
            <v/>
          </cell>
          <cell r="E23" t="str">
            <v/>
          </cell>
          <cell r="F23" t="str">
            <v/>
          </cell>
        </row>
        <row r="24">
          <cell r="A24" t="str">
            <v>ﾆ</v>
          </cell>
          <cell r="B24">
            <v>22</v>
          </cell>
          <cell r="C24" t="str">
            <v/>
          </cell>
          <cell r="D24" t="str">
            <v/>
          </cell>
          <cell r="E24" t="str">
            <v/>
          </cell>
          <cell r="F24" t="str">
            <v/>
          </cell>
        </row>
        <row r="25">
          <cell r="A25" t="str">
            <v>ﾇ</v>
          </cell>
          <cell r="B25">
            <v>23</v>
          </cell>
          <cell r="C25" t="str">
            <v/>
          </cell>
          <cell r="D25" t="str">
            <v/>
          </cell>
          <cell r="E25" t="str">
            <v/>
          </cell>
          <cell r="F25" t="str">
            <v/>
          </cell>
        </row>
        <row r="26">
          <cell r="A26" t="str">
            <v>ﾈ</v>
          </cell>
          <cell r="B26">
            <v>24</v>
          </cell>
          <cell r="C26" t="str">
            <v/>
          </cell>
          <cell r="D26" t="str">
            <v/>
          </cell>
          <cell r="E26" t="str">
            <v/>
          </cell>
          <cell r="F26" t="str">
            <v/>
          </cell>
        </row>
        <row r="27">
          <cell r="A27" t="str">
            <v>ﾉ</v>
          </cell>
          <cell r="B27">
            <v>25</v>
          </cell>
          <cell r="C27" t="str">
            <v/>
          </cell>
          <cell r="D27" t="str">
            <v/>
          </cell>
          <cell r="E27" t="str">
            <v/>
          </cell>
          <cell r="F27" t="str">
            <v/>
          </cell>
        </row>
        <row r="28">
          <cell r="A28" t="str">
            <v>ﾊ</v>
          </cell>
          <cell r="B28">
            <v>26</v>
          </cell>
          <cell r="C28" t="str">
            <v/>
          </cell>
          <cell r="D28" t="str">
            <v/>
          </cell>
          <cell r="E28" t="str">
            <v/>
          </cell>
          <cell r="F28" t="str">
            <v/>
          </cell>
        </row>
        <row r="29">
          <cell r="A29" t="str">
            <v>ﾋ</v>
          </cell>
          <cell r="B29">
            <v>27</v>
          </cell>
          <cell r="C29" t="str">
            <v/>
          </cell>
          <cell r="D29" t="str">
            <v/>
          </cell>
          <cell r="E29" t="str">
            <v/>
          </cell>
          <cell r="F29" t="str">
            <v/>
          </cell>
        </row>
        <row r="30">
          <cell r="A30" t="str">
            <v>ﾌ</v>
          </cell>
          <cell r="B30">
            <v>28</v>
          </cell>
          <cell r="C30">
            <v>1</v>
          </cell>
          <cell r="D30" t="str">
            <v/>
          </cell>
          <cell r="E30" t="str">
            <v/>
          </cell>
          <cell r="F30" t="str">
            <v/>
          </cell>
        </row>
        <row r="31">
          <cell r="A31" t="str">
            <v>ﾍ</v>
          </cell>
          <cell r="B31">
            <v>29</v>
          </cell>
          <cell r="C31">
            <v>1</v>
          </cell>
          <cell r="D31" t="str">
            <v/>
          </cell>
          <cell r="E31" t="str">
            <v/>
          </cell>
          <cell r="F31" t="str">
            <v/>
          </cell>
        </row>
        <row r="32">
          <cell r="A32" t="str">
            <v>ﾎ</v>
          </cell>
          <cell r="B32">
            <v>30</v>
          </cell>
          <cell r="C32">
            <v>1</v>
          </cell>
          <cell r="D32" t="str">
            <v/>
          </cell>
          <cell r="E32" t="str">
            <v/>
          </cell>
          <cell r="F32" t="str">
            <v/>
          </cell>
        </row>
        <row r="33">
          <cell r="A33" t="str">
            <v>ﾏ</v>
          </cell>
          <cell r="B33">
            <v>31</v>
          </cell>
          <cell r="C33" t="str">
            <v/>
          </cell>
          <cell r="D33" t="str">
            <v/>
          </cell>
          <cell r="E33" t="str">
            <v/>
          </cell>
          <cell r="F33" t="str">
            <v/>
          </cell>
        </row>
        <row r="34">
          <cell r="A34" t="str">
            <v>ﾐ</v>
          </cell>
          <cell r="B34">
            <v>32</v>
          </cell>
          <cell r="C34" t="str">
            <v/>
          </cell>
          <cell r="D34" t="str">
            <v/>
          </cell>
          <cell r="E34" t="str">
            <v/>
          </cell>
          <cell r="F34" t="str">
            <v/>
          </cell>
        </row>
        <row r="35">
          <cell r="A35" t="str">
            <v>ﾑ</v>
          </cell>
          <cell r="B35">
            <v>33</v>
          </cell>
          <cell r="C35">
            <v>1</v>
          </cell>
          <cell r="D35">
            <v>4388</v>
          </cell>
          <cell r="E35">
            <v>38.033000000000001</v>
          </cell>
          <cell r="F35">
            <v>94</v>
          </cell>
        </row>
        <row r="36">
          <cell r="A36" t="str">
            <v>ﾒ</v>
          </cell>
          <cell r="B36">
            <v>34</v>
          </cell>
          <cell r="C36">
            <v>1</v>
          </cell>
          <cell r="D36">
            <v>120</v>
          </cell>
          <cell r="E36">
            <v>27.033999999999999</v>
          </cell>
          <cell r="F36">
            <v>72</v>
          </cell>
        </row>
        <row r="37">
          <cell r="A37" t="str">
            <v>ﾓ</v>
          </cell>
          <cell r="B37">
            <v>35</v>
          </cell>
          <cell r="C37">
            <v>1</v>
          </cell>
          <cell r="D37">
            <v>6</v>
          </cell>
          <cell r="E37">
            <v>26.035</v>
          </cell>
          <cell r="F37">
            <v>67</v>
          </cell>
        </row>
        <row r="38">
          <cell r="A38" t="str">
            <v>ﾔ</v>
          </cell>
          <cell r="B38">
            <v>36</v>
          </cell>
          <cell r="C38" t="str">
            <v/>
          </cell>
          <cell r="D38" t="str">
            <v/>
          </cell>
          <cell r="E38" t="str">
            <v/>
          </cell>
          <cell r="F38" t="str">
            <v/>
          </cell>
        </row>
        <row r="39">
          <cell r="A39" t="str">
            <v>ﾕ</v>
          </cell>
          <cell r="B39">
            <v>37</v>
          </cell>
          <cell r="C39">
            <v>1</v>
          </cell>
          <cell r="D39">
            <v>386</v>
          </cell>
          <cell r="E39">
            <v>28.036999999999999</v>
          </cell>
          <cell r="F39">
            <v>78</v>
          </cell>
        </row>
        <row r="40">
          <cell r="A40" t="str">
            <v>ﾖ</v>
          </cell>
          <cell r="B40">
            <v>38</v>
          </cell>
          <cell r="C40">
            <v>1</v>
          </cell>
          <cell r="D40">
            <v>287</v>
          </cell>
          <cell r="E40">
            <v>2.0379999999999998</v>
          </cell>
          <cell r="F40">
            <v>7</v>
          </cell>
        </row>
        <row r="41">
          <cell r="A41" t="str">
            <v>ﾗ</v>
          </cell>
          <cell r="B41">
            <v>39</v>
          </cell>
          <cell r="C41" t="str">
            <v/>
          </cell>
          <cell r="D41" t="str">
            <v/>
          </cell>
          <cell r="E41" t="str">
            <v/>
          </cell>
          <cell r="F41" t="str">
            <v/>
          </cell>
        </row>
        <row r="42">
          <cell r="A42" t="str">
            <v>ﾘ</v>
          </cell>
          <cell r="B42">
            <v>40</v>
          </cell>
          <cell r="C42" t="str">
            <v/>
          </cell>
          <cell r="D42" t="str">
            <v/>
          </cell>
          <cell r="E42" t="str">
            <v/>
          </cell>
          <cell r="F42" t="str">
            <v/>
          </cell>
        </row>
        <row r="43">
          <cell r="A43" t="str">
            <v>ﾙ</v>
          </cell>
          <cell r="B43">
            <v>41</v>
          </cell>
          <cell r="C43">
            <v>1</v>
          </cell>
          <cell r="D43">
            <v>174</v>
          </cell>
          <cell r="E43">
            <v>32.040999999999997</v>
          </cell>
          <cell r="F43">
            <v>88</v>
          </cell>
        </row>
        <row r="44">
          <cell r="A44" t="str">
            <v>ﾚ</v>
          </cell>
          <cell r="B44">
            <v>42</v>
          </cell>
          <cell r="C44" t="str">
            <v/>
          </cell>
          <cell r="D44" t="str">
            <v/>
          </cell>
          <cell r="E44" t="str">
            <v/>
          </cell>
          <cell r="F44" t="str">
            <v/>
          </cell>
        </row>
        <row r="45">
          <cell r="A45" t="str">
            <v>ﾛ</v>
          </cell>
          <cell r="B45">
            <v>43</v>
          </cell>
          <cell r="C45" t="str">
            <v/>
          </cell>
          <cell r="D45" t="str">
            <v/>
          </cell>
          <cell r="E45" t="str">
            <v/>
          </cell>
          <cell r="F45" t="str">
            <v/>
          </cell>
        </row>
        <row r="46">
          <cell r="A46" t="str">
            <v>ﾜ</v>
          </cell>
          <cell r="B46">
            <v>44</v>
          </cell>
          <cell r="C46" t="str">
            <v/>
          </cell>
          <cell r="D46" t="str">
            <v/>
          </cell>
          <cell r="E46" t="str">
            <v/>
          </cell>
          <cell r="F46" t="str">
            <v/>
          </cell>
        </row>
        <row r="47">
          <cell r="A47" t="str">
            <v>ｦ</v>
          </cell>
          <cell r="B47">
            <v>45</v>
          </cell>
          <cell r="C47" t="str">
            <v/>
          </cell>
          <cell r="D47" t="str">
            <v/>
          </cell>
          <cell r="E47" t="str">
            <v/>
          </cell>
          <cell r="F47" t="str">
            <v/>
          </cell>
        </row>
        <row r="48">
          <cell r="A48" t="str">
            <v>ﾝ</v>
          </cell>
          <cell r="B48">
            <v>46</v>
          </cell>
          <cell r="C48" t="str">
            <v/>
          </cell>
          <cell r="D48" t="str">
            <v/>
          </cell>
          <cell r="E48" t="str">
            <v/>
          </cell>
          <cell r="F48" t="str">
            <v/>
          </cell>
        </row>
        <row r="49">
          <cell r="B49">
            <v>47</v>
          </cell>
          <cell r="C49" t="str">
            <v/>
          </cell>
          <cell r="D49" t="str">
            <v/>
          </cell>
          <cell r="E49" t="str">
            <v/>
          </cell>
          <cell r="F49" t="str">
            <v/>
          </cell>
        </row>
        <row r="50">
          <cell r="B50">
            <v>48</v>
          </cell>
          <cell r="C50" t="str">
            <v/>
          </cell>
          <cell r="D50" t="str">
            <v/>
          </cell>
          <cell r="E50" t="str">
            <v/>
          </cell>
          <cell r="F50" t="str">
            <v/>
          </cell>
        </row>
        <row r="51">
          <cell r="B51">
            <v>49</v>
          </cell>
          <cell r="C51" t="str">
            <v/>
          </cell>
          <cell r="D51" t="str">
            <v/>
          </cell>
          <cell r="E51" t="str">
            <v/>
          </cell>
          <cell r="F51" t="str">
            <v/>
          </cell>
        </row>
        <row r="52">
          <cell r="B52">
            <v>50</v>
          </cell>
          <cell r="C52" t="str">
            <v/>
          </cell>
          <cell r="D52" t="str">
            <v/>
          </cell>
          <cell r="E52" t="str">
            <v/>
          </cell>
          <cell r="F52" t="str">
            <v/>
          </cell>
        </row>
        <row r="53">
          <cell r="B53">
            <v>51</v>
          </cell>
          <cell r="C53">
            <v>1</v>
          </cell>
          <cell r="D53">
            <v>2725</v>
          </cell>
          <cell r="E53">
            <v>10.051</v>
          </cell>
          <cell r="F53">
            <v>25</v>
          </cell>
        </row>
        <row r="54">
          <cell r="B54">
            <v>52</v>
          </cell>
          <cell r="C54">
            <v>1</v>
          </cell>
          <cell r="D54">
            <v>3808</v>
          </cell>
          <cell r="E54">
            <v>26.052</v>
          </cell>
          <cell r="F54">
            <v>68</v>
          </cell>
        </row>
        <row r="55">
          <cell r="B55">
            <v>53</v>
          </cell>
          <cell r="C55" t="str">
            <v/>
          </cell>
          <cell r="D55" t="str">
            <v/>
          </cell>
          <cell r="E55" t="str">
            <v/>
          </cell>
          <cell r="F55" t="str">
            <v/>
          </cell>
        </row>
        <row r="56">
          <cell r="B56">
            <v>54</v>
          </cell>
          <cell r="C56" t="str">
            <v/>
          </cell>
          <cell r="D56" t="str">
            <v/>
          </cell>
          <cell r="E56" t="str">
            <v/>
          </cell>
          <cell r="F56" t="str">
            <v/>
          </cell>
        </row>
        <row r="57">
          <cell r="B57">
            <v>55</v>
          </cell>
          <cell r="C57" t="str">
            <v/>
          </cell>
          <cell r="D57" t="str">
            <v/>
          </cell>
          <cell r="E57" t="str">
            <v/>
          </cell>
          <cell r="F57" t="str">
            <v/>
          </cell>
        </row>
        <row r="58">
          <cell r="B58">
            <v>56</v>
          </cell>
          <cell r="C58" t="str">
            <v/>
          </cell>
          <cell r="D58" t="str">
            <v/>
          </cell>
          <cell r="E58" t="str">
            <v/>
          </cell>
          <cell r="F58" t="str">
            <v/>
          </cell>
        </row>
        <row r="59">
          <cell r="B59">
            <v>57</v>
          </cell>
          <cell r="C59" t="str">
            <v/>
          </cell>
          <cell r="D59" t="str">
            <v/>
          </cell>
          <cell r="E59" t="str">
            <v/>
          </cell>
          <cell r="F59" t="str">
            <v/>
          </cell>
        </row>
        <row r="60">
          <cell r="B60">
            <v>58</v>
          </cell>
          <cell r="C60" t="str">
            <v/>
          </cell>
          <cell r="D60" t="str">
            <v/>
          </cell>
          <cell r="E60" t="str">
            <v/>
          </cell>
          <cell r="F60" t="str">
            <v/>
          </cell>
        </row>
        <row r="61">
          <cell r="B61">
            <v>59</v>
          </cell>
          <cell r="C61" t="str">
            <v/>
          </cell>
          <cell r="D61" t="str">
            <v/>
          </cell>
          <cell r="E61" t="str">
            <v/>
          </cell>
          <cell r="F61" t="str">
            <v/>
          </cell>
        </row>
        <row r="62">
          <cell r="B62">
            <v>60</v>
          </cell>
          <cell r="C62" t="str">
            <v/>
          </cell>
          <cell r="D62" t="str">
            <v/>
          </cell>
          <cell r="E62" t="str">
            <v/>
          </cell>
          <cell r="F62" t="str">
            <v/>
          </cell>
        </row>
        <row r="63">
          <cell r="B63">
            <v>61</v>
          </cell>
          <cell r="C63" t="str">
            <v/>
          </cell>
          <cell r="D63" t="str">
            <v/>
          </cell>
          <cell r="E63" t="str">
            <v/>
          </cell>
          <cell r="F63" t="str">
            <v/>
          </cell>
        </row>
        <row r="64">
          <cell r="B64">
            <v>62</v>
          </cell>
          <cell r="C64" t="str">
            <v/>
          </cell>
          <cell r="D64" t="str">
            <v/>
          </cell>
          <cell r="E64" t="str">
            <v/>
          </cell>
          <cell r="F64" t="str">
            <v/>
          </cell>
        </row>
        <row r="65">
          <cell r="B65">
            <v>63</v>
          </cell>
          <cell r="C65" t="str">
            <v/>
          </cell>
          <cell r="D65" t="str">
            <v/>
          </cell>
          <cell r="E65" t="str">
            <v/>
          </cell>
          <cell r="F65" t="str">
            <v/>
          </cell>
        </row>
        <row r="66">
          <cell r="B66">
            <v>64</v>
          </cell>
          <cell r="C66">
            <v>1</v>
          </cell>
          <cell r="D66">
            <v>93</v>
          </cell>
          <cell r="E66">
            <v>18.064</v>
          </cell>
          <cell r="F66">
            <v>48</v>
          </cell>
        </row>
        <row r="67">
          <cell r="B67">
            <v>65</v>
          </cell>
          <cell r="C67">
            <v>1</v>
          </cell>
          <cell r="D67">
            <v>411</v>
          </cell>
          <cell r="E67">
            <v>32.064999999999998</v>
          </cell>
          <cell r="F67">
            <v>89</v>
          </cell>
        </row>
        <row r="68">
          <cell r="B68">
            <v>66</v>
          </cell>
          <cell r="C68">
            <v>1</v>
          </cell>
          <cell r="D68">
            <v>411</v>
          </cell>
          <cell r="E68">
            <v>32.066000000000003</v>
          </cell>
          <cell r="F68">
            <v>90</v>
          </cell>
        </row>
        <row r="69">
          <cell r="B69">
            <v>67</v>
          </cell>
          <cell r="C69" t="str">
            <v/>
          </cell>
          <cell r="D69" t="str">
            <v/>
          </cell>
          <cell r="E69" t="str">
            <v/>
          </cell>
          <cell r="F69" t="str">
            <v/>
          </cell>
        </row>
        <row r="70">
          <cell r="B70">
            <v>68</v>
          </cell>
          <cell r="C70" t="str">
            <v/>
          </cell>
          <cell r="D70" t="str">
            <v/>
          </cell>
          <cell r="E70" t="str">
            <v/>
          </cell>
          <cell r="F70" t="str">
            <v/>
          </cell>
        </row>
        <row r="71">
          <cell r="B71">
            <v>69</v>
          </cell>
          <cell r="C71" t="str">
            <v/>
          </cell>
          <cell r="D71" t="str">
            <v/>
          </cell>
          <cell r="E71" t="str">
            <v/>
          </cell>
          <cell r="F71" t="str">
            <v/>
          </cell>
        </row>
        <row r="72">
          <cell r="B72">
            <v>70</v>
          </cell>
          <cell r="C72" t="str">
            <v/>
          </cell>
          <cell r="D72" t="str">
            <v/>
          </cell>
          <cell r="E72" t="str">
            <v/>
          </cell>
          <cell r="F72" t="str">
            <v/>
          </cell>
        </row>
        <row r="73">
          <cell r="B73">
            <v>71</v>
          </cell>
          <cell r="C73" t="str">
            <v/>
          </cell>
          <cell r="D73" t="str">
            <v/>
          </cell>
          <cell r="E73" t="str">
            <v/>
          </cell>
          <cell r="F73" t="str">
            <v/>
          </cell>
        </row>
        <row r="74">
          <cell r="B74">
            <v>72</v>
          </cell>
          <cell r="C74" t="str">
            <v/>
          </cell>
          <cell r="D74" t="str">
            <v/>
          </cell>
          <cell r="E74" t="str">
            <v/>
          </cell>
          <cell r="F74" t="str">
            <v/>
          </cell>
        </row>
        <row r="75">
          <cell r="B75">
            <v>73</v>
          </cell>
          <cell r="C75" t="str">
            <v/>
          </cell>
          <cell r="D75" t="str">
            <v/>
          </cell>
          <cell r="E75" t="str">
            <v/>
          </cell>
          <cell r="F75" t="str">
            <v/>
          </cell>
        </row>
        <row r="76">
          <cell r="B76">
            <v>74</v>
          </cell>
          <cell r="C76" t="str">
            <v/>
          </cell>
          <cell r="D76" t="str">
            <v/>
          </cell>
          <cell r="E76" t="str">
            <v/>
          </cell>
          <cell r="F76" t="str">
            <v/>
          </cell>
        </row>
        <row r="77">
          <cell r="B77">
            <v>75</v>
          </cell>
          <cell r="C77">
            <v>1</v>
          </cell>
          <cell r="D77">
            <v>16</v>
          </cell>
          <cell r="E77">
            <v>12.074999999999999</v>
          </cell>
          <cell r="F77">
            <v>31</v>
          </cell>
        </row>
        <row r="78">
          <cell r="B78">
            <v>76</v>
          </cell>
          <cell r="C78">
            <v>1</v>
          </cell>
          <cell r="D78">
            <v>527</v>
          </cell>
          <cell r="E78">
            <v>31.076000000000001</v>
          </cell>
          <cell r="F78">
            <v>85</v>
          </cell>
        </row>
        <row r="79">
          <cell r="B79">
            <v>77</v>
          </cell>
          <cell r="C79">
            <v>1</v>
          </cell>
          <cell r="D79">
            <v>16</v>
          </cell>
          <cell r="E79">
            <v>12.077</v>
          </cell>
          <cell r="F79">
            <v>32</v>
          </cell>
        </row>
        <row r="80">
          <cell r="B80">
            <v>78</v>
          </cell>
          <cell r="C80">
            <v>1</v>
          </cell>
          <cell r="D80">
            <v>49</v>
          </cell>
          <cell r="E80">
            <v>11.077999999999999</v>
          </cell>
          <cell r="F80">
            <v>26</v>
          </cell>
        </row>
        <row r="81">
          <cell r="B81">
            <v>79</v>
          </cell>
          <cell r="C81">
            <v>1</v>
          </cell>
          <cell r="D81">
            <v>211</v>
          </cell>
          <cell r="E81">
            <v>28.079000000000001</v>
          </cell>
          <cell r="F81">
            <v>79</v>
          </cell>
        </row>
        <row r="82">
          <cell r="B82">
            <v>80</v>
          </cell>
          <cell r="C82" t="str">
            <v/>
          </cell>
          <cell r="D82" t="str">
            <v/>
          </cell>
          <cell r="E82" t="str">
            <v/>
          </cell>
          <cell r="F82" t="str">
            <v/>
          </cell>
        </row>
        <row r="83">
          <cell r="B83">
            <v>81</v>
          </cell>
          <cell r="C83" t="str">
            <v/>
          </cell>
          <cell r="D83" t="str">
            <v/>
          </cell>
          <cell r="E83" t="str">
            <v/>
          </cell>
          <cell r="F83" t="str">
            <v/>
          </cell>
        </row>
        <row r="84">
          <cell r="B84">
            <v>82</v>
          </cell>
          <cell r="C84" t="str">
            <v/>
          </cell>
          <cell r="D84" t="str">
            <v/>
          </cell>
          <cell r="E84" t="str">
            <v/>
          </cell>
          <cell r="F84" t="str">
            <v/>
          </cell>
        </row>
        <row r="85">
          <cell r="B85">
            <v>83</v>
          </cell>
          <cell r="C85" t="str">
            <v/>
          </cell>
          <cell r="D85" t="str">
            <v/>
          </cell>
          <cell r="E85" t="str">
            <v/>
          </cell>
          <cell r="F85" t="str">
            <v/>
          </cell>
        </row>
        <row r="86">
          <cell r="B86">
            <v>84</v>
          </cell>
          <cell r="C86" t="str">
            <v/>
          </cell>
          <cell r="D86" t="str">
            <v/>
          </cell>
          <cell r="E86" t="str">
            <v/>
          </cell>
          <cell r="F86" t="str">
            <v/>
          </cell>
        </row>
        <row r="87">
          <cell r="B87">
            <v>85</v>
          </cell>
          <cell r="C87" t="str">
            <v/>
          </cell>
          <cell r="D87" t="str">
            <v/>
          </cell>
          <cell r="E87" t="str">
            <v/>
          </cell>
          <cell r="F87" t="str">
            <v/>
          </cell>
        </row>
        <row r="88">
          <cell r="B88">
            <v>86</v>
          </cell>
          <cell r="C88">
            <v>1</v>
          </cell>
          <cell r="D88">
            <v>2407</v>
          </cell>
          <cell r="E88">
            <v>6.0860000000000003</v>
          </cell>
          <cell r="F88">
            <v>20</v>
          </cell>
        </row>
        <row r="89">
          <cell r="B89">
            <v>87</v>
          </cell>
          <cell r="C89" t="str">
            <v/>
          </cell>
          <cell r="D89" t="str">
            <v/>
          </cell>
          <cell r="E89" t="str">
            <v/>
          </cell>
          <cell r="F89" t="str">
            <v/>
          </cell>
        </row>
        <row r="90">
          <cell r="B90">
            <v>88</v>
          </cell>
          <cell r="C90" t="str">
            <v/>
          </cell>
          <cell r="D90" t="str">
            <v/>
          </cell>
          <cell r="E90" t="str">
            <v/>
          </cell>
          <cell r="F90" t="str">
            <v/>
          </cell>
        </row>
        <row r="91">
          <cell r="B91">
            <v>89</v>
          </cell>
          <cell r="C91">
            <v>1</v>
          </cell>
          <cell r="D91">
            <v>74</v>
          </cell>
          <cell r="E91">
            <v>20.088999999999999</v>
          </cell>
          <cell r="F91">
            <v>52</v>
          </cell>
        </row>
        <row r="92">
          <cell r="B92">
            <v>90</v>
          </cell>
          <cell r="C92">
            <v>1</v>
          </cell>
          <cell r="D92">
            <v>287</v>
          </cell>
          <cell r="E92">
            <v>2.09</v>
          </cell>
          <cell r="F92">
            <v>8</v>
          </cell>
        </row>
        <row r="93">
          <cell r="B93">
            <v>91</v>
          </cell>
          <cell r="C93" t="str">
            <v/>
          </cell>
          <cell r="D93" t="str">
            <v/>
          </cell>
          <cell r="E93" t="str">
            <v/>
          </cell>
          <cell r="F93" t="str">
            <v/>
          </cell>
        </row>
        <row r="94">
          <cell r="B94">
            <v>92</v>
          </cell>
          <cell r="C94" t="str">
            <v/>
          </cell>
          <cell r="D94" t="str">
            <v/>
          </cell>
          <cell r="E94" t="str">
            <v/>
          </cell>
          <cell r="F94" t="str">
            <v/>
          </cell>
        </row>
        <row r="95">
          <cell r="B95">
            <v>93</v>
          </cell>
          <cell r="C95" t="str">
            <v/>
          </cell>
          <cell r="D95" t="str">
            <v/>
          </cell>
          <cell r="E95" t="str">
            <v/>
          </cell>
          <cell r="F95" t="str">
            <v/>
          </cell>
        </row>
        <row r="96">
          <cell r="B96">
            <v>94</v>
          </cell>
          <cell r="C96" t="str">
            <v/>
          </cell>
          <cell r="D96" t="str">
            <v/>
          </cell>
          <cell r="E96" t="str">
            <v/>
          </cell>
          <cell r="F96" t="str">
            <v/>
          </cell>
        </row>
        <row r="97">
          <cell r="B97">
            <v>95</v>
          </cell>
          <cell r="C97">
            <v>1</v>
          </cell>
          <cell r="D97">
            <v>83</v>
          </cell>
          <cell r="E97">
            <v>25.094999999999999</v>
          </cell>
          <cell r="F97">
            <v>63</v>
          </cell>
        </row>
        <row r="98">
          <cell r="B98">
            <v>96</v>
          </cell>
          <cell r="C98" t="str">
            <v/>
          </cell>
          <cell r="D98" t="str">
            <v/>
          </cell>
          <cell r="E98" t="str">
            <v/>
          </cell>
          <cell r="F98" t="str">
            <v/>
          </cell>
        </row>
        <row r="99">
          <cell r="B99">
            <v>97</v>
          </cell>
          <cell r="C99" t="str">
            <v/>
          </cell>
          <cell r="D99" t="str">
            <v/>
          </cell>
          <cell r="E99" t="str">
            <v/>
          </cell>
          <cell r="F99" t="str">
            <v/>
          </cell>
        </row>
        <row r="100">
          <cell r="B100">
            <v>98</v>
          </cell>
          <cell r="C100">
            <v>1</v>
          </cell>
          <cell r="D100" t="str">
            <v>-</v>
          </cell>
          <cell r="E100" t="str">
            <v/>
          </cell>
          <cell r="F100" t="str">
            <v/>
          </cell>
        </row>
        <row r="101">
          <cell r="B101">
            <v>99</v>
          </cell>
          <cell r="C101">
            <v>1</v>
          </cell>
          <cell r="D101">
            <v>501</v>
          </cell>
          <cell r="E101">
            <v>1.099</v>
          </cell>
          <cell r="F101">
            <v>2</v>
          </cell>
        </row>
        <row r="102">
          <cell r="B102">
            <v>100</v>
          </cell>
          <cell r="C102">
            <v>1</v>
          </cell>
          <cell r="D102">
            <v>474</v>
          </cell>
          <cell r="E102">
            <v>11.1</v>
          </cell>
          <cell r="F102">
            <v>27</v>
          </cell>
        </row>
        <row r="103">
          <cell r="B103">
            <v>101</v>
          </cell>
          <cell r="C103" t="str">
            <v/>
          </cell>
          <cell r="D103" t="str">
            <v/>
          </cell>
          <cell r="E103" t="str">
            <v/>
          </cell>
          <cell r="F103" t="str">
            <v/>
          </cell>
        </row>
        <row r="104">
          <cell r="B104">
            <v>102</v>
          </cell>
          <cell r="C104" t="str">
            <v/>
          </cell>
          <cell r="D104" t="str">
            <v/>
          </cell>
          <cell r="E104" t="str">
            <v/>
          </cell>
          <cell r="F104" t="str">
            <v/>
          </cell>
        </row>
        <row r="105">
          <cell r="B105">
            <v>103</v>
          </cell>
          <cell r="C105" t="str">
            <v/>
          </cell>
          <cell r="D105" t="str">
            <v/>
          </cell>
          <cell r="E105" t="str">
            <v/>
          </cell>
          <cell r="F105" t="str">
            <v/>
          </cell>
        </row>
        <row r="106">
          <cell r="B106">
            <v>104</v>
          </cell>
          <cell r="C106">
            <v>1</v>
          </cell>
          <cell r="D106" t="str">
            <v>-</v>
          </cell>
          <cell r="E106" t="str">
            <v/>
          </cell>
          <cell r="F106" t="str">
            <v/>
          </cell>
        </row>
        <row r="107">
          <cell r="B107">
            <v>105</v>
          </cell>
          <cell r="C107">
            <v>1</v>
          </cell>
          <cell r="D107">
            <v>26</v>
          </cell>
          <cell r="E107">
            <v>15.105</v>
          </cell>
          <cell r="F107">
            <v>41</v>
          </cell>
        </row>
        <row r="108">
          <cell r="B108">
            <v>106</v>
          </cell>
          <cell r="C108">
            <v>1</v>
          </cell>
          <cell r="D108">
            <v>54</v>
          </cell>
          <cell r="E108">
            <v>26.106000000000002</v>
          </cell>
          <cell r="F108">
            <v>69</v>
          </cell>
        </row>
        <row r="109">
          <cell r="B109">
            <v>107</v>
          </cell>
          <cell r="C109" t="str">
            <v/>
          </cell>
          <cell r="D109" t="str">
            <v/>
          </cell>
          <cell r="E109" t="str">
            <v/>
          </cell>
          <cell r="F109" t="str">
            <v/>
          </cell>
        </row>
        <row r="110">
          <cell r="B110">
            <v>108</v>
          </cell>
          <cell r="C110">
            <v>1</v>
          </cell>
          <cell r="D110">
            <v>314</v>
          </cell>
          <cell r="E110">
            <v>1.1080000000000001</v>
          </cell>
          <cell r="F110">
            <v>3</v>
          </cell>
        </row>
        <row r="111">
          <cell r="B111">
            <v>109</v>
          </cell>
          <cell r="C111">
            <v>1</v>
          </cell>
          <cell r="D111">
            <v>49</v>
          </cell>
          <cell r="E111">
            <v>11.109</v>
          </cell>
          <cell r="F111">
            <v>28</v>
          </cell>
        </row>
        <row r="112">
          <cell r="B112">
            <v>110</v>
          </cell>
          <cell r="C112" t="str">
            <v/>
          </cell>
          <cell r="D112" t="str">
            <v/>
          </cell>
          <cell r="E112" t="str">
            <v/>
          </cell>
          <cell r="F112" t="str">
            <v/>
          </cell>
        </row>
        <row r="113">
          <cell r="B113">
            <v>111</v>
          </cell>
          <cell r="C113" t="str">
            <v/>
          </cell>
          <cell r="D113" t="str">
            <v/>
          </cell>
          <cell r="E113" t="str">
            <v/>
          </cell>
          <cell r="F113" t="str">
            <v/>
          </cell>
        </row>
        <row r="114">
          <cell r="B114">
            <v>112</v>
          </cell>
          <cell r="C114" t="str">
            <v/>
          </cell>
          <cell r="D114" t="str">
            <v/>
          </cell>
          <cell r="E114" t="str">
            <v/>
          </cell>
          <cell r="F114" t="str">
            <v/>
          </cell>
        </row>
        <row r="115">
          <cell r="B115">
            <v>113</v>
          </cell>
          <cell r="C115" t="str">
            <v/>
          </cell>
          <cell r="D115" t="str">
            <v/>
          </cell>
          <cell r="E115" t="str">
            <v/>
          </cell>
          <cell r="F115" t="str">
            <v/>
          </cell>
        </row>
        <row r="116">
          <cell r="B116">
            <v>114</v>
          </cell>
          <cell r="C116" t="str">
            <v/>
          </cell>
          <cell r="D116" t="str">
            <v/>
          </cell>
          <cell r="E116" t="str">
            <v/>
          </cell>
          <cell r="F116" t="str">
            <v/>
          </cell>
        </row>
        <row r="117">
          <cell r="B117">
            <v>115</v>
          </cell>
          <cell r="C117" t="str">
            <v/>
          </cell>
          <cell r="D117" t="str">
            <v/>
          </cell>
          <cell r="E117" t="str">
            <v/>
          </cell>
          <cell r="F117" t="str">
            <v/>
          </cell>
        </row>
        <row r="118">
          <cell r="B118">
            <v>116</v>
          </cell>
          <cell r="C118" t="str">
            <v/>
          </cell>
          <cell r="D118" t="str">
            <v/>
          </cell>
          <cell r="E118" t="str">
            <v/>
          </cell>
          <cell r="F118" t="str">
            <v/>
          </cell>
        </row>
        <row r="119">
          <cell r="B119">
            <v>117</v>
          </cell>
          <cell r="C119" t="str">
            <v/>
          </cell>
          <cell r="D119" t="str">
            <v/>
          </cell>
          <cell r="E119" t="str">
            <v/>
          </cell>
          <cell r="F119" t="str">
            <v/>
          </cell>
        </row>
        <row r="120">
          <cell r="B120">
            <v>118</v>
          </cell>
          <cell r="C120" t="str">
            <v/>
          </cell>
          <cell r="D120" t="str">
            <v/>
          </cell>
          <cell r="E120" t="str">
            <v/>
          </cell>
          <cell r="F120" t="str">
            <v/>
          </cell>
        </row>
        <row r="121">
          <cell r="B121">
            <v>119</v>
          </cell>
          <cell r="C121" t="str">
            <v/>
          </cell>
          <cell r="D121" t="str">
            <v/>
          </cell>
          <cell r="E121" t="str">
            <v/>
          </cell>
          <cell r="F121" t="str">
            <v/>
          </cell>
        </row>
        <row r="122">
          <cell r="B122">
            <v>120</v>
          </cell>
          <cell r="C122" t="str">
            <v/>
          </cell>
          <cell r="D122" t="str">
            <v/>
          </cell>
          <cell r="E122" t="str">
            <v/>
          </cell>
          <cell r="F122" t="str">
            <v/>
          </cell>
        </row>
        <row r="123">
          <cell r="B123">
            <v>121</v>
          </cell>
          <cell r="C123">
            <v>1</v>
          </cell>
          <cell r="D123">
            <v>16</v>
          </cell>
          <cell r="E123">
            <v>12.121</v>
          </cell>
          <cell r="F123">
            <v>33</v>
          </cell>
        </row>
        <row r="124">
          <cell r="B124">
            <v>122</v>
          </cell>
          <cell r="C124">
            <v>1</v>
          </cell>
          <cell r="D124">
            <v>74</v>
          </cell>
          <cell r="E124">
            <v>20.122</v>
          </cell>
          <cell r="F124">
            <v>53</v>
          </cell>
        </row>
        <row r="125">
          <cell r="B125">
            <v>123</v>
          </cell>
          <cell r="C125">
            <v>1</v>
          </cell>
          <cell r="D125">
            <v>581</v>
          </cell>
          <cell r="E125">
            <v>19.123000000000001</v>
          </cell>
          <cell r="F125">
            <v>49</v>
          </cell>
        </row>
        <row r="126">
          <cell r="B126">
            <v>124</v>
          </cell>
          <cell r="C126">
            <v>1</v>
          </cell>
          <cell r="D126">
            <v>2887</v>
          </cell>
          <cell r="E126">
            <v>12.124000000000001</v>
          </cell>
          <cell r="F126">
            <v>34</v>
          </cell>
        </row>
        <row r="127">
          <cell r="B127">
            <v>125</v>
          </cell>
          <cell r="C127">
            <v>1</v>
          </cell>
          <cell r="D127">
            <v>74</v>
          </cell>
          <cell r="E127">
            <v>20.125</v>
          </cell>
          <cell r="F127">
            <v>54</v>
          </cell>
        </row>
        <row r="128">
          <cell r="B128">
            <v>126</v>
          </cell>
          <cell r="C128">
            <v>1</v>
          </cell>
          <cell r="D128">
            <v>287</v>
          </cell>
          <cell r="E128">
            <v>2.1259999999999999</v>
          </cell>
          <cell r="F128">
            <v>9</v>
          </cell>
        </row>
        <row r="129">
          <cell r="B129">
            <v>127</v>
          </cell>
          <cell r="C129" t="str">
            <v/>
          </cell>
          <cell r="D129" t="str">
            <v/>
          </cell>
          <cell r="E129" t="str">
            <v/>
          </cell>
          <cell r="F129" t="str">
            <v/>
          </cell>
        </row>
        <row r="130">
          <cell r="B130">
            <v>128</v>
          </cell>
          <cell r="C130" t="str">
            <v/>
          </cell>
          <cell r="D130" t="str">
            <v/>
          </cell>
          <cell r="E130" t="str">
            <v/>
          </cell>
          <cell r="F130" t="str">
            <v/>
          </cell>
        </row>
        <row r="131">
          <cell r="B131">
            <v>129</v>
          </cell>
          <cell r="C131" t="str">
            <v/>
          </cell>
          <cell r="D131" t="str">
            <v/>
          </cell>
          <cell r="E131" t="str">
            <v/>
          </cell>
          <cell r="F131" t="str">
            <v/>
          </cell>
        </row>
        <row r="132">
          <cell r="B132">
            <v>130</v>
          </cell>
          <cell r="C132">
            <v>1</v>
          </cell>
          <cell r="D132">
            <v>2547</v>
          </cell>
          <cell r="E132">
            <v>7.13</v>
          </cell>
          <cell r="F132">
            <v>24</v>
          </cell>
        </row>
        <row r="133">
          <cell r="B133">
            <v>131</v>
          </cell>
          <cell r="C133">
            <v>1</v>
          </cell>
          <cell r="D133">
            <v>59</v>
          </cell>
          <cell r="E133">
            <v>16.131</v>
          </cell>
          <cell r="F133">
            <v>44</v>
          </cell>
        </row>
        <row r="134">
          <cell r="B134">
            <v>132</v>
          </cell>
          <cell r="C134" t="str">
            <v/>
          </cell>
          <cell r="D134" t="str">
            <v/>
          </cell>
          <cell r="E134" t="str">
            <v/>
          </cell>
          <cell r="F134" t="str">
            <v/>
          </cell>
        </row>
        <row r="135">
          <cell r="B135">
            <v>133</v>
          </cell>
          <cell r="C135" t="str">
            <v/>
          </cell>
          <cell r="D135" t="str">
            <v/>
          </cell>
          <cell r="E135" t="str">
            <v/>
          </cell>
          <cell r="F135" t="str">
            <v/>
          </cell>
        </row>
        <row r="136">
          <cell r="B136">
            <v>134</v>
          </cell>
          <cell r="C136" t="str">
            <v/>
          </cell>
          <cell r="D136" t="str">
            <v/>
          </cell>
          <cell r="E136" t="str">
            <v/>
          </cell>
          <cell r="F136" t="str">
            <v/>
          </cell>
        </row>
        <row r="137">
          <cell r="B137">
            <v>135</v>
          </cell>
          <cell r="C137" t="str">
            <v/>
          </cell>
          <cell r="D137" t="str">
            <v/>
          </cell>
          <cell r="E137" t="str">
            <v/>
          </cell>
          <cell r="F137" t="str">
            <v/>
          </cell>
        </row>
        <row r="138">
          <cell r="B138">
            <v>136</v>
          </cell>
          <cell r="C138" t="str">
            <v/>
          </cell>
          <cell r="D138" t="str">
            <v/>
          </cell>
          <cell r="E138" t="str">
            <v/>
          </cell>
          <cell r="F138" t="str">
            <v/>
          </cell>
        </row>
        <row r="139">
          <cell r="B139">
            <v>137</v>
          </cell>
          <cell r="C139" t="str">
            <v/>
          </cell>
          <cell r="D139" t="str">
            <v/>
          </cell>
          <cell r="E139" t="str">
            <v/>
          </cell>
          <cell r="F139" t="str">
            <v/>
          </cell>
        </row>
        <row r="140">
          <cell r="B140">
            <v>138</v>
          </cell>
          <cell r="C140" t="str">
            <v/>
          </cell>
          <cell r="D140" t="str">
            <v/>
          </cell>
          <cell r="E140" t="str">
            <v/>
          </cell>
          <cell r="F140" t="str">
            <v/>
          </cell>
        </row>
        <row r="141">
          <cell r="B141">
            <v>139</v>
          </cell>
          <cell r="C141" t="str">
            <v/>
          </cell>
          <cell r="D141" t="str">
            <v/>
          </cell>
          <cell r="E141" t="str">
            <v/>
          </cell>
          <cell r="F141" t="str">
            <v/>
          </cell>
        </row>
        <row r="142">
          <cell r="B142">
            <v>140</v>
          </cell>
          <cell r="C142" t="str">
            <v/>
          </cell>
          <cell r="D142" t="str">
            <v/>
          </cell>
          <cell r="E142" t="str">
            <v/>
          </cell>
          <cell r="F142" t="str">
            <v/>
          </cell>
        </row>
        <row r="143">
          <cell r="B143">
            <v>141</v>
          </cell>
          <cell r="C143">
            <v>1</v>
          </cell>
          <cell r="D143">
            <v>63</v>
          </cell>
          <cell r="E143">
            <v>2.141</v>
          </cell>
          <cell r="F143">
            <v>10</v>
          </cell>
        </row>
        <row r="144">
          <cell r="B144">
            <v>142</v>
          </cell>
          <cell r="C144">
            <v>1</v>
          </cell>
          <cell r="D144">
            <v>63</v>
          </cell>
          <cell r="E144">
            <v>2.1419999999999999</v>
          </cell>
          <cell r="F144">
            <v>11</v>
          </cell>
        </row>
        <row r="145">
          <cell r="B145">
            <v>143</v>
          </cell>
          <cell r="C145">
            <v>1</v>
          </cell>
          <cell r="D145">
            <v>563</v>
          </cell>
          <cell r="E145">
            <v>20.143000000000001</v>
          </cell>
          <cell r="F145">
            <v>55</v>
          </cell>
        </row>
        <row r="146">
          <cell r="B146">
            <v>144</v>
          </cell>
          <cell r="C146" t="str">
            <v/>
          </cell>
          <cell r="D146" t="str">
            <v/>
          </cell>
          <cell r="E146" t="str">
            <v/>
          </cell>
          <cell r="F146" t="str">
            <v/>
          </cell>
        </row>
        <row r="147">
          <cell r="B147">
            <v>145</v>
          </cell>
          <cell r="C147" t="str">
            <v/>
          </cell>
          <cell r="D147" t="str">
            <v/>
          </cell>
          <cell r="E147" t="str">
            <v/>
          </cell>
          <cell r="F147" t="str">
            <v/>
          </cell>
        </row>
        <row r="148">
          <cell r="B148">
            <v>146</v>
          </cell>
          <cell r="C148" t="str">
            <v/>
          </cell>
          <cell r="D148" t="str">
            <v/>
          </cell>
          <cell r="E148" t="str">
            <v/>
          </cell>
          <cell r="F148" t="str">
            <v/>
          </cell>
        </row>
        <row r="149">
          <cell r="B149">
            <v>147</v>
          </cell>
          <cell r="C149" t="str">
            <v/>
          </cell>
          <cell r="D149" t="str">
            <v/>
          </cell>
          <cell r="E149" t="str">
            <v/>
          </cell>
          <cell r="F149" t="str">
            <v/>
          </cell>
        </row>
        <row r="150">
          <cell r="B150">
            <v>148</v>
          </cell>
          <cell r="C150">
            <v>1</v>
          </cell>
          <cell r="D150">
            <v>128</v>
          </cell>
          <cell r="E150">
            <v>12.148</v>
          </cell>
          <cell r="F150">
            <v>35</v>
          </cell>
        </row>
        <row r="151">
          <cell r="B151">
            <v>149</v>
          </cell>
          <cell r="C151">
            <v>1</v>
          </cell>
          <cell r="D151" t="str">
            <v/>
          </cell>
          <cell r="E151" t="str">
            <v/>
          </cell>
          <cell r="F151" t="str">
            <v/>
          </cell>
        </row>
        <row r="152">
          <cell r="B152">
            <v>150</v>
          </cell>
          <cell r="C152">
            <v>1</v>
          </cell>
          <cell r="D152">
            <v>128</v>
          </cell>
          <cell r="E152">
            <v>12.15</v>
          </cell>
          <cell r="F152">
            <v>36</v>
          </cell>
        </row>
        <row r="153">
          <cell r="B153">
            <v>151</v>
          </cell>
          <cell r="C153">
            <v>1</v>
          </cell>
          <cell r="D153">
            <v>562</v>
          </cell>
          <cell r="E153">
            <v>38.151000000000003</v>
          </cell>
          <cell r="F153">
            <v>95</v>
          </cell>
        </row>
        <row r="154">
          <cell r="B154">
            <v>152</v>
          </cell>
          <cell r="C154">
            <v>1</v>
          </cell>
          <cell r="D154" t="str">
            <v>-</v>
          </cell>
          <cell r="E154" t="str">
            <v/>
          </cell>
          <cell r="F154" t="str">
            <v/>
          </cell>
        </row>
        <row r="155">
          <cell r="B155">
            <v>153</v>
          </cell>
          <cell r="C155">
            <v>1</v>
          </cell>
          <cell r="D155">
            <v>128</v>
          </cell>
          <cell r="E155">
            <v>12.153</v>
          </cell>
          <cell r="F155">
            <v>37</v>
          </cell>
        </row>
        <row r="156">
          <cell r="B156">
            <v>154</v>
          </cell>
          <cell r="C156">
            <v>1</v>
          </cell>
          <cell r="D156">
            <v>23</v>
          </cell>
          <cell r="E156">
            <v>26.154</v>
          </cell>
          <cell r="F156">
            <v>70</v>
          </cell>
        </row>
        <row r="157">
          <cell r="B157">
            <v>155</v>
          </cell>
          <cell r="C157">
            <v>1</v>
          </cell>
          <cell r="D157">
            <v>6</v>
          </cell>
          <cell r="E157">
            <v>26.155000000000001</v>
          </cell>
          <cell r="F157">
            <v>71</v>
          </cell>
        </row>
        <row r="158">
          <cell r="B158">
            <v>156</v>
          </cell>
          <cell r="C158" t="str">
            <v/>
          </cell>
          <cell r="D158" t="str">
            <v/>
          </cell>
          <cell r="E158" t="str">
            <v/>
          </cell>
          <cell r="F158" t="str">
            <v/>
          </cell>
        </row>
        <row r="159">
          <cell r="B159">
            <v>157</v>
          </cell>
          <cell r="C159" t="str">
            <v/>
          </cell>
          <cell r="D159" t="str">
            <v/>
          </cell>
          <cell r="E159" t="str">
            <v/>
          </cell>
          <cell r="F159" t="str">
            <v/>
          </cell>
        </row>
        <row r="160">
          <cell r="B160">
            <v>158</v>
          </cell>
          <cell r="C160" t="str">
            <v/>
          </cell>
          <cell r="D160" t="str">
            <v/>
          </cell>
          <cell r="E160" t="str">
            <v/>
          </cell>
          <cell r="F160" t="str">
            <v/>
          </cell>
        </row>
        <row r="161">
          <cell r="B161">
            <v>159</v>
          </cell>
          <cell r="C161" t="str">
            <v/>
          </cell>
          <cell r="D161" t="str">
            <v/>
          </cell>
          <cell r="E161" t="str">
            <v/>
          </cell>
          <cell r="F161" t="str">
            <v/>
          </cell>
        </row>
        <row r="162">
          <cell r="B162">
            <v>160</v>
          </cell>
          <cell r="C162" t="str">
            <v/>
          </cell>
          <cell r="D162" t="str">
            <v/>
          </cell>
          <cell r="E162" t="str">
            <v/>
          </cell>
          <cell r="F162" t="str">
            <v/>
          </cell>
        </row>
        <row r="163">
          <cell r="B163">
            <v>161</v>
          </cell>
          <cell r="C163" t="str">
            <v/>
          </cell>
          <cell r="D163" t="str">
            <v/>
          </cell>
          <cell r="E163" t="str">
            <v/>
          </cell>
          <cell r="F163" t="str">
            <v/>
          </cell>
        </row>
        <row r="164">
          <cell r="B164">
            <v>162</v>
          </cell>
          <cell r="C164" t="str">
            <v/>
          </cell>
          <cell r="D164" t="str">
            <v/>
          </cell>
          <cell r="E164" t="str">
            <v/>
          </cell>
          <cell r="F164" t="str">
            <v/>
          </cell>
        </row>
        <row r="165">
          <cell r="B165">
            <v>163</v>
          </cell>
          <cell r="C165" t="str">
            <v/>
          </cell>
          <cell r="D165" t="str">
            <v/>
          </cell>
          <cell r="E165" t="str">
            <v/>
          </cell>
          <cell r="F165" t="str">
            <v/>
          </cell>
        </row>
        <row r="166">
          <cell r="B166">
            <v>164</v>
          </cell>
          <cell r="C166" t="str">
            <v/>
          </cell>
          <cell r="D166" t="str">
            <v/>
          </cell>
          <cell r="E166" t="str">
            <v/>
          </cell>
          <cell r="F166" t="str">
            <v/>
          </cell>
        </row>
        <row r="167">
          <cell r="B167">
            <v>165</v>
          </cell>
          <cell r="C167" t="str">
            <v/>
          </cell>
          <cell r="D167" t="str">
            <v/>
          </cell>
          <cell r="E167" t="str">
            <v/>
          </cell>
          <cell r="F167" t="str">
            <v/>
          </cell>
        </row>
        <row r="168">
          <cell r="B168">
            <v>166</v>
          </cell>
          <cell r="C168" t="str">
            <v/>
          </cell>
          <cell r="D168" t="str">
            <v/>
          </cell>
          <cell r="E168" t="str">
            <v/>
          </cell>
          <cell r="F168" t="str">
            <v/>
          </cell>
        </row>
        <row r="169">
          <cell r="B169">
            <v>167</v>
          </cell>
          <cell r="C169" t="str">
            <v/>
          </cell>
          <cell r="D169" t="str">
            <v/>
          </cell>
          <cell r="E169" t="str">
            <v/>
          </cell>
          <cell r="F169" t="str">
            <v/>
          </cell>
        </row>
        <row r="170">
          <cell r="B170">
            <v>168</v>
          </cell>
          <cell r="C170" t="str">
            <v/>
          </cell>
          <cell r="D170" t="str">
            <v/>
          </cell>
          <cell r="E170" t="str">
            <v/>
          </cell>
          <cell r="F170" t="str">
            <v/>
          </cell>
        </row>
        <row r="171">
          <cell r="B171">
            <v>169</v>
          </cell>
          <cell r="C171" t="str">
            <v/>
          </cell>
          <cell r="D171" t="str">
            <v/>
          </cell>
          <cell r="E171" t="str">
            <v/>
          </cell>
          <cell r="F171" t="str">
            <v/>
          </cell>
        </row>
        <row r="172">
          <cell r="B172">
            <v>170</v>
          </cell>
          <cell r="C172" t="str">
            <v/>
          </cell>
          <cell r="D172" t="str">
            <v/>
          </cell>
          <cell r="E172" t="str">
            <v/>
          </cell>
          <cell r="F172" t="str">
            <v/>
          </cell>
        </row>
        <row r="173">
          <cell r="B173">
            <v>171</v>
          </cell>
          <cell r="C173">
            <v>1</v>
          </cell>
          <cell r="D173">
            <v>2094</v>
          </cell>
          <cell r="E173">
            <v>1.171</v>
          </cell>
          <cell r="F173">
            <v>4</v>
          </cell>
        </row>
        <row r="174">
          <cell r="B174">
            <v>172</v>
          </cell>
          <cell r="C174">
            <v>1</v>
          </cell>
          <cell r="D174">
            <v>3255</v>
          </cell>
          <cell r="E174">
            <v>16.172000000000001</v>
          </cell>
          <cell r="F174">
            <v>45</v>
          </cell>
        </row>
        <row r="175">
          <cell r="B175">
            <v>173</v>
          </cell>
          <cell r="C175" t="str">
            <v/>
          </cell>
          <cell r="D175" t="str">
            <v/>
          </cell>
          <cell r="E175" t="str">
            <v/>
          </cell>
          <cell r="F175" t="str">
            <v/>
          </cell>
        </row>
        <row r="176">
          <cell r="B176">
            <v>174</v>
          </cell>
          <cell r="C176">
            <v>1</v>
          </cell>
          <cell r="D176">
            <v>440</v>
          </cell>
          <cell r="E176">
            <v>4.1740000000000004</v>
          </cell>
          <cell r="F176">
            <v>15</v>
          </cell>
        </row>
        <row r="177">
          <cell r="B177">
            <v>175</v>
          </cell>
          <cell r="C177">
            <v>1</v>
          </cell>
          <cell r="D177">
            <v>4048</v>
          </cell>
          <cell r="E177">
            <v>30.175000000000001</v>
          </cell>
          <cell r="F177">
            <v>84</v>
          </cell>
        </row>
        <row r="178">
          <cell r="B178">
            <v>176</v>
          </cell>
          <cell r="C178">
            <v>1</v>
          </cell>
          <cell r="D178">
            <v>83</v>
          </cell>
          <cell r="E178">
            <v>25.175999999999998</v>
          </cell>
          <cell r="F178">
            <v>64</v>
          </cell>
        </row>
        <row r="179">
          <cell r="B179">
            <v>177</v>
          </cell>
          <cell r="C179">
            <v>1</v>
          </cell>
          <cell r="D179">
            <v>128</v>
          </cell>
          <cell r="E179">
            <v>12.177</v>
          </cell>
          <cell r="F179">
            <v>38</v>
          </cell>
        </row>
        <row r="180">
          <cell r="B180">
            <v>178</v>
          </cell>
          <cell r="C180">
            <v>1</v>
          </cell>
          <cell r="D180">
            <v>2350</v>
          </cell>
          <cell r="E180">
            <v>5.1779999999999999</v>
          </cell>
          <cell r="F180">
            <v>17</v>
          </cell>
        </row>
        <row r="181">
          <cell r="B181">
            <v>179</v>
          </cell>
          <cell r="C181" t="str">
            <v/>
          </cell>
          <cell r="D181" t="str">
            <v/>
          </cell>
          <cell r="E181" t="str">
            <v/>
          </cell>
          <cell r="F181" t="str">
            <v/>
          </cell>
        </row>
        <row r="182">
          <cell r="B182">
            <v>180</v>
          </cell>
          <cell r="C182" t="str">
            <v/>
          </cell>
          <cell r="D182" t="str">
            <v/>
          </cell>
          <cell r="E182" t="str">
            <v/>
          </cell>
          <cell r="F182" t="str">
            <v/>
          </cell>
        </row>
        <row r="183">
          <cell r="B183">
            <v>181</v>
          </cell>
          <cell r="C183" t="str">
            <v/>
          </cell>
          <cell r="D183" t="str">
            <v/>
          </cell>
          <cell r="E183" t="str">
            <v/>
          </cell>
          <cell r="F183" t="str">
            <v/>
          </cell>
        </row>
        <row r="184">
          <cell r="B184">
            <v>182</v>
          </cell>
          <cell r="C184" t="str">
            <v/>
          </cell>
          <cell r="D184" t="str">
            <v/>
          </cell>
          <cell r="E184" t="str">
            <v/>
          </cell>
          <cell r="F184" t="str">
            <v/>
          </cell>
        </row>
        <row r="185">
          <cell r="B185">
            <v>183</v>
          </cell>
          <cell r="C185">
            <v>1</v>
          </cell>
          <cell r="D185">
            <v>26</v>
          </cell>
          <cell r="E185">
            <v>15.183</v>
          </cell>
          <cell r="F185">
            <v>42</v>
          </cell>
        </row>
        <row r="186">
          <cell r="B186">
            <v>184</v>
          </cell>
          <cell r="C186">
            <v>1</v>
          </cell>
          <cell r="D186">
            <v>74</v>
          </cell>
          <cell r="E186">
            <v>20.184000000000001</v>
          </cell>
          <cell r="F186">
            <v>56</v>
          </cell>
        </row>
        <row r="187">
          <cell r="B187">
            <v>185</v>
          </cell>
          <cell r="C187">
            <v>1</v>
          </cell>
          <cell r="D187">
            <v>74</v>
          </cell>
          <cell r="E187">
            <v>20.184999999999999</v>
          </cell>
          <cell r="F187">
            <v>57</v>
          </cell>
        </row>
        <row r="188">
          <cell r="B188">
            <v>186</v>
          </cell>
          <cell r="C188" t="str">
            <v/>
          </cell>
          <cell r="D188" t="str">
            <v/>
          </cell>
          <cell r="E188" t="str">
            <v/>
          </cell>
          <cell r="F188" t="str">
            <v/>
          </cell>
        </row>
        <row r="189">
          <cell r="B189">
            <v>187</v>
          </cell>
          <cell r="C189" t="str">
            <v/>
          </cell>
          <cell r="D189" t="str">
            <v/>
          </cell>
          <cell r="E189" t="str">
            <v/>
          </cell>
          <cell r="F189" t="str">
            <v/>
          </cell>
        </row>
        <row r="190">
          <cell r="B190">
            <v>188</v>
          </cell>
          <cell r="C190" t="str">
            <v/>
          </cell>
          <cell r="D190" t="str">
            <v/>
          </cell>
          <cell r="E190" t="str">
            <v/>
          </cell>
          <cell r="F190" t="str">
            <v/>
          </cell>
        </row>
        <row r="191">
          <cell r="B191">
            <v>189</v>
          </cell>
          <cell r="C191" t="str">
            <v/>
          </cell>
          <cell r="D191" t="str">
            <v/>
          </cell>
          <cell r="E191" t="str">
            <v/>
          </cell>
          <cell r="F191" t="str">
            <v/>
          </cell>
        </row>
        <row r="192">
          <cell r="B192">
            <v>190</v>
          </cell>
          <cell r="C192" t="str">
            <v/>
          </cell>
          <cell r="D192" t="str">
            <v/>
          </cell>
          <cell r="E192" t="str">
            <v/>
          </cell>
          <cell r="F192" t="str">
            <v/>
          </cell>
        </row>
        <row r="193">
          <cell r="B193">
            <v>191</v>
          </cell>
          <cell r="C193" t="str">
            <v/>
          </cell>
          <cell r="D193" t="str">
            <v/>
          </cell>
          <cell r="E193" t="str">
            <v/>
          </cell>
          <cell r="F193" t="str">
            <v/>
          </cell>
        </row>
        <row r="194">
          <cell r="B194">
            <v>192</v>
          </cell>
          <cell r="C194">
            <v>1</v>
          </cell>
          <cell r="D194">
            <v>26</v>
          </cell>
          <cell r="E194">
            <v>15.192</v>
          </cell>
          <cell r="F194">
            <v>43</v>
          </cell>
        </row>
        <row r="195">
          <cell r="B195">
            <v>193</v>
          </cell>
          <cell r="C195">
            <v>1</v>
          </cell>
          <cell r="D195">
            <v>211</v>
          </cell>
          <cell r="E195">
            <v>28.193000000000001</v>
          </cell>
          <cell r="F195">
            <v>80</v>
          </cell>
        </row>
        <row r="196">
          <cell r="B196">
            <v>194</v>
          </cell>
          <cell r="C196">
            <v>1</v>
          </cell>
          <cell r="D196">
            <v>49</v>
          </cell>
          <cell r="E196">
            <v>11.194000000000001</v>
          </cell>
          <cell r="F196">
            <v>29</v>
          </cell>
        </row>
        <row r="197">
          <cell r="B197">
            <v>195</v>
          </cell>
          <cell r="C197">
            <v>1</v>
          </cell>
          <cell r="D197">
            <v>128</v>
          </cell>
          <cell r="E197">
            <v>12.195</v>
          </cell>
          <cell r="F197">
            <v>39</v>
          </cell>
        </row>
        <row r="198">
          <cell r="B198">
            <v>196</v>
          </cell>
          <cell r="C198">
            <v>1</v>
          </cell>
          <cell r="D198">
            <v>176</v>
          </cell>
          <cell r="E198">
            <v>6.1959999999999997</v>
          </cell>
          <cell r="F198">
            <v>21</v>
          </cell>
        </row>
        <row r="199">
          <cell r="B199">
            <v>197</v>
          </cell>
          <cell r="C199">
            <v>1</v>
          </cell>
          <cell r="D199">
            <v>408</v>
          </cell>
          <cell r="E199">
            <v>5.1970000000000001</v>
          </cell>
          <cell r="F199">
            <v>18</v>
          </cell>
        </row>
        <row r="200">
          <cell r="B200">
            <v>198</v>
          </cell>
          <cell r="C200" t="str">
            <v/>
          </cell>
          <cell r="D200" t="str">
            <v/>
          </cell>
          <cell r="E200" t="str">
            <v/>
          </cell>
          <cell r="F200" t="str">
            <v/>
          </cell>
        </row>
        <row r="201">
          <cell r="B201">
            <v>199</v>
          </cell>
          <cell r="C201">
            <v>1</v>
          </cell>
          <cell r="D201">
            <v>549</v>
          </cell>
          <cell r="E201">
            <v>1.1990000000000001</v>
          </cell>
          <cell r="F201">
            <v>5</v>
          </cell>
        </row>
        <row r="202">
          <cell r="B202">
            <v>200</v>
          </cell>
          <cell r="C202">
            <v>1</v>
          </cell>
          <cell r="D202">
            <v>579</v>
          </cell>
          <cell r="E202">
            <v>16.2</v>
          </cell>
          <cell r="F202">
            <v>46</v>
          </cell>
        </row>
        <row r="203">
          <cell r="B203">
            <v>201</v>
          </cell>
          <cell r="C203" t="str">
            <v/>
          </cell>
          <cell r="D203" t="str">
            <v/>
          </cell>
          <cell r="E203" t="str">
            <v/>
          </cell>
          <cell r="F203" t="str">
            <v/>
          </cell>
        </row>
        <row r="204">
          <cell r="B204">
            <v>202</v>
          </cell>
          <cell r="C204" t="str">
            <v/>
          </cell>
          <cell r="D204" t="str">
            <v/>
          </cell>
          <cell r="E204" t="str">
            <v/>
          </cell>
          <cell r="F204" t="str">
            <v/>
          </cell>
        </row>
        <row r="205">
          <cell r="B205">
            <v>203</v>
          </cell>
          <cell r="C205" t="str">
            <v/>
          </cell>
          <cell r="D205" t="str">
            <v/>
          </cell>
          <cell r="E205" t="str">
            <v/>
          </cell>
          <cell r="F205" t="str">
            <v/>
          </cell>
        </row>
        <row r="206">
          <cell r="B206">
            <v>204</v>
          </cell>
          <cell r="C206" t="str">
            <v/>
          </cell>
          <cell r="D206" t="str">
            <v/>
          </cell>
          <cell r="E206" t="str">
            <v/>
          </cell>
          <cell r="F206" t="str">
            <v/>
          </cell>
        </row>
        <row r="207">
          <cell r="B207">
            <v>205</v>
          </cell>
          <cell r="C207" t="str">
            <v/>
          </cell>
          <cell r="D207" t="str">
            <v/>
          </cell>
          <cell r="E207" t="str">
            <v/>
          </cell>
          <cell r="F207" t="str">
            <v/>
          </cell>
        </row>
        <row r="208">
          <cell r="B208">
            <v>206</v>
          </cell>
          <cell r="C208" t="str">
            <v/>
          </cell>
          <cell r="D208" t="str">
            <v/>
          </cell>
          <cell r="E208" t="str">
            <v/>
          </cell>
          <cell r="F208" t="str">
            <v/>
          </cell>
        </row>
        <row r="209">
          <cell r="B209">
            <v>207</v>
          </cell>
          <cell r="C209" t="str">
            <v/>
          </cell>
          <cell r="D209" t="str">
            <v/>
          </cell>
          <cell r="E209" t="str">
            <v/>
          </cell>
          <cell r="F209" t="str">
            <v/>
          </cell>
        </row>
        <row r="210">
          <cell r="B210">
            <v>208</v>
          </cell>
          <cell r="C210" t="str">
            <v/>
          </cell>
          <cell r="D210" t="str">
            <v/>
          </cell>
          <cell r="E210" t="str">
            <v/>
          </cell>
          <cell r="F210" t="str">
            <v/>
          </cell>
        </row>
        <row r="211">
          <cell r="B211">
            <v>209</v>
          </cell>
          <cell r="C211">
            <v>1</v>
          </cell>
          <cell r="D211">
            <v>211</v>
          </cell>
          <cell r="E211">
            <v>28.209</v>
          </cell>
          <cell r="F211">
            <v>81</v>
          </cell>
        </row>
        <row r="212">
          <cell r="B212">
            <v>210</v>
          </cell>
          <cell r="C212" t="str">
            <v/>
          </cell>
          <cell r="D212" t="str">
            <v/>
          </cell>
          <cell r="E212" t="str">
            <v/>
          </cell>
          <cell r="F212" t="str">
            <v/>
          </cell>
        </row>
        <row r="213">
          <cell r="B213">
            <v>211</v>
          </cell>
          <cell r="C213" t="str">
            <v/>
          </cell>
          <cell r="D213" t="str">
            <v/>
          </cell>
          <cell r="E213" t="str">
            <v/>
          </cell>
          <cell r="F213" t="str">
            <v/>
          </cell>
        </row>
        <row r="214">
          <cell r="B214">
            <v>212</v>
          </cell>
          <cell r="C214" t="str">
            <v/>
          </cell>
          <cell r="D214" t="str">
            <v/>
          </cell>
          <cell r="E214" t="str">
            <v/>
          </cell>
          <cell r="F214" t="str">
            <v/>
          </cell>
        </row>
        <row r="215">
          <cell r="B215">
            <v>213</v>
          </cell>
          <cell r="C215">
            <v>1</v>
          </cell>
          <cell r="D215">
            <v>226</v>
          </cell>
          <cell r="E215">
            <v>25.213000000000001</v>
          </cell>
          <cell r="F215">
            <v>65</v>
          </cell>
        </row>
        <row r="216">
          <cell r="B216">
            <v>214</v>
          </cell>
          <cell r="C216">
            <v>1</v>
          </cell>
          <cell r="D216">
            <v>4415</v>
          </cell>
          <cell r="E216">
            <v>40.213999999999999</v>
          </cell>
          <cell r="F216">
            <v>98</v>
          </cell>
        </row>
        <row r="217">
          <cell r="B217">
            <v>215</v>
          </cell>
          <cell r="C217">
            <v>1</v>
          </cell>
          <cell r="D217">
            <v>4237</v>
          </cell>
          <cell r="E217">
            <v>34.215000000000003</v>
          </cell>
          <cell r="F217">
            <v>92</v>
          </cell>
        </row>
        <row r="218">
          <cell r="B218">
            <v>216</v>
          </cell>
          <cell r="C218">
            <v>1</v>
          </cell>
          <cell r="D218">
            <v>2411</v>
          </cell>
          <cell r="E218">
            <v>6.2160000000000002</v>
          </cell>
          <cell r="F218">
            <v>22</v>
          </cell>
        </row>
        <row r="219">
          <cell r="B219">
            <v>217</v>
          </cell>
          <cell r="C219">
            <v>1</v>
          </cell>
          <cell r="D219">
            <v>3676</v>
          </cell>
          <cell r="E219">
            <v>22.216999999999999</v>
          </cell>
          <cell r="F219">
            <v>61</v>
          </cell>
        </row>
        <row r="220">
          <cell r="B220">
            <v>218</v>
          </cell>
          <cell r="C220">
            <v>1</v>
          </cell>
          <cell r="D220">
            <v>562</v>
          </cell>
          <cell r="E220">
            <v>38.218000000000004</v>
          </cell>
          <cell r="F220">
            <v>96</v>
          </cell>
        </row>
        <row r="221">
          <cell r="B221">
            <v>219</v>
          </cell>
          <cell r="C221">
            <v>1</v>
          </cell>
          <cell r="D221">
            <v>65</v>
          </cell>
          <cell r="E221">
            <v>27.219000000000001</v>
          </cell>
          <cell r="F221">
            <v>73</v>
          </cell>
        </row>
        <row r="222">
          <cell r="B222">
            <v>220</v>
          </cell>
          <cell r="C222">
            <v>1</v>
          </cell>
          <cell r="D222">
            <v>211</v>
          </cell>
          <cell r="E222">
            <v>28.22</v>
          </cell>
          <cell r="F222">
            <v>82</v>
          </cell>
        </row>
        <row r="223">
          <cell r="B223">
            <v>221</v>
          </cell>
          <cell r="C223" t="str">
            <v/>
          </cell>
          <cell r="D223" t="str">
            <v/>
          </cell>
          <cell r="E223" t="str">
            <v/>
          </cell>
          <cell r="F223" t="str">
            <v/>
          </cell>
        </row>
        <row r="224">
          <cell r="B224">
            <v>222</v>
          </cell>
          <cell r="C224" t="str">
            <v/>
          </cell>
          <cell r="D224" t="str">
            <v/>
          </cell>
          <cell r="E224" t="str">
            <v/>
          </cell>
          <cell r="F224" t="str">
            <v/>
          </cell>
        </row>
        <row r="225">
          <cell r="B225">
            <v>223</v>
          </cell>
          <cell r="C225" t="str">
            <v/>
          </cell>
          <cell r="D225" t="str">
            <v/>
          </cell>
          <cell r="E225" t="str">
            <v/>
          </cell>
          <cell r="F225" t="str">
            <v/>
          </cell>
        </row>
        <row r="226">
          <cell r="B226">
            <v>224</v>
          </cell>
          <cell r="C226">
            <v>1</v>
          </cell>
          <cell r="D226">
            <v>581</v>
          </cell>
          <cell r="E226">
            <v>19.224</v>
          </cell>
          <cell r="F226">
            <v>50</v>
          </cell>
        </row>
        <row r="227">
          <cell r="B227">
            <v>225</v>
          </cell>
          <cell r="C227">
            <v>1</v>
          </cell>
          <cell r="D227">
            <v>287</v>
          </cell>
          <cell r="E227">
            <v>2.2250000000000001</v>
          </cell>
          <cell r="F227">
            <v>12</v>
          </cell>
        </row>
        <row r="228">
          <cell r="B228">
            <v>226</v>
          </cell>
          <cell r="C228" t="str">
            <v/>
          </cell>
          <cell r="D228" t="str">
            <v/>
          </cell>
          <cell r="E228" t="str">
            <v/>
          </cell>
          <cell r="F228" t="str">
            <v/>
          </cell>
        </row>
        <row r="229">
          <cell r="B229">
            <v>227</v>
          </cell>
          <cell r="C229" t="str">
            <v/>
          </cell>
          <cell r="D229" t="str">
            <v/>
          </cell>
          <cell r="E229" t="str">
            <v/>
          </cell>
          <cell r="F229" t="str">
            <v/>
          </cell>
        </row>
        <row r="230">
          <cell r="B230">
            <v>228</v>
          </cell>
          <cell r="C230" t="str">
            <v/>
          </cell>
          <cell r="D230" t="str">
            <v/>
          </cell>
          <cell r="E230" t="str">
            <v/>
          </cell>
          <cell r="F230" t="str">
            <v/>
          </cell>
        </row>
        <row r="231">
          <cell r="B231">
            <v>229</v>
          </cell>
          <cell r="C231" t="str">
            <v/>
          </cell>
          <cell r="D231" t="str">
            <v/>
          </cell>
          <cell r="E231" t="str">
            <v/>
          </cell>
          <cell r="F231" t="str">
            <v/>
          </cell>
        </row>
        <row r="232">
          <cell r="B232">
            <v>230</v>
          </cell>
          <cell r="C232" t="str">
            <v/>
          </cell>
          <cell r="D232" t="str">
            <v/>
          </cell>
          <cell r="E232" t="str">
            <v/>
          </cell>
          <cell r="F232" t="str">
            <v/>
          </cell>
        </row>
        <row r="233">
          <cell r="B233">
            <v>231</v>
          </cell>
          <cell r="C233" t="str">
            <v/>
          </cell>
          <cell r="D233" t="str">
            <v/>
          </cell>
          <cell r="E233" t="str">
            <v/>
          </cell>
          <cell r="F233" t="str">
            <v/>
          </cell>
        </row>
        <row r="234">
          <cell r="B234">
            <v>232</v>
          </cell>
          <cell r="C234" t="str">
            <v/>
          </cell>
          <cell r="D234" t="str">
            <v/>
          </cell>
          <cell r="E234" t="str">
            <v/>
          </cell>
          <cell r="F234" t="str">
            <v/>
          </cell>
        </row>
        <row r="235">
          <cell r="B235">
            <v>233</v>
          </cell>
          <cell r="C235" t="str">
            <v/>
          </cell>
          <cell r="D235" t="str">
            <v/>
          </cell>
          <cell r="E235" t="str">
            <v/>
          </cell>
          <cell r="F235" t="str">
            <v/>
          </cell>
        </row>
        <row r="236">
          <cell r="B236">
            <v>234</v>
          </cell>
          <cell r="C236" t="str">
            <v/>
          </cell>
          <cell r="D236" t="str">
            <v/>
          </cell>
          <cell r="E236" t="str">
            <v/>
          </cell>
          <cell r="F236" t="str">
            <v/>
          </cell>
        </row>
        <row r="237">
          <cell r="B237">
            <v>235</v>
          </cell>
          <cell r="C237" t="str">
            <v/>
          </cell>
          <cell r="D237" t="str">
            <v/>
          </cell>
          <cell r="E237" t="str">
            <v/>
          </cell>
          <cell r="F237" t="str">
            <v/>
          </cell>
        </row>
        <row r="238">
          <cell r="B238">
            <v>236</v>
          </cell>
          <cell r="C238" t="str">
            <v/>
          </cell>
          <cell r="D238" t="str">
            <v/>
          </cell>
          <cell r="E238" t="str">
            <v/>
          </cell>
          <cell r="F238" t="str">
            <v/>
          </cell>
        </row>
        <row r="239">
          <cell r="B239">
            <v>237</v>
          </cell>
          <cell r="C239" t="str">
            <v/>
          </cell>
          <cell r="D239" t="str">
            <v/>
          </cell>
          <cell r="E239" t="str">
            <v/>
          </cell>
          <cell r="F239" t="str">
            <v/>
          </cell>
        </row>
        <row r="240">
          <cell r="B240">
            <v>238</v>
          </cell>
          <cell r="C240" t="str">
            <v/>
          </cell>
          <cell r="D240" t="str">
            <v/>
          </cell>
          <cell r="E240" t="str">
            <v/>
          </cell>
          <cell r="F240" t="str">
            <v/>
          </cell>
        </row>
        <row r="241">
          <cell r="B241">
            <v>239</v>
          </cell>
          <cell r="C241" t="str">
            <v/>
          </cell>
          <cell r="D241" t="str">
            <v/>
          </cell>
          <cell r="E241" t="str">
            <v/>
          </cell>
          <cell r="F241" t="str">
            <v/>
          </cell>
        </row>
        <row r="242">
          <cell r="B242">
            <v>240</v>
          </cell>
          <cell r="C242" t="str">
            <v/>
          </cell>
          <cell r="D242" t="str">
            <v/>
          </cell>
          <cell r="E242" t="str">
            <v/>
          </cell>
          <cell r="F242" t="str">
            <v/>
          </cell>
        </row>
        <row r="243">
          <cell r="B243">
            <v>241</v>
          </cell>
          <cell r="C243" t="str">
            <v/>
          </cell>
          <cell r="D243" t="str">
            <v/>
          </cell>
          <cell r="E243" t="str">
            <v/>
          </cell>
          <cell r="F243" t="str">
            <v/>
          </cell>
        </row>
        <row r="244">
          <cell r="B244">
            <v>242</v>
          </cell>
          <cell r="C244">
            <v>1</v>
          </cell>
          <cell r="D244" t="str">
            <v>-</v>
          </cell>
          <cell r="E244" t="str">
            <v/>
          </cell>
          <cell r="F244" t="str">
            <v/>
          </cell>
        </row>
        <row r="245">
          <cell r="B245">
            <v>243</v>
          </cell>
          <cell r="C245">
            <v>1</v>
          </cell>
          <cell r="D245">
            <v>211</v>
          </cell>
          <cell r="E245">
            <v>28.242999999999999</v>
          </cell>
          <cell r="F245">
            <v>83</v>
          </cell>
        </row>
        <row r="246">
          <cell r="B246">
            <v>244</v>
          </cell>
          <cell r="C246" t="str">
            <v/>
          </cell>
          <cell r="D246" t="str">
            <v/>
          </cell>
          <cell r="E246" t="str">
            <v/>
          </cell>
          <cell r="F246" t="str">
            <v/>
          </cell>
        </row>
        <row r="247">
          <cell r="B247">
            <v>245</v>
          </cell>
          <cell r="C247" t="str">
            <v/>
          </cell>
          <cell r="D247" t="str">
            <v/>
          </cell>
          <cell r="E247" t="str">
            <v/>
          </cell>
          <cell r="F247" t="str">
            <v/>
          </cell>
        </row>
        <row r="248">
          <cell r="B248">
            <v>246</v>
          </cell>
          <cell r="C248" t="str">
            <v/>
          </cell>
          <cell r="D248" t="str">
            <v/>
          </cell>
          <cell r="E248" t="str">
            <v/>
          </cell>
          <cell r="F248" t="str">
            <v/>
          </cell>
        </row>
        <row r="249">
          <cell r="B249">
            <v>247</v>
          </cell>
          <cell r="C249" t="str">
            <v/>
          </cell>
          <cell r="D249" t="str">
            <v/>
          </cell>
          <cell r="E249" t="str">
            <v/>
          </cell>
          <cell r="F249" t="str">
            <v/>
          </cell>
        </row>
        <row r="250">
          <cell r="B250">
            <v>248</v>
          </cell>
          <cell r="C250" t="str">
            <v/>
          </cell>
          <cell r="D250" t="str">
            <v/>
          </cell>
          <cell r="E250" t="str">
            <v/>
          </cell>
          <cell r="F250" t="str">
            <v/>
          </cell>
        </row>
        <row r="251">
          <cell r="B251">
            <v>249</v>
          </cell>
          <cell r="C251" t="str">
            <v/>
          </cell>
          <cell r="D251" t="str">
            <v/>
          </cell>
          <cell r="E251" t="str">
            <v/>
          </cell>
          <cell r="F251" t="str">
            <v/>
          </cell>
        </row>
        <row r="252">
          <cell r="B252">
            <v>250</v>
          </cell>
          <cell r="C252">
            <v>1</v>
          </cell>
          <cell r="D252">
            <v>411</v>
          </cell>
          <cell r="E252">
            <v>32.25</v>
          </cell>
          <cell r="F252">
            <v>91</v>
          </cell>
        </row>
        <row r="253">
          <cell r="B253">
            <v>251</v>
          </cell>
          <cell r="C253" t="str">
            <v/>
          </cell>
          <cell r="D253" t="str">
            <v/>
          </cell>
          <cell r="E253" t="str">
            <v/>
          </cell>
          <cell r="F253" t="str">
            <v/>
          </cell>
        </row>
        <row r="254">
          <cell r="B254">
            <v>252</v>
          </cell>
          <cell r="C254" t="str">
            <v/>
          </cell>
          <cell r="D254" t="str">
            <v/>
          </cell>
          <cell r="E254" t="str">
            <v/>
          </cell>
          <cell r="F254" t="str">
            <v/>
          </cell>
        </row>
        <row r="255">
          <cell r="B255">
            <v>253</v>
          </cell>
          <cell r="C255" t="str">
            <v/>
          </cell>
          <cell r="D255" t="str">
            <v/>
          </cell>
          <cell r="E255" t="str">
            <v/>
          </cell>
          <cell r="F255" t="str">
            <v/>
          </cell>
        </row>
        <row r="256">
          <cell r="B256">
            <v>254</v>
          </cell>
          <cell r="C256" t="str">
            <v/>
          </cell>
          <cell r="D256" t="str">
            <v/>
          </cell>
          <cell r="E256" t="str">
            <v/>
          </cell>
          <cell r="F256" t="str">
            <v/>
          </cell>
        </row>
        <row r="257">
          <cell r="B257">
            <v>255</v>
          </cell>
          <cell r="C257" t="str">
            <v/>
          </cell>
          <cell r="D257" t="str">
            <v/>
          </cell>
          <cell r="E257" t="str">
            <v/>
          </cell>
          <cell r="F257" t="str">
            <v/>
          </cell>
        </row>
        <row r="258">
          <cell r="B258">
            <v>256</v>
          </cell>
          <cell r="C258" t="str">
            <v/>
          </cell>
          <cell r="D258" t="str">
            <v/>
          </cell>
          <cell r="E258" t="str">
            <v/>
          </cell>
          <cell r="F258" t="str">
            <v/>
          </cell>
        </row>
        <row r="259">
          <cell r="B259">
            <v>257</v>
          </cell>
          <cell r="C259">
            <v>1</v>
          </cell>
          <cell r="D259">
            <v>474</v>
          </cell>
          <cell r="E259">
            <v>11.257</v>
          </cell>
          <cell r="F259">
            <v>30</v>
          </cell>
        </row>
        <row r="260">
          <cell r="B260">
            <v>258</v>
          </cell>
          <cell r="C260" t="str">
            <v/>
          </cell>
          <cell r="D260" t="str">
            <v/>
          </cell>
          <cell r="E260" t="str">
            <v/>
          </cell>
          <cell r="F260" t="str">
            <v/>
          </cell>
        </row>
        <row r="261">
          <cell r="B261">
            <v>259</v>
          </cell>
          <cell r="C261">
            <v>1</v>
          </cell>
          <cell r="D261">
            <v>573</v>
          </cell>
          <cell r="E261">
            <v>20.259</v>
          </cell>
          <cell r="F261">
            <v>58</v>
          </cell>
        </row>
        <row r="262">
          <cell r="B262">
            <v>260</v>
          </cell>
          <cell r="C262" t="str">
            <v/>
          </cell>
          <cell r="D262" t="str">
            <v/>
          </cell>
          <cell r="E262" t="str">
            <v/>
          </cell>
          <cell r="F262" t="str">
            <v/>
          </cell>
        </row>
        <row r="263">
          <cell r="B263">
            <v>261</v>
          </cell>
          <cell r="C263">
            <v>1</v>
          </cell>
          <cell r="D263">
            <v>314</v>
          </cell>
          <cell r="E263">
            <v>1.2610000000000001</v>
          </cell>
          <cell r="F263">
            <v>6</v>
          </cell>
        </row>
        <row r="264">
          <cell r="B264">
            <v>262</v>
          </cell>
          <cell r="C264">
            <v>1</v>
          </cell>
          <cell r="D264">
            <v>563</v>
          </cell>
          <cell r="E264">
            <v>20.262</v>
          </cell>
          <cell r="F264">
            <v>59</v>
          </cell>
        </row>
        <row r="265">
          <cell r="B265">
            <v>263</v>
          </cell>
          <cell r="C265" t="str">
            <v/>
          </cell>
          <cell r="D265" t="str">
            <v/>
          </cell>
          <cell r="E265" t="str">
            <v/>
          </cell>
          <cell r="F265" t="str">
            <v/>
          </cell>
        </row>
        <row r="266">
          <cell r="B266">
            <v>264</v>
          </cell>
          <cell r="C266" t="str">
            <v/>
          </cell>
          <cell r="D266" t="str">
            <v/>
          </cell>
          <cell r="E266" t="str">
            <v/>
          </cell>
          <cell r="F266" t="str">
            <v/>
          </cell>
        </row>
        <row r="267">
          <cell r="B267">
            <v>265</v>
          </cell>
          <cell r="C267">
            <v>1</v>
          </cell>
          <cell r="D267">
            <v>550</v>
          </cell>
          <cell r="E267">
            <v>27.265000000000001</v>
          </cell>
          <cell r="F267">
            <v>74</v>
          </cell>
        </row>
        <row r="268">
          <cell r="B268">
            <v>266</v>
          </cell>
          <cell r="C268" t="str">
            <v/>
          </cell>
          <cell r="D268" t="str">
            <v/>
          </cell>
          <cell r="E268" t="str">
            <v/>
          </cell>
          <cell r="F268" t="str">
            <v/>
          </cell>
        </row>
        <row r="269">
          <cell r="B269">
            <v>267</v>
          </cell>
          <cell r="C269" t="str">
            <v/>
          </cell>
          <cell r="D269" t="str">
            <v/>
          </cell>
          <cell r="E269" t="str">
            <v/>
          </cell>
          <cell r="F269" t="str">
            <v/>
          </cell>
        </row>
        <row r="270">
          <cell r="B270">
            <v>268</v>
          </cell>
          <cell r="C270" t="str">
            <v/>
          </cell>
          <cell r="D270" t="str">
            <v/>
          </cell>
          <cell r="E270" t="str">
            <v/>
          </cell>
          <cell r="F270" t="str">
            <v/>
          </cell>
        </row>
        <row r="271">
          <cell r="B271">
            <v>269</v>
          </cell>
          <cell r="C271" t="str">
            <v/>
          </cell>
          <cell r="D271" t="str">
            <v/>
          </cell>
          <cell r="E271" t="str">
            <v/>
          </cell>
          <cell r="F271" t="str">
            <v/>
          </cell>
        </row>
        <row r="272">
          <cell r="B272">
            <v>270</v>
          </cell>
          <cell r="C272" t="str">
            <v/>
          </cell>
          <cell r="D272" t="str">
            <v/>
          </cell>
          <cell r="E272" t="str">
            <v/>
          </cell>
          <cell r="F272" t="str">
            <v/>
          </cell>
        </row>
        <row r="273">
          <cell r="B273">
            <v>271</v>
          </cell>
          <cell r="C273" t="str">
            <v/>
          </cell>
          <cell r="D273" t="str">
            <v/>
          </cell>
          <cell r="E273" t="str">
            <v/>
          </cell>
          <cell r="F273" t="str">
            <v/>
          </cell>
        </row>
        <row r="274">
          <cell r="B274">
            <v>272</v>
          </cell>
          <cell r="C274" t="str">
            <v/>
          </cell>
          <cell r="D274" t="str">
            <v/>
          </cell>
          <cell r="E274" t="str">
            <v/>
          </cell>
          <cell r="F274" t="str">
            <v/>
          </cell>
        </row>
        <row r="275">
          <cell r="B275">
            <v>273</v>
          </cell>
          <cell r="C275" t="str">
            <v/>
          </cell>
          <cell r="D275" t="str">
            <v/>
          </cell>
          <cell r="E275" t="str">
            <v/>
          </cell>
          <cell r="F275" t="str">
            <v/>
          </cell>
        </row>
        <row r="276">
          <cell r="B276">
            <v>274</v>
          </cell>
          <cell r="C276" t="str">
            <v/>
          </cell>
          <cell r="D276" t="str">
            <v/>
          </cell>
          <cell r="E276" t="str">
            <v/>
          </cell>
          <cell r="F276" t="str">
            <v/>
          </cell>
        </row>
        <row r="277">
          <cell r="B277">
            <v>275</v>
          </cell>
          <cell r="C277" t="str">
            <v/>
          </cell>
          <cell r="D277" t="str">
            <v/>
          </cell>
          <cell r="E277" t="str">
            <v/>
          </cell>
          <cell r="F277" t="str">
            <v/>
          </cell>
        </row>
        <row r="278">
          <cell r="B278">
            <v>276</v>
          </cell>
          <cell r="C278" t="str">
            <v/>
          </cell>
          <cell r="D278" t="str">
            <v/>
          </cell>
          <cell r="E278" t="str">
            <v/>
          </cell>
          <cell r="F278" t="str">
            <v/>
          </cell>
        </row>
        <row r="279">
          <cell r="B279">
            <v>277</v>
          </cell>
          <cell r="C279" t="str">
            <v/>
          </cell>
          <cell r="D279" t="str">
            <v/>
          </cell>
          <cell r="E279" t="str">
            <v/>
          </cell>
          <cell r="F279" t="str">
            <v/>
          </cell>
        </row>
        <row r="280">
          <cell r="B280">
            <v>278</v>
          </cell>
          <cell r="C280">
            <v>1</v>
          </cell>
          <cell r="D280">
            <v>306</v>
          </cell>
          <cell r="E280">
            <v>27.277999999999999</v>
          </cell>
          <cell r="F280">
            <v>75</v>
          </cell>
        </row>
        <row r="281">
          <cell r="B281">
            <v>279</v>
          </cell>
          <cell r="C281" t="str">
            <v/>
          </cell>
          <cell r="D281" t="str">
            <v/>
          </cell>
          <cell r="E281" t="str">
            <v/>
          </cell>
          <cell r="F281" t="str">
            <v/>
          </cell>
        </row>
        <row r="282">
          <cell r="B282">
            <v>280</v>
          </cell>
          <cell r="C282" t="str">
            <v/>
          </cell>
          <cell r="D282" t="str">
            <v/>
          </cell>
          <cell r="E282" t="str">
            <v/>
          </cell>
          <cell r="F282" t="str">
            <v/>
          </cell>
        </row>
        <row r="283">
          <cell r="B283">
            <v>281</v>
          </cell>
          <cell r="C283" t="str">
            <v/>
          </cell>
          <cell r="D283" t="str">
            <v/>
          </cell>
          <cell r="E283" t="str">
            <v/>
          </cell>
          <cell r="F283" t="str">
            <v/>
          </cell>
        </row>
        <row r="284">
          <cell r="B284">
            <v>282</v>
          </cell>
          <cell r="C284" t="str">
            <v/>
          </cell>
          <cell r="D284" t="str">
            <v/>
          </cell>
          <cell r="E284" t="str">
            <v/>
          </cell>
          <cell r="F284" t="str">
            <v/>
          </cell>
        </row>
        <row r="285">
          <cell r="B285">
            <v>283</v>
          </cell>
          <cell r="C285" t="str">
            <v/>
          </cell>
          <cell r="D285" t="str">
            <v/>
          </cell>
          <cell r="E285" t="str">
            <v/>
          </cell>
          <cell r="F285" t="str">
            <v/>
          </cell>
        </row>
        <row r="286">
          <cell r="B286">
            <v>284</v>
          </cell>
          <cell r="C286" t="str">
            <v/>
          </cell>
          <cell r="D286" t="str">
            <v/>
          </cell>
          <cell r="E286" t="str">
            <v/>
          </cell>
          <cell r="F286" t="str">
            <v/>
          </cell>
        </row>
        <row r="287">
          <cell r="B287">
            <v>285</v>
          </cell>
          <cell r="C287" t="str">
            <v/>
          </cell>
          <cell r="D287" t="str">
            <v/>
          </cell>
          <cell r="E287" t="str">
            <v/>
          </cell>
          <cell r="F287" t="str">
            <v/>
          </cell>
        </row>
        <row r="288">
          <cell r="B288">
            <v>286</v>
          </cell>
          <cell r="C288" t="str">
            <v/>
          </cell>
          <cell r="D288" t="str">
            <v/>
          </cell>
          <cell r="E288" t="str">
            <v/>
          </cell>
          <cell r="F288" t="str">
            <v/>
          </cell>
        </row>
        <row r="289">
          <cell r="B289">
            <v>287</v>
          </cell>
          <cell r="C289">
            <v>1</v>
          </cell>
          <cell r="D289">
            <v>4071</v>
          </cell>
          <cell r="E289">
            <v>31.286999999999999</v>
          </cell>
          <cell r="F289">
            <v>86</v>
          </cell>
        </row>
        <row r="290">
          <cell r="B290">
            <v>288</v>
          </cell>
          <cell r="C290">
            <v>1</v>
          </cell>
          <cell r="D290">
            <v>4237</v>
          </cell>
          <cell r="E290">
            <v>34.287999999999997</v>
          </cell>
          <cell r="F290">
            <v>93</v>
          </cell>
        </row>
        <row r="291">
          <cell r="B291">
            <v>289</v>
          </cell>
          <cell r="C291">
            <v>1</v>
          </cell>
          <cell r="D291">
            <v>63</v>
          </cell>
          <cell r="E291">
            <v>2.2890000000000001</v>
          </cell>
          <cell r="F291">
            <v>13</v>
          </cell>
        </row>
        <row r="292">
          <cell r="B292">
            <v>290</v>
          </cell>
          <cell r="C292" t="str">
            <v/>
          </cell>
          <cell r="D292" t="str">
            <v/>
          </cell>
          <cell r="E292" t="str">
            <v/>
          </cell>
          <cell r="F292" t="str">
            <v/>
          </cell>
        </row>
        <row r="293">
          <cell r="B293">
            <v>291</v>
          </cell>
          <cell r="C293" t="str">
            <v/>
          </cell>
          <cell r="D293" t="str">
            <v/>
          </cell>
          <cell r="E293" t="str">
            <v/>
          </cell>
          <cell r="F293" t="str">
            <v/>
          </cell>
        </row>
        <row r="294">
          <cell r="B294">
            <v>292</v>
          </cell>
          <cell r="C294" t="str">
            <v/>
          </cell>
          <cell r="D294" t="str">
            <v/>
          </cell>
          <cell r="E294" t="str">
            <v/>
          </cell>
          <cell r="F294" t="str">
            <v/>
          </cell>
        </row>
        <row r="295">
          <cell r="B295">
            <v>293</v>
          </cell>
          <cell r="C295" t="str">
            <v/>
          </cell>
          <cell r="D295" t="str">
            <v/>
          </cell>
          <cell r="E295" t="str">
            <v/>
          </cell>
          <cell r="F295" t="str">
            <v/>
          </cell>
        </row>
        <row r="296">
          <cell r="B296">
            <v>294</v>
          </cell>
          <cell r="C296" t="str">
            <v/>
          </cell>
          <cell r="D296" t="str">
            <v/>
          </cell>
          <cell r="E296" t="str">
            <v/>
          </cell>
          <cell r="F296" t="str">
            <v/>
          </cell>
        </row>
        <row r="297">
          <cell r="B297">
            <v>295</v>
          </cell>
          <cell r="C297" t="str">
            <v/>
          </cell>
          <cell r="D297" t="str">
            <v/>
          </cell>
          <cell r="E297" t="str">
            <v/>
          </cell>
          <cell r="F297" t="str">
            <v/>
          </cell>
        </row>
        <row r="298">
          <cell r="B298">
            <v>296</v>
          </cell>
          <cell r="C298" t="str">
            <v/>
          </cell>
          <cell r="D298" t="str">
            <v/>
          </cell>
          <cell r="E298" t="str">
            <v/>
          </cell>
          <cell r="F298" t="str">
            <v/>
          </cell>
        </row>
        <row r="299">
          <cell r="B299">
            <v>297</v>
          </cell>
          <cell r="C299" t="str">
            <v/>
          </cell>
          <cell r="D299" t="str">
            <v/>
          </cell>
          <cell r="E299" t="str">
            <v/>
          </cell>
          <cell r="F299" t="str">
            <v/>
          </cell>
        </row>
        <row r="300">
          <cell r="B300">
            <v>298</v>
          </cell>
          <cell r="C300">
            <v>1</v>
          </cell>
          <cell r="D300">
            <v>10</v>
          </cell>
          <cell r="E300">
            <v>21.297999999999998</v>
          </cell>
          <cell r="F300">
            <v>60</v>
          </cell>
        </row>
        <row r="301">
          <cell r="B301">
            <v>299</v>
          </cell>
          <cell r="C301" t="str">
            <v/>
          </cell>
          <cell r="D301" t="str">
            <v/>
          </cell>
          <cell r="E301" t="str">
            <v/>
          </cell>
          <cell r="F301" t="str">
            <v/>
          </cell>
        </row>
        <row r="302">
          <cell r="B302">
            <v>300</v>
          </cell>
          <cell r="C302" t="str">
            <v/>
          </cell>
          <cell r="D302" t="str">
            <v/>
          </cell>
          <cell r="E302" t="str">
            <v/>
          </cell>
          <cell r="F302" t="str">
            <v/>
          </cell>
        </row>
        <row r="303">
          <cell r="B303">
            <v>301</v>
          </cell>
          <cell r="C303" t="str">
            <v/>
          </cell>
          <cell r="D303" t="str">
            <v/>
          </cell>
          <cell r="E303" t="str">
            <v/>
          </cell>
          <cell r="F303" t="str">
            <v/>
          </cell>
        </row>
        <row r="304">
          <cell r="B304">
            <v>302</v>
          </cell>
          <cell r="C304" t="str">
            <v/>
          </cell>
          <cell r="D304" t="str">
            <v/>
          </cell>
          <cell r="E304" t="str">
            <v/>
          </cell>
          <cell r="F304" t="str">
            <v/>
          </cell>
        </row>
        <row r="305">
          <cell r="B305">
            <v>303</v>
          </cell>
          <cell r="C305" t="str">
            <v/>
          </cell>
          <cell r="D305" t="str">
            <v/>
          </cell>
          <cell r="E305" t="str">
            <v/>
          </cell>
          <cell r="F305" t="str">
            <v/>
          </cell>
        </row>
        <row r="306">
          <cell r="B306">
            <v>304</v>
          </cell>
          <cell r="C306" t="str">
            <v/>
          </cell>
          <cell r="D306" t="str">
            <v/>
          </cell>
          <cell r="E306" t="str">
            <v/>
          </cell>
          <cell r="F306" t="str">
            <v/>
          </cell>
        </row>
        <row r="307">
          <cell r="B307">
            <v>305</v>
          </cell>
          <cell r="C307" t="str">
            <v/>
          </cell>
          <cell r="D307" t="str">
            <v/>
          </cell>
          <cell r="E307" t="str">
            <v/>
          </cell>
          <cell r="F307" t="str">
            <v/>
          </cell>
        </row>
        <row r="308">
          <cell r="B308">
            <v>306</v>
          </cell>
          <cell r="C308" t="str">
            <v/>
          </cell>
          <cell r="D308" t="str">
            <v/>
          </cell>
          <cell r="E308" t="str">
            <v/>
          </cell>
          <cell r="F308" t="str">
            <v/>
          </cell>
        </row>
        <row r="309">
          <cell r="B309">
            <v>307</v>
          </cell>
          <cell r="C309" t="str">
            <v/>
          </cell>
          <cell r="D309" t="str">
            <v/>
          </cell>
          <cell r="E309" t="str">
            <v/>
          </cell>
          <cell r="F309" t="str">
            <v/>
          </cell>
        </row>
        <row r="310">
          <cell r="B310">
            <v>308</v>
          </cell>
          <cell r="C310" t="str">
            <v/>
          </cell>
          <cell r="D310" t="str">
            <v/>
          </cell>
          <cell r="E310" t="str">
            <v/>
          </cell>
          <cell r="F310" t="str">
            <v/>
          </cell>
        </row>
        <row r="311">
          <cell r="B311">
            <v>309</v>
          </cell>
          <cell r="C311">
            <v>1</v>
          </cell>
          <cell r="D311">
            <v>95</v>
          </cell>
          <cell r="E311">
            <v>27.309000000000001</v>
          </cell>
          <cell r="F311">
            <v>76</v>
          </cell>
        </row>
        <row r="312">
          <cell r="B312">
            <v>310</v>
          </cell>
          <cell r="C312" t="str">
            <v/>
          </cell>
          <cell r="D312" t="str">
            <v/>
          </cell>
          <cell r="E312" t="str">
            <v/>
          </cell>
          <cell r="F312" t="str">
            <v/>
          </cell>
        </row>
        <row r="313">
          <cell r="B313">
            <v>311</v>
          </cell>
          <cell r="C313" t="str">
            <v/>
          </cell>
          <cell r="D313" t="str">
            <v/>
          </cell>
          <cell r="E313" t="str">
            <v/>
          </cell>
          <cell r="F313" t="str">
            <v/>
          </cell>
        </row>
        <row r="314">
          <cell r="B314">
            <v>312</v>
          </cell>
          <cell r="C314" t="str">
            <v/>
          </cell>
          <cell r="D314" t="str">
            <v/>
          </cell>
          <cell r="E314" t="str">
            <v/>
          </cell>
          <cell r="F314" t="str">
            <v/>
          </cell>
        </row>
        <row r="315">
          <cell r="B315">
            <v>313</v>
          </cell>
          <cell r="C315">
            <v>1</v>
          </cell>
          <cell r="D315">
            <v>176</v>
          </cell>
          <cell r="E315">
            <v>6.3129999999999997</v>
          </cell>
          <cell r="F315">
            <v>23</v>
          </cell>
        </row>
        <row r="316">
          <cell r="B316">
            <v>314</v>
          </cell>
          <cell r="C316" t="str">
            <v/>
          </cell>
          <cell r="D316" t="str">
            <v/>
          </cell>
          <cell r="E316" t="str">
            <v/>
          </cell>
          <cell r="F316" t="str">
            <v/>
          </cell>
        </row>
        <row r="317">
          <cell r="B317">
            <v>315</v>
          </cell>
          <cell r="C317" t="str">
            <v/>
          </cell>
          <cell r="D317" t="str">
            <v/>
          </cell>
          <cell r="E317" t="str">
            <v/>
          </cell>
          <cell r="F317" t="str">
            <v/>
          </cell>
        </row>
        <row r="318">
          <cell r="B318">
            <v>316</v>
          </cell>
          <cell r="C318" t="str">
            <v/>
          </cell>
          <cell r="D318" t="str">
            <v/>
          </cell>
          <cell r="E318" t="str">
            <v/>
          </cell>
          <cell r="F318" t="str">
            <v/>
          </cell>
        </row>
        <row r="319">
          <cell r="B319">
            <v>317</v>
          </cell>
          <cell r="C319">
            <v>1</v>
          </cell>
          <cell r="D319">
            <v>527</v>
          </cell>
          <cell r="E319">
            <v>31.317</v>
          </cell>
          <cell r="F319">
            <v>87</v>
          </cell>
        </row>
        <row r="320">
          <cell r="B320">
            <v>318</v>
          </cell>
          <cell r="C320">
            <v>1</v>
          </cell>
          <cell r="D320">
            <v>541</v>
          </cell>
          <cell r="E320">
            <v>19.318000000000001</v>
          </cell>
          <cell r="F320">
            <v>51</v>
          </cell>
        </row>
        <row r="321">
          <cell r="B321">
            <v>319</v>
          </cell>
          <cell r="C321">
            <v>1</v>
          </cell>
          <cell r="D321">
            <v>155</v>
          </cell>
          <cell r="E321">
            <v>16.318999999999999</v>
          </cell>
          <cell r="F321">
            <v>47</v>
          </cell>
        </row>
        <row r="322">
          <cell r="B322">
            <v>320</v>
          </cell>
          <cell r="C322">
            <v>1</v>
          </cell>
          <cell r="D322">
            <v>440</v>
          </cell>
          <cell r="E322">
            <v>4.32</v>
          </cell>
          <cell r="F322">
            <v>16</v>
          </cell>
        </row>
        <row r="323">
          <cell r="B323">
            <v>321</v>
          </cell>
          <cell r="C323">
            <v>1</v>
          </cell>
          <cell r="D323">
            <v>408</v>
          </cell>
          <cell r="E323">
            <v>5.3209999999999997</v>
          </cell>
          <cell r="F323">
            <v>19</v>
          </cell>
        </row>
        <row r="324">
          <cell r="B324">
            <v>322</v>
          </cell>
          <cell r="C324">
            <v>1</v>
          </cell>
          <cell r="D324">
            <v>128</v>
          </cell>
          <cell r="E324">
            <v>12.321999999999999</v>
          </cell>
          <cell r="F324">
            <v>40</v>
          </cell>
        </row>
        <row r="325">
          <cell r="B325">
            <v>323</v>
          </cell>
          <cell r="C325">
            <v>1</v>
          </cell>
          <cell r="D325">
            <v>562</v>
          </cell>
          <cell r="E325">
            <v>38.323</v>
          </cell>
          <cell r="F325">
            <v>97</v>
          </cell>
        </row>
        <row r="326">
          <cell r="B326">
            <v>324</v>
          </cell>
          <cell r="C326">
            <v>1</v>
          </cell>
          <cell r="D326" t="str">
            <v>-</v>
          </cell>
          <cell r="E326" t="str">
            <v/>
          </cell>
          <cell r="F326" t="str">
            <v/>
          </cell>
        </row>
        <row r="327">
          <cell r="B327">
            <v>325</v>
          </cell>
          <cell r="C327" t="str">
            <v/>
          </cell>
          <cell r="D327" t="str">
            <v/>
          </cell>
          <cell r="E327" t="str">
            <v/>
          </cell>
          <cell r="F327" t="str">
            <v/>
          </cell>
        </row>
        <row r="328">
          <cell r="B328">
            <v>326</v>
          </cell>
          <cell r="C328" t="str">
            <v/>
          </cell>
          <cell r="D328" t="str">
            <v/>
          </cell>
          <cell r="E328" t="str">
            <v/>
          </cell>
          <cell r="F328" t="str">
            <v/>
          </cell>
        </row>
        <row r="329">
          <cell r="B329">
            <v>327</v>
          </cell>
          <cell r="C329" t="str">
            <v/>
          </cell>
          <cell r="D329" t="str">
            <v/>
          </cell>
          <cell r="E329" t="str">
            <v/>
          </cell>
          <cell r="F329" t="str">
            <v/>
          </cell>
        </row>
        <row r="330">
          <cell r="B330">
            <v>328</v>
          </cell>
          <cell r="C330" t="str">
            <v/>
          </cell>
          <cell r="D330" t="str">
            <v/>
          </cell>
          <cell r="E330" t="str">
            <v/>
          </cell>
          <cell r="F330" t="str">
            <v/>
          </cell>
        </row>
        <row r="331">
          <cell r="B331">
            <v>329</v>
          </cell>
          <cell r="C331" t="str">
            <v/>
          </cell>
          <cell r="D331" t="str">
            <v/>
          </cell>
          <cell r="E331" t="str">
            <v/>
          </cell>
          <cell r="F331" t="str">
            <v/>
          </cell>
        </row>
        <row r="332">
          <cell r="B332">
            <v>330</v>
          </cell>
          <cell r="C332">
            <v>1</v>
          </cell>
          <cell r="D332">
            <v>3552</v>
          </cell>
          <cell r="E332">
            <v>22.33</v>
          </cell>
          <cell r="F332">
            <v>62</v>
          </cell>
        </row>
        <row r="333">
          <cell r="B333">
            <v>331</v>
          </cell>
          <cell r="C333" t="str">
            <v/>
          </cell>
          <cell r="D333" t="str">
            <v/>
          </cell>
          <cell r="E333" t="str">
            <v/>
          </cell>
          <cell r="F333" t="str">
            <v/>
          </cell>
        </row>
        <row r="334">
          <cell r="B334">
            <v>332</v>
          </cell>
          <cell r="C334" t="str">
            <v/>
          </cell>
          <cell r="D334" t="str">
            <v/>
          </cell>
          <cell r="E334" t="str">
            <v/>
          </cell>
          <cell r="F334" t="str">
            <v/>
          </cell>
        </row>
        <row r="335">
          <cell r="B335">
            <v>333</v>
          </cell>
          <cell r="C335" t="str">
            <v/>
          </cell>
          <cell r="D335" t="str">
            <v/>
          </cell>
          <cell r="E335" t="str">
            <v/>
          </cell>
          <cell r="F335" t="str">
            <v/>
          </cell>
        </row>
        <row r="336">
          <cell r="B336">
            <v>334</v>
          </cell>
          <cell r="C336" t="str">
            <v/>
          </cell>
          <cell r="D336" t="str">
            <v/>
          </cell>
          <cell r="E336" t="str">
            <v/>
          </cell>
          <cell r="F336" t="str">
            <v/>
          </cell>
        </row>
        <row r="337">
          <cell r="B337">
            <v>335</v>
          </cell>
          <cell r="C337" t="str">
            <v/>
          </cell>
          <cell r="D337" t="str">
            <v/>
          </cell>
          <cell r="E337" t="str">
            <v/>
          </cell>
          <cell r="F337" t="str">
            <v/>
          </cell>
        </row>
        <row r="338">
          <cell r="B338">
            <v>336</v>
          </cell>
          <cell r="C338" t="str">
            <v/>
          </cell>
          <cell r="D338" t="str">
            <v/>
          </cell>
          <cell r="E338" t="str">
            <v/>
          </cell>
          <cell r="F338" t="str">
            <v/>
          </cell>
        </row>
        <row r="339">
          <cell r="B339">
            <v>337</v>
          </cell>
          <cell r="C339" t="str">
            <v/>
          </cell>
          <cell r="D339" t="str">
            <v/>
          </cell>
          <cell r="E339" t="str">
            <v/>
          </cell>
          <cell r="F339" t="str">
            <v/>
          </cell>
        </row>
        <row r="340">
          <cell r="B340">
            <v>338</v>
          </cell>
          <cell r="C340" t="str">
            <v/>
          </cell>
          <cell r="D340" t="str">
            <v/>
          </cell>
          <cell r="E340" t="str">
            <v/>
          </cell>
          <cell r="F340" t="str">
            <v/>
          </cell>
        </row>
        <row r="341">
          <cell r="B341">
            <v>339</v>
          </cell>
          <cell r="C341" t="str">
            <v/>
          </cell>
          <cell r="D341" t="str">
            <v/>
          </cell>
          <cell r="E341" t="str">
            <v/>
          </cell>
          <cell r="F341" t="str">
            <v/>
          </cell>
        </row>
        <row r="342">
          <cell r="B342">
            <v>340</v>
          </cell>
          <cell r="C342" t="str">
            <v/>
          </cell>
          <cell r="D342" t="str">
            <v/>
          </cell>
          <cell r="E342" t="str">
            <v/>
          </cell>
          <cell r="F342" t="str">
            <v/>
          </cell>
        </row>
        <row r="343">
          <cell r="B343">
            <v>341</v>
          </cell>
          <cell r="C343" t="str">
            <v/>
          </cell>
          <cell r="D343" t="str">
            <v/>
          </cell>
          <cell r="E343" t="str">
            <v/>
          </cell>
          <cell r="F343" t="str">
            <v/>
          </cell>
        </row>
        <row r="344">
          <cell r="B344">
            <v>342</v>
          </cell>
          <cell r="C344" t="str">
            <v/>
          </cell>
          <cell r="D344" t="str">
            <v/>
          </cell>
          <cell r="E344" t="str">
            <v/>
          </cell>
          <cell r="F344" t="str">
            <v/>
          </cell>
        </row>
        <row r="345">
          <cell r="B345">
            <v>343</v>
          </cell>
          <cell r="C345" t="str">
            <v/>
          </cell>
          <cell r="D345" t="str">
            <v/>
          </cell>
          <cell r="E345" t="str">
            <v/>
          </cell>
          <cell r="F345" t="str">
            <v/>
          </cell>
        </row>
        <row r="346">
          <cell r="B346">
            <v>344</v>
          </cell>
          <cell r="C346" t="str">
            <v/>
          </cell>
          <cell r="D346" t="str">
            <v/>
          </cell>
          <cell r="E346" t="str">
            <v/>
          </cell>
          <cell r="F346" t="str">
            <v/>
          </cell>
        </row>
        <row r="347">
          <cell r="B347">
            <v>345</v>
          </cell>
          <cell r="C347" t="str">
            <v/>
          </cell>
          <cell r="D347" t="str">
            <v/>
          </cell>
          <cell r="E347" t="str">
            <v/>
          </cell>
          <cell r="F347" t="str">
            <v/>
          </cell>
        </row>
        <row r="348">
          <cell r="B348">
            <v>346</v>
          </cell>
          <cell r="C348" t="str">
            <v/>
          </cell>
          <cell r="D348" t="str">
            <v/>
          </cell>
          <cell r="E348" t="str">
            <v/>
          </cell>
          <cell r="F348" t="str">
            <v/>
          </cell>
        </row>
        <row r="349">
          <cell r="B349">
            <v>347</v>
          </cell>
          <cell r="C349" t="str">
            <v/>
          </cell>
          <cell r="D349" t="str">
            <v/>
          </cell>
          <cell r="E349" t="str">
            <v/>
          </cell>
          <cell r="F349" t="str">
            <v/>
          </cell>
        </row>
        <row r="350">
          <cell r="B350">
            <v>348</v>
          </cell>
          <cell r="C350" t="str">
            <v/>
          </cell>
          <cell r="D350" t="str">
            <v/>
          </cell>
          <cell r="E350" t="str">
            <v/>
          </cell>
          <cell r="F350" t="str">
            <v/>
          </cell>
        </row>
        <row r="351">
          <cell r="B351">
            <v>349</v>
          </cell>
          <cell r="C351" t="str">
            <v/>
          </cell>
          <cell r="D351" t="str">
            <v/>
          </cell>
          <cell r="E351" t="str">
            <v/>
          </cell>
          <cell r="F351" t="str">
            <v/>
          </cell>
        </row>
        <row r="352">
          <cell r="B352">
            <v>350</v>
          </cell>
          <cell r="C352" t="str">
            <v/>
          </cell>
          <cell r="D352" t="str">
            <v/>
          </cell>
          <cell r="E352" t="str">
            <v/>
          </cell>
          <cell r="F352" t="str">
            <v/>
          </cell>
        </row>
        <row r="353">
          <cell r="B353">
            <v>351</v>
          </cell>
          <cell r="C353" t="str">
            <v/>
          </cell>
          <cell r="D353" t="str">
            <v/>
          </cell>
          <cell r="E353" t="str">
            <v/>
          </cell>
          <cell r="F353" t="str">
            <v/>
          </cell>
        </row>
        <row r="354">
          <cell r="B354">
            <v>352</v>
          </cell>
          <cell r="C354" t="str">
            <v/>
          </cell>
          <cell r="D354" t="str">
            <v/>
          </cell>
          <cell r="E354" t="str">
            <v/>
          </cell>
          <cell r="F354" t="str">
            <v/>
          </cell>
        </row>
        <row r="355">
          <cell r="B355">
            <v>353</v>
          </cell>
          <cell r="C355" t="str">
            <v/>
          </cell>
          <cell r="D355" t="str">
            <v/>
          </cell>
          <cell r="E355" t="str">
            <v/>
          </cell>
          <cell r="F355" t="str">
            <v/>
          </cell>
        </row>
        <row r="356">
          <cell r="B356">
            <v>354</v>
          </cell>
          <cell r="C356" t="str">
            <v/>
          </cell>
          <cell r="D356" t="str">
            <v/>
          </cell>
          <cell r="E356" t="str">
            <v/>
          </cell>
          <cell r="F356" t="str">
            <v/>
          </cell>
        </row>
        <row r="357">
          <cell r="B357">
            <v>355</v>
          </cell>
          <cell r="C357" t="str">
            <v/>
          </cell>
          <cell r="D357" t="str">
            <v/>
          </cell>
          <cell r="E357" t="str">
            <v/>
          </cell>
          <cell r="F357" t="str">
            <v/>
          </cell>
        </row>
        <row r="358">
          <cell r="B358">
            <v>356</v>
          </cell>
          <cell r="C358" t="str">
            <v/>
          </cell>
          <cell r="D358" t="str">
            <v/>
          </cell>
          <cell r="E358" t="str">
            <v/>
          </cell>
          <cell r="F358" t="str">
            <v/>
          </cell>
        </row>
        <row r="359">
          <cell r="B359">
            <v>357</v>
          </cell>
          <cell r="C359" t="str">
            <v/>
          </cell>
          <cell r="D359" t="str">
            <v/>
          </cell>
          <cell r="E359" t="str">
            <v/>
          </cell>
          <cell r="F359" t="str">
            <v/>
          </cell>
        </row>
        <row r="360">
          <cell r="B360">
            <v>358</v>
          </cell>
          <cell r="C360" t="str">
            <v/>
          </cell>
          <cell r="D360" t="str">
            <v/>
          </cell>
          <cell r="E360" t="str">
            <v/>
          </cell>
          <cell r="F360" t="str">
            <v/>
          </cell>
        </row>
        <row r="361">
          <cell r="B361">
            <v>359</v>
          </cell>
          <cell r="C361" t="str">
            <v/>
          </cell>
          <cell r="D361" t="str">
            <v/>
          </cell>
          <cell r="E361" t="str">
            <v/>
          </cell>
          <cell r="F361" t="str">
            <v/>
          </cell>
        </row>
        <row r="362">
          <cell r="B362">
            <v>360</v>
          </cell>
          <cell r="C362" t="str">
            <v/>
          </cell>
          <cell r="D362" t="str">
            <v/>
          </cell>
          <cell r="E362" t="str">
            <v/>
          </cell>
          <cell r="F362" t="str">
            <v/>
          </cell>
        </row>
        <row r="363">
          <cell r="B363">
            <v>361</v>
          </cell>
          <cell r="C363" t="str">
            <v/>
          </cell>
          <cell r="D363" t="str">
            <v/>
          </cell>
          <cell r="E363" t="str">
            <v/>
          </cell>
          <cell r="F363" t="str">
            <v/>
          </cell>
        </row>
        <row r="364">
          <cell r="B364">
            <v>362</v>
          </cell>
          <cell r="C364" t="str">
            <v/>
          </cell>
          <cell r="D364" t="str">
            <v/>
          </cell>
          <cell r="E364" t="str">
            <v/>
          </cell>
          <cell r="F364" t="str">
            <v/>
          </cell>
        </row>
        <row r="365">
          <cell r="B365">
            <v>363</v>
          </cell>
          <cell r="C365" t="str">
            <v/>
          </cell>
          <cell r="D365" t="str">
            <v/>
          </cell>
          <cell r="E365" t="str">
            <v/>
          </cell>
          <cell r="F365" t="str">
            <v/>
          </cell>
        </row>
        <row r="366">
          <cell r="B366">
            <v>364</v>
          </cell>
          <cell r="C366" t="str">
            <v/>
          </cell>
          <cell r="D366" t="str">
            <v/>
          </cell>
          <cell r="E366" t="str">
            <v/>
          </cell>
          <cell r="F366" t="str">
            <v/>
          </cell>
        </row>
        <row r="367">
          <cell r="B367">
            <v>365</v>
          </cell>
          <cell r="C367" t="str">
            <v/>
          </cell>
          <cell r="D367" t="str">
            <v/>
          </cell>
          <cell r="E367" t="str">
            <v/>
          </cell>
          <cell r="F367" t="str">
            <v/>
          </cell>
        </row>
        <row r="368">
          <cell r="B368">
            <v>366</v>
          </cell>
          <cell r="C368" t="str">
            <v/>
          </cell>
          <cell r="D368" t="str">
            <v/>
          </cell>
          <cell r="E368" t="str">
            <v/>
          </cell>
          <cell r="F368" t="str">
            <v/>
          </cell>
        </row>
        <row r="369">
          <cell r="B369">
            <v>367</v>
          </cell>
          <cell r="C369" t="str">
            <v/>
          </cell>
          <cell r="D369" t="str">
            <v/>
          </cell>
          <cell r="E369" t="str">
            <v/>
          </cell>
          <cell r="F369" t="str">
            <v/>
          </cell>
        </row>
        <row r="370">
          <cell r="B370">
            <v>368</v>
          </cell>
          <cell r="C370" t="str">
            <v/>
          </cell>
          <cell r="D370" t="str">
            <v/>
          </cell>
          <cell r="E370" t="str">
            <v/>
          </cell>
          <cell r="F370" t="str">
            <v/>
          </cell>
        </row>
        <row r="371">
          <cell r="B371">
            <v>369</v>
          </cell>
          <cell r="C371" t="str">
            <v/>
          </cell>
          <cell r="D371" t="str">
            <v/>
          </cell>
          <cell r="E371" t="str">
            <v/>
          </cell>
          <cell r="F371" t="str">
            <v/>
          </cell>
        </row>
        <row r="372">
          <cell r="B372">
            <v>370</v>
          </cell>
          <cell r="C372" t="str">
            <v/>
          </cell>
          <cell r="D372" t="str">
            <v/>
          </cell>
          <cell r="E372" t="str">
            <v/>
          </cell>
          <cell r="F372" t="str">
            <v/>
          </cell>
        </row>
        <row r="373">
          <cell r="B373">
            <v>371</v>
          </cell>
          <cell r="C373" t="str">
            <v/>
          </cell>
          <cell r="D373" t="str">
            <v/>
          </cell>
          <cell r="E373" t="str">
            <v/>
          </cell>
          <cell r="F373" t="str">
            <v/>
          </cell>
        </row>
        <row r="374">
          <cell r="B374">
            <v>372</v>
          </cell>
          <cell r="C374" t="str">
            <v/>
          </cell>
          <cell r="D374" t="str">
            <v/>
          </cell>
          <cell r="E374" t="str">
            <v/>
          </cell>
          <cell r="F374" t="str">
            <v/>
          </cell>
        </row>
        <row r="375">
          <cell r="B375">
            <v>373</v>
          </cell>
          <cell r="C375" t="str">
            <v/>
          </cell>
          <cell r="D375" t="str">
            <v/>
          </cell>
          <cell r="E375" t="str">
            <v/>
          </cell>
          <cell r="F375" t="str">
            <v/>
          </cell>
        </row>
        <row r="376">
          <cell r="B376">
            <v>374</v>
          </cell>
          <cell r="C376" t="str">
            <v/>
          </cell>
          <cell r="D376" t="str">
            <v/>
          </cell>
          <cell r="E376" t="str">
            <v/>
          </cell>
          <cell r="F376" t="str">
            <v/>
          </cell>
        </row>
        <row r="377">
          <cell r="B377">
            <v>375</v>
          </cell>
          <cell r="C377" t="str">
            <v/>
          </cell>
          <cell r="D377" t="str">
            <v/>
          </cell>
          <cell r="E377" t="str">
            <v/>
          </cell>
          <cell r="F377" t="str">
            <v/>
          </cell>
        </row>
        <row r="378">
          <cell r="B378">
            <v>376</v>
          </cell>
          <cell r="C378" t="str">
            <v/>
          </cell>
          <cell r="D378" t="str">
            <v/>
          </cell>
          <cell r="E378" t="str">
            <v/>
          </cell>
          <cell r="F378" t="str">
            <v/>
          </cell>
        </row>
        <row r="379">
          <cell r="B379">
            <v>377</v>
          </cell>
          <cell r="C379" t="str">
            <v/>
          </cell>
          <cell r="D379" t="str">
            <v/>
          </cell>
          <cell r="E379" t="str">
            <v/>
          </cell>
          <cell r="F379" t="str">
            <v/>
          </cell>
        </row>
        <row r="380">
          <cell r="B380">
            <v>378</v>
          </cell>
          <cell r="C380" t="str">
            <v/>
          </cell>
          <cell r="D380" t="str">
            <v/>
          </cell>
          <cell r="E380" t="str">
            <v/>
          </cell>
          <cell r="F380" t="str">
            <v/>
          </cell>
        </row>
        <row r="381">
          <cell r="B381">
            <v>379</v>
          </cell>
          <cell r="C381" t="str">
            <v/>
          </cell>
          <cell r="D381" t="str">
            <v/>
          </cell>
          <cell r="E381" t="str">
            <v/>
          </cell>
          <cell r="F381" t="str">
            <v/>
          </cell>
        </row>
        <row r="382">
          <cell r="B382">
            <v>380</v>
          </cell>
          <cell r="C382" t="str">
            <v/>
          </cell>
          <cell r="D382" t="str">
            <v/>
          </cell>
          <cell r="E382" t="str">
            <v/>
          </cell>
          <cell r="F382" t="str">
            <v/>
          </cell>
        </row>
        <row r="383">
          <cell r="B383">
            <v>381</v>
          </cell>
          <cell r="C383" t="str">
            <v/>
          </cell>
          <cell r="D383" t="str">
            <v/>
          </cell>
          <cell r="E383" t="str">
            <v/>
          </cell>
          <cell r="F383" t="str">
            <v/>
          </cell>
        </row>
        <row r="384">
          <cell r="B384">
            <v>382</v>
          </cell>
          <cell r="C384" t="str">
            <v/>
          </cell>
          <cell r="D384" t="str">
            <v/>
          </cell>
          <cell r="E384" t="str">
            <v/>
          </cell>
          <cell r="F384" t="str">
            <v/>
          </cell>
        </row>
        <row r="385">
          <cell r="B385">
            <v>383</v>
          </cell>
          <cell r="C385" t="str">
            <v/>
          </cell>
          <cell r="D385" t="str">
            <v/>
          </cell>
          <cell r="E385" t="str">
            <v/>
          </cell>
          <cell r="F385" t="str">
            <v/>
          </cell>
        </row>
        <row r="386">
          <cell r="B386">
            <v>384</v>
          </cell>
          <cell r="C386" t="str">
            <v/>
          </cell>
          <cell r="D386" t="str">
            <v/>
          </cell>
          <cell r="E386" t="str">
            <v/>
          </cell>
          <cell r="F386" t="str">
            <v/>
          </cell>
        </row>
        <row r="387">
          <cell r="B387">
            <v>385</v>
          </cell>
          <cell r="C387" t="str">
            <v/>
          </cell>
          <cell r="D387" t="str">
            <v/>
          </cell>
          <cell r="E387" t="str">
            <v/>
          </cell>
          <cell r="F387" t="str">
            <v/>
          </cell>
        </row>
        <row r="388">
          <cell r="B388">
            <v>386</v>
          </cell>
          <cell r="C388" t="str">
            <v/>
          </cell>
          <cell r="D388" t="str">
            <v/>
          </cell>
          <cell r="E388" t="str">
            <v/>
          </cell>
          <cell r="F388" t="str">
            <v/>
          </cell>
        </row>
        <row r="389">
          <cell r="B389">
            <v>387</v>
          </cell>
          <cell r="C389" t="str">
            <v/>
          </cell>
          <cell r="D389" t="str">
            <v/>
          </cell>
          <cell r="E389" t="str">
            <v/>
          </cell>
          <cell r="F389" t="str">
            <v/>
          </cell>
        </row>
        <row r="390">
          <cell r="B390">
            <v>388</v>
          </cell>
          <cell r="C390" t="str">
            <v/>
          </cell>
          <cell r="D390" t="str">
            <v/>
          </cell>
          <cell r="E390" t="str">
            <v/>
          </cell>
          <cell r="F390" t="str">
            <v/>
          </cell>
        </row>
        <row r="391">
          <cell r="B391">
            <v>389</v>
          </cell>
          <cell r="C391" t="str">
            <v/>
          </cell>
          <cell r="D391" t="str">
            <v/>
          </cell>
          <cell r="E391" t="str">
            <v/>
          </cell>
          <cell r="F391" t="str">
            <v/>
          </cell>
        </row>
        <row r="392">
          <cell r="B392">
            <v>390</v>
          </cell>
          <cell r="C392" t="str">
            <v/>
          </cell>
          <cell r="D392" t="str">
            <v/>
          </cell>
          <cell r="E392" t="str">
            <v/>
          </cell>
          <cell r="F392" t="str">
            <v/>
          </cell>
        </row>
        <row r="393">
          <cell r="B393">
            <v>391</v>
          </cell>
          <cell r="C393" t="str">
            <v/>
          </cell>
          <cell r="D393" t="str">
            <v/>
          </cell>
          <cell r="E393" t="str">
            <v/>
          </cell>
          <cell r="F393" t="str">
            <v/>
          </cell>
        </row>
        <row r="394">
          <cell r="B394">
            <v>392</v>
          </cell>
          <cell r="C394" t="str">
            <v/>
          </cell>
          <cell r="D394" t="str">
            <v/>
          </cell>
          <cell r="E394" t="str">
            <v/>
          </cell>
          <cell r="F394" t="str">
            <v/>
          </cell>
        </row>
        <row r="395">
          <cell r="B395">
            <v>393</v>
          </cell>
          <cell r="C395" t="str">
            <v/>
          </cell>
          <cell r="D395" t="str">
            <v/>
          </cell>
          <cell r="E395" t="str">
            <v/>
          </cell>
          <cell r="F395" t="str">
            <v/>
          </cell>
        </row>
        <row r="396">
          <cell r="B396">
            <v>394</v>
          </cell>
          <cell r="C396" t="str">
            <v/>
          </cell>
          <cell r="D396" t="str">
            <v/>
          </cell>
          <cell r="E396" t="str">
            <v/>
          </cell>
          <cell r="F396" t="str">
            <v/>
          </cell>
        </row>
        <row r="397">
          <cell r="B397">
            <v>395</v>
          </cell>
          <cell r="C397" t="str">
            <v/>
          </cell>
          <cell r="D397" t="str">
            <v/>
          </cell>
          <cell r="E397" t="str">
            <v/>
          </cell>
          <cell r="F397" t="str">
            <v/>
          </cell>
        </row>
        <row r="398">
          <cell r="B398">
            <v>396</v>
          </cell>
          <cell r="C398" t="str">
            <v/>
          </cell>
          <cell r="D398" t="str">
            <v/>
          </cell>
          <cell r="E398" t="str">
            <v/>
          </cell>
          <cell r="F398" t="str">
            <v/>
          </cell>
        </row>
        <row r="399">
          <cell r="B399">
            <v>397</v>
          </cell>
          <cell r="C399" t="str">
            <v/>
          </cell>
          <cell r="D399" t="str">
            <v/>
          </cell>
          <cell r="E399" t="str">
            <v/>
          </cell>
          <cell r="F399" t="str">
            <v/>
          </cell>
        </row>
        <row r="400">
          <cell r="B400">
            <v>398</v>
          </cell>
          <cell r="C400" t="str">
            <v/>
          </cell>
          <cell r="D400" t="str">
            <v/>
          </cell>
          <cell r="E400" t="str">
            <v/>
          </cell>
          <cell r="F400" t="str">
            <v/>
          </cell>
        </row>
        <row r="401">
          <cell r="B401">
            <v>399</v>
          </cell>
          <cell r="C401" t="str">
            <v/>
          </cell>
          <cell r="D401" t="str">
            <v/>
          </cell>
          <cell r="E401" t="str">
            <v/>
          </cell>
          <cell r="F401" t="str">
            <v/>
          </cell>
        </row>
        <row r="402">
          <cell r="B402">
            <v>400</v>
          </cell>
          <cell r="C402">
            <v>1</v>
          </cell>
          <cell r="D402">
            <v>2165</v>
          </cell>
          <cell r="E402">
            <v>2.4</v>
          </cell>
          <cell r="F402">
            <v>14</v>
          </cell>
        </row>
      </sheetData>
      <sheetData sheetId="47"/>
      <sheetData sheetId="48"/>
      <sheetData sheetId="49"/>
      <sheetData sheetId="50"/>
      <sheetData sheetId="51"/>
      <sheetData sheetId="52">
        <row r="6">
          <cell r="H6" t="str">
            <v/>
          </cell>
          <cell r="I6" t="str">
            <v/>
          </cell>
          <cell r="K6" t="str">
            <v/>
          </cell>
          <cell r="L6" t="str">
            <v/>
          </cell>
          <cell r="M6" t="str">
            <v/>
          </cell>
        </row>
        <row r="7">
          <cell r="H7" t="str">
            <v/>
          </cell>
          <cell r="I7" t="str">
            <v/>
          </cell>
          <cell r="K7" t="str">
            <v/>
          </cell>
          <cell r="L7" t="str">
            <v/>
          </cell>
          <cell r="M7" t="str">
            <v/>
          </cell>
        </row>
        <row r="8">
          <cell r="H8" t="str">
            <v/>
          </cell>
          <cell r="I8" t="str">
            <v/>
          </cell>
          <cell r="K8" t="str">
            <v/>
          </cell>
          <cell r="L8" t="str">
            <v/>
          </cell>
          <cell r="M8" t="str">
            <v/>
          </cell>
        </row>
        <row r="9">
          <cell r="H9">
            <v>43976.417361115113</v>
          </cell>
          <cell r="I9" t="e">
            <v>#VALUE!</v>
          </cell>
          <cell r="K9" t="str">
            <v/>
          </cell>
          <cell r="L9" t="str">
            <v/>
          </cell>
          <cell r="M9" t="str">
            <v/>
          </cell>
        </row>
        <row r="10">
          <cell r="H10" t="str">
            <v/>
          </cell>
          <cell r="I10" t="str">
            <v/>
          </cell>
          <cell r="K10" t="str">
            <v/>
          </cell>
          <cell r="L10" t="str">
            <v/>
          </cell>
          <cell r="M10" t="str">
            <v/>
          </cell>
        </row>
        <row r="11">
          <cell r="H11" t="str">
            <v/>
          </cell>
          <cell r="I11" t="str">
            <v/>
          </cell>
          <cell r="K11" t="str">
            <v/>
          </cell>
          <cell r="L11" t="str">
            <v/>
          </cell>
          <cell r="M11" t="str">
            <v/>
          </cell>
        </row>
        <row r="12">
          <cell r="H12" t="str">
            <v/>
          </cell>
          <cell r="I12" t="str">
            <v/>
          </cell>
          <cell r="K12" t="str">
            <v/>
          </cell>
          <cell r="L12" t="str">
            <v/>
          </cell>
          <cell r="M12" t="str">
            <v/>
          </cell>
        </row>
        <row r="13">
          <cell r="H13" t="str">
            <v/>
          </cell>
          <cell r="I13" t="str">
            <v/>
          </cell>
          <cell r="K13" t="str">
            <v/>
          </cell>
          <cell r="L13" t="str">
            <v/>
          </cell>
          <cell r="M13" t="str">
            <v/>
          </cell>
        </row>
        <row r="14">
          <cell r="H14" t="str">
            <v/>
          </cell>
          <cell r="I14" t="str">
            <v/>
          </cell>
          <cell r="K14" t="str">
            <v/>
          </cell>
          <cell r="L14" t="str">
            <v/>
          </cell>
          <cell r="M14" t="str">
            <v/>
          </cell>
        </row>
        <row r="15">
          <cell r="H15" t="str">
            <v/>
          </cell>
          <cell r="I15" t="str">
            <v/>
          </cell>
          <cell r="K15" t="str">
            <v/>
          </cell>
          <cell r="L15" t="str">
            <v/>
          </cell>
          <cell r="M15" t="str">
            <v/>
          </cell>
        </row>
        <row r="16">
          <cell r="H16">
            <v>43984.584027788776</v>
          </cell>
          <cell r="I16" t="e">
            <v>#VALUE!</v>
          </cell>
          <cell r="K16" t="str">
            <v/>
          </cell>
          <cell r="L16" t="str">
            <v/>
          </cell>
          <cell r="M16" t="str">
            <v/>
          </cell>
        </row>
        <row r="17">
          <cell r="H17" t="str">
            <v/>
          </cell>
          <cell r="I17" t="str">
            <v/>
          </cell>
          <cell r="K17" t="str">
            <v/>
          </cell>
          <cell r="L17" t="str">
            <v/>
          </cell>
          <cell r="M17" t="str">
            <v/>
          </cell>
        </row>
        <row r="18">
          <cell r="H18" t="str">
            <v/>
          </cell>
          <cell r="I18" t="str">
            <v/>
          </cell>
          <cell r="K18" t="str">
            <v/>
          </cell>
          <cell r="L18" t="str">
            <v/>
          </cell>
          <cell r="M18" t="str">
            <v/>
          </cell>
        </row>
        <row r="19">
          <cell r="H19" t="str">
            <v/>
          </cell>
          <cell r="I19" t="str">
            <v/>
          </cell>
          <cell r="K19" t="str">
            <v/>
          </cell>
          <cell r="L19" t="str">
            <v/>
          </cell>
          <cell r="M19" t="str">
            <v/>
          </cell>
        </row>
        <row r="20">
          <cell r="H20" t="str">
            <v/>
          </cell>
          <cell r="I20" t="str">
            <v/>
          </cell>
          <cell r="K20" t="str">
            <v/>
          </cell>
          <cell r="L20" t="str">
            <v/>
          </cell>
          <cell r="M20" t="str">
            <v/>
          </cell>
        </row>
        <row r="21">
          <cell r="H21" t="str">
            <v/>
          </cell>
          <cell r="I21" t="str">
            <v/>
          </cell>
          <cell r="K21" t="str">
            <v/>
          </cell>
          <cell r="L21" t="str">
            <v/>
          </cell>
          <cell r="M21" t="str">
            <v/>
          </cell>
        </row>
        <row r="22">
          <cell r="H22" t="str">
            <v/>
          </cell>
          <cell r="I22" t="str">
            <v/>
          </cell>
          <cell r="K22" t="str">
            <v/>
          </cell>
          <cell r="L22" t="str">
            <v/>
          </cell>
          <cell r="M22" t="str">
            <v/>
          </cell>
        </row>
        <row r="23">
          <cell r="H23" t="str">
            <v/>
          </cell>
          <cell r="I23" t="str">
            <v/>
          </cell>
          <cell r="K23" t="str">
            <v/>
          </cell>
          <cell r="L23" t="str">
            <v/>
          </cell>
          <cell r="M23" t="str">
            <v/>
          </cell>
        </row>
        <row r="24">
          <cell r="H24" t="str">
            <v/>
          </cell>
          <cell r="I24" t="str">
            <v/>
          </cell>
          <cell r="K24" t="str">
            <v/>
          </cell>
          <cell r="L24" t="str">
            <v/>
          </cell>
          <cell r="M24" t="str">
            <v/>
          </cell>
        </row>
        <row r="25">
          <cell r="H25" t="str">
            <v/>
          </cell>
          <cell r="I25" t="str">
            <v/>
          </cell>
          <cell r="K25" t="str">
            <v/>
          </cell>
          <cell r="L25" t="str">
            <v/>
          </cell>
          <cell r="M25" t="str">
            <v/>
          </cell>
        </row>
        <row r="26">
          <cell r="H26" t="str">
            <v/>
          </cell>
          <cell r="I26" t="str">
            <v/>
          </cell>
          <cell r="K26" t="str">
            <v/>
          </cell>
          <cell r="L26" t="str">
            <v/>
          </cell>
          <cell r="M26" t="str">
            <v/>
          </cell>
        </row>
        <row r="27">
          <cell r="H27" t="str">
            <v/>
          </cell>
          <cell r="I27" t="str">
            <v/>
          </cell>
          <cell r="K27" t="str">
            <v/>
          </cell>
          <cell r="L27" t="str">
            <v/>
          </cell>
          <cell r="M27" t="str">
            <v/>
          </cell>
        </row>
        <row r="28">
          <cell r="H28" t="str">
            <v/>
          </cell>
          <cell r="I28" t="str">
            <v/>
          </cell>
          <cell r="K28" t="str">
            <v/>
          </cell>
          <cell r="L28" t="str">
            <v/>
          </cell>
          <cell r="M28" t="str">
            <v/>
          </cell>
        </row>
        <row r="29">
          <cell r="H29" t="str">
            <v/>
          </cell>
          <cell r="I29" t="str">
            <v/>
          </cell>
          <cell r="K29" t="str">
            <v/>
          </cell>
          <cell r="L29" t="str">
            <v/>
          </cell>
          <cell r="M29" t="str">
            <v/>
          </cell>
        </row>
        <row r="30">
          <cell r="H30" t="str">
            <v/>
          </cell>
          <cell r="I30" t="str">
            <v/>
          </cell>
          <cell r="K30" t="str">
            <v/>
          </cell>
          <cell r="L30" t="str">
            <v/>
          </cell>
          <cell r="M30" t="str">
            <v/>
          </cell>
        </row>
        <row r="31">
          <cell r="H31" t="str">
            <v/>
          </cell>
          <cell r="I31" t="str">
            <v/>
          </cell>
          <cell r="K31" t="str">
            <v/>
          </cell>
          <cell r="L31" t="str">
            <v/>
          </cell>
          <cell r="M31" t="str">
            <v/>
          </cell>
        </row>
        <row r="32">
          <cell r="H32" t="str">
            <v/>
          </cell>
          <cell r="I32" t="str">
            <v/>
          </cell>
          <cell r="K32" t="str">
            <v/>
          </cell>
          <cell r="L32" t="str">
            <v/>
          </cell>
          <cell r="M32" t="str">
            <v/>
          </cell>
        </row>
        <row r="33">
          <cell r="H33" t="e">
            <v>#VALUE!</v>
          </cell>
          <cell r="I33" t="e">
            <v>#VALUE!</v>
          </cell>
          <cell r="K33" t="str">
            <v/>
          </cell>
          <cell r="L33" t="str">
            <v/>
          </cell>
          <cell r="M33" t="str">
            <v/>
          </cell>
        </row>
        <row r="34">
          <cell r="H34" t="e">
            <v>#VALUE!</v>
          </cell>
          <cell r="I34" t="e">
            <v>#VALUE!</v>
          </cell>
          <cell r="K34" t="str">
            <v/>
          </cell>
          <cell r="L34" t="str">
            <v/>
          </cell>
          <cell r="M34" t="str">
            <v/>
          </cell>
        </row>
        <row r="35">
          <cell r="H35" t="str">
            <v/>
          </cell>
          <cell r="I35" t="str">
            <v/>
          </cell>
          <cell r="K35" t="str">
            <v/>
          </cell>
          <cell r="L35" t="str">
            <v/>
          </cell>
          <cell r="M35" t="str">
            <v/>
          </cell>
        </row>
        <row r="36">
          <cell r="H36" t="str">
            <v/>
          </cell>
          <cell r="I36" t="str">
            <v/>
          </cell>
          <cell r="K36" t="str">
            <v/>
          </cell>
          <cell r="L36" t="str">
            <v/>
          </cell>
          <cell r="M36" t="str">
            <v/>
          </cell>
        </row>
        <row r="37">
          <cell r="H37">
            <v>43976.42083336533</v>
          </cell>
          <cell r="I37" t="e">
            <v>#VALUE!</v>
          </cell>
          <cell r="K37" t="str">
            <v/>
          </cell>
          <cell r="L37" t="str">
            <v/>
          </cell>
          <cell r="M37" t="str">
            <v/>
          </cell>
        </row>
        <row r="38">
          <cell r="H38">
            <v>43984.584722255218</v>
          </cell>
          <cell r="I38" t="e">
            <v>#VALUE!</v>
          </cell>
          <cell r="K38" t="str">
            <v/>
          </cell>
          <cell r="L38" t="str">
            <v/>
          </cell>
          <cell r="M38" t="str">
            <v/>
          </cell>
        </row>
        <row r="39">
          <cell r="H39">
            <v>43984.585416700669</v>
          </cell>
          <cell r="I39" t="e">
            <v>#VALUE!</v>
          </cell>
          <cell r="K39" t="str">
            <v/>
          </cell>
          <cell r="L39" t="str">
            <v/>
          </cell>
          <cell r="M39" t="str">
            <v/>
          </cell>
        </row>
        <row r="40">
          <cell r="H40">
            <v>43984.586111146105</v>
          </cell>
          <cell r="I40" t="e">
            <v>#VALUE!</v>
          </cell>
          <cell r="K40" t="str">
            <v/>
          </cell>
          <cell r="L40" t="str">
            <v/>
          </cell>
          <cell r="M40" t="str">
            <v/>
          </cell>
        </row>
        <row r="41">
          <cell r="H41" t="str">
            <v/>
          </cell>
          <cell r="I41" t="str">
            <v/>
          </cell>
          <cell r="K41" t="str">
            <v/>
          </cell>
          <cell r="L41" t="str">
            <v/>
          </cell>
          <cell r="M41" t="str">
            <v/>
          </cell>
        </row>
        <row r="42">
          <cell r="H42" t="str">
            <v/>
          </cell>
          <cell r="I42" t="str">
            <v/>
          </cell>
          <cell r="K42" t="str">
            <v/>
          </cell>
          <cell r="L42" t="str">
            <v/>
          </cell>
          <cell r="M42" t="str">
            <v/>
          </cell>
        </row>
        <row r="43">
          <cell r="H43" t="str">
            <v/>
          </cell>
          <cell r="I43" t="str">
            <v/>
          </cell>
          <cell r="K43" t="str">
            <v/>
          </cell>
          <cell r="L43" t="str">
            <v/>
          </cell>
          <cell r="M43" t="str">
            <v/>
          </cell>
        </row>
        <row r="44">
          <cell r="H44">
            <v>43978.41736115011</v>
          </cell>
          <cell r="I44" t="e">
            <v>#VALUE!</v>
          </cell>
          <cell r="K44" t="str">
            <v/>
          </cell>
          <cell r="L44" t="str">
            <v/>
          </cell>
          <cell r="M44" t="str">
            <v/>
          </cell>
        </row>
        <row r="45">
          <cell r="H45" t="str">
            <v/>
          </cell>
          <cell r="I45" t="str">
            <v/>
          </cell>
          <cell r="K45" t="str">
            <v/>
          </cell>
          <cell r="L45" t="str">
            <v/>
          </cell>
          <cell r="M45" t="str">
            <v/>
          </cell>
        </row>
        <row r="46">
          <cell r="H46">
            <v>43991.417361152111</v>
          </cell>
          <cell r="I46" t="e">
            <v>#VALUE!</v>
          </cell>
          <cell r="K46" t="str">
            <v/>
          </cell>
          <cell r="L46" t="str">
            <v/>
          </cell>
          <cell r="M46" t="str">
            <v/>
          </cell>
        </row>
        <row r="47">
          <cell r="H47" t="str">
            <v/>
          </cell>
          <cell r="I47" t="str">
            <v/>
          </cell>
          <cell r="K47" t="str">
            <v/>
          </cell>
          <cell r="L47" t="str">
            <v/>
          </cell>
          <cell r="M47" t="str">
            <v/>
          </cell>
        </row>
        <row r="48">
          <cell r="H48">
            <v>43987.417361154112</v>
          </cell>
          <cell r="I48" t="e">
            <v>#VALUE!</v>
          </cell>
          <cell r="K48" t="str">
            <v/>
          </cell>
          <cell r="L48" t="str">
            <v/>
          </cell>
          <cell r="M48" t="str">
            <v/>
          </cell>
        </row>
        <row r="49">
          <cell r="H49" t="str">
            <v/>
          </cell>
          <cell r="I49" t="str">
            <v/>
          </cell>
          <cell r="K49" t="str">
            <v/>
          </cell>
          <cell r="L49" t="str">
            <v/>
          </cell>
          <cell r="M49" t="str">
            <v/>
          </cell>
        </row>
        <row r="50">
          <cell r="H50" t="str">
            <v/>
          </cell>
          <cell r="I50" t="str">
            <v/>
          </cell>
          <cell r="K50" t="str">
            <v/>
          </cell>
          <cell r="L50" t="str">
            <v/>
          </cell>
          <cell r="M50" t="str">
            <v/>
          </cell>
        </row>
        <row r="51">
          <cell r="H51" t="str">
            <v/>
          </cell>
          <cell r="I51" t="str">
            <v/>
          </cell>
          <cell r="K51" t="str">
            <v/>
          </cell>
          <cell r="L51" t="str">
            <v/>
          </cell>
          <cell r="M51" t="str">
            <v/>
          </cell>
        </row>
        <row r="52">
          <cell r="H52" t="str">
            <v/>
          </cell>
          <cell r="I52" t="str">
            <v/>
          </cell>
          <cell r="K52" t="str">
            <v/>
          </cell>
          <cell r="L52" t="str">
            <v/>
          </cell>
          <cell r="M52" t="str">
            <v/>
          </cell>
        </row>
        <row r="53">
          <cell r="H53" t="str">
            <v/>
          </cell>
          <cell r="I53" t="str">
            <v/>
          </cell>
          <cell r="K53" t="str">
            <v/>
          </cell>
          <cell r="L53" t="str">
            <v/>
          </cell>
          <cell r="M53" t="str">
            <v/>
          </cell>
        </row>
        <row r="54">
          <cell r="H54" t="str">
            <v/>
          </cell>
          <cell r="I54" t="str">
            <v/>
          </cell>
          <cell r="K54" t="str">
            <v/>
          </cell>
          <cell r="L54" t="str">
            <v/>
          </cell>
          <cell r="M54" t="str">
            <v/>
          </cell>
        </row>
        <row r="55">
          <cell r="H55" t="str">
            <v/>
          </cell>
          <cell r="I55" t="str">
            <v/>
          </cell>
          <cell r="K55" t="str">
            <v/>
          </cell>
          <cell r="L55" t="str">
            <v/>
          </cell>
          <cell r="M55" t="str">
            <v/>
          </cell>
        </row>
        <row r="56">
          <cell r="H56" t="str">
            <v/>
          </cell>
          <cell r="I56" t="str">
            <v/>
          </cell>
          <cell r="K56" t="str">
            <v/>
          </cell>
          <cell r="L56" t="str">
            <v/>
          </cell>
          <cell r="M56" t="str">
            <v/>
          </cell>
        </row>
        <row r="57">
          <cell r="H57" t="str">
            <v/>
          </cell>
          <cell r="I57" t="str">
            <v/>
          </cell>
          <cell r="K57" t="str">
            <v/>
          </cell>
          <cell r="L57" t="str">
            <v/>
          </cell>
          <cell r="M57" t="str">
            <v/>
          </cell>
        </row>
        <row r="58">
          <cell r="H58" t="str">
            <v/>
          </cell>
          <cell r="I58" t="str">
            <v/>
          </cell>
          <cell r="K58" t="str">
            <v/>
          </cell>
          <cell r="L58" t="str">
            <v/>
          </cell>
          <cell r="M58" t="str">
            <v/>
          </cell>
        </row>
        <row r="59">
          <cell r="H59">
            <v>44008.417361165113</v>
          </cell>
          <cell r="I59" t="e">
            <v>#VALUE!</v>
          </cell>
          <cell r="K59" t="str">
            <v/>
          </cell>
          <cell r="L59" t="str">
            <v/>
          </cell>
          <cell r="M59" t="str">
            <v/>
          </cell>
        </row>
        <row r="60">
          <cell r="H60">
            <v>44008.418055610557</v>
          </cell>
          <cell r="I60" t="e">
            <v>#VALUE!</v>
          </cell>
          <cell r="K60" t="str">
            <v/>
          </cell>
          <cell r="L60" t="str">
            <v/>
          </cell>
          <cell r="M60" t="str">
            <v/>
          </cell>
        </row>
        <row r="61">
          <cell r="H61" t="str">
            <v/>
          </cell>
          <cell r="I61" t="str">
            <v/>
          </cell>
          <cell r="K61" t="str">
            <v/>
          </cell>
          <cell r="L61" t="str">
            <v/>
          </cell>
          <cell r="M61" t="str">
            <v/>
          </cell>
        </row>
        <row r="62">
          <cell r="H62" t="str">
            <v/>
          </cell>
          <cell r="I62" t="str">
            <v/>
          </cell>
          <cell r="K62" t="str">
            <v/>
          </cell>
          <cell r="L62" t="str">
            <v/>
          </cell>
          <cell r="M62" t="str">
            <v/>
          </cell>
        </row>
        <row r="63">
          <cell r="H63" t="str">
            <v/>
          </cell>
          <cell r="I63" t="str">
            <v/>
          </cell>
          <cell r="K63" t="str">
            <v/>
          </cell>
          <cell r="L63" t="str">
            <v/>
          </cell>
          <cell r="M63" t="str">
            <v/>
          </cell>
        </row>
        <row r="64">
          <cell r="H64" t="str">
            <v/>
          </cell>
          <cell r="I64" t="str">
            <v/>
          </cell>
          <cell r="K64" t="str">
            <v/>
          </cell>
          <cell r="L64" t="str">
            <v/>
          </cell>
          <cell r="M64" t="str">
            <v/>
          </cell>
        </row>
        <row r="65">
          <cell r="H65" t="str">
            <v/>
          </cell>
          <cell r="I65" t="str">
            <v/>
          </cell>
          <cell r="K65" t="str">
            <v/>
          </cell>
          <cell r="L65" t="str">
            <v/>
          </cell>
          <cell r="M65" t="str">
            <v/>
          </cell>
        </row>
        <row r="66">
          <cell r="H66" t="str">
            <v/>
          </cell>
          <cell r="I66" t="str">
            <v/>
          </cell>
          <cell r="K66" t="str">
            <v/>
          </cell>
          <cell r="L66" t="str">
            <v/>
          </cell>
          <cell r="M66" t="str">
            <v/>
          </cell>
        </row>
        <row r="67">
          <cell r="H67" t="str">
            <v/>
          </cell>
          <cell r="I67" t="str">
            <v/>
          </cell>
          <cell r="K67" t="str">
            <v/>
          </cell>
          <cell r="L67" t="str">
            <v/>
          </cell>
          <cell r="M67" t="str">
            <v/>
          </cell>
        </row>
        <row r="68">
          <cell r="H68" t="str">
            <v/>
          </cell>
          <cell r="I68" t="str">
            <v/>
          </cell>
          <cell r="K68" t="str">
            <v/>
          </cell>
          <cell r="L68" t="str">
            <v/>
          </cell>
          <cell r="M68" t="str">
            <v/>
          </cell>
        </row>
        <row r="69">
          <cell r="H69" t="str">
            <v/>
          </cell>
          <cell r="I69" t="str">
            <v/>
          </cell>
          <cell r="K69" t="str">
            <v/>
          </cell>
          <cell r="L69" t="str">
            <v/>
          </cell>
          <cell r="M69" t="str">
            <v/>
          </cell>
        </row>
        <row r="70">
          <cell r="H70" t="str">
            <v/>
          </cell>
          <cell r="I70" t="str">
            <v/>
          </cell>
          <cell r="K70" t="str">
            <v/>
          </cell>
          <cell r="L70" t="str">
            <v/>
          </cell>
          <cell r="M70" t="str">
            <v/>
          </cell>
        </row>
        <row r="71">
          <cell r="H71" t="str">
            <v/>
          </cell>
          <cell r="I71" t="str">
            <v/>
          </cell>
          <cell r="K71" t="str">
            <v/>
          </cell>
          <cell r="L71" t="str">
            <v/>
          </cell>
          <cell r="M71" t="str">
            <v/>
          </cell>
        </row>
        <row r="72">
          <cell r="H72" t="str">
            <v/>
          </cell>
          <cell r="I72" t="str">
            <v/>
          </cell>
          <cell r="K72" t="str">
            <v/>
          </cell>
          <cell r="L72" t="str">
            <v/>
          </cell>
          <cell r="M72" t="str">
            <v/>
          </cell>
        </row>
        <row r="73">
          <cell r="H73" t="str">
            <v/>
          </cell>
          <cell r="I73" t="str">
            <v/>
          </cell>
          <cell r="K73" t="str">
            <v/>
          </cell>
          <cell r="L73" t="str">
            <v/>
          </cell>
          <cell r="M73" t="str">
            <v/>
          </cell>
        </row>
        <row r="74">
          <cell r="H74" t="str">
            <v/>
          </cell>
          <cell r="I74" t="str">
            <v/>
          </cell>
          <cell r="K74" t="str">
            <v/>
          </cell>
          <cell r="L74" t="str">
            <v/>
          </cell>
          <cell r="M74" t="str">
            <v/>
          </cell>
        </row>
        <row r="75">
          <cell r="H75">
            <v>44019.584027847777</v>
          </cell>
          <cell r="I75" t="e">
            <v>#VALUE!</v>
          </cell>
          <cell r="K75" t="str">
            <v/>
          </cell>
          <cell r="L75" t="str">
            <v/>
          </cell>
          <cell r="M75" t="str">
            <v/>
          </cell>
        </row>
        <row r="76">
          <cell r="H76" t="str">
            <v/>
          </cell>
          <cell r="I76" t="str">
            <v/>
          </cell>
          <cell r="K76" t="str">
            <v/>
          </cell>
          <cell r="L76" t="str">
            <v/>
          </cell>
          <cell r="M76" t="str">
            <v/>
          </cell>
        </row>
        <row r="77">
          <cell r="H77" t="str">
            <v/>
          </cell>
          <cell r="I77" t="str">
            <v/>
          </cell>
          <cell r="K77" t="str">
            <v/>
          </cell>
          <cell r="L77" t="str">
            <v/>
          </cell>
          <cell r="M77" t="str">
            <v/>
          </cell>
        </row>
        <row r="78">
          <cell r="H78" t="str">
            <v/>
          </cell>
          <cell r="I78" t="str">
            <v/>
          </cell>
          <cell r="K78" t="str">
            <v/>
          </cell>
          <cell r="L78" t="str">
            <v/>
          </cell>
          <cell r="M78" t="str">
            <v/>
          </cell>
        </row>
        <row r="79">
          <cell r="H79" t="str">
            <v/>
          </cell>
          <cell r="I79" t="str">
            <v/>
          </cell>
          <cell r="K79" t="str">
            <v/>
          </cell>
          <cell r="L79" t="str">
            <v/>
          </cell>
          <cell r="M79" t="str">
            <v/>
          </cell>
        </row>
        <row r="80">
          <cell r="H80" t="str">
            <v/>
          </cell>
          <cell r="I80" t="str">
            <v/>
          </cell>
          <cell r="K80" t="str">
            <v/>
          </cell>
          <cell r="L80" t="str">
            <v/>
          </cell>
          <cell r="M80" t="str">
            <v/>
          </cell>
        </row>
        <row r="81">
          <cell r="H81" t="str">
            <v/>
          </cell>
          <cell r="I81" t="str">
            <v/>
          </cell>
          <cell r="K81" t="str">
            <v/>
          </cell>
          <cell r="L81" t="str">
            <v/>
          </cell>
          <cell r="M81" t="str">
            <v/>
          </cell>
        </row>
        <row r="82">
          <cell r="H82" t="str">
            <v/>
          </cell>
          <cell r="I82" t="str">
            <v/>
          </cell>
          <cell r="K82" t="str">
            <v/>
          </cell>
          <cell r="L82" t="str">
            <v/>
          </cell>
          <cell r="M82" t="str">
            <v/>
          </cell>
        </row>
        <row r="83">
          <cell r="H83" t="str">
            <v/>
          </cell>
          <cell r="I83" t="str">
            <v/>
          </cell>
          <cell r="K83" t="str">
            <v/>
          </cell>
          <cell r="L83" t="str">
            <v/>
          </cell>
          <cell r="M83" t="str">
            <v/>
          </cell>
        </row>
        <row r="84">
          <cell r="H84" t="str">
            <v/>
          </cell>
          <cell r="I84" t="str">
            <v/>
          </cell>
          <cell r="K84" t="str">
            <v/>
          </cell>
          <cell r="L84" t="str">
            <v/>
          </cell>
          <cell r="M84" t="str">
            <v/>
          </cell>
        </row>
        <row r="85">
          <cell r="H85" t="str">
            <v/>
          </cell>
          <cell r="I85" t="str">
            <v/>
          </cell>
          <cell r="K85" t="str">
            <v/>
          </cell>
          <cell r="L85" t="str">
            <v/>
          </cell>
          <cell r="M85" t="str">
            <v/>
          </cell>
        </row>
        <row r="86">
          <cell r="H86" t="str">
            <v/>
          </cell>
          <cell r="I86" t="str">
            <v/>
          </cell>
          <cell r="K86" t="str">
            <v/>
          </cell>
          <cell r="L86" t="str">
            <v/>
          </cell>
          <cell r="M86" t="str">
            <v/>
          </cell>
        </row>
        <row r="87">
          <cell r="H87" t="str">
            <v/>
          </cell>
          <cell r="I87" t="str">
            <v/>
          </cell>
          <cell r="K87" t="str">
            <v/>
          </cell>
          <cell r="L87" t="str">
            <v/>
          </cell>
          <cell r="M87" t="str">
            <v/>
          </cell>
        </row>
        <row r="88">
          <cell r="H88" t="str">
            <v/>
          </cell>
          <cell r="I88" t="str">
            <v/>
          </cell>
          <cell r="K88" t="str">
            <v/>
          </cell>
          <cell r="L88" t="str">
            <v/>
          </cell>
          <cell r="M88" t="str">
            <v/>
          </cell>
        </row>
        <row r="89">
          <cell r="H89" t="str">
            <v/>
          </cell>
          <cell r="I89" t="str">
            <v/>
          </cell>
          <cell r="K89" t="str">
            <v/>
          </cell>
          <cell r="L89" t="str">
            <v/>
          </cell>
          <cell r="M89" t="str">
            <v/>
          </cell>
        </row>
        <row r="90">
          <cell r="H90" t="str">
            <v/>
          </cell>
          <cell r="I90" t="str">
            <v/>
          </cell>
          <cell r="K90" t="str">
            <v/>
          </cell>
          <cell r="L90" t="str">
            <v/>
          </cell>
          <cell r="M90" t="str">
            <v/>
          </cell>
        </row>
        <row r="91">
          <cell r="H91">
            <v>44027.417361197113</v>
          </cell>
          <cell r="I91" t="e">
            <v>#VALUE!</v>
          </cell>
          <cell r="K91" t="str">
            <v/>
          </cell>
          <cell r="L91" t="str">
            <v/>
          </cell>
          <cell r="M91" t="str">
            <v/>
          </cell>
        </row>
        <row r="92">
          <cell r="H92">
            <v>44000.584027864774</v>
          </cell>
          <cell r="I92" t="e">
            <v>#VALUE!</v>
          </cell>
          <cell r="K92" t="str">
            <v/>
          </cell>
          <cell r="L92" t="str">
            <v/>
          </cell>
          <cell r="M92" t="str">
            <v/>
          </cell>
        </row>
        <row r="93">
          <cell r="H93" t="str">
            <v/>
          </cell>
          <cell r="I93" t="str">
            <v/>
          </cell>
          <cell r="K93" t="str">
            <v/>
          </cell>
          <cell r="L93" t="str">
            <v/>
          </cell>
          <cell r="M93" t="str">
            <v/>
          </cell>
        </row>
        <row r="94">
          <cell r="H94" t="str">
            <v/>
          </cell>
          <cell r="I94" t="str">
            <v/>
          </cell>
          <cell r="K94" t="str">
            <v/>
          </cell>
          <cell r="L94" t="str">
            <v/>
          </cell>
          <cell r="M94" t="str">
            <v/>
          </cell>
        </row>
        <row r="95">
          <cell r="H95" t="str">
            <v/>
          </cell>
          <cell r="I95" t="str">
            <v/>
          </cell>
          <cell r="K95" t="str">
            <v/>
          </cell>
          <cell r="L95" t="str">
            <v/>
          </cell>
          <cell r="M95" t="str">
            <v/>
          </cell>
        </row>
        <row r="96">
          <cell r="H96" t="str">
            <v/>
          </cell>
          <cell r="I96" t="str">
            <v/>
          </cell>
          <cell r="K96" t="str">
            <v/>
          </cell>
          <cell r="L96" t="str">
            <v/>
          </cell>
          <cell r="M96" t="str">
            <v/>
          </cell>
        </row>
        <row r="97">
          <cell r="H97" t="str">
            <v/>
          </cell>
          <cell r="I97" t="str">
            <v/>
          </cell>
          <cell r="K97" t="str">
            <v/>
          </cell>
          <cell r="L97" t="str">
            <v/>
          </cell>
          <cell r="M97" t="str">
            <v/>
          </cell>
        </row>
        <row r="98">
          <cell r="H98" t="str">
            <v/>
          </cell>
          <cell r="I98" t="str">
            <v/>
          </cell>
          <cell r="K98" t="str">
            <v/>
          </cell>
          <cell r="L98" t="str">
            <v/>
          </cell>
          <cell r="M98" t="str">
            <v/>
          </cell>
        </row>
        <row r="99">
          <cell r="H99" t="str">
            <v/>
          </cell>
          <cell r="I99" t="str">
            <v/>
          </cell>
          <cell r="K99" t="str">
            <v/>
          </cell>
          <cell r="L99" t="str">
            <v/>
          </cell>
          <cell r="M99" t="str">
            <v/>
          </cell>
        </row>
        <row r="100">
          <cell r="H100" t="str">
            <v/>
          </cell>
          <cell r="I100" t="str">
            <v/>
          </cell>
          <cell r="K100" t="str">
            <v/>
          </cell>
          <cell r="L100" t="str">
            <v/>
          </cell>
          <cell r="M100" t="str">
            <v/>
          </cell>
        </row>
        <row r="101">
          <cell r="H101" t="str">
            <v/>
          </cell>
          <cell r="I101" t="str">
            <v/>
          </cell>
          <cell r="K101" t="str">
            <v/>
          </cell>
          <cell r="L101" t="str">
            <v/>
          </cell>
          <cell r="M101" t="str">
            <v/>
          </cell>
        </row>
        <row r="102">
          <cell r="H102" t="str">
            <v/>
          </cell>
          <cell r="I102" t="str">
            <v/>
          </cell>
          <cell r="K102" t="str">
            <v/>
          </cell>
          <cell r="L102" t="str">
            <v/>
          </cell>
          <cell r="M102" t="str">
            <v/>
          </cell>
        </row>
        <row r="103">
          <cell r="H103" t="str">
            <v/>
          </cell>
          <cell r="I103" t="str">
            <v/>
          </cell>
          <cell r="K103" t="str">
            <v/>
          </cell>
          <cell r="L103" t="str">
            <v/>
          </cell>
          <cell r="M103" t="str">
            <v/>
          </cell>
        </row>
        <row r="104">
          <cell r="H104" t="str">
            <v/>
          </cell>
          <cell r="I104" t="str">
            <v/>
          </cell>
          <cell r="K104" t="str">
            <v/>
          </cell>
          <cell r="L104" t="str">
            <v/>
          </cell>
          <cell r="M104" t="str">
            <v/>
          </cell>
        </row>
        <row r="105">
          <cell r="H105" t="str">
            <v/>
          </cell>
          <cell r="I105" t="str">
            <v/>
          </cell>
          <cell r="K105" t="str">
            <v/>
          </cell>
          <cell r="L105" t="str">
            <v/>
          </cell>
          <cell r="M105" t="str">
            <v/>
          </cell>
        </row>
        <row r="106">
          <cell r="H106" t="str">
            <v/>
          </cell>
          <cell r="I106" t="str">
            <v/>
          </cell>
          <cell r="K106" t="str">
            <v/>
          </cell>
          <cell r="L106" t="str">
            <v/>
          </cell>
          <cell r="M106" t="str">
            <v/>
          </cell>
        </row>
        <row r="107">
          <cell r="H107" t="str">
            <v/>
          </cell>
          <cell r="I107" t="str">
            <v/>
          </cell>
          <cell r="K107" t="str">
            <v/>
          </cell>
          <cell r="L107" t="str">
            <v/>
          </cell>
          <cell r="M107" t="str">
            <v/>
          </cell>
        </row>
        <row r="108">
          <cell r="H108" t="str">
            <v/>
          </cell>
          <cell r="I108" t="str">
            <v/>
          </cell>
          <cell r="K108" t="str">
            <v/>
          </cell>
          <cell r="L108" t="str">
            <v/>
          </cell>
          <cell r="M108" t="str">
            <v/>
          </cell>
        </row>
        <row r="109">
          <cell r="H109">
            <v>44050.584027881778</v>
          </cell>
          <cell r="I109" t="e">
            <v>#VALUE!</v>
          </cell>
          <cell r="K109" t="str">
            <v/>
          </cell>
          <cell r="L109" t="str">
            <v/>
          </cell>
          <cell r="M109" t="str">
            <v/>
          </cell>
        </row>
        <row r="110">
          <cell r="H110">
            <v>44062.41736121611</v>
          </cell>
          <cell r="I110" t="e">
            <v>#VALUE!</v>
          </cell>
          <cell r="K110" t="str">
            <v/>
          </cell>
          <cell r="L110" t="str">
            <v/>
          </cell>
          <cell r="M110" t="str">
            <v/>
          </cell>
        </row>
        <row r="111">
          <cell r="H111" t="str">
            <v/>
          </cell>
          <cell r="I111" t="str">
            <v/>
          </cell>
          <cell r="K111" t="str">
            <v/>
          </cell>
          <cell r="L111" t="str">
            <v/>
          </cell>
          <cell r="M111" t="str">
            <v/>
          </cell>
        </row>
        <row r="112">
          <cell r="H112" t="str">
            <v/>
          </cell>
          <cell r="I112" t="str">
            <v/>
          </cell>
          <cell r="K112" t="str">
            <v/>
          </cell>
          <cell r="L112" t="str">
            <v/>
          </cell>
          <cell r="M112" t="str">
            <v/>
          </cell>
        </row>
        <row r="113">
          <cell r="H113" t="str">
            <v/>
          </cell>
          <cell r="I113" t="str">
            <v/>
          </cell>
          <cell r="K113" t="str">
            <v/>
          </cell>
          <cell r="L113" t="str">
            <v/>
          </cell>
          <cell r="M113" t="str">
            <v/>
          </cell>
        </row>
        <row r="114">
          <cell r="H114" t="str">
            <v/>
          </cell>
          <cell r="I114" t="str">
            <v/>
          </cell>
          <cell r="K114" t="str">
            <v/>
          </cell>
          <cell r="L114" t="str">
            <v/>
          </cell>
          <cell r="M114" t="str">
            <v/>
          </cell>
        </row>
        <row r="115">
          <cell r="H115" t="str">
            <v/>
          </cell>
          <cell r="I115" t="str">
            <v/>
          </cell>
          <cell r="K115" t="str">
            <v/>
          </cell>
          <cell r="L115" t="str">
            <v/>
          </cell>
          <cell r="M115" t="str">
            <v/>
          </cell>
        </row>
        <row r="116">
          <cell r="H116" t="str">
            <v/>
          </cell>
          <cell r="I116" t="str">
            <v/>
          </cell>
          <cell r="K116" t="str">
            <v/>
          </cell>
          <cell r="L116" t="str">
            <v/>
          </cell>
          <cell r="M116" t="str">
            <v/>
          </cell>
        </row>
        <row r="117">
          <cell r="H117" t="str">
            <v/>
          </cell>
          <cell r="I117" t="str">
            <v/>
          </cell>
          <cell r="K117" t="str">
            <v/>
          </cell>
          <cell r="L117" t="str">
            <v/>
          </cell>
          <cell r="M117" t="str">
            <v/>
          </cell>
        </row>
        <row r="118">
          <cell r="H118" t="str">
            <v/>
          </cell>
          <cell r="I118" t="str">
            <v/>
          </cell>
          <cell r="K118" t="str">
            <v/>
          </cell>
          <cell r="L118" t="str">
            <v/>
          </cell>
          <cell r="M118" t="str">
            <v/>
          </cell>
        </row>
        <row r="119">
          <cell r="H119" t="str">
            <v/>
          </cell>
          <cell r="I119" t="str">
            <v/>
          </cell>
          <cell r="K119" t="str">
            <v/>
          </cell>
          <cell r="L119" t="str">
            <v/>
          </cell>
          <cell r="M119" t="str">
            <v/>
          </cell>
        </row>
        <row r="120">
          <cell r="H120" t="str">
            <v/>
          </cell>
          <cell r="I120" t="str">
            <v/>
          </cell>
          <cell r="K120" t="str">
            <v/>
          </cell>
          <cell r="L120" t="str">
            <v/>
          </cell>
          <cell r="M120" t="str">
            <v/>
          </cell>
        </row>
        <row r="121">
          <cell r="H121" t="str">
            <v/>
          </cell>
          <cell r="I121" t="str">
            <v/>
          </cell>
          <cell r="K121" t="str">
            <v/>
          </cell>
          <cell r="L121" t="str">
            <v/>
          </cell>
          <cell r="M121" t="str">
            <v/>
          </cell>
        </row>
        <row r="122">
          <cell r="H122" t="str">
            <v/>
          </cell>
          <cell r="I122" t="str">
            <v/>
          </cell>
          <cell r="K122" t="str">
            <v/>
          </cell>
          <cell r="L122" t="str">
            <v/>
          </cell>
          <cell r="M122" t="str">
            <v/>
          </cell>
        </row>
        <row r="123">
          <cell r="H123" t="str">
            <v/>
          </cell>
          <cell r="I123" t="str">
            <v/>
          </cell>
          <cell r="K123" t="str">
            <v/>
          </cell>
          <cell r="L123" t="str">
            <v/>
          </cell>
          <cell r="M123" t="str">
            <v/>
          </cell>
        </row>
        <row r="124">
          <cell r="H124" t="str">
            <v/>
          </cell>
          <cell r="I124" t="str">
            <v/>
          </cell>
          <cell r="K124" t="str">
            <v/>
          </cell>
          <cell r="L124" t="str">
            <v/>
          </cell>
          <cell r="M124" t="str">
            <v/>
          </cell>
        </row>
        <row r="125">
          <cell r="H125" t="str">
            <v/>
          </cell>
          <cell r="I125" t="str">
            <v/>
          </cell>
          <cell r="K125" t="str">
            <v/>
          </cell>
          <cell r="L125" t="str">
            <v/>
          </cell>
          <cell r="M125" t="str">
            <v/>
          </cell>
        </row>
        <row r="126">
          <cell r="H126" t="str">
            <v/>
          </cell>
          <cell r="I126" t="str">
            <v/>
          </cell>
          <cell r="K126" t="str">
            <v/>
          </cell>
          <cell r="L126" t="str">
            <v/>
          </cell>
          <cell r="M126" t="str">
            <v/>
          </cell>
        </row>
        <row r="127">
          <cell r="H127" t="str">
            <v/>
          </cell>
          <cell r="I127" t="str">
            <v/>
          </cell>
          <cell r="K127" t="str">
            <v/>
          </cell>
          <cell r="L127" t="str">
            <v/>
          </cell>
          <cell r="M127" t="str">
            <v/>
          </cell>
        </row>
        <row r="128">
          <cell r="H128" t="str">
            <v/>
          </cell>
          <cell r="I128" t="str">
            <v/>
          </cell>
          <cell r="K128" t="str">
            <v/>
          </cell>
          <cell r="L128" t="str">
            <v/>
          </cell>
          <cell r="M128" t="str">
            <v/>
          </cell>
        </row>
        <row r="129">
          <cell r="H129" t="str">
            <v/>
          </cell>
          <cell r="I129" t="str">
            <v/>
          </cell>
          <cell r="K129" t="str">
            <v/>
          </cell>
          <cell r="L129" t="str">
            <v/>
          </cell>
          <cell r="M129" t="str">
            <v/>
          </cell>
        </row>
        <row r="130">
          <cell r="H130" t="str">
            <v/>
          </cell>
          <cell r="I130" t="str">
            <v/>
          </cell>
          <cell r="K130" t="str">
            <v/>
          </cell>
          <cell r="L130" t="str">
            <v/>
          </cell>
          <cell r="M130" t="str">
            <v/>
          </cell>
        </row>
        <row r="131">
          <cell r="H131" t="str">
            <v/>
          </cell>
          <cell r="I131" t="str">
            <v/>
          </cell>
          <cell r="K131" t="str">
            <v/>
          </cell>
          <cell r="L131" t="str">
            <v/>
          </cell>
          <cell r="M131" t="str">
            <v/>
          </cell>
        </row>
        <row r="132">
          <cell r="H132" t="str">
            <v/>
          </cell>
          <cell r="I132" t="str">
            <v/>
          </cell>
          <cell r="K132" t="str">
            <v/>
          </cell>
          <cell r="L132" t="str">
            <v/>
          </cell>
          <cell r="M132" t="str">
            <v/>
          </cell>
        </row>
        <row r="133">
          <cell r="H133" t="str">
            <v/>
          </cell>
          <cell r="I133" t="str">
            <v/>
          </cell>
          <cell r="K133" t="str">
            <v/>
          </cell>
          <cell r="L133" t="str">
            <v/>
          </cell>
          <cell r="M133" t="str">
            <v/>
          </cell>
        </row>
        <row r="134">
          <cell r="H134" t="str">
            <v/>
          </cell>
          <cell r="I134" t="str">
            <v/>
          </cell>
          <cell r="K134" t="str">
            <v/>
          </cell>
          <cell r="L134" t="str">
            <v/>
          </cell>
          <cell r="M134" t="str">
            <v/>
          </cell>
        </row>
        <row r="135">
          <cell r="H135">
            <v>44062.419444574443</v>
          </cell>
          <cell r="I135" t="e">
            <v>#VALUE!</v>
          </cell>
          <cell r="K135" t="str">
            <v/>
          </cell>
          <cell r="L135" t="str">
            <v/>
          </cell>
          <cell r="M135" t="str">
            <v/>
          </cell>
        </row>
        <row r="136">
          <cell r="H136">
            <v>44064.420833464334</v>
          </cell>
          <cell r="I136" t="e">
            <v>#VALUE!</v>
          </cell>
          <cell r="K136" t="str">
            <v/>
          </cell>
          <cell r="L136" t="str">
            <v/>
          </cell>
          <cell r="M136" t="str">
            <v/>
          </cell>
        </row>
        <row r="137">
          <cell r="H137" t="str">
            <v/>
          </cell>
          <cell r="I137" t="str">
            <v/>
          </cell>
          <cell r="K137" t="str">
            <v/>
          </cell>
          <cell r="L137" t="str">
            <v/>
          </cell>
          <cell r="M137" t="str">
            <v/>
          </cell>
        </row>
        <row r="138">
          <cell r="H138" t="str">
            <v/>
          </cell>
          <cell r="I138" t="str">
            <v/>
          </cell>
          <cell r="K138" t="str">
            <v/>
          </cell>
          <cell r="L138" t="str">
            <v/>
          </cell>
          <cell r="M138" t="str">
            <v/>
          </cell>
        </row>
        <row r="139">
          <cell r="H139" t="str">
            <v/>
          </cell>
          <cell r="I139" t="str">
            <v/>
          </cell>
          <cell r="K139" t="str">
            <v/>
          </cell>
          <cell r="L139" t="str">
            <v/>
          </cell>
          <cell r="M139" t="str">
            <v/>
          </cell>
        </row>
        <row r="140">
          <cell r="H140" t="str">
            <v/>
          </cell>
          <cell r="I140" t="str">
            <v/>
          </cell>
          <cell r="K140" t="str">
            <v/>
          </cell>
          <cell r="L140" t="str">
            <v/>
          </cell>
          <cell r="M140" t="str">
            <v/>
          </cell>
        </row>
        <row r="141">
          <cell r="H141" t="str">
            <v/>
          </cell>
          <cell r="I141" t="str">
            <v/>
          </cell>
          <cell r="K141" t="str">
            <v/>
          </cell>
          <cell r="L141" t="str">
            <v/>
          </cell>
          <cell r="M141" t="str">
            <v/>
          </cell>
        </row>
        <row r="142">
          <cell r="H142" t="str">
            <v/>
          </cell>
          <cell r="I142" t="str">
            <v/>
          </cell>
          <cell r="K142" t="str">
            <v/>
          </cell>
          <cell r="L142" t="str">
            <v/>
          </cell>
          <cell r="M142" t="str">
            <v/>
          </cell>
        </row>
        <row r="143">
          <cell r="H143" t="str">
            <v/>
          </cell>
          <cell r="I143" t="str">
            <v/>
          </cell>
          <cell r="K143" t="str">
            <v/>
          </cell>
          <cell r="L143" t="str">
            <v/>
          </cell>
          <cell r="M143" t="str">
            <v/>
          </cell>
        </row>
        <row r="144">
          <cell r="H144" t="str">
            <v/>
          </cell>
          <cell r="I144" t="str">
            <v/>
          </cell>
          <cell r="K144" t="str">
            <v/>
          </cell>
          <cell r="L144" t="str">
            <v/>
          </cell>
          <cell r="M144" t="str">
            <v/>
          </cell>
        </row>
        <row r="145">
          <cell r="H145" t="str">
            <v/>
          </cell>
          <cell r="I145" t="str">
            <v/>
          </cell>
          <cell r="K145" t="str">
            <v/>
          </cell>
          <cell r="L145" t="str">
            <v/>
          </cell>
          <cell r="M145" t="str">
            <v/>
          </cell>
        </row>
        <row r="146">
          <cell r="H146" t="str">
            <v/>
          </cell>
          <cell r="I146" t="str">
            <v/>
          </cell>
          <cell r="K146" t="str">
            <v/>
          </cell>
          <cell r="L146" t="str">
            <v/>
          </cell>
          <cell r="M146" t="str">
            <v/>
          </cell>
        </row>
        <row r="147">
          <cell r="H147" t="str">
            <v/>
          </cell>
          <cell r="I147" t="str">
            <v/>
          </cell>
          <cell r="K147" t="str">
            <v/>
          </cell>
          <cell r="L147" t="str">
            <v/>
          </cell>
          <cell r="M147" t="str">
            <v/>
          </cell>
        </row>
        <row r="148">
          <cell r="H148" t="str">
            <v/>
          </cell>
          <cell r="I148" t="str">
            <v/>
          </cell>
          <cell r="K148" t="str">
            <v/>
          </cell>
          <cell r="L148" t="str">
            <v/>
          </cell>
          <cell r="M148" t="str">
            <v/>
          </cell>
        </row>
        <row r="149">
          <cell r="H149" t="str">
            <v/>
          </cell>
          <cell r="I149" t="str">
            <v/>
          </cell>
          <cell r="K149" t="str">
            <v/>
          </cell>
          <cell r="L149" t="str">
            <v/>
          </cell>
          <cell r="M149" t="str">
            <v/>
          </cell>
        </row>
        <row r="150">
          <cell r="H150" t="str">
            <v/>
          </cell>
          <cell r="I150" t="str">
            <v/>
          </cell>
          <cell r="K150" t="str">
            <v/>
          </cell>
          <cell r="L150" t="str">
            <v/>
          </cell>
          <cell r="M150" t="str">
            <v/>
          </cell>
        </row>
        <row r="151">
          <cell r="H151" t="str">
            <v/>
          </cell>
          <cell r="I151" t="str">
            <v/>
          </cell>
          <cell r="K151" t="str">
            <v/>
          </cell>
          <cell r="L151" t="str">
            <v/>
          </cell>
          <cell r="M151" t="str">
            <v/>
          </cell>
        </row>
        <row r="152">
          <cell r="H152" t="str">
            <v/>
          </cell>
          <cell r="I152" t="str">
            <v/>
          </cell>
          <cell r="K152" t="str">
            <v/>
          </cell>
          <cell r="L152" t="str">
            <v/>
          </cell>
          <cell r="M152" t="str">
            <v/>
          </cell>
        </row>
        <row r="153">
          <cell r="H153" t="str">
            <v/>
          </cell>
          <cell r="I153" t="str">
            <v/>
          </cell>
          <cell r="K153" t="str">
            <v/>
          </cell>
          <cell r="L153" t="str">
            <v/>
          </cell>
          <cell r="M153" t="str">
            <v/>
          </cell>
        </row>
        <row r="154">
          <cell r="H154" t="str">
            <v/>
          </cell>
          <cell r="I154" t="str">
            <v/>
          </cell>
          <cell r="K154" t="str">
            <v/>
          </cell>
          <cell r="L154" t="str">
            <v/>
          </cell>
          <cell r="M154" t="str">
            <v/>
          </cell>
        </row>
        <row r="155">
          <cell r="H155" t="str">
            <v/>
          </cell>
          <cell r="I155" t="str">
            <v/>
          </cell>
          <cell r="K155" t="str">
            <v/>
          </cell>
          <cell r="L155" t="str">
            <v/>
          </cell>
          <cell r="M155" t="str">
            <v/>
          </cell>
        </row>
        <row r="156">
          <cell r="H156" t="str">
            <v/>
          </cell>
          <cell r="I156" t="str">
            <v/>
          </cell>
          <cell r="K156" t="str">
            <v/>
          </cell>
          <cell r="L156" t="str">
            <v/>
          </cell>
          <cell r="M156" t="str">
            <v/>
          </cell>
        </row>
        <row r="157">
          <cell r="H157" t="str">
            <v/>
          </cell>
          <cell r="I157" t="str">
            <v/>
          </cell>
          <cell r="K157" t="str">
            <v/>
          </cell>
          <cell r="L157" t="str">
            <v/>
          </cell>
          <cell r="M157" t="str">
            <v/>
          </cell>
        </row>
        <row r="158">
          <cell r="H158" t="str">
            <v/>
          </cell>
          <cell r="I158" t="str">
            <v/>
          </cell>
          <cell r="K158" t="str">
            <v/>
          </cell>
          <cell r="L158" t="str">
            <v/>
          </cell>
          <cell r="M158" t="str">
            <v/>
          </cell>
        </row>
        <row r="159">
          <cell r="H159" t="str">
            <v/>
          </cell>
          <cell r="I159" t="str">
            <v/>
          </cell>
          <cell r="K159" t="str">
            <v/>
          </cell>
          <cell r="L159" t="str">
            <v/>
          </cell>
          <cell r="M159" t="str">
            <v/>
          </cell>
        </row>
        <row r="160">
          <cell r="H160" t="str">
            <v/>
          </cell>
          <cell r="I160" t="str">
            <v/>
          </cell>
          <cell r="K160" t="str">
            <v/>
          </cell>
          <cell r="L160" t="str">
            <v/>
          </cell>
          <cell r="M160" t="str">
            <v/>
          </cell>
        </row>
        <row r="161">
          <cell r="H161" t="str">
            <v/>
          </cell>
          <cell r="I161" t="str">
            <v/>
          </cell>
          <cell r="K161" t="str">
            <v/>
          </cell>
          <cell r="L161" t="str">
            <v/>
          </cell>
          <cell r="M161" t="str">
            <v/>
          </cell>
        </row>
        <row r="162">
          <cell r="H162" t="str">
            <v/>
          </cell>
          <cell r="I162" t="str">
            <v/>
          </cell>
          <cell r="K162" t="str">
            <v/>
          </cell>
          <cell r="L162" t="str">
            <v/>
          </cell>
          <cell r="M162" t="str">
            <v/>
          </cell>
        </row>
        <row r="163">
          <cell r="H163" t="str">
            <v/>
          </cell>
          <cell r="I163" t="str">
            <v/>
          </cell>
          <cell r="K163" t="str">
            <v/>
          </cell>
          <cell r="L163" t="str">
            <v/>
          </cell>
          <cell r="M163" t="str">
            <v/>
          </cell>
        </row>
        <row r="164">
          <cell r="H164" t="str">
            <v/>
          </cell>
          <cell r="I164" t="str">
            <v/>
          </cell>
          <cell r="K164" t="str">
            <v/>
          </cell>
          <cell r="L164" t="str">
            <v/>
          </cell>
          <cell r="M164" t="str">
            <v/>
          </cell>
        </row>
        <row r="165">
          <cell r="H165" t="str">
            <v/>
          </cell>
          <cell r="I165" t="str">
            <v/>
          </cell>
          <cell r="K165" t="str">
            <v/>
          </cell>
          <cell r="L165" t="str">
            <v/>
          </cell>
          <cell r="M165" t="str">
            <v/>
          </cell>
        </row>
        <row r="166">
          <cell r="H166" t="str">
            <v/>
          </cell>
          <cell r="I166" t="str">
            <v/>
          </cell>
          <cell r="K166" t="str">
            <v/>
          </cell>
          <cell r="L166" t="str">
            <v/>
          </cell>
          <cell r="M166" t="str">
            <v/>
          </cell>
        </row>
        <row r="167">
          <cell r="H167" t="str">
            <v/>
          </cell>
          <cell r="I167" t="str">
            <v/>
          </cell>
          <cell r="K167" t="str">
            <v/>
          </cell>
          <cell r="L167" t="str">
            <v/>
          </cell>
          <cell r="M167" t="str">
            <v/>
          </cell>
        </row>
        <row r="168">
          <cell r="H168" t="str">
            <v/>
          </cell>
          <cell r="I168" t="str">
            <v/>
          </cell>
          <cell r="K168" t="str">
            <v/>
          </cell>
          <cell r="L168" t="str">
            <v/>
          </cell>
          <cell r="M168" t="str">
            <v/>
          </cell>
        </row>
        <row r="169">
          <cell r="H169" t="str">
            <v/>
          </cell>
          <cell r="I169" t="str">
            <v/>
          </cell>
          <cell r="K169" t="str">
            <v/>
          </cell>
          <cell r="L169" t="str">
            <v/>
          </cell>
          <cell r="M169" t="str">
            <v/>
          </cell>
        </row>
        <row r="170">
          <cell r="H170" t="str">
            <v/>
          </cell>
          <cell r="I170" t="str">
            <v/>
          </cell>
          <cell r="K170" t="str">
            <v/>
          </cell>
          <cell r="L170" t="str">
            <v/>
          </cell>
          <cell r="M170" t="str">
            <v/>
          </cell>
        </row>
        <row r="171">
          <cell r="H171" t="str">
            <v/>
          </cell>
          <cell r="I171" t="str">
            <v/>
          </cell>
          <cell r="K171" t="str">
            <v/>
          </cell>
          <cell r="L171" t="str">
            <v/>
          </cell>
          <cell r="M171" t="str">
            <v/>
          </cell>
        </row>
        <row r="172">
          <cell r="H172" t="str">
            <v/>
          </cell>
          <cell r="I172" t="str">
            <v/>
          </cell>
          <cell r="K172" t="str">
            <v/>
          </cell>
          <cell r="L172" t="str">
            <v/>
          </cell>
          <cell r="M172" t="str">
            <v/>
          </cell>
        </row>
        <row r="173">
          <cell r="H173" t="str">
            <v/>
          </cell>
          <cell r="I173" t="str">
            <v/>
          </cell>
          <cell r="K173" t="str">
            <v/>
          </cell>
          <cell r="L173" t="str">
            <v/>
          </cell>
          <cell r="M173" t="str">
            <v/>
          </cell>
        </row>
        <row r="174">
          <cell r="H174" t="str">
            <v/>
          </cell>
          <cell r="I174" t="str">
            <v/>
          </cell>
          <cell r="K174" t="str">
            <v/>
          </cell>
          <cell r="L174" t="str">
            <v/>
          </cell>
          <cell r="M174" t="str">
            <v/>
          </cell>
        </row>
        <row r="175">
          <cell r="H175" t="str">
            <v/>
          </cell>
          <cell r="I175" t="str">
            <v/>
          </cell>
          <cell r="K175" t="str">
            <v/>
          </cell>
          <cell r="L175" t="str">
            <v/>
          </cell>
          <cell r="M175" t="str">
            <v/>
          </cell>
        </row>
        <row r="176">
          <cell r="H176" t="str">
            <v/>
          </cell>
          <cell r="I176" t="str">
            <v/>
          </cell>
          <cell r="K176" t="str">
            <v/>
          </cell>
          <cell r="L176" t="str">
            <v/>
          </cell>
          <cell r="M176" t="str">
            <v/>
          </cell>
        </row>
        <row r="177">
          <cell r="H177" t="str">
            <v/>
          </cell>
          <cell r="I177" t="str">
            <v/>
          </cell>
          <cell r="K177" t="str">
            <v/>
          </cell>
          <cell r="L177" t="str">
            <v/>
          </cell>
          <cell r="M177" t="str">
            <v/>
          </cell>
        </row>
        <row r="178">
          <cell r="H178" t="str">
            <v/>
          </cell>
          <cell r="I178" t="str">
            <v/>
          </cell>
          <cell r="K178" t="str">
            <v/>
          </cell>
          <cell r="L178" t="str">
            <v/>
          </cell>
          <cell r="M178" t="str">
            <v/>
          </cell>
        </row>
        <row r="179">
          <cell r="H179" t="str">
            <v/>
          </cell>
          <cell r="I179" t="str">
            <v/>
          </cell>
          <cell r="K179" t="str">
            <v/>
          </cell>
          <cell r="L179" t="str">
            <v/>
          </cell>
          <cell r="M179" t="str">
            <v/>
          </cell>
        </row>
        <row r="180">
          <cell r="H180" t="str">
            <v/>
          </cell>
          <cell r="I180" t="str">
            <v/>
          </cell>
          <cell r="K180" t="str">
            <v/>
          </cell>
          <cell r="L180" t="str">
            <v/>
          </cell>
          <cell r="M180" t="str">
            <v/>
          </cell>
        </row>
        <row r="181">
          <cell r="H181" t="str">
            <v/>
          </cell>
          <cell r="I181" t="str">
            <v/>
          </cell>
          <cell r="K181" t="str">
            <v/>
          </cell>
          <cell r="L181" t="str">
            <v/>
          </cell>
          <cell r="M181" t="str">
            <v/>
          </cell>
        </row>
        <row r="182">
          <cell r="H182" t="str">
            <v/>
          </cell>
          <cell r="I182" t="str">
            <v/>
          </cell>
          <cell r="K182" t="str">
            <v/>
          </cell>
          <cell r="L182" t="str">
            <v/>
          </cell>
          <cell r="M182" t="str">
            <v/>
          </cell>
        </row>
        <row r="183">
          <cell r="H183" t="str">
            <v/>
          </cell>
          <cell r="I183" t="str">
            <v/>
          </cell>
          <cell r="K183" t="str">
            <v/>
          </cell>
          <cell r="L183" t="str">
            <v/>
          </cell>
          <cell r="M183" t="str">
            <v/>
          </cell>
        </row>
        <row r="184">
          <cell r="H184" t="str">
            <v/>
          </cell>
          <cell r="I184" t="str">
            <v/>
          </cell>
          <cell r="K184" t="str">
            <v/>
          </cell>
          <cell r="L184" t="str">
            <v/>
          </cell>
          <cell r="M184" t="str">
            <v/>
          </cell>
        </row>
        <row r="185">
          <cell r="H185" t="str">
            <v/>
          </cell>
          <cell r="I185" t="str">
            <v/>
          </cell>
          <cell r="K185" t="str">
            <v/>
          </cell>
          <cell r="L185" t="str">
            <v/>
          </cell>
          <cell r="M185" t="str">
            <v/>
          </cell>
        </row>
        <row r="186">
          <cell r="H186" t="str">
            <v/>
          </cell>
          <cell r="I186" t="str">
            <v/>
          </cell>
          <cell r="K186" t="str">
            <v/>
          </cell>
          <cell r="L186" t="str">
            <v/>
          </cell>
          <cell r="M186" t="str">
            <v/>
          </cell>
        </row>
        <row r="187">
          <cell r="H187" t="str">
            <v/>
          </cell>
          <cell r="I187" t="str">
            <v/>
          </cell>
          <cell r="K187" t="str">
            <v/>
          </cell>
          <cell r="L187" t="str">
            <v/>
          </cell>
          <cell r="M187" t="str">
            <v/>
          </cell>
        </row>
        <row r="188">
          <cell r="H188">
            <v>44112.417361294109</v>
          </cell>
          <cell r="I188" t="e">
            <v>#VALUE!</v>
          </cell>
          <cell r="K188" t="str">
            <v/>
          </cell>
          <cell r="L188" t="str">
            <v/>
          </cell>
          <cell r="M188" t="str">
            <v/>
          </cell>
        </row>
        <row r="189">
          <cell r="H189" t="str">
            <v/>
          </cell>
          <cell r="I189" t="str">
            <v/>
          </cell>
          <cell r="K189" t="str">
            <v/>
          </cell>
          <cell r="L189" t="str">
            <v/>
          </cell>
          <cell r="M189" t="str">
            <v/>
          </cell>
        </row>
        <row r="190">
          <cell r="H190" t="str">
            <v/>
          </cell>
          <cell r="I190" t="str">
            <v/>
          </cell>
          <cell r="K190" t="str">
            <v/>
          </cell>
          <cell r="L190" t="str">
            <v/>
          </cell>
          <cell r="M190" t="str">
            <v/>
          </cell>
        </row>
        <row r="191">
          <cell r="H191" t="str">
            <v/>
          </cell>
          <cell r="I191" t="str">
            <v/>
          </cell>
          <cell r="K191" t="str">
            <v/>
          </cell>
          <cell r="L191" t="str">
            <v/>
          </cell>
          <cell r="M191" t="str">
            <v/>
          </cell>
        </row>
        <row r="192">
          <cell r="H192" t="str">
            <v/>
          </cell>
          <cell r="I192" t="str">
            <v/>
          </cell>
          <cell r="K192" t="str">
            <v/>
          </cell>
          <cell r="L192" t="str">
            <v/>
          </cell>
          <cell r="M192" t="str">
            <v/>
          </cell>
        </row>
        <row r="193">
          <cell r="H193" t="str">
            <v/>
          </cell>
          <cell r="I193" t="str">
            <v/>
          </cell>
          <cell r="K193" t="str">
            <v/>
          </cell>
          <cell r="L193" t="str">
            <v/>
          </cell>
          <cell r="M193" t="str">
            <v/>
          </cell>
        </row>
        <row r="194">
          <cell r="H194" t="str">
            <v/>
          </cell>
          <cell r="I194" t="str">
            <v/>
          </cell>
          <cell r="K194" t="str">
            <v/>
          </cell>
          <cell r="L194" t="str">
            <v/>
          </cell>
          <cell r="M194" t="str">
            <v/>
          </cell>
        </row>
        <row r="195">
          <cell r="H195" t="str">
            <v/>
          </cell>
          <cell r="I195" t="str">
            <v/>
          </cell>
          <cell r="K195" t="str">
            <v/>
          </cell>
          <cell r="L195" t="str">
            <v/>
          </cell>
          <cell r="M195" t="str">
            <v/>
          </cell>
        </row>
        <row r="196">
          <cell r="H196" t="str">
            <v/>
          </cell>
          <cell r="I196" t="str">
            <v/>
          </cell>
          <cell r="K196" t="str">
            <v/>
          </cell>
          <cell r="L196" t="str">
            <v/>
          </cell>
          <cell r="M196" t="str">
            <v/>
          </cell>
        </row>
        <row r="197">
          <cell r="H197" t="str">
            <v/>
          </cell>
          <cell r="I197" t="str">
            <v/>
          </cell>
          <cell r="K197" t="str">
            <v/>
          </cell>
          <cell r="L197" t="str">
            <v/>
          </cell>
          <cell r="M197" t="str">
            <v/>
          </cell>
        </row>
        <row r="198">
          <cell r="H198" t="str">
            <v/>
          </cell>
          <cell r="I198" t="str">
            <v/>
          </cell>
          <cell r="K198" t="str">
            <v/>
          </cell>
          <cell r="L198" t="str">
            <v/>
          </cell>
          <cell r="M198" t="str">
            <v/>
          </cell>
        </row>
        <row r="199">
          <cell r="H199" t="str">
            <v/>
          </cell>
          <cell r="I199" t="str">
            <v/>
          </cell>
          <cell r="K199" t="str">
            <v/>
          </cell>
          <cell r="L199" t="str">
            <v/>
          </cell>
          <cell r="M199" t="str">
            <v/>
          </cell>
        </row>
        <row r="200">
          <cell r="H200" t="str">
            <v/>
          </cell>
          <cell r="I200" t="str">
            <v/>
          </cell>
          <cell r="K200" t="str">
            <v/>
          </cell>
          <cell r="L200" t="str">
            <v/>
          </cell>
          <cell r="M200" t="str">
            <v/>
          </cell>
        </row>
        <row r="201">
          <cell r="H201" t="str">
            <v/>
          </cell>
          <cell r="I201" t="str">
            <v/>
          </cell>
          <cell r="K201" t="str">
            <v/>
          </cell>
          <cell r="L201" t="str">
            <v/>
          </cell>
          <cell r="M201" t="str">
            <v/>
          </cell>
        </row>
        <row r="202">
          <cell r="H202" t="str">
            <v/>
          </cell>
          <cell r="I202" t="str">
            <v/>
          </cell>
          <cell r="K202" t="str">
            <v/>
          </cell>
          <cell r="L202" t="str">
            <v/>
          </cell>
          <cell r="M202" t="str">
            <v/>
          </cell>
        </row>
        <row r="203">
          <cell r="H203" t="str">
            <v/>
          </cell>
          <cell r="I203" t="str">
            <v/>
          </cell>
          <cell r="K203" t="str">
            <v/>
          </cell>
          <cell r="L203" t="str">
            <v/>
          </cell>
          <cell r="M203" t="str">
            <v/>
          </cell>
        </row>
        <row r="204">
          <cell r="H204" t="str">
            <v/>
          </cell>
          <cell r="I204" t="str">
            <v/>
          </cell>
          <cell r="K204" t="str">
            <v/>
          </cell>
          <cell r="L204" t="str">
            <v/>
          </cell>
          <cell r="M204" t="str">
            <v/>
          </cell>
        </row>
        <row r="205">
          <cell r="H205" t="str">
            <v/>
          </cell>
          <cell r="I205" t="str">
            <v/>
          </cell>
          <cell r="K205" t="str">
            <v/>
          </cell>
          <cell r="L205" t="str">
            <v/>
          </cell>
          <cell r="M205" t="str">
            <v/>
          </cell>
        </row>
        <row r="206">
          <cell r="H206" t="str">
            <v/>
          </cell>
          <cell r="I206" t="str">
            <v/>
          </cell>
          <cell r="K206" t="str">
            <v/>
          </cell>
          <cell r="L206" t="str">
            <v/>
          </cell>
          <cell r="M206" t="str">
            <v/>
          </cell>
        </row>
        <row r="207">
          <cell r="H207" t="str">
            <v/>
          </cell>
          <cell r="I207" t="str">
            <v/>
          </cell>
          <cell r="K207" t="str">
            <v/>
          </cell>
          <cell r="L207" t="str">
            <v/>
          </cell>
          <cell r="M207" t="str">
            <v/>
          </cell>
        </row>
        <row r="208">
          <cell r="H208" t="str">
            <v/>
          </cell>
          <cell r="I208" t="str">
            <v/>
          </cell>
          <cell r="K208" t="str">
            <v/>
          </cell>
          <cell r="L208" t="str">
            <v/>
          </cell>
          <cell r="M208" t="str">
            <v/>
          </cell>
        </row>
        <row r="209">
          <cell r="H209" t="str">
            <v/>
          </cell>
          <cell r="I209" t="str">
            <v/>
          </cell>
          <cell r="K209" t="str">
            <v/>
          </cell>
          <cell r="L209" t="str">
            <v/>
          </cell>
          <cell r="M209" t="str">
            <v/>
          </cell>
        </row>
        <row r="210">
          <cell r="H210" t="str">
            <v/>
          </cell>
          <cell r="I210" t="str">
            <v/>
          </cell>
          <cell r="K210" t="str">
            <v/>
          </cell>
          <cell r="L210" t="str">
            <v/>
          </cell>
          <cell r="M210" t="str">
            <v/>
          </cell>
        </row>
        <row r="211">
          <cell r="H211" t="str">
            <v/>
          </cell>
          <cell r="I211" t="str">
            <v/>
          </cell>
          <cell r="K211" t="str">
            <v/>
          </cell>
          <cell r="L211" t="str">
            <v/>
          </cell>
          <cell r="M211" t="str">
            <v/>
          </cell>
        </row>
        <row r="212">
          <cell r="H212" t="str">
            <v/>
          </cell>
          <cell r="I212" t="str">
            <v/>
          </cell>
          <cell r="K212" t="str">
            <v/>
          </cell>
          <cell r="L212" t="str">
            <v/>
          </cell>
          <cell r="M212" t="str">
            <v/>
          </cell>
        </row>
        <row r="213">
          <cell r="H213" t="str">
            <v/>
          </cell>
          <cell r="I213" t="str">
            <v/>
          </cell>
          <cell r="K213" t="str">
            <v/>
          </cell>
          <cell r="L213" t="str">
            <v/>
          </cell>
          <cell r="M213" t="str">
            <v/>
          </cell>
        </row>
        <row r="214">
          <cell r="H214" t="str">
            <v/>
          </cell>
          <cell r="I214" t="str">
            <v/>
          </cell>
          <cell r="K214" t="str">
            <v/>
          </cell>
          <cell r="L214" t="str">
            <v/>
          </cell>
          <cell r="M214" t="str">
            <v/>
          </cell>
        </row>
        <row r="215">
          <cell r="H215" t="str">
            <v/>
          </cell>
          <cell r="I215" t="str">
            <v/>
          </cell>
          <cell r="K215" t="str">
            <v/>
          </cell>
          <cell r="L215" t="str">
            <v/>
          </cell>
          <cell r="M215" t="str">
            <v/>
          </cell>
        </row>
        <row r="216">
          <cell r="H216" t="str">
            <v/>
          </cell>
          <cell r="I216" t="str">
            <v/>
          </cell>
          <cell r="K216" t="str">
            <v/>
          </cell>
          <cell r="L216" t="str">
            <v/>
          </cell>
          <cell r="M216" t="str">
            <v/>
          </cell>
        </row>
        <row r="217">
          <cell r="H217" t="str">
            <v/>
          </cell>
          <cell r="I217" t="str">
            <v/>
          </cell>
          <cell r="K217" t="str">
            <v/>
          </cell>
          <cell r="L217" t="str">
            <v/>
          </cell>
          <cell r="M217" t="str">
            <v/>
          </cell>
        </row>
        <row r="218">
          <cell r="H218" t="str">
            <v/>
          </cell>
          <cell r="I218" t="str">
            <v/>
          </cell>
          <cell r="K218" t="str">
            <v/>
          </cell>
          <cell r="L218" t="str">
            <v/>
          </cell>
          <cell r="M218" t="str">
            <v/>
          </cell>
        </row>
        <row r="219">
          <cell r="H219">
            <v>44152.584027991776</v>
          </cell>
          <cell r="I219" t="e">
            <v>#VALUE!</v>
          </cell>
          <cell r="K219" t="str">
            <v/>
          </cell>
          <cell r="L219" t="str">
            <v/>
          </cell>
          <cell r="M219" t="str">
            <v/>
          </cell>
        </row>
        <row r="220">
          <cell r="H220">
            <v>44148.584027992772</v>
          </cell>
          <cell r="I220" t="e">
            <v>#VALUE!</v>
          </cell>
          <cell r="K220" t="str">
            <v/>
          </cell>
          <cell r="L220" t="str">
            <v/>
          </cell>
          <cell r="M220" t="str">
            <v/>
          </cell>
        </row>
        <row r="221">
          <cell r="H221">
            <v>44148.584722438223</v>
          </cell>
          <cell r="I221" t="e">
            <v>#VALUE!</v>
          </cell>
          <cell r="K221" t="str">
            <v/>
          </cell>
          <cell r="L221" t="str">
            <v/>
          </cell>
          <cell r="M221" t="str">
            <v/>
          </cell>
        </row>
        <row r="222">
          <cell r="H222">
            <v>44148.585416883667</v>
          </cell>
          <cell r="I222" t="e">
            <v>#VALUE!</v>
          </cell>
          <cell r="K222" t="str">
            <v/>
          </cell>
          <cell r="L222" t="str">
            <v/>
          </cell>
          <cell r="M222" t="str">
            <v/>
          </cell>
        </row>
        <row r="223">
          <cell r="H223" t="str">
            <v/>
          </cell>
          <cell r="I223" t="str">
            <v/>
          </cell>
          <cell r="K223" t="str">
            <v/>
          </cell>
          <cell r="L223" t="str">
            <v/>
          </cell>
          <cell r="M223" t="str">
            <v/>
          </cell>
        </row>
        <row r="224">
          <cell r="H224" t="str">
            <v/>
          </cell>
          <cell r="I224" t="str">
            <v/>
          </cell>
          <cell r="K224" t="str">
            <v/>
          </cell>
          <cell r="L224" t="str">
            <v/>
          </cell>
          <cell r="M224" t="str">
            <v/>
          </cell>
        </row>
        <row r="225">
          <cell r="H225" t="str">
            <v/>
          </cell>
          <cell r="I225" t="str">
            <v/>
          </cell>
          <cell r="K225" t="str">
            <v/>
          </cell>
          <cell r="L225" t="str">
            <v/>
          </cell>
          <cell r="M225" t="str">
            <v/>
          </cell>
        </row>
        <row r="226">
          <cell r="H226" t="str">
            <v/>
          </cell>
          <cell r="I226" t="str">
            <v/>
          </cell>
          <cell r="K226" t="str">
            <v/>
          </cell>
          <cell r="L226" t="str">
            <v/>
          </cell>
          <cell r="M226" t="str">
            <v/>
          </cell>
        </row>
        <row r="227">
          <cell r="H227" t="str">
            <v/>
          </cell>
          <cell r="I227" t="str">
            <v/>
          </cell>
          <cell r="K227" t="str">
            <v/>
          </cell>
          <cell r="L227" t="str">
            <v/>
          </cell>
          <cell r="M227" t="str">
            <v/>
          </cell>
        </row>
        <row r="228">
          <cell r="H228" t="str">
            <v/>
          </cell>
          <cell r="I228" t="str">
            <v/>
          </cell>
          <cell r="K228" t="str">
            <v/>
          </cell>
          <cell r="L228" t="str">
            <v/>
          </cell>
          <cell r="M228" t="str">
            <v/>
          </cell>
        </row>
        <row r="229">
          <cell r="H229" t="str">
            <v/>
          </cell>
          <cell r="I229" t="str">
            <v/>
          </cell>
          <cell r="K229" t="str">
            <v/>
          </cell>
          <cell r="L229" t="str">
            <v/>
          </cell>
          <cell r="M229" t="str">
            <v/>
          </cell>
        </row>
        <row r="230">
          <cell r="H230" t="str">
            <v/>
          </cell>
          <cell r="I230" t="str">
            <v/>
          </cell>
          <cell r="K230" t="str">
            <v/>
          </cell>
          <cell r="L230" t="str">
            <v/>
          </cell>
          <cell r="M230" t="str">
            <v/>
          </cell>
        </row>
        <row r="231">
          <cell r="H231" t="str">
            <v/>
          </cell>
          <cell r="I231" t="str">
            <v/>
          </cell>
          <cell r="K231" t="str">
            <v/>
          </cell>
          <cell r="L231" t="str">
            <v/>
          </cell>
          <cell r="M231" t="str">
            <v/>
          </cell>
        </row>
        <row r="232">
          <cell r="H232">
            <v>44134.417361338114</v>
          </cell>
          <cell r="I232" t="e">
            <v>#VALUE!</v>
          </cell>
          <cell r="K232" t="str">
            <v/>
          </cell>
          <cell r="L232" t="str">
            <v/>
          </cell>
          <cell r="M232" t="str">
            <v/>
          </cell>
        </row>
        <row r="233">
          <cell r="H233" t="str">
            <v/>
          </cell>
          <cell r="I233" t="str">
            <v/>
          </cell>
          <cell r="K233" t="str">
            <v/>
          </cell>
          <cell r="L233" t="str">
            <v/>
          </cell>
          <cell r="M233" t="str">
            <v/>
          </cell>
        </row>
        <row r="234">
          <cell r="H234" t="str">
            <v/>
          </cell>
          <cell r="I234" t="str">
            <v/>
          </cell>
          <cell r="K234" t="str">
            <v/>
          </cell>
          <cell r="L234" t="str">
            <v/>
          </cell>
          <cell r="M234" t="str">
            <v/>
          </cell>
        </row>
        <row r="235">
          <cell r="H235" t="str">
            <v/>
          </cell>
          <cell r="I235" t="str">
            <v/>
          </cell>
          <cell r="K235" t="str">
            <v/>
          </cell>
          <cell r="L235" t="str">
            <v/>
          </cell>
          <cell r="M235" t="str">
            <v/>
          </cell>
        </row>
        <row r="236">
          <cell r="H236" t="str">
            <v/>
          </cell>
          <cell r="I236" t="str">
            <v/>
          </cell>
          <cell r="K236" t="str">
            <v/>
          </cell>
          <cell r="L236" t="str">
            <v/>
          </cell>
          <cell r="M236" t="str">
            <v/>
          </cell>
        </row>
        <row r="237">
          <cell r="H237" t="str">
            <v/>
          </cell>
          <cell r="I237" t="str">
            <v/>
          </cell>
          <cell r="K237" t="str">
            <v/>
          </cell>
          <cell r="L237" t="str">
            <v/>
          </cell>
          <cell r="M237" t="str">
            <v/>
          </cell>
        </row>
        <row r="238">
          <cell r="H238" t="str">
            <v/>
          </cell>
          <cell r="I238" t="str">
            <v/>
          </cell>
          <cell r="K238" t="str">
            <v/>
          </cell>
          <cell r="L238" t="str">
            <v/>
          </cell>
          <cell r="M238" t="str">
            <v/>
          </cell>
        </row>
        <row r="239">
          <cell r="H239" t="str">
            <v/>
          </cell>
          <cell r="I239" t="str">
            <v/>
          </cell>
          <cell r="K239" t="str">
            <v/>
          </cell>
          <cell r="L239" t="str">
            <v/>
          </cell>
          <cell r="M239" t="str">
            <v/>
          </cell>
        </row>
        <row r="240">
          <cell r="H240" t="str">
            <v/>
          </cell>
          <cell r="I240" t="str">
            <v/>
          </cell>
          <cell r="K240" t="str">
            <v/>
          </cell>
          <cell r="L240" t="str">
            <v/>
          </cell>
          <cell r="M240" t="str">
            <v/>
          </cell>
        </row>
        <row r="241">
          <cell r="H241" t="str">
            <v/>
          </cell>
          <cell r="I241" t="str">
            <v/>
          </cell>
          <cell r="K241" t="str">
            <v/>
          </cell>
          <cell r="L241" t="str">
            <v/>
          </cell>
          <cell r="M241" t="str">
            <v/>
          </cell>
        </row>
        <row r="242">
          <cell r="H242" t="str">
            <v/>
          </cell>
          <cell r="I242" t="str">
            <v/>
          </cell>
          <cell r="K242" t="str">
            <v/>
          </cell>
          <cell r="L242" t="str">
            <v/>
          </cell>
          <cell r="M242" t="str">
            <v/>
          </cell>
        </row>
        <row r="243">
          <cell r="H243" t="str">
            <v/>
          </cell>
          <cell r="I243" t="str">
            <v/>
          </cell>
          <cell r="K243" t="str">
            <v/>
          </cell>
          <cell r="L243" t="str">
            <v/>
          </cell>
          <cell r="M243" t="str">
            <v/>
          </cell>
        </row>
        <row r="244">
          <cell r="H244" t="str">
            <v/>
          </cell>
          <cell r="I244" t="str">
            <v/>
          </cell>
          <cell r="K244" t="str">
            <v/>
          </cell>
          <cell r="L244" t="str">
            <v/>
          </cell>
          <cell r="M244" t="str">
            <v/>
          </cell>
        </row>
        <row r="245">
          <cell r="H245" t="str">
            <v/>
          </cell>
          <cell r="I245" t="str">
            <v/>
          </cell>
          <cell r="K245" t="str">
            <v/>
          </cell>
          <cell r="L245" t="str">
            <v/>
          </cell>
          <cell r="M245" t="str">
            <v/>
          </cell>
        </row>
        <row r="246">
          <cell r="H246" t="str">
            <v/>
          </cell>
          <cell r="I246" t="str">
            <v/>
          </cell>
          <cell r="K246" t="str">
            <v/>
          </cell>
          <cell r="L246" t="str">
            <v/>
          </cell>
          <cell r="M246" t="str">
            <v/>
          </cell>
        </row>
        <row r="247">
          <cell r="H247" t="str">
            <v/>
          </cell>
          <cell r="I247" t="str">
            <v/>
          </cell>
          <cell r="K247" t="str">
            <v/>
          </cell>
          <cell r="L247" t="str">
            <v/>
          </cell>
          <cell r="M247" t="str">
            <v/>
          </cell>
        </row>
        <row r="248">
          <cell r="H248" t="str">
            <v/>
          </cell>
          <cell r="I248" t="str">
            <v/>
          </cell>
          <cell r="K248" t="str">
            <v/>
          </cell>
          <cell r="L248" t="str">
            <v/>
          </cell>
          <cell r="M248" t="str">
            <v/>
          </cell>
        </row>
        <row r="249">
          <cell r="H249" t="str">
            <v/>
          </cell>
          <cell r="I249" t="str">
            <v/>
          </cell>
          <cell r="K249" t="str">
            <v/>
          </cell>
          <cell r="L249" t="str">
            <v/>
          </cell>
          <cell r="M249" t="str">
            <v/>
          </cell>
        </row>
        <row r="250">
          <cell r="H250" t="str">
            <v/>
          </cell>
          <cell r="I250" t="str">
            <v/>
          </cell>
          <cell r="K250" t="str">
            <v/>
          </cell>
          <cell r="L250" t="str">
            <v/>
          </cell>
          <cell r="M250" t="str">
            <v/>
          </cell>
        </row>
        <row r="251">
          <cell r="H251" t="str">
            <v/>
          </cell>
          <cell r="I251" t="str">
            <v/>
          </cell>
          <cell r="K251" t="str">
            <v/>
          </cell>
          <cell r="L251" t="str">
            <v/>
          </cell>
          <cell r="M251" t="str">
            <v/>
          </cell>
        </row>
        <row r="252">
          <cell r="H252" t="str">
            <v/>
          </cell>
          <cell r="I252" t="str">
            <v/>
          </cell>
          <cell r="K252" t="str">
            <v/>
          </cell>
          <cell r="L252" t="str">
            <v/>
          </cell>
          <cell r="M252" t="str">
            <v/>
          </cell>
        </row>
        <row r="253">
          <cell r="H253" t="str">
            <v/>
          </cell>
          <cell r="I253" t="str">
            <v/>
          </cell>
          <cell r="K253" t="str">
            <v/>
          </cell>
          <cell r="L253" t="str">
            <v/>
          </cell>
          <cell r="M253" t="str">
            <v/>
          </cell>
        </row>
        <row r="254">
          <cell r="H254" t="str">
            <v/>
          </cell>
          <cell r="I254" t="str">
            <v/>
          </cell>
          <cell r="K254" t="str">
            <v/>
          </cell>
          <cell r="L254" t="str">
            <v/>
          </cell>
          <cell r="M254" t="str">
            <v/>
          </cell>
        </row>
        <row r="255">
          <cell r="H255" t="str">
            <v/>
          </cell>
          <cell r="I255" t="str">
            <v/>
          </cell>
          <cell r="K255" t="str">
            <v/>
          </cell>
          <cell r="L255" t="str">
            <v/>
          </cell>
          <cell r="M255" t="str">
            <v/>
          </cell>
        </row>
        <row r="256">
          <cell r="H256">
            <v>44165.418055806556</v>
          </cell>
          <cell r="I256" t="e">
            <v>#VALUE!</v>
          </cell>
          <cell r="K256" t="str">
            <v/>
          </cell>
          <cell r="L256" t="str">
            <v/>
          </cell>
          <cell r="M256" t="str">
            <v/>
          </cell>
        </row>
        <row r="257">
          <cell r="H257" t="str">
            <v/>
          </cell>
          <cell r="I257" t="str">
            <v/>
          </cell>
          <cell r="K257" t="str">
            <v/>
          </cell>
          <cell r="L257" t="str">
            <v/>
          </cell>
          <cell r="M257" t="str">
            <v/>
          </cell>
        </row>
        <row r="258">
          <cell r="H258" t="str">
            <v/>
          </cell>
          <cell r="I258" t="str">
            <v/>
          </cell>
          <cell r="K258" t="str">
            <v/>
          </cell>
          <cell r="L258" t="str">
            <v/>
          </cell>
          <cell r="M258" t="str">
            <v/>
          </cell>
        </row>
        <row r="259">
          <cell r="H259" t="str">
            <v/>
          </cell>
          <cell r="I259" t="str">
            <v/>
          </cell>
          <cell r="K259" t="str">
            <v/>
          </cell>
          <cell r="L259" t="str">
            <v/>
          </cell>
          <cell r="M259" t="str">
            <v/>
          </cell>
        </row>
        <row r="260">
          <cell r="H260" t="str">
            <v/>
          </cell>
          <cell r="I260" t="str">
            <v/>
          </cell>
          <cell r="K260" t="str">
            <v/>
          </cell>
          <cell r="L260" t="str">
            <v/>
          </cell>
          <cell r="M260" t="str">
            <v/>
          </cell>
        </row>
        <row r="261">
          <cell r="H261" t="str">
            <v/>
          </cell>
          <cell r="I261" t="str">
            <v/>
          </cell>
          <cell r="K261" t="str">
            <v/>
          </cell>
          <cell r="L261" t="str">
            <v/>
          </cell>
          <cell r="M261" t="str">
            <v/>
          </cell>
        </row>
        <row r="262">
          <cell r="H262" t="str">
            <v/>
          </cell>
          <cell r="I262" t="str">
            <v/>
          </cell>
          <cell r="K262" t="str">
            <v/>
          </cell>
          <cell r="L262" t="str">
            <v/>
          </cell>
          <cell r="M262" t="str">
            <v/>
          </cell>
        </row>
        <row r="263">
          <cell r="H263" t="str">
            <v/>
          </cell>
          <cell r="I263" t="str">
            <v/>
          </cell>
          <cell r="K263" t="str">
            <v/>
          </cell>
          <cell r="L263" t="str">
            <v/>
          </cell>
          <cell r="M263" t="str">
            <v/>
          </cell>
        </row>
        <row r="264">
          <cell r="H264" t="str">
            <v/>
          </cell>
          <cell r="I264" t="str">
            <v/>
          </cell>
          <cell r="K264" t="str">
            <v/>
          </cell>
          <cell r="L264" t="str">
            <v/>
          </cell>
          <cell r="M264" t="str">
            <v/>
          </cell>
        </row>
        <row r="265">
          <cell r="H265" t="str">
            <v/>
          </cell>
          <cell r="I265" t="str">
            <v/>
          </cell>
          <cell r="K265" t="str">
            <v/>
          </cell>
          <cell r="L265" t="str">
            <v/>
          </cell>
          <cell r="M265" t="str">
            <v/>
          </cell>
        </row>
        <row r="266">
          <cell r="H266" t="str">
            <v/>
          </cell>
          <cell r="I266" t="str">
            <v/>
          </cell>
          <cell r="K266" t="str">
            <v/>
          </cell>
          <cell r="L266" t="str">
            <v/>
          </cell>
          <cell r="M266" t="str">
            <v/>
          </cell>
        </row>
        <row r="267">
          <cell r="H267" t="str">
            <v/>
          </cell>
          <cell r="I267" t="str">
            <v/>
          </cell>
          <cell r="K267" t="str">
            <v/>
          </cell>
          <cell r="L267" t="str">
            <v/>
          </cell>
          <cell r="M267" t="str">
            <v/>
          </cell>
        </row>
        <row r="268">
          <cell r="H268" t="str">
            <v/>
          </cell>
          <cell r="I268" t="str">
            <v/>
          </cell>
          <cell r="K268" t="str">
            <v/>
          </cell>
          <cell r="L268" t="str">
            <v/>
          </cell>
          <cell r="M268" t="str">
            <v/>
          </cell>
        </row>
        <row r="269">
          <cell r="H269" t="str">
            <v/>
          </cell>
          <cell r="I269" t="str">
            <v/>
          </cell>
          <cell r="K269" t="str">
            <v/>
          </cell>
          <cell r="L269" t="str">
            <v/>
          </cell>
          <cell r="M269" t="str">
            <v/>
          </cell>
        </row>
        <row r="270">
          <cell r="H270" t="str">
            <v/>
          </cell>
          <cell r="I270" t="str">
            <v/>
          </cell>
          <cell r="K270" t="str">
            <v/>
          </cell>
          <cell r="L270" t="str">
            <v/>
          </cell>
          <cell r="M270" t="str">
            <v/>
          </cell>
        </row>
        <row r="271">
          <cell r="H271" t="str">
            <v/>
          </cell>
          <cell r="I271" t="str">
            <v/>
          </cell>
          <cell r="K271" t="str">
            <v/>
          </cell>
          <cell r="L271" t="str">
            <v/>
          </cell>
          <cell r="M271" t="str">
            <v/>
          </cell>
        </row>
        <row r="272">
          <cell r="H272" t="str">
            <v/>
          </cell>
          <cell r="I272" t="str">
            <v/>
          </cell>
          <cell r="K272" t="str">
            <v/>
          </cell>
          <cell r="L272" t="str">
            <v/>
          </cell>
          <cell r="M272" t="str">
            <v/>
          </cell>
        </row>
        <row r="273">
          <cell r="H273" t="str">
            <v/>
          </cell>
          <cell r="I273" t="str">
            <v/>
          </cell>
          <cell r="K273" t="str">
            <v/>
          </cell>
          <cell r="L273" t="str">
            <v/>
          </cell>
          <cell r="M273" t="str">
            <v/>
          </cell>
        </row>
        <row r="274">
          <cell r="H274" t="str">
            <v/>
          </cell>
          <cell r="I274" t="str">
            <v/>
          </cell>
          <cell r="K274" t="str">
            <v/>
          </cell>
          <cell r="L274" t="str">
            <v/>
          </cell>
          <cell r="M274" t="str">
            <v/>
          </cell>
        </row>
        <row r="275">
          <cell r="H275" t="str">
            <v/>
          </cell>
          <cell r="I275" t="str">
            <v/>
          </cell>
          <cell r="K275" t="str">
            <v/>
          </cell>
          <cell r="L275" t="str">
            <v/>
          </cell>
          <cell r="M275" t="str">
            <v/>
          </cell>
        </row>
        <row r="276">
          <cell r="H276" t="str">
            <v/>
          </cell>
          <cell r="I276" t="str">
            <v/>
          </cell>
          <cell r="K276" t="str">
            <v/>
          </cell>
          <cell r="L276" t="str">
            <v/>
          </cell>
          <cell r="M276" t="str">
            <v/>
          </cell>
        </row>
        <row r="277">
          <cell r="H277" t="str">
            <v/>
          </cell>
          <cell r="I277" t="str">
            <v/>
          </cell>
          <cell r="K277" t="str">
            <v/>
          </cell>
          <cell r="L277" t="str">
            <v/>
          </cell>
          <cell r="M277" t="str">
            <v/>
          </cell>
        </row>
        <row r="278">
          <cell r="H278" t="str">
            <v/>
          </cell>
          <cell r="I278" t="str">
            <v/>
          </cell>
          <cell r="K278" t="str">
            <v/>
          </cell>
          <cell r="L278" t="str">
            <v/>
          </cell>
          <cell r="M278" t="str">
            <v/>
          </cell>
        </row>
        <row r="279">
          <cell r="H279">
            <v>44210.584028051773</v>
          </cell>
          <cell r="I279" t="e">
            <v>#VALUE!</v>
          </cell>
          <cell r="K279" t="str">
            <v/>
          </cell>
          <cell r="L279" t="str">
            <v/>
          </cell>
          <cell r="M279" t="str">
            <v/>
          </cell>
        </row>
        <row r="280">
          <cell r="H280">
            <v>44189.584722497224</v>
          </cell>
          <cell r="I280" t="e">
            <v>#VALUE!</v>
          </cell>
          <cell r="K280" t="str">
            <v/>
          </cell>
          <cell r="L280" t="str">
            <v/>
          </cell>
          <cell r="M280" t="str">
            <v/>
          </cell>
        </row>
        <row r="281">
          <cell r="H281" t="str">
            <v/>
          </cell>
          <cell r="I281" t="str">
            <v/>
          </cell>
          <cell r="K281" t="str">
            <v/>
          </cell>
          <cell r="L281" t="str">
            <v/>
          </cell>
          <cell r="M281" t="str">
            <v/>
          </cell>
        </row>
        <row r="282">
          <cell r="H282">
            <v>44211.417361388114</v>
          </cell>
          <cell r="I282" t="e">
            <v>#VALUE!</v>
          </cell>
          <cell r="K282" t="str">
            <v/>
          </cell>
          <cell r="L282" t="str">
            <v/>
          </cell>
          <cell r="M282" t="str">
            <v/>
          </cell>
        </row>
        <row r="283">
          <cell r="H283" t="str">
            <v/>
          </cell>
          <cell r="I283" t="str">
            <v/>
          </cell>
          <cell r="K283" t="str">
            <v/>
          </cell>
          <cell r="L283" t="str">
            <v/>
          </cell>
          <cell r="M283" t="str">
            <v/>
          </cell>
        </row>
        <row r="284">
          <cell r="H284" t="str">
            <v/>
          </cell>
          <cell r="I284" t="str">
            <v/>
          </cell>
          <cell r="K284" t="str">
            <v/>
          </cell>
          <cell r="L284" t="str">
            <v/>
          </cell>
          <cell r="M284" t="str">
            <v/>
          </cell>
        </row>
        <row r="285">
          <cell r="H285" t="str">
            <v/>
          </cell>
          <cell r="I285" t="str">
            <v/>
          </cell>
          <cell r="K285" t="str">
            <v/>
          </cell>
          <cell r="L285" t="str">
            <v/>
          </cell>
          <cell r="M285" t="str">
            <v/>
          </cell>
        </row>
        <row r="286">
          <cell r="H286" t="str">
            <v/>
          </cell>
          <cell r="I286" t="str">
            <v/>
          </cell>
          <cell r="K286" t="str">
            <v/>
          </cell>
          <cell r="L286" t="str">
            <v/>
          </cell>
          <cell r="M286" t="str">
            <v/>
          </cell>
        </row>
        <row r="287">
          <cell r="H287" t="str">
            <v/>
          </cell>
          <cell r="I287" t="str">
            <v/>
          </cell>
          <cell r="K287" t="str">
            <v/>
          </cell>
          <cell r="L287" t="str">
            <v/>
          </cell>
          <cell r="M287" t="str">
            <v/>
          </cell>
        </row>
        <row r="288">
          <cell r="H288" t="str">
            <v/>
          </cell>
          <cell r="I288" t="str">
            <v/>
          </cell>
          <cell r="K288" t="str">
            <v/>
          </cell>
          <cell r="L288" t="str">
            <v/>
          </cell>
          <cell r="M288" t="str">
            <v/>
          </cell>
        </row>
        <row r="289">
          <cell r="H289" t="str">
            <v/>
          </cell>
          <cell r="I289" t="str">
            <v/>
          </cell>
          <cell r="K289" t="str">
            <v/>
          </cell>
          <cell r="L289" t="str">
            <v/>
          </cell>
          <cell r="M289" t="str">
            <v/>
          </cell>
        </row>
        <row r="290">
          <cell r="H290" t="str">
            <v/>
          </cell>
          <cell r="I290" t="str">
            <v/>
          </cell>
          <cell r="K290" t="str">
            <v/>
          </cell>
          <cell r="L290" t="str">
            <v/>
          </cell>
          <cell r="M290" t="str">
            <v/>
          </cell>
        </row>
        <row r="291">
          <cell r="H291" t="str">
            <v/>
          </cell>
          <cell r="I291" t="str">
            <v/>
          </cell>
          <cell r="K291" t="str">
            <v/>
          </cell>
          <cell r="L291" t="str">
            <v/>
          </cell>
          <cell r="M291" t="str">
            <v/>
          </cell>
        </row>
        <row r="292">
          <cell r="H292">
            <v>44236.584028064775</v>
          </cell>
          <cell r="I292" t="e">
            <v>#VALUE!</v>
          </cell>
          <cell r="K292" t="str">
            <v/>
          </cell>
          <cell r="L292" t="str">
            <v/>
          </cell>
          <cell r="M292" t="str">
            <v/>
          </cell>
        </row>
        <row r="293">
          <cell r="H293">
            <v>44236.584722510219</v>
          </cell>
          <cell r="I293" t="e">
            <v>#VALUE!</v>
          </cell>
          <cell r="K293" t="str">
            <v/>
          </cell>
          <cell r="L293" t="str">
            <v/>
          </cell>
          <cell r="M293" t="str">
            <v/>
          </cell>
        </row>
        <row r="294">
          <cell r="H294">
            <v>44236.58541695567</v>
          </cell>
          <cell r="I294" t="e">
            <v>#VALUE!</v>
          </cell>
          <cell r="K294" t="str">
            <v/>
          </cell>
          <cell r="L294" t="str">
            <v/>
          </cell>
          <cell r="M294" t="str">
            <v/>
          </cell>
        </row>
        <row r="295">
          <cell r="H295" t="str">
            <v/>
          </cell>
          <cell r="I295" t="str">
            <v/>
          </cell>
          <cell r="K295" t="str">
            <v/>
          </cell>
          <cell r="L295" t="str">
            <v/>
          </cell>
          <cell r="M295" t="str">
            <v/>
          </cell>
        </row>
        <row r="296">
          <cell r="H296" t="str">
            <v/>
          </cell>
          <cell r="I296" t="str">
            <v/>
          </cell>
          <cell r="K296" t="str">
            <v/>
          </cell>
          <cell r="L296" t="str">
            <v/>
          </cell>
          <cell r="M296" t="str">
            <v/>
          </cell>
        </row>
        <row r="297">
          <cell r="H297" t="str">
            <v/>
          </cell>
          <cell r="I297" t="str">
            <v/>
          </cell>
          <cell r="K297" t="str">
            <v/>
          </cell>
          <cell r="L297" t="str">
            <v/>
          </cell>
          <cell r="M297" t="str">
            <v/>
          </cell>
        </row>
        <row r="298">
          <cell r="H298" t="str">
            <v/>
          </cell>
          <cell r="I298" t="str">
            <v/>
          </cell>
          <cell r="K298" t="str">
            <v/>
          </cell>
          <cell r="L298" t="str">
            <v/>
          </cell>
          <cell r="M298" t="str">
            <v/>
          </cell>
        </row>
        <row r="299">
          <cell r="H299" t="str">
            <v/>
          </cell>
          <cell r="I299" t="str">
            <v/>
          </cell>
          <cell r="K299" t="str">
            <v/>
          </cell>
          <cell r="L299" t="str">
            <v/>
          </cell>
          <cell r="M299" t="str">
            <v/>
          </cell>
        </row>
        <row r="300">
          <cell r="H300" t="str">
            <v/>
          </cell>
          <cell r="I300" t="str">
            <v/>
          </cell>
          <cell r="K300" t="str">
            <v/>
          </cell>
          <cell r="L300" t="str">
            <v/>
          </cell>
          <cell r="M300" t="str">
            <v/>
          </cell>
        </row>
        <row r="301">
          <cell r="H301" t="str">
            <v/>
          </cell>
          <cell r="I301" t="str">
            <v/>
          </cell>
          <cell r="K301" t="str">
            <v/>
          </cell>
          <cell r="L301" t="str">
            <v/>
          </cell>
          <cell r="M301" t="str">
            <v/>
          </cell>
        </row>
        <row r="302">
          <cell r="H302" t="str">
            <v/>
          </cell>
          <cell r="I302" t="str">
            <v/>
          </cell>
          <cell r="K302" t="str">
            <v/>
          </cell>
          <cell r="L302" t="str">
            <v/>
          </cell>
          <cell r="M302" t="str">
            <v/>
          </cell>
        </row>
        <row r="303">
          <cell r="H303" t="str">
            <v/>
          </cell>
          <cell r="I303" t="str">
            <v/>
          </cell>
          <cell r="K303" t="str">
            <v/>
          </cell>
          <cell r="L303" t="str">
            <v/>
          </cell>
          <cell r="M303" t="str">
            <v/>
          </cell>
        </row>
        <row r="304">
          <cell r="H304" t="str">
            <v/>
          </cell>
          <cell r="I304" t="str">
            <v/>
          </cell>
          <cell r="K304" t="str">
            <v/>
          </cell>
          <cell r="L304" t="str">
            <v/>
          </cell>
          <cell r="M304" t="str">
            <v/>
          </cell>
        </row>
        <row r="305">
          <cell r="H305" t="str">
            <v/>
          </cell>
          <cell r="I305" t="str">
            <v/>
          </cell>
          <cell r="K305" t="str">
            <v/>
          </cell>
          <cell r="L305" t="str">
            <v/>
          </cell>
          <cell r="M305" t="str">
            <v/>
          </cell>
        </row>
        <row r="306">
          <cell r="H306" t="str">
            <v/>
          </cell>
          <cell r="I306" t="str">
            <v/>
          </cell>
          <cell r="K306" t="str">
            <v/>
          </cell>
          <cell r="L306" t="str">
            <v/>
          </cell>
          <cell r="M306" t="str">
            <v/>
          </cell>
        </row>
        <row r="307">
          <cell r="H307" t="str">
            <v/>
          </cell>
          <cell r="I307" t="str">
            <v/>
          </cell>
          <cell r="K307" t="str">
            <v/>
          </cell>
          <cell r="L307" t="str">
            <v/>
          </cell>
          <cell r="M307" t="str">
            <v/>
          </cell>
        </row>
        <row r="308">
          <cell r="H308" t="str">
            <v/>
          </cell>
          <cell r="I308" t="str">
            <v/>
          </cell>
          <cell r="K308" t="str">
            <v/>
          </cell>
          <cell r="L308" t="str">
            <v/>
          </cell>
          <cell r="M308" t="str">
            <v/>
          </cell>
        </row>
        <row r="309">
          <cell r="H309" t="str">
            <v/>
          </cell>
          <cell r="I309" t="str">
            <v/>
          </cell>
          <cell r="K309" t="str">
            <v/>
          </cell>
          <cell r="L309" t="str">
            <v/>
          </cell>
          <cell r="M309" t="str">
            <v/>
          </cell>
        </row>
        <row r="310">
          <cell r="H310" t="str">
            <v/>
          </cell>
          <cell r="I310" t="str">
            <v/>
          </cell>
          <cell r="K310" t="str">
            <v/>
          </cell>
          <cell r="L310" t="str">
            <v/>
          </cell>
          <cell r="M310" t="str">
            <v/>
          </cell>
        </row>
        <row r="311">
          <cell r="H311" t="str">
            <v/>
          </cell>
          <cell r="I311" t="str">
            <v/>
          </cell>
          <cell r="K311" t="str">
            <v/>
          </cell>
          <cell r="L311" t="str">
            <v/>
          </cell>
          <cell r="M311" t="str">
            <v/>
          </cell>
        </row>
        <row r="312">
          <cell r="H312" t="str">
            <v/>
          </cell>
          <cell r="I312" t="str">
            <v/>
          </cell>
          <cell r="K312" t="str">
            <v/>
          </cell>
          <cell r="L312" t="str">
            <v/>
          </cell>
          <cell r="M312" t="str">
            <v/>
          </cell>
        </row>
        <row r="313">
          <cell r="H313" t="str">
            <v/>
          </cell>
          <cell r="I313" t="str">
            <v/>
          </cell>
          <cell r="K313" t="str">
            <v/>
          </cell>
          <cell r="L313" t="str">
            <v/>
          </cell>
          <cell r="M313" t="str">
            <v/>
          </cell>
        </row>
        <row r="314">
          <cell r="H314" t="str">
            <v/>
          </cell>
          <cell r="I314" t="str">
            <v/>
          </cell>
          <cell r="K314" t="str">
            <v/>
          </cell>
          <cell r="L314" t="str">
            <v/>
          </cell>
          <cell r="M314" t="str">
            <v/>
          </cell>
        </row>
        <row r="315">
          <cell r="H315" t="str">
            <v/>
          </cell>
          <cell r="I315" t="str">
            <v/>
          </cell>
          <cell r="K315" t="str">
            <v/>
          </cell>
          <cell r="L315" t="str">
            <v/>
          </cell>
          <cell r="M315" t="str">
            <v/>
          </cell>
        </row>
        <row r="316">
          <cell r="H316" t="str">
            <v/>
          </cell>
          <cell r="I316" t="str">
            <v/>
          </cell>
          <cell r="K316" t="str">
            <v/>
          </cell>
          <cell r="L316" t="str">
            <v/>
          </cell>
          <cell r="M316" t="str">
            <v/>
          </cell>
        </row>
        <row r="317">
          <cell r="H317" t="str">
            <v/>
          </cell>
          <cell r="I317" t="str">
            <v/>
          </cell>
          <cell r="K317" t="str">
            <v/>
          </cell>
          <cell r="L317" t="str">
            <v/>
          </cell>
          <cell r="M317" t="str">
            <v/>
          </cell>
        </row>
        <row r="318">
          <cell r="H318" t="str">
            <v/>
          </cell>
          <cell r="I318" t="str">
            <v/>
          </cell>
          <cell r="K318" t="str">
            <v/>
          </cell>
          <cell r="L318" t="str">
            <v/>
          </cell>
          <cell r="M318" t="str">
            <v/>
          </cell>
        </row>
        <row r="319">
          <cell r="H319" t="str">
            <v/>
          </cell>
          <cell r="I319" t="str">
            <v/>
          </cell>
          <cell r="K319" t="str">
            <v/>
          </cell>
          <cell r="L319" t="str">
            <v/>
          </cell>
          <cell r="M319" t="str">
            <v/>
          </cell>
        </row>
        <row r="320">
          <cell r="H320" t="str">
            <v/>
          </cell>
          <cell r="I320" t="str">
            <v/>
          </cell>
          <cell r="K320" t="str">
            <v/>
          </cell>
          <cell r="L320" t="str">
            <v/>
          </cell>
          <cell r="M320" t="str">
            <v/>
          </cell>
        </row>
        <row r="321">
          <cell r="H321" t="str">
            <v/>
          </cell>
          <cell r="I321" t="str">
            <v/>
          </cell>
          <cell r="K321" t="str">
            <v/>
          </cell>
          <cell r="L321" t="str">
            <v/>
          </cell>
          <cell r="M321" t="str">
            <v/>
          </cell>
        </row>
        <row r="322">
          <cell r="H322" t="str">
            <v/>
          </cell>
          <cell r="I322" t="str">
            <v/>
          </cell>
          <cell r="K322" t="str">
            <v/>
          </cell>
          <cell r="L322" t="str">
            <v/>
          </cell>
          <cell r="M322" t="str">
            <v/>
          </cell>
        </row>
        <row r="323">
          <cell r="H323" t="str">
            <v/>
          </cell>
          <cell r="I323" t="str">
            <v/>
          </cell>
          <cell r="K323" t="str">
            <v/>
          </cell>
          <cell r="L323" t="str">
            <v/>
          </cell>
          <cell r="M323" t="str">
            <v/>
          </cell>
        </row>
        <row r="324">
          <cell r="H324" t="str">
            <v/>
          </cell>
          <cell r="I324" t="str">
            <v/>
          </cell>
          <cell r="K324" t="str">
            <v/>
          </cell>
          <cell r="L324" t="str">
            <v/>
          </cell>
          <cell r="M324" t="str">
            <v/>
          </cell>
        </row>
        <row r="325">
          <cell r="H325" t="str">
            <v/>
          </cell>
          <cell r="I325" t="str">
            <v/>
          </cell>
          <cell r="K325" t="str">
            <v/>
          </cell>
          <cell r="L325" t="str">
            <v/>
          </cell>
          <cell r="M325" t="str">
            <v/>
          </cell>
        </row>
        <row r="326">
          <cell r="H326" t="str">
            <v/>
          </cell>
          <cell r="I326" t="str">
            <v/>
          </cell>
          <cell r="K326" t="str">
            <v/>
          </cell>
          <cell r="L326" t="str">
            <v/>
          </cell>
          <cell r="M326" t="str">
            <v/>
          </cell>
        </row>
        <row r="327">
          <cell r="H327" t="str">
            <v/>
          </cell>
          <cell r="I327" t="str">
            <v/>
          </cell>
          <cell r="K327" t="str">
            <v/>
          </cell>
          <cell r="L327" t="str">
            <v/>
          </cell>
          <cell r="M327" t="str">
            <v/>
          </cell>
        </row>
        <row r="328">
          <cell r="H328" t="str">
            <v/>
          </cell>
          <cell r="I328" t="str">
            <v/>
          </cell>
          <cell r="K328" t="str">
            <v/>
          </cell>
          <cell r="L328" t="str">
            <v/>
          </cell>
          <cell r="M328" t="str">
            <v/>
          </cell>
        </row>
        <row r="329">
          <cell r="H329" t="str">
            <v/>
          </cell>
          <cell r="I329" t="str">
            <v/>
          </cell>
          <cell r="K329" t="str">
            <v/>
          </cell>
          <cell r="L329" t="str">
            <v/>
          </cell>
          <cell r="M329" t="str">
            <v/>
          </cell>
        </row>
        <row r="330">
          <cell r="H330" t="str">
            <v/>
          </cell>
          <cell r="I330" t="str">
            <v/>
          </cell>
          <cell r="K330" t="str">
            <v/>
          </cell>
          <cell r="L330" t="str">
            <v/>
          </cell>
          <cell r="M330" t="str">
            <v/>
          </cell>
        </row>
        <row r="331">
          <cell r="H331" t="str">
            <v/>
          </cell>
          <cell r="I331" t="str">
            <v/>
          </cell>
          <cell r="K331" t="str">
            <v/>
          </cell>
          <cell r="L331" t="str">
            <v/>
          </cell>
          <cell r="M331" t="str">
            <v/>
          </cell>
        </row>
        <row r="332">
          <cell r="H332" t="str">
            <v/>
          </cell>
          <cell r="I332" t="str">
            <v/>
          </cell>
          <cell r="K332" t="str">
            <v/>
          </cell>
          <cell r="L332" t="str">
            <v/>
          </cell>
          <cell r="M332" t="str">
            <v/>
          </cell>
        </row>
        <row r="333">
          <cell r="H333" t="str">
            <v/>
          </cell>
          <cell r="I333" t="str">
            <v/>
          </cell>
          <cell r="K333" t="str">
            <v/>
          </cell>
          <cell r="L333" t="str">
            <v/>
          </cell>
          <cell r="M333" t="str">
            <v/>
          </cell>
        </row>
        <row r="334">
          <cell r="H334" t="str">
            <v/>
          </cell>
          <cell r="I334" t="str">
            <v/>
          </cell>
          <cell r="K334" t="str">
            <v/>
          </cell>
          <cell r="L334" t="str">
            <v/>
          </cell>
          <cell r="M334" t="str">
            <v/>
          </cell>
        </row>
        <row r="335">
          <cell r="H335" t="str">
            <v/>
          </cell>
          <cell r="I335" t="str">
            <v/>
          </cell>
          <cell r="K335" t="str">
            <v/>
          </cell>
          <cell r="L335" t="str">
            <v/>
          </cell>
          <cell r="M335" t="str">
            <v/>
          </cell>
        </row>
        <row r="336">
          <cell r="H336">
            <v>44287.584028108773</v>
          </cell>
          <cell r="I336" t="e">
            <v>#VALUE!</v>
          </cell>
          <cell r="K336" t="str">
            <v/>
          </cell>
          <cell r="L336" t="str">
            <v/>
          </cell>
          <cell r="M336" t="str">
            <v/>
          </cell>
        </row>
        <row r="337">
          <cell r="H337" t="str">
            <v/>
          </cell>
          <cell r="I337" t="str">
            <v/>
          </cell>
          <cell r="K337" t="str">
            <v/>
          </cell>
          <cell r="L337" t="str">
            <v/>
          </cell>
          <cell r="M337" t="str">
            <v/>
          </cell>
        </row>
        <row r="338">
          <cell r="H338" t="str">
            <v/>
          </cell>
          <cell r="I338" t="str">
            <v/>
          </cell>
          <cell r="K338" t="str">
            <v/>
          </cell>
          <cell r="L338" t="str">
            <v/>
          </cell>
          <cell r="M338" t="str">
            <v/>
          </cell>
        </row>
        <row r="339">
          <cell r="H339" t="str">
            <v/>
          </cell>
          <cell r="I339" t="str">
            <v/>
          </cell>
          <cell r="K339" t="str">
            <v/>
          </cell>
          <cell r="L339" t="str">
            <v/>
          </cell>
          <cell r="M339" t="str">
            <v/>
          </cell>
        </row>
        <row r="340">
          <cell r="H340" t="str">
            <v/>
          </cell>
          <cell r="I340" t="str">
            <v/>
          </cell>
          <cell r="K340" t="str">
            <v/>
          </cell>
          <cell r="L340" t="str">
            <v/>
          </cell>
          <cell r="M340" t="str">
            <v/>
          </cell>
        </row>
        <row r="341">
          <cell r="H341" t="str">
            <v/>
          </cell>
          <cell r="I341" t="str">
            <v/>
          </cell>
          <cell r="K341" t="str">
            <v/>
          </cell>
          <cell r="L341" t="str">
            <v/>
          </cell>
          <cell r="M341" t="str">
            <v/>
          </cell>
        </row>
        <row r="342">
          <cell r="H342" t="str">
            <v/>
          </cell>
          <cell r="I342" t="str">
            <v/>
          </cell>
          <cell r="K342" t="str">
            <v/>
          </cell>
          <cell r="L342" t="str">
            <v/>
          </cell>
          <cell r="M342" t="str">
            <v/>
          </cell>
        </row>
        <row r="343">
          <cell r="H343" t="str">
            <v/>
          </cell>
          <cell r="I343" t="str">
            <v/>
          </cell>
          <cell r="K343" t="str">
            <v/>
          </cell>
          <cell r="L343" t="str">
            <v/>
          </cell>
          <cell r="M343" t="str">
            <v/>
          </cell>
        </row>
        <row r="344">
          <cell r="H344" t="str">
            <v/>
          </cell>
          <cell r="I344" t="str">
            <v/>
          </cell>
          <cell r="K344" t="str">
            <v/>
          </cell>
          <cell r="L344" t="str">
            <v/>
          </cell>
          <cell r="M344" t="str">
            <v/>
          </cell>
        </row>
        <row r="345">
          <cell r="H345" t="str">
            <v/>
          </cell>
          <cell r="I345" t="str">
            <v/>
          </cell>
          <cell r="K345" t="str">
            <v/>
          </cell>
          <cell r="L345" t="str">
            <v/>
          </cell>
          <cell r="M345" t="str">
            <v/>
          </cell>
        </row>
        <row r="346">
          <cell r="H346" t="str">
            <v/>
          </cell>
          <cell r="I346" t="str">
            <v/>
          </cell>
          <cell r="K346" t="str">
            <v/>
          </cell>
          <cell r="L346" t="str">
            <v/>
          </cell>
          <cell r="M346" t="str">
            <v/>
          </cell>
        </row>
        <row r="347">
          <cell r="H347" t="str">
            <v/>
          </cell>
          <cell r="I347" t="str">
            <v/>
          </cell>
          <cell r="K347" t="str">
            <v/>
          </cell>
          <cell r="L347" t="str">
            <v/>
          </cell>
          <cell r="M347" t="str">
            <v/>
          </cell>
        </row>
        <row r="348">
          <cell r="H348" t="str">
            <v/>
          </cell>
          <cell r="I348" t="str">
            <v/>
          </cell>
          <cell r="K348" t="str">
            <v/>
          </cell>
          <cell r="L348" t="str">
            <v/>
          </cell>
          <cell r="M348" t="str">
            <v/>
          </cell>
        </row>
        <row r="349">
          <cell r="H349" t="str">
            <v/>
          </cell>
          <cell r="I349" t="str">
            <v/>
          </cell>
          <cell r="K349" t="str">
            <v/>
          </cell>
          <cell r="L349" t="str">
            <v/>
          </cell>
          <cell r="M349" t="str">
            <v/>
          </cell>
        </row>
        <row r="350">
          <cell r="H350" t="str">
            <v/>
          </cell>
          <cell r="I350" t="str">
            <v/>
          </cell>
          <cell r="K350" t="str">
            <v/>
          </cell>
          <cell r="L350" t="str">
            <v/>
          </cell>
          <cell r="M350" t="str">
            <v/>
          </cell>
        </row>
        <row r="351">
          <cell r="H351" t="str">
            <v/>
          </cell>
          <cell r="I351" t="str">
            <v/>
          </cell>
          <cell r="K351" t="str">
            <v/>
          </cell>
          <cell r="L351" t="str">
            <v/>
          </cell>
          <cell r="M351" t="str">
            <v/>
          </cell>
        </row>
        <row r="352">
          <cell r="H352" t="str">
            <v/>
          </cell>
          <cell r="I352" t="str">
            <v/>
          </cell>
          <cell r="K352" t="str">
            <v/>
          </cell>
          <cell r="L352" t="str">
            <v/>
          </cell>
          <cell r="M352" t="str">
            <v/>
          </cell>
        </row>
        <row r="353">
          <cell r="H353" t="str">
            <v/>
          </cell>
          <cell r="I353" t="str">
            <v/>
          </cell>
          <cell r="K353" t="str">
            <v/>
          </cell>
          <cell r="L353" t="str">
            <v/>
          </cell>
          <cell r="M353" t="str">
            <v/>
          </cell>
        </row>
        <row r="354">
          <cell r="H354" t="str">
            <v/>
          </cell>
          <cell r="I354" t="str">
            <v/>
          </cell>
          <cell r="K354" t="str">
            <v/>
          </cell>
          <cell r="L354" t="str">
            <v/>
          </cell>
          <cell r="M354" t="str">
            <v/>
          </cell>
        </row>
        <row r="355">
          <cell r="H355" t="str">
            <v/>
          </cell>
          <cell r="I355" t="str">
            <v/>
          </cell>
          <cell r="K355" t="str">
            <v/>
          </cell>
          <cell r="L355" t="str">
            <v/>
          </cell>
          <cell r="M355" t="str">
            <v/>
          </cell>
        </row>
        <row r="356">
          <cell r="H356" t="str">
            <v/>
          </cell>
          <cell r="I356" t="str">
            <v/>
          </cell>
          <cell r="K356" t="str">
            <v/>
          </cell>
          <cell r="L356" t="str">
            <v/>
          </cell>
          <cell r="M356" t="str">
            <v/>
          </cell>
        </row>
        <row r="357">
          <cell r="H357" t="str">
            <v/>
          </cell>
          <cell r="I357" t="str">
            <v/>
          </cell>
          <cell r="K357" t="str">
            <v/>
          </cell>
          <cell r="L357" t="str">
            <v/>
          </cell>
          <cell r="M357" t="str">
            <v/>
          </cell>
        </row>
        <row r="358">
          <cell r="H358" t="str">
            <v/>
          </cell>
          <cell r="I358" t="str">
            <v/>
          </cell>
          <cell r="K358" t="str">
            <v/>
          </cell>
          <cell r="L358" t="str">
            <v/>
          </cell>
          <cell r="M358" t="str">
            <v/>
          </cell>
        </row>
        <row r="359">
          <cell r="H359" t="str">
            <v/>
          </cell>
          <cell r="I359" t="str">
            <v/>
          </cell>
          <cell r="K359" t="str">
            <v/>
          </cell>
          <cell r="L359" t="str">
            <v/>
          </cell>
          <cell r="M359" t="str">
            <v/>
          </cell>
        </row>
        <row r="360">
          <cell r="H360" t="str">
            <v/>
          </cell>
          <cell r="I360" t="str">
            <v/>
          </cell>
          <cell r="K360" t="str">
            <v/>
          </cell>
          <cell r="L360" t="str">
            <v/>
          </cell>
          <cell r="M360" t="str">
            <v/>
          </cell>
        </row>
        <row r="361">
          <cell r="H361" t="str">
            <v/>
          </cell>
          <cell r="I361" t="str">
            <v/>
          </cell>
          <cell r="K361" t="str">
            <v/>
          </cell>
          <cell r="L361" t="str">
            <v/>
          </cell>
          <cell r="M361" t="str">
            <v/>
          </cell>
        </row>
        <row r="362">
          <cell r="H362" t="str">
            <v/>
          </cell>
          <cell r="I362" t="str">
            <v/>
          </cell>
          <cell r="K362" t="str">
            <v/>
          </cell>
          <cell r="L362" t="str">
            <v/>
          </cell>
          <cell r="M362" t="str">
            <v/>
          </cell>
        </row>
        <row r="363">
          <cell r="H363" t="str">
            <v/>
          </cell>
          <cell r="I363" t="str">
            <v/>
          </cell>
          <cell r="K363" t="str">
            <v/>
          </cell>
          <cell r="L363" t="str">
            <v/>
          </cell>
          <cell r="M363" t="str">
            <v/>
          </cell>
        </row>
        <row r="364">
          <cell r="H364" t="str">
            <v/>
          </cell>
          <cell r="I364" t="str">
            <v/>
          </cell>
          <cell r="K364" t="str">
            <v/>
          </cell>
          <cell r="L364" t="str">
            <v/>
          </cell>
          <cell r="M364" t="str">
            <v/>
          </cell>
        </row>
        <row r="365">
          <cell r="H365" t="str">
            <v/>
          </cell>
          <cell r="I365" t="str">
            <v/>
          </cell>
          <cell r="K365" t="str">
            <v/>
          </cell>
          <cell r="L365" t="str">
            <v/>
          </cell>
          <cell r="M365" t="str">
            <v/>
          </cell>
        </row>
        <row r="366">
          <cell r="H366" t="str">
            <v/>
          </cell>
          <cell r="I366" t="str">
            <v/>
          </cell>
          <cell r="K366" t="str">
            <v/>
          </cell>
          <cell r="L366" t="str">
            <v/>
          </cell>
          <cell r="M366" t="str">
            <v/>
          </cell>
        </row>
        <row r="367">
          <cell r="H367" t="str">
            <v/>
          </cell>
          <cell r="I367" t="str">
            <v/>
          </cell>
          <cell r="K367" t="str">
            <v/>
          </cell>
          <cell r="L367" t="str">
            <v/>
          </cell>
          <cell r="M367" t="str">
            <v/>
          </cell>
        </row>
        <row r="368">
          <cell r="H368" t="str">
            <v/>
          </cell>
          <cell r="I368" t="str">
            <v/>
          </cell>
          <cell r="K368" t="str">
            <v/>
          </cell>
          <cell r="L368" t="str">
            <v/>
          </cell>
          <cell r="M368" t="str">
            <v/>
          </cell>
        </row>
        <row r="369">
          <cell r="H369" t="str">
            <v/>
          </cell>
          <cell r="I369" t="str">
            <v/>
          </cell>
          <cell r="K369" t="str">
            <v/>
          </cell>
          <cell r="L369" t="str">
            <v/>
          </cell>
          <cell r="M369" t="str">
            <v/>
          </cell>
        </row>
        <row r="370">
          <cell r="H370" t="str">
            <v/>
          </cell>
          <cell r="I370" t="str">
            <v/>
          </cell>
          <cell r="K370" t="str">
            <v/>
          </cell>
          <cell r="L370" t="str">
            <v/>
          </cell>
          <cell r="M370" t="str">
            <v/>
          </cell>
        </row>
        <row r="371">
          <cell r="H371" t="str">
            <v/>
          </cell>
          <cell r="I371" t="str">
            <v/>
          </cell>
          <cell r="K371" t="str">
            <v/>
          </cell>
          <cell r="L371" t="str">
            <v/>
          </cell>
          <cell r="M371" t="str">
            <v/>
          </cell>
        </row>
        <row r="372">
          <cell r="H372" t="str">
            <v/>
          </cell>
          <cell r="I372" t="str">
            <v/>
          </cell>
          <cell r="K372" t="str">
            <v/>
          </cell>
          <cell r="L372" t="str">
            <v/>
          </cell>
          <cell r="M372" t="str">
            <v/>
          </cell>
        </row>
        <row r="373">
          <cell r="H373" t="str">
            <v/>
          </cell>
          <cell r="I373" t="str">
            <v/>
          </cell>
          <cell r="K373" t="str">
            <v/>
          </cell>
          <cell r="L373" t="str">
            <v/>
          </cell>
          <cell r="M373" t="str">
            <v/>
          </cell>
        </row>
        <row r="374">
          <cell r="H374" t="str">
            <v/>
          </cell>
          <cell r="I374" t="str">
            <v/>
          </cell>
          <cell r="K374" t="str">
            <v/>
          </cell>
          <cell r="L374" t="str">
            <v/>
          </cell>
          <cell r="M374" t="str">
            <v/>
          </cell>
        </row>
        <row r="375">
          <cell r="H375" t="str">
            <v/>
          </cell>
          <cell r="I375" t="str">
            <v/>
          </cell>
          <cell r="K375" t="str">
            <v/>
          </cell>
          <cell r="L375" t="str">
            <v/>
          </cell>
          <cell r="M375" t="str">
            <v/>
          </cell>
        </row>
        <row r="376">
          <cell r="H376" t="str">
            <v/>
          </cell>
          <cell r="I376" t="str">
            <v/>
          </cell>
          <cell r="K376" t="str">
            <v/>
          </cell>
          <cell r="L376" t="str">
            <v/>
          </cell>
          <cell r="M376" t="str">
            <v/>
          </cell>
        </row>
        <row r="377">
          <cell r="H377" t="str">
            <v/>
          </cell>
          <cell r="I377" t="str">
            <v/>
          </cell>
          <cell r="K377" t="str">
            <v/>
          </cell>
          <cell r="L377" t="str">
            <v/>
          </cell>
          <cell r="M377" t="str">
            <v/>
          </cell>
        </row>
        <row r="378">
          <cell r="H378" t="str">
            <v/>
          </cell>
          <cell r="I378" t="str">
            <v/>
          </cell>
          <cell r="K378" t="str">
            <v/>
          </cell>
          <cell r="L378" t="str">
            <v/>
          </cell>
          <cell r="M378" t="str">
            <v/>
          </cell>
        </row>
        <row r="379">
          <cell r="H379" t="str">
            <v/>
          </cell>
          <cell r="I379" t="str">
            <v/>
          </cell>
          <cell r="K379" t="str">
            <v/>
          </cell>
          <cell r="L379" t="str">
            <v/>
          </cell>
          <cell r="M379" t="str">
            <v/>
          </cell>
        </row>
        <row r="380">
          <cell r="H380" t="str">
            <v/>
          </cell>
          <cell r="I380" t="str">
            <v/>
          </cell>
          <cell r="K380" t="str">
            <v/>
          </cell>
          <cell r="L380" t="str">
            <v/>
          </cell>
          <cell r="M380" t="str">
            <v/>
          </cell>
        </row>
        <row r="381">
          <cell r="H381" t="str">
            <v/>
          </cell>
          <cell r="I381" t="str">
            <v/>
          </cell>
          <cell r="K381" t="str">
            <v/>
          </cell>
          <cell r="L381" t="str">
            <v/>
          </cell>
          <cell r="M381" t="str">
            <v/>
          </cell>
        </row>
        <row r="382">
          <cell r="H382" t="str">
            <v/>
          </cell>
          <cell r="I382" t="str">
            <v/>
          </cell>
          <cell r="K382" t="str">
            <v/>
          </cell>
          <cell r="L382" t="str">
            <v/>
          </cell>
          <cell r="M382" t="str">
            <v/>
          </cell>
        </row>
        <row r="383">
          <cell r="H383" t="str">
            <v/>
          </cell>
          <cell r="I383" t="str">
            <v/>
          </cell>
          <cell r="K383" t="str">
            <v/>
          </cell>
          <cell r="L383" t="str">
            <v/>
          </cell>
          <cell r="M383" t="str">
            <v/>
          </cell>
        </row>
        <row r="384">
          <cell r="H384" t="str">
            <v/>
          </cell>
          <cell r="I384" t="str">
            <v/>
          </cell>
          <cell r="K384" t="str">
            <v/>
          </cell>
          <cell r="L384" t="str">
            <v/>
          </cell>
          <cell r="M384" t="str">
            <v/>
          </cell>
        </row>
        <row r="385">
          <cell r="H385" t="str">
            <v/>
          </cell>
          <cell r="I385" t="str">
            <v/>
          </cell>
          <cell r="K385" t="str">
            <v/>
          </cell>
          <cell r="L385" t="str">
            <v/>
          </cell>
          <cell r="M385" t="str">
            <v/>
          </cell>
        </row>
        <row r="386">
          <cell r="H386" t="str">
            <v/>
          </cell>
          <cell r="I386" t="str">
            <v/>
          </cell>
          <cell r="K386" t="str">
            <v/>
          </cell>
          <cell r="L386" t="str">
            <v/>
          </cell>
          <cell r="M386" t="str">
            <v/>
          </cell>
        </row>
        <row r="387">
          <cell r="H387" t="str">
            <v/>
          </cell>
          <cell r="I387" t="str">
            <v/>
          </cell>
          <cell r="K387" t="str">
            <v/>
          </cell>
          <cell r="L387" t="str">
            <v/>
          </cell>
          <cell r="M387" t="str">
            <v/>
          </cell>
        </row>
        <row r="388">
          <cell r="H388" t="str">
            <v/>
          </cell>
          <cell r="I388" t="str">
            <v/>
          </cell>
          <cell r="K388" t="str">
            <v/>
          </cell>
          <cell r="L388" t="str">
            <v/>
          </cell>
          <cell r="M388" t="str">
            <v/>
          </cell>
        </row>
        <row r="389">
          <cell r="H389" t="str">
            <v/>
          </cell>
          <cell r="I389" t="str">
            <v/>
          </cell>
          <cell r="K389" t="str">
            <v/>
          </cell>
          <cell r="L389" t="str">
            <v/>
          </cell>
          <cell r="M389" t="str">
            <v/>
          </cell>
        </row>
        <row r="390">
          <cell r="H390" t="str">
            <v/>
          </cell>
          <cell r="I390" t="str">
            <v/>
          </cell>
          <cell r="K390" t="str">
            <v/>
          </cell>
          <cell r="L390" t="str">
            <v/>
          </cell>
          <cell r="M390" t="str">
            <v/>
          </cell>
        </row>
        <row r="391">
          <cell r="H391" t="str">
            <v/>
          </cell>
          <cell r="I391" t="str">
            <v/>
          </cell>
          <cell r="K391" t="str">
            <v/>
          </cell>
          <cell r="L391" t="str">
            <v/>
          </cell>
          <cell r="M391" t="str">
            <v/>
          </cell>
        </row>
        <row r="392">
          <cell r="H392" t="str">
            <v/>
          </cell>
          <cell r="I392" t="str">
            <v/>
          </cell>
          <cell r="K392" t="str">
            <v/>
          </cell>
          <cell r="L392" t="str">
            <v/>
          </cell>
          <cell r="M392" t="str">
            <v/>
          </cell>
        </row>
        <row r="393">
          <cell r="H393" t="str">
            <v/>
          </cell>
          <cell r="I393" t="str">
            <v/>
          </cell>
          <cell r="K393" t="str">
            <v/>
          </cell>
          <cell r="L393" t="str">
            <v/>
          </cell>
          <cell r="M393" t="str">
            <v/>
          </cell>
        </row>
        <row r="394">
          <cell r="H394" t="str">
            <v/>
          </cell>
          <cell r="I394" t="str">
            <v/>
          </cell>
          <cell r="K394" t="str">
            <v/>
          </cell>
          <cell r="L394" t="str">
            <v/>
          </cell>
          <cell r="M394" t="str">
            <v/>
          </cell>
        </row>
        <row r="395">
          <cell r="H395" t="str">
            <v/>
          </cell>
          <cell r="I395" t="str">
            <v/>
          </cell>
          <cell r="K395" t="str">
            <v/>
          </cell>
          <cell r="L395" t="str">
            <v/>
          </cell>
          <cell r="M395" t="str">
            <v/>
          </cell>
        </row>
        <row r="396">
          <cell r="H396" t="str">
            <v/>
          </cell>
          <cell r="I396" t="str">
            <v/>
          </cell>
          <cell r="K396" t="str">
            <v/>
          </cell>
          <cell r="L396" t="str">
            <v/>
          </cell>
          <cell r="M396" t="str">
            <v/>
          </cell>
        </row>
        <row r="397">
          <cell r="H397" t="str">
            <v/>
          </cell>
          <cell r="I397" t="str">
            <v/>
          </cell>
          <cell r="K397" t="str">
            <v/>
          </cell>
          <cell r="L397" t="str">
            <v/>
          </cell>
          <cell r="M397" t="str">
            <v/>
          </cell>
        </row>
        <row r="398">
          <cell r="H398" t="str">
            <v/>
          </cell>
          <cell r="I398" t="str">
            <v/>
          </cell>
          <cell r="K398" t="str">
            <v/>
          </cell>
          <cell r="L398" t="str">
            <v/>
          </cell>
          <cell r="M398" t="str">
            <v/>
          </cell>
        </row>
        <row r="399">
          <cell r="H399" t="str">
            <v/>
          </cell>
          <cell r="I399" t="str">
            <v/>
          </cell>
          <cell r="K399" t="str">
            <v/>
          </cell>
          <cell r="L399" t="str">
            <v/>
          </cell>
          <cell r="M399" t="str">
            <v/>
          </cell>
        </row>
        <row r="400">
          <cell r="H400" t="str">
            <v/>
          </cell>
          <cell r="I400" t="str">
            <v/>
          </cell>
          <cell r="K400" t="str">
            <v/>
          </cell>
          <cell r="L400" t="str">
            <v/>
          </cell>
          <cell r="M400" t="str">
            <v/>
          </cell>
        </row>
        <row r="401">
          <cell r="H401" t="str">
            <v/>
          </cell>
          <cell r="I401" t="str">
            <v/>
          </cell>
          <cell r="K401" t="str">
            <v/>
          </cell>
          <cell r="L401" t="str">
            <v/>
          </cell>
          <cell r="M401" t="str">
            <v/>
          </cell>
        </row>
        <row r="402">
          <cell r="H402" t="str">
            <v/>
          </cell>
          <cell r="I402" t="str">
            <v/>
          </cell>
          <cell r="K402" t="str">
            <v/>
          </cell>
          <cell r="L402" t="str">
            <v/>
          </cell>
          <cell r="M402" t="str">
            <v/>
          </cell>
        </row>
        <row r="403">
          <cell r="H403" t="str">
            <v/>
          </cell>
          <cell r="I403" t="str">
            <v/>
          </cell>
          <cell r="K403" t="str">
            <v/>
          </cell>
          <cell r="L403" t="str">
            <v/>
          </cell>
          <cell r="M403" t="str">
            <v/>
          </cell>
        </row>
        <row r="404">
          <cell r="H404" t="str">
            <v/>
          </cell>
          <cell r="I404" t="str">
            <v/>
          </cell>
          <cell r="K404" t="str">
            <v/>
          </cell>
          <cell r="L404" t="str">
            <v/>
          </cell>
          <cell r="M404" t="str">
            <v/>
          </cell>
        </row>
        <row r="405">
          <cell r="H405" t="str">
            <v/>
          </cell>
          <cell r="I405" t="str">
            <v/>
          </cell>
          <cell r="K405" t="str">
            <v/>
          </cell>
          <cell r="L405" t="str">
            <v/>
          </cell>
          <cell r="M405" t="str">
            <v/>
          </cell>
        </row>
      </sheetData>
      <sheetData sheetId="53"/>
      <sheetData sheetId="54">
        <row r="5">
          <cell r="E5">
            <v>1</v>
          </cell>
          <cell r="F5">
            <v>19</v>
          </cell>
          <cell r="G5">
            <v>3</v>
          </cell>
          <cell r="H5">
            <v>39185</v>
          </cell>
          <cell r="I5" t="str">
            <v>第2.2(3)ｴ</v>
          </cell>
          <cell r="J5" t="str">
            <v>東京都が発注する下水道整備工事において、公正取引委員会から独占禁止法第３条違反により課徴金納付命令があった。</v>
          </cell>
          <cell r="K5">
            <v>4</v>
          </cell>
          <cell r="L5" t="str">
            <v>㈱石垣</v>
          </cell>
          <cell r="O5" t="str">
            <v/>
          </cell>
          <cell r="P5">
            <v>0</v>
          </cell>
          <cell r="Q5">
            <v>1</v>
          </cell>
          <cell r="R5" t="str">
            <v>㈱石垣</v>
          </cell>
          <cell r="BP5">
            <v>2110</v>
          </cell>
        </row>
        <row r="6">
          <cell r="E6">
            <v>2</v>
          </cell>
          <cell r="F6">
            <v>19</v>
          </cell>
          <cell r="G6">
            <v>43</v>
          </cell>
          <cell r="H6">
            <v>39185</v>
          </cell>
          <cell r="I6" t="str">
            <v>第2.2(2)ｴ</v>
          </cell>
          <cell r="J6" t="str">
            <v>名古屋市発注の地下鉄工事をめぐり、独占禁止法違反について公正取引委員会に自主申告し課徴金減免制度が適用され、その事実が公表された。</v>
          </cell>
          <cell r="K6">
            <v>1</v>
          </cell>
          <cell r="L6" t="str">
            <v>㈱間組</v>
          </cell>
          <cell r="M6" t="str">
            <v>　※　指名停止基準付則３により、旧指名停止基準を適用</v>
          </cell>
          <cell r="O6" t="str">
            <v>半分</v>
          </cell>
          <cell r="P6">
            <v>0</v>
          </cell>
          <cell r="Q6">
            <v>1</v>
          </cell>
          <cell r="R6" t="str">
            <v>○㈱間組</v>
          </cell>
          <cell r="BP6">
            <v>3784.1</v>
          </cell>
        </row>
        <row r="7">
          <cell r="E7">
            <v>3</v>
          </cell>
          <cell r="F7">
            <v>19</v>
          </cell>
          <cell r="G7">
            <v>5</v>
          </cell>
          <cell r="H7">
            <v>39195</v>
          </cell>
          <cell r="I7" t="str">
            <v>第2.3ｴ</v>
          </cell>
          <cell r="J7" t="str">
            <v>名古屋市発注の下水道工事をめぐり、談合罪の容疑で社員が名古屋区検に起訴された。</v>
          </cell>
          <cell r="K7">
            <v>3</v>
          </cell>
          <cell r="L7" t="str">
            <v>若築建設㈱他１社</v>
          </cell>
          <cell r="O7" t="str">
            <v>全部</v>
          </cell>
          <cell r="P7">
            <v>2</v>
          </cell>
          <cell r="Q7">
            <v>3</v>
          </cell>
          <cell r="R7" t="str">
            <v>◎若築建設㈱</v>
          </cell>
          <cell r="S7" t="str">
            <v>◎㈱白石神戸営業所</v>
          </cell>
          <cell r="BP7">
            <v>4462.2</v>
          </cell>
          <cell r="BQ7">
            <v>2338.1999999999998</v>
          </cell>
        </row>
        <row r="8">
          <cell r="E8">
            <v>4</v>
          </cell>
          <cell r="F8">
            <v>19</v>
          </cell>
          <cell r="G8">
            <v>43</v>
          </cell>
          <cell r="H8">
            <v>39195</v>
          </cell>
          <cell r="I8" t="str">
            <v>第2.2(3)ｴ</v>
          </cell>
          <cell r="J8" t="str">
            <v>市町村等が発注するごみ処理施設の建設工事において、共同して受注予定者を決定し、受注できるようにしていたとして、公正取引委員会から「私的独占の禁止及び公正取引の確保に関する法律」第３条違反により課徴金納付命令があった。</v>
          </cell>
          <cell r="K8">
            <v>3</v>
          </cell>
          <cell r="L8" t="str">
            <v>ＪＦＥエンジニアリング㈱</v>
          </cell>
          <cell r="O8" t="str">
            <v/>
          </cell>
          <cell r="P8">
            <v>0</v>
          </cell>
          <cell r="Q8">
            <v>4</v>
          </cell>
          <cell r="R8" t="str">
            <v>ＪＦＥエンジニアリング㈱</v>
          </cell>
          <cell r="S8" t="str">
            <v>川崎重工業㈱関西支社</v>
          </cell>
          <cell r="T8" t="str">
            <v>日立造船㈱</v>
          </cell>
          <cell r="U8" t="str">
            <v>㈱タクマ</v>
          </cell>
          <cell r="Z8" t="str">
            <v/>
          </cell>
          <cell r="AA8" t="str">
            <v/>
          </cell>
          <cell r="AB8" t="str">
            <v/>
          </cell>
          <cell r="AC8" t="str">
            <v/>
          </cell>
          <cell r="AD8" t="str">
            <v/>
          </cell>
          <cell r="AE8" t="str">
            <v/>
          </cell>
          <cell r="AF8" t="str">
            <v/>
          </cell>
          <cell r="AG8" t="str">
            <v/>
          </cell>
          <cell r="AH8" t="str">
            <v/>
          </cell>
          <cell r="AI8" t="str">
            <v/>
          </cell>
          <cell r="AJ8" t="str">
            <v/>
          </cell>
          <cell r="AK8" t="str">
            <v/>
          </cell>
          <cell r="AL8" t="str">
            <v/>
          </cell>
          <cell r="AM8" t="str">
            <v/>
          </cell>
          <cell r="AN8" t="str">
            <v/>
          </cell>
          <cell r="AO8" t="str">
            <v/>
          </cell>
          <cell r="AP8" t="str">
            <v/>
          </cell>
          <cell r="AQ8" t="str">
            <v/>
          </cell>
          <cell r="AR8" t="str">
            <v/>
          </cell>
          <cell r="AS8" t="str">
            <v/>
          </cell>
          <cell r="AT8" t="str">
            <v/>
          </cell>
          <cell r="AU8" t="str">
            <v/>
          </cell>
          <cell r="AV8" t="str">
            <v/>
          </cell>
          <cell r="AW8" t="str">
            <v/>
          </cell>
          <cell r="AX8" t="str">
            <v/>
          </cell>
          <cell r="AY8" t="str">
            <v/>
          </cell>
          <cell r="AZ8" t="str">
            <v/>
          </cell>
          <cell r="BA8" t="str">
            <v/>
          </cell>
          <cell r="BB8" t="str">
            <v/>
          </cell>
          <cell r="BC8" t="str">
            <v/>
          </cell>
          <cell r="BD8" t="str">
            <v/>
          </cell>
          <cell r="BE8" t="str">
            <v/>
          </cell>
          <cell r="BF8" t="str">
            <v/>
          </cell>
          <cell r="BG8" t="str">
            <v/>
          </cell>
          <cell r="BH8" t="str">
            <v/>
          </cell>
          <cell r="BI8" t="str">
            <v/>
          </cell>
          <cell r="BJ8" t="str">
            <v/>
          </cell>
          <cell r="BK8" t="str">
            <v/>
          </cell>
          <cell r="BL8" t="str">
            <v/>
          </cell>
          <cell r="BM8" t="str">
            <v/>
          </cell>
          <cell r="BN8" t="str">
            <v/>
          </cell>
          <cell r="BO8" t="str">
            <v/>
          </cell>
          <cell r="BP8">
            <v>2863</v>
          </cell>
          <cell r="BQ8">
            <v>2410</v>
          </cell>
          <cell r="BR8">
            <v>3868</v>
          </cell>
          <cell r="BS8">
            <v>3171</v>
          </cell>
        </row>
        <row r="9">
          <cell r="E9">
            <v>5</v>
          </cell>
          <cell r="F9">
            <v>19</v>
          </cell>
          <cell r="G9">
            <v>7</v>
          </cell>
          <cell r="H9">
            <v>39195</v>
          </cell>
          <cell r="I9" t="str">
            <v>第2.3ｴ</v>
          </cell>
          <cell r="J9" t="str">
            <v>石川県志賀町発注の中学校体育館の電気工事に係る指名競争入札をめぐり、競売入札妨害の容疑で社員が起訴された。</v>
          </cell>
          <cell r="K9">
            <v>6</v>
          </cell>
          <cell r="L9" t="str">
            <v>日本コムシス㈱、米沢電気工業㈱</v>
          </cell>
          <cell r="O9" t="str">
            <v>一部</v>
          </cell>
          <cell r="P9">
            <v>1</v>
          </cell>
          <cell r="Q9">
            <v>2</v>
          </cell>
          <cell r="R9" t="str">
            <v>◎日本コムシス㈱</v>
          </cell>
          <cell r="S9" t="str">
            <v>米沢電気工業㈱</v>
          </cell>
          <cell r="BP9">
            <v>3659.2</v>
          </cell>
          <cell r="BQ9">
            <v>1</v>
          </cell>
        </row>
        <row r="10">
          <cell r="E10">
            <v>6</v>
          </cell>
          <cell r="F10">
            <v>19</v>
          </cell>
          <cell r="G10">
            <v>22</v>
          </cell>
          <cell r="H10">
            <v>39227</v>
          </cell>
          <cell r="I10" t="str">
            <v>第2.6(2)ｴ</v>
          </cell>
          <cell r="J10" t="str">
            <v>高知県発注の「ふるさと林道緊急整備事業床鍋倉川トンネル工事」において施工不良工事を行ったため、建設業法第２８条第１項第２号に該当するとして、国土交通省四国地方整備局長から建設業法第２８条第３項に基づく、営業停止処分を受けた。</v>
          </cell>
          <cell r="K10">
            <v>3</v>
          </cell>
          <cell r="L10" t="str">
            <v>大旺建設㈱</v>
          </cell>
          <cell r="O10" t="str">
            <v/>
          </cell>
          <cell r="P10">
            <v>0</v>
          </cell>
          <cell r="Q10">
            <v>1</v>
          </cell>
          <cell r="R10" t="str">
            <v>大旺建設㈱</v>
          </cell>
          <cell r="BP10">
            <v>1</v>
          </cell>
        </row>
        <row r="11">
          <cell r="E11">
            <v>7</v>
          </cell>
          <cell r="F11">
            <v>19</v>
          </cell>
          <cell r="G11">
            <v>23</v>
          </cell>
          <cell r="H11">
            <v>39233</v>
          </cell>
          <cell r="I11" t="str">
            <v>第2.3ｴ</v>
          </cell>
          <cell r="J11" t="str">
            <v>農林水産省北陸農政局発注の農業用水パイプライン工事をめぐり、競売入札妨害罪の容疑で社員が福井県警に逮捕された。</v>
          </cell>
          <cell r="K11">
            <v>3</v>
          </cell>
          <cell r="L11" t="str">
            <v>木原建設㈱</v>
          </cell>
          <cell r="O11" t="str">
            <v/>
          </cell>
          <cell r="P11">
            <v>0</v>
          </cell>
          <cell r="Q11">
            <v>1</v>
          </cell>
          <cell r="R11" t="str">
            <v>木原建設㈱</v>
          </cell>
          <cell r="BP11">
            <v>1</v>
          </cell>
        </row>
        <row r="12">
          <cell r="E12">
            <v>8</v>
          </cell>
          <cell r="F12">
            <v>19</v>
          </cell>
          <cell r="G12">
            <v>24</v>
          </cell>
          <cell r="H12">
            <v>39233</v>
          </cell>
          <cell r="I12" t="str">
            <v>第2.2(3)ｳ</v>
          </cell>
          <cell r="J12" t="str">
            <v>大阪瓦斯等が発注する天然ガスエコ･ステーション施設の建設工事において、共同して受注予定者を決定し、受注できるようにしていたとして、公正取引委員会から「私的独占の禁止及び公正取引の確保に関する法律」第３条違反により課徴金納付命令を受けた。</v>
          </cell>
          <cell r="K12">
            <v>1</v>
          </cell>
          <cell r="L12" t="str">
            <v>住友金属工業㈱</v>
          </cell>
          <cell r="O12" t="str">
            <v/>
          </cell>
          <cell r="P12">
            <v>0</v>
          </cell>
          <cell r="Q12">
            <v>1</v>
          </cell>
          <cell r="R12" t="str">
            <v>住友金属工業㈱</v>
          </cell>
          <cell r="BP12">
            <v>1</v>
          </cell>
        </row>
        <row r="13">
          <cell r="E13">
            <v>9</v>
          </cell>
          <cell r="F13">
            <v>19</v>
          </cell>
          <cell r="G13">
            <v>25</v>
          </cell>
          <cell r="H13">
            <v>39233</v>
          </cell>
          <cell r="I13" t="str">
            <v>第2.2(1)ｳ</v>
          </cell>
          <cell r="J13" t="str">
            <v>大阪瓦斯等が発注する天然ガスエコ･ステーション施設の建設工事において、共同して受注予定者を決定し、受注できるようにしていたとして、公正取引委員会から「私的独占の禁止及び公正取引の確保に関する法律」第３条違反により排除措置命令を受けた。</v>
          </cell>
          <cell r="K13">
            <v>1</v>
          </cell>
          <cell r="L13" t="str">
            <v>住友金属パイプエンジ㈱</v>
          </cell>
          <cell r="O13" t="str">
            <v/>
          </cell>
          <cell r="P13">
            <v>0</v>
          </cell>
          <cell r="Q13">
            <v>1</v>
          </cell>
          <cell r="R13" t="str">
            <v>住友金属パイプエンジ㈱</v>
          </cell>
          <cell r="BP13">
            <v>1</v>
          </cell>
        </row>
        <row r="14">
          <cell r="E14">
            <v>10</v>
          </cell>
          <cell r="F14">
            <v>19</v>
          </cell>
          <cell r="G14">
            <v>43</v>
          </cell>
          <cell r="H14">
            <v>39239</v>
          </cell>
          <cell r="I14" t="str">
            <v>第2.6(3)ｴ</v>
          </cell>
          <cell r="J14" t="str">
            <v>北陸地方整備局高田河川国道事務所発注工事において、一次下請業者として建設業法第３条第１項の規定に違反して、同項の許可を受けないで建設業を営む者と下請契約を締結したことが、建設業法第２８条第１項第６号に該当するとして、関東地方整備局長より指示処分を受けた。</v>
          </cell>
          <cell r="K14">
            <v>3</v>
          </cell>
          <cell r="L14" t="str">
            <v>ライト工業㈱</v>
          </cell>
          <cell r="O14" t="str">
            <v/>
          </cell>
          <cell r="P14">
            <v>0</v>
          </cell>
          <cell r="Q14">
            <v>1</v>
          </cell>
          <cell r="R14" t="str">
            <v>ライト工業㈱</v>
          </cell>
          <cell r="BP14">
            <v>4401</v>
          </cell>
        </row>
        <row r="15">
          <cell r="E15">
            <v>11</v>
          </cell>
          <cell r="F15">
            <v>19</v>
          </cell>
          <cell r="G15">
            <v>28</v>
          </cell>
          <cell r="H15">
            <v>39239</v>
          </cell>
          <cell r="I15" t="str">
            <v>第2.3ｳ</v>
          </cell>
          <cell r="J15" t="str">
            <v>大阪府枚方市発注の第２清掃工場（仮称）の建設工事をめぐり、競売入札妨害の容疑で社員が逮捕された。</v>
          </cell>
          <cell r="K15">
            <v>6</v>
          </cell>
          <cell r="L15" t="str">
            <v>㈱大林組他１社</v>
          </cell>
          <cell r="O15" t="str">
            <v>一部</v>
          </cell>
          <cell r="P15">
            <v>1</v>
          </cell>
          <cell r="Q15">
            <v>0</v>
          </cell>
          <cell r="R15" t="str">
            <v>◎㈱大林組</v>
          </cell>
          <cell r="S15" t="str">
            <v>㈱浅沼組神戸支店</v>
          </cell>
          <cell r="BP15">
            <v>2312.1999999999998</v>
          </cell>
          <cell r="BQ15">
            <v>2025</v>
          </cell>
        </row>
        <row r="16">
          <cell r="E16">
            <v>12</v>
          </cell>
          <cell r="F16">
            <v>19</v>
          </cell>
          <cell r="G16">
            <v>35</v>
          </cell>
          <cell r="H16">
            <v>39252</v>
          </cell>
          <cell r="I16" t="str">
            <v>第2.3ｳ</v>
          </cell>
          <cell r="J16" t="str">
            <v>大阪府枚方市発注の清掃工場の建設工事をめぐり、競売入札妨害の容疑で社長が逮捕された。</v>
          </cell>
          <cell r="K16">
            <v>6</v>
          </cell>
          <cell r="L16" t="str">
            <v>㈱羽衣組</v>
          </cell>
          <cell r="O16" t="str">
            <v/>
          </cell>
          <cell r="P16">
            <v>0</v>
          </cell>
          <cell r="Q16">
            <v>0</v>
          </cell>
          <cell r="R16" t="str">
            <v>㈱羽衣組</v>
          </cell>
          <cell r="BP16">
            <v>3783</v>
          </cell>
        </row>
        <row r="17">
          <cell r="E17">
            <v>13</v>
          </cell>
          <cell r="F17">
            <v>19</v>
          </cell>
          <cell r="G17">
            <v>39</v>
          </cell>
          <cell r="H17">
            <v>39259</v>
          </cell>
          <cell r="I17" t="str">
            <v>第2.3ｴ</v>
          </cell>
          <cell r="J17" t="str">
            <v>農林水産省北陸農政局発注の九頭竜川下流域農業パイプライン化工事をめぐり、競売入札妨害罪の容疑で社員が書類送検された。</v>
          </cell>
          <cell r="K17">
            <v>3</v>
          </cell>
          <cell r="L17" t="str">
            <v>日本国土開発㈱　他１社</v>
          </cell>
          <cell r="O17" t="str">
            <v>全部</v>
          </cell>
          <cell r="P17">
            <v>2</v>
          </cell>
          <cell r="Q17">
            <v>0</v>
          </cell>
          <cell r="R17" t="str">
            <v>◎日本国土開発㈱</v>
          </cell>
          <cell r="S17" t="str">
            <v>◎佐伯建設工業㈱神戸支店</v>
          </cell>
          <cell r="BP17">
            <v>3634.2</v>
          </cell>
          <cell r="BQ17">
            <v>1</v>
          </cell>
        </row>
        <row r="18">
          <cell r="E18">
            <v>14</v>
          </cell>
          <cell r="F18">
            <v>19</v>
          </cell>
          <cell r="G18">
            <v>43</v>
          </cell>
          <cell r="H18">
            <v>39275</v>
          </cell>
          <cell r="I18" t="str">
            <v>第2.2(3)ｴ</v>
          </cell>
          <cell r="J18" t="str">
            <v>防衛施設庁発注の特定土木・建築工事において、防衛施設庁の職員が行った割り振りの結果の伝達を受けた工事について、落札予定者として選定された者等を受注予定者とし、受注予定者以外の者は、受注予定者の受注に協力する旨の合意の下に、受注予定者を決定し、受注予定者が受注できるようにしていたとして、公正取引委員会から「私的独占の禁止及び公正取引の確保に関する法律」第３条違反により排除措置命令又は課徴金納付命令があった。</v>
          </cell>
          <cell r="K18">
            <v>1</v>
          </cell>
          <cell r="L18" t="str">
            <v>㈱ピーエス三菱他５１社</v>
          </cell>
          <cell r="O18" t="str">
            <v>一部</v>
          </cell>
          <cell r="P18">
            <v>36</v>
          </cell>
          <cell r="Q18">
            <v>51</v>
          </cell>
          <cell r="R18" t="str">
            <v>◎㈱ピーエス三菱神戸支店</v>
          </cell>
          <cell r="S18" t="str">
            <v>◎五洋建設㈱神戸営業所</v>
          </cell>
          <cell r="T18" t="str">
            <v>◎㈱熊谷組</v>
          </cell>
          <cell r="U18" t="str">
            <v>◎株木建設㈱大阪支店</v>
          </cell>
          <cell r="V18" t="str">
            <v>◎鹿島建設㈱神戸営業所</v>
          </cell>
          <cell r="W18" t="str">
            <v>◎東亜建設工業㈱神戸営業所</v>
          </cell>
          <cell r="X18" t="str">
            <v>◎大成建設㈱神戸支店</v>
          </cell>
          <cell r="Y18" t="str">
            <v>◎西武建設㈱神戸営業所</v>
          </cell>
          <cell r="Z18" t="str">
            <v>◎みらい建設工業㈱神戸営業所</v>
          </cell>
          <cell r="AA18" t="str">
            <v>◎㈱鴻池組神戸支店</v>
          </cell>
          <cell r="AB18" t="str">
            <v>㈱浅沼組神戸支店</v>
          </cell>
          <cell r="AC18" t="str">
            <v>◎㈱フジタ神戸支店</v>
          </cell>
          <cell r="AD18" t="str">
            <v>◎㈱大林組</v>
          </cell>
          <cell r="AE18" t="str">
            <v>◎㈱奥村組神戸支店</v>
          </cell>
          <cell r="AF18" t="str">
            <v>◎飛島建設㈱神戸統轄出張所</v>
          </cell>
          <cell r="AG18" t="str">
            <v>◎東洋建設㈱神戸営業所</v>
          </cell>
          <cell r="AH18" t="str">
            <v>◎㈱大本組大阪支店</v>
          </cell>
          <cell r="AI18" t="str">
            <v>南海辰村建設㈱</v>
          </cell>
          <cell r="AJ18" t="str">
            <v>◎若築建設㈱神戸営業所</v>
          </cell>
          <cell r="AK18" t="str">
            <v>◎鉄建建設㈱神戸営業所</v>
          </cell>
          <cell r="AL18" t="str">
            <v>松尾建設㈱大阪支店</v>
          </cell>
          <cell r="AM18" t="str">
            <v>小田急建設㈱大阪支店</v>
          </cell>
          <cell r="AN18" t="str">
            <v>◎㈱銭高組神戸支店</v>
          </cell>
          <cell r="AO18" t="str">
            <v>徳倉建設㈱大阪支店</v>
          </cell>
          <cell r="AP18" t="str">
            <v>◎前田建設工業㈱関西支店</v>
          </cell>
          <cell r="AQ18" t="str">
            <v>◎㈱福田組神戸営業所</v>
          </cell>
          <cell r="AR18" t="str">
            <v>◎大旺建設㈱神戸営業所</v>
          </cell>
          <cell r="AS18" t="str">
            <v>◎佐伯建設工業㈱神戸支店</v>
          </cell>
          <cell r="AT18" t="str">
            <v>◎りんかい日産建設㈱神戸営業所</v>
          </cell>
          <cell r="AU18" t="str">
            <v>◎佐藤工業㈱神戸営業所</v>
          </cell>
          <cell r="AV18" t="str">
            <v>◎㈱不動テトラ神戸支店</v>
          </cell>
          <cell r="AW18" t="str">
            <v>◎大豊建設㈱神戸支店</v>
          </cell>
          <cell r="AX18" t="str">
            <v>アイサワ工業㈱神戸支店</v>
          </cell>
          <cell r="AY18" t="str">
            <v>◎戸田建設㈱神戸総合営業所</v>
          </cell>
          <cell r="AZ18" t="str">
            <v>㈱間組大阪支店</v>
          </cell>
          <cell r="BA18" t="str">
            <v>◎安藤建設㈱神戸営業所</v>
          </cell>
          <cell r="BB18" t="str">
            <v>◎㈱本間組神戸営業所</v>
          </cell>
          <cell r="BC18" t="str">
            <v>多田建設㈱大阪支店</v>
          </cell>
          <cell r="BD18" t="str">
            <v>◎三井住友建設㈱神戸営業所</v>
          </cell>
          <cell r="BE18" t="str">
            <v>◎清水建設㈱神戸営業所</v>
          </cell>
          <cell r="BF18" t="str">
            <v>太平工業㈱神戸支店</v>
          </cell>
          <cell r="BG18" t="str">
            <v>㈱新井組</v>
          </cell>
          <cell r="BH18" t="str">
            <v>村本建設㈱神戸営業所</v>
          </cell>
          <cell r="BI18" t="str">
            <v>◎大日本土木㈱神戸営業所</v>
          </cell>
          <cell r="BJ18" t="str">
            <v>東急建設㈱神戸支店</v>
          </cell>
          <cell r="BK18" t="str">
            <v>松井建設㈱大阪支店</v>
          </cell>
          <cell r="BL18" t="str">
            <v>㈱浅川組大阪支店</v>
          </cell>
          <cell r="BM18" t="str">
            <v>◎青木あすなろ建設㈱神戸支店</v>
          </cell>
          <cell r="BN18" t="str">
            <v>㈱ナカノフドー建設神戸支店</v>
          </cell>
          <cell r="BO18" t="str">
            <v>◎西松建設㈱関西支店　◎日本国土開発㈱神戸営業所　㈱松村組大阪本店</v>
          </cell>
          <cell r="BP18">
            <v>3851.2</v>
          </cell>
          <cell r="BQ18">
            <v>2721.2</v>
          </cell>
          <cell r="BR18">
            <v>2602.1999999999998</v>
          </cell>
          <cell r="BS18">
            <v>2401.1999999999998</v>
          </cell>
          <cell r="BT18">
            <v>2389.1999999999998</v>
          </cell>
          <cell r="BU18">
            <v>3363.2</v>
          </cell>
          <cell r="BV18">
            <v>3125.2</v>
          </cell>
          <cell r="BW18">
            <v>3026.2</v>
          </cell>
          <cell r="BX18">
            <v>1</v>
          </cell>
          <cell r="BY18">
            <v>2681.2</v>
          </cell>
          <cell r="BZ18">
            <v>2025</v>
          </cell>
          <cell r="CA18">
            <v>3945.2</v>
          </cell>
          <cell r="CB18">
            <v>2312.1999999999998</v>
          </cell>
          <cell r="CC18">
            <v>2328.1999999999998</v>
          </cell>
          <cell r="CD18">
            <v>3421.2</v>
          </cell>
          <cell r="CE18">
            <v>3393.2</v>
          </cell>
          <cell r="CF18">
            <v>2317.1999999999998</v>
          </cell>
          <cell r="CG18">
            <v>3511</v>
          </cell>
          <cell r="CH18">
            <v>4462</v>
          </cell>
          <cell r="CI18">
            <v>1</v>
          </cell>
          <cell r="CJ18">
            <v>4114</v>
          </cell>
          <cell r="CK18">
            <v>2333</v>
          </cell>
          <cell r="CL18">
            <v>3042.2</v>
          </cell>
          <cell r="CM18">
            <v>3416</v>
          </cell>
          <cell r="CN18">
            <v>4067.2</v>
          </cell>
          <cell r="CO18">
            <v>3923.2</v>
          </cell>
          <cell r="CP18">
            <v>1</v>
          </cell>
          <cell r="CQ18">
            <v>1</v>
          </cell>
          <cell r="CR18">
            <v>4420</v>
          </cell>
          <cell r="CS18">
            <v>2770.2</v>
          </cell>
          <cell r="CT18">
            <v>3971.2</v>
          </cell>
          <cell r="CU18">
            <v>3146.2</v>
          </cell>
          <cell r="CV18">
            <v>2003</v>
          </cell>
          <cell r="CW18">
            <v>3419.2</v>
          </cell>
          <cell r="CX18">
            <v>3784</v>
          </cell>
          <cell r="CY18">
            <v>2056</v>
          </cell>
          <cell r="CZ18">
            <v>4046.2</v>
          </cell>
          <cell r="DA18">
            <v>1</v>
          </cell>
          <cell r="DB18">
            <v>4151.2</v>
          </cell>
          <cell r="DC18">
            <v>2879.2</v>
          </cell>
          <cell r="DD18">
            <v>1</v>
          </cell>
          <cell r="DE18">
            <v>2047</v>
          </cell>
          <cell r="DF18">
            <v>4218</v>
          </cell>
          <cell r="DG18">
            <v>3143.2</v>
          </cell>
          <cell r="DH18">
            <v>3373</v>
          </cell>
          <cell r="DI18">
            <v>4074</v>
          </cell>
          <cell r="DJ18">
            <v>1</v>
          </cell>
          <cell r="DK18">
            <v>2010</v>
          </cell>
          <cell r="DL18">
            <v>3497</v>
          </cell>
          <cell r="DM18" t="str">
            <v>3556.2 3634.2 4087</v>
          </cell>
        </row>
        <row r="19">
          <cell r="E19">
            <v>15</v>
          </cell>
          <cell r="F19">
            <v>19</v>
          </cell>
          <cell r="G19">
            <v>43</v>
          </cell>
          <cell r="H19">
            <v>39275</v>
          </cell>
          <cell r="I19" t="str">
            <v>第2.2(3)ｴ</v>
          </cell>
          <cell r="J19" t="str">
            <v>防衛施設庁発注の特定土木・建築工事において、防衛施設庁の職員が行った割り振りの結果の伝達を受けた工事について、落札予定者として選定された者等を受注予定者とし、受注予定者以外の者は、受注予定者の受注に協力する旨の合意の下に、受注予定者を決定し、受注予定者が受注できるようにしていたとして、公正取引委員会から「私的独占の禁止及び公正取引の確保に関する法律」第３条違反により排除措置命令又は課徴金納付命令があった。</v>
          </cell>
          <cell r="K19">
            <v>1</v>
          </cell>
          <cell r="L19" t="str">
            <v>東洋建設㈱</v>
          </cell>
          <cell r="O19" t="str">
            <v>一部</v>
          </cell>
          <cell r="P19">
            <v>22</v>
          </cell>
          <cell r="R19" t="str">
            <v>東洋建設㈱</v>
          </cell>
          <cell r="BP19">
            <v>3393</v>
          </cell>
        </row>
        <row r="20">
          <cell r="E20">
            <v>16</v>
          </cell>
          <cell r="F20">
            <v>19</v>
          </cell>
          <cell r="G20">
            <v>43</v>
          </cell>
          <cell r="H20">
            <v>39275</v>
          </cell>
          <cell r="I20" t="str">
            <v>第2.2(3)ｴ</v>
          </cell>
          <cell r="J20" t="str">
            <v>防衛施設庁発注の特定土木・建築工事において、防衛施設庁の職員が行った割り振りの結果の伝達を受けた工事について、落札予定者として選定された者等を受注予定者とし、受注予定者以外の者は、受注予定者の受注に協力する旨の合意の下に、受注予定者を決定し、受注予定者が受注できるようにしていたとして、公正取引委員会から「私的独占の禁止及び公正取引の確保に関する法律」第３条違反により排除措置命令又は課徴金納付命令があった。</v>
          </cell>
          <cell r="K20">
            <v>1</v>
          </cell>
          <cell r="L20" t="str">
            <v>㈱不動テトラ</v>
          </cell>
          <cell r="O20" t="str">
            <v>一部</v>
          </cell>
          <cell r="P20">
            <v>11</v>
          </cell>
          <cell r="R20" t="str">
            <v>㈱不動テトラ</v>
          </cell>
          <cell r="BP20">
            <v>3971</v>
          </cell>
        </row>
        <row r="21">
          <cell r="E21">
            <v>17</v>
          </cell>
          <cell r="F21">
            <v>19</v>
          </cell>
          <cell r="G21">
            <v>43</v>
          </cell>
          <cell r="H21">
            <v>39275</v>
          </cell>
          <cell r="I21" t="str">
            <v>第2.2(3)ｴ</v>
          </cell>
          <cell r="J21" t="str">
            <v>防衛施設庁発注の特定土木・建築工事において、防衛施設庁の職員が行った割り振りの結果の伝達を受けた工事について、落札予定者として選定された者等を受注予定者とし、受注予定者以外の者は、受注予定者の受注に協力する旨の合意の下に、受注予定者を決定し、受注予定者が受注できるようにしていたとして、公正取引委員会から「私的独占の禁止及び公正取引の確保に関する法律」第３条違反により排除措置命令又は課徴金納付命令があった。</v>
          </cell>
          <cell r="K21">
            <v>1</v>
          </cell>
          <cell r="L21" t="str">
            <v>松井建設㈱</v>
          </cell>
          <cell r="O21" t="str">
            <v>一部</v>
          </cell>
          <cell r="P21">
            <v>3</v>
          </cell>
          <cell r="R21" t="str">
            <v>松井建設㈱</v>
          </cell>
          <cell r="BP21">
            <v>4074</v>
          </cell>
        </row>
        <row r="22">
          <cell r="E22">
            <v>18</v>
          </cell>
          <cell r="F22">
            <v>19</v>
          </cell>
          <cell r="G22">
            <v>45</v>
          </cell>
          <cell r="H22">
            <v>39282</v>
          </cell>
          <cell r="I22" t="str">
            <v>第2.2(3)ｳ</v>
          </cell>
          <cell r="J22" t="str">
            <v>ガス用ポリエチレン管及び同継手の販売において、共同して販売価格の引き上げを行うことにより、ガス用ポリエチレン管及び同継手の販売分野における競争を実質的に制限していたとして、「私的独占の禁止及び公正取引の確保に関する法律」第３条違反により公正取引委員会から、課徴金納付命令があった。</v>
          </cell>
          <cell r="K22">
            <v>4</v>
          </cell>
          <cell r="L22" t="str">
            <v>㈱クボタ</v>
          </cell>
          <cell r="O22" t="str">
            <v>全部</v>
          </cell>
          <cell r="P22">
            <v>2</v>
          </cell>
          <cell r="Q22">
            <v>1</v>
          </cell>
          <cell r="R22" t="str">
            <v>◎㈱クボタ</v>
          </cell>
          <cell r="BP22">
            <v>2595.1999999999998</v>
          </cell>
        </row>
        <row r="23">
          <cell r="E23">
            <v>19</v>
          </cell>
          <cell r="F23">
            <v>19</v>
          </cell>
          <cell r="G23">
            <v>51</v>
          </cell>
          <cell r="H23">
            <v>39282</v>
          </cell>
          <cell r="I23" t="str">
            <v>第2.3ｴ</v>
          </cell>
          <cell r="J23" t="str">
            <v>農林水産省北陸農政局発注の九頭竜川下流域農業パイプライン化事業をめぐり、競売入札妨害罪の容疑で社員が書類送検された事件について、公訴を提起しない処分がされたため。</v>
          </cell>
          <cell r="K23" t="str">
            <v>解除</v>
          </cell>
          <cell r="L23" t="str">
            <v>日本国土開発㈱</v>
          </cell>
          <cell r="O23" t="str">
            <v>全部</v>
          </cell>
          <cell r="P23">
            <v>2</v>
          </cell>
          <cell r="Q23">
            <v>2</v>
          </cell>
          <cell r="R23" t="str">
            <v>日本国土開発㈱</v>
          </cell>
          <cell r="BP23">
            <v>3634</v>
          </cell>
        </row>
        <row r="24">
          <cell r="E24">
            <v>20</v>
          </cell>
          <cell r="F24">
            <v>19</v>
          </cell>
          <cell r="G24">
            <v>54</v>
          </cell>
          <cell r="H24">
            <v>39303</v>
          </cell>
          <cell r="J24" t="str">
            <v>新潟市が発注する下水道管渠工事等において、共同して受注予定者を決定し、受注できるようにしていたとして、公正取引委員会から「私的独占の禁止及び公正取引の確保に関する法律」第３条違反により課徴金納付命令があった。</v>
          </cell>
          <cell r="K24">
            <v>1</v>
          </cell>
          <cell r="L24" t="str">
            <v>㈱竹中土木他１社</v>
          </cell>
          <cell r="M24" t="str">
            <v>　※　指名停止基準付則３により、旧指名停止基準を適用</v>
          </cell>
          <cell r="N24" t="str">
            <v>第2.2(3)ｴ</v>
          </cell>
          <cell r="O24" t="str">
            <v/>
          </cell>
          <cell r="P24">
            <v>0</v>
          </cell>
          <cell r="Q24">
            <v>2</v>
          </cell>
          <cell r="R24" t="str">
            <v>竹中土木神戸営業所</v>
          </cell>
          <cell r="S24" t="str">
            <v>西部建設㈱神戸営業所</v>
          </cell>
          <cell r="BP24">
            <v>3181</v>
          </cell>
          <cell r="BQ24">
            <v>1</v>
          </cell>
        </row>
        <row r="25">
          <cell r="E25">
            <v>21</v>
          </cell>
          <cell r="F25">
            <v>19</v>
          </cell>
          <cell r="G25">
            <v>58</v>
          </cell>
          <cell r="H25">
            <v>39322</v>
          </cell>
          <cell r="J25" t="str">
            <v>大阪市が発注する舗装工事において、共同して受注予定者を決定し、受注できるようにしていたとして、公正取引委員会から「私的独占の禁止及び公正取引の確保に関する法律」第３条違反により課徴金納付命令があった。</v>
          </cell>
          <cell r="K25">
            <v>1</v>
          </cell>
          <cell r="L25" t="str">
            <v>㈱竹中土木</v>
          </cell>
          <cell r="M25" t="str">
            <v>　※　指名停止基準付則３により、旧指名停止基準を適用</v>
          </cell>
          <cell r="N25" t="str">
            <v>第2.2(3)ｳ</v>
          </cell>
          <cell r="O25" t="str">
            <v/>
          </cell>
          <cell r="P25">
            <v>0</v>
          </cell>
          <cell r="Q25">
            <v>1</v>
          </cell>
          <cell r="R25" t="str">
            <v>竹中土木神戸営業所</v>
          </cell>
          <cell r="BP25">
            <v>3181</v>
          </cell>
        </row>
        <row r="26">
          <cell r="E26">
            <v>22</v>
          </cell>
          <cell r="F26">
            <v>19</v>
          </cell>
          <cell r="G26">
            <v>59</v>
          </cell>
          <cell r="H26">
            <v>39323</v>
          </cell>
          <cell r="I26" t="str">
            <v>第2.3ｳ</v>
          </cell>
          <cell r="J26" t="str">
            <v>大阪府枚方市発注の第２清掃工場（仮称）の建設工事をめぐり、競売入札妨害の容疑で社員が逮捕された事件について、公訴を提起しない処分がされたため。</v>
          </cell>
          <cell r="K26" t="str">
            <v>解除</v>
          </cell>
          <cell r="L26" t="str">
            <v>㈱淺沼組</v>
          </cell>
          <cell r="O26" t="str">
            <v/>
          </cell>
          <cell r="P26">
            <v>0</v>
          </cell>
          <cell r="Q26">
            <v>1</v>
          </cell>
          <cell r="R26" t="str">
            <v>㈱淺沼組</v>
          </cell>
          <cell r="BP26">
            <v>2025</v>
          </cell>
        </row>
        <row r="27">
          <cell r="E27">
            <v>23</v>
          </cell>
          <cell r="F27">
            <v>19</v>
          </cell>
          <cell r="G27">
            <v>73</v>
          </cell>
          <cell r="H27">
            <v>39372</v>
          </cell>
          <cell r="I27" t="str">
            <v>第2.3ｳ</v>
          </cell>
          <cell r="J27" t="str">
            <v>大阪府枚方市発注の清掃工場の建設工事をめぐり、競売入札妨害の容疑で社長が逮捕された事件について、公訴を提起しない処分がされたため。</v>
          </cell>
          <cell r="K27" t="str">
            <v>解除</v>
          </cell>
          <cell r="L27" t="str">
            <v>㈱羽衣組</v>
          </cell>
          <cell r="O27" t="str">
            <v/>
          </cell>
          <cell r="P27">
            <v>0</v>
          </cell>
          <cell r="Q27">
            <v>1</v>
          </cell>
          <cell r="R27" t="str">
            <v>㈱羽衣組</v>
          </cell>
          <cell r="BP27">
            <v>3783</v>
          </cell>
        </row>
        <row r="28">
          <cell r="E28">
            <v>24</v>
          </cell>
          <cell r="F28">
            <v>19</v>
          </cell>
          <cell r="G28">
            <v>79</v>
          </cell>
          <cell r="H28">
            <v>39401</v>
          </cell>
          <cell r="J28" t="str">
            <v>名古屋市発注の地下鉄６号線延伸工事について、株式会社大林組の顧問等からの落札予定者等に係る連絡等を通じて、落札予定者を受注予定者とし、受注予定者以外の者は、受注予定者が受注できるように協力する旨を合意していたとして、公正取引委員会から「私的独占の禁止及び公正取引の確保に関する法律」第３条違反により排除措置命令又は課徴金納付命令があった。</v>
          </cell>
          <cell r="K28">
            <v>1</v>
          </cell>
          <cell r="L28" t="str">
            <v>清水建設㈱他３１社</v>
          </cell>
          <cell r="M28" t="str">
            <v>　※　指名停止基準付則３により、旧指名停止基準を適用</v>
          </cell>
          <cell r="N28" t="str">
            <v>第2.2(1)ｴ及び第2.2(3)ｴ</v>
          </cell>
          <cell r="O28" t="str">
            <v/>
          </cell>
          <cell r="P28">
            <v>0</v>
          </cell>
          <cell r="Q28">
            <v>31</v>
          </cell>
          <cell r="R28" t="str">
            <v>◎清水建設㈱</v>
          </cell>
          <cell r="S28" t="str">
            <v>◎鹿島建設㈱</v>
          </cell>
          <cell r="T28" t="str">
            <v>◎鉄建建設㈱</v>
          </cell>
          <cell r="U28" t="str">
            <v>◎西松建設㈱</v>
          </cell>
          <cell r="V28" t="str">
            <v>◎戸田建設㈱</v>
          </cell>
          <cell r="W28" t="str">
            <v>◎銭高組</v>
          </cell>
          <cell r="X28" t="str">
            <v>◎東急建設㈱</v>
          </cell>
          <cell r="Y28" t="str">
            <v>◎東亜建設工業㈱</v>
          </cell>
          <cell r="Z28" t="str">
            <v>◎三井住友建設㈱</v>
          </cell>
          <cell r="AA28" t="str">
            <v>◎㈱奥村組</v>
          </cell>
          <cell r="AB28" t="str">
            <v>◎前田建設工業㈱</v>
          </cell>
          <cell r="AC28" t="str">
            <v>◎㈱浅沼組</v>
          </cell>
          <cell r="AD28" t="str">
            <v>㈱森本組</v>
          </cell>
          <cell r="AE28" t="str">
            <v>◎㈱大本組</v>
          </cell>
          <cell r="AF28" t="str">
            <v>◎アイサワ工業㈱</v>
          </cell>
          <cell r="AG28" t="str">
            <v>◎青木あすなろ建設㈱</v>
          </cell>
          <cell r="AH28" t="str">
            <v>◎㈱大林組</v>
          </cell>
          <cell r="AI28" t="str">
            <v>◎㈱熊谷組</v>
          </cell>
          <cell r="AJ28" t="str">
            <v>◎㈱鴻池組</v>
          </cell>
          <cell r="AK28" t="str">
            <v>◎五洋建設㈱</v>
          </cell>
          <cell r="AL28" t="str">
            <v>◎佐藤工業㈱</v>
          </cell>
          <cell r="AM28" t="str">
            <v>◎大成建設㈱</v>
          </cell>
          <cell r="AN28" t="str">
            <v>◎大日本土木㈱</v>
          </cell>
          <cell r="AO28" t="str">
            <v>◎大豊建設㈱</v>
          </cell>
          <cell r="AP28" t="str">
            <v>◎㈱竹中土木</v>
          </cell>
          <cell r="AQ28" t="str">
            <v>◎徳倉建設㈱</v>
          </cell>
          <cell r="AR28" t="str">
            <v>◎飛島建設㈱</v>
          </cell>
          <cell r="AS28" t="str">
            <v>◎日本国土開発㈱</v>
          </cell>
          <cell r="AT28" t="str">
            <v>◎㈱間組</v>
          </cell>
          <cell r="AU28" t="str">
            <v>◎㈱フジタ</v>
          </cell>
          <cell r="AV28" t="str">
            <v>◎名工建設㈱</v>
          </cell>
          <cell r="AW28" t="str">
            <v>◎若築建設㈱</v>
          </cell>
          <cell r="BP28">
            <v>2879.2</v>
          </cell>
          <cell r="BQ28">
            <v>2389.1999999999998</v>
          </cell>
          <cell r="BS28">
            <v>3556.2</v>
          </cell>
          <cell r="BT28">
            <v>3419.2</v>
          </cell>
          <cell r="BU28">
            <v>3042.2</v>
          </cell>
          <cell r="BV28">
            <v>3373.2</v>
          </cell>
          <cell r="BW28">
            <v>3363.2</v>
          </cell>
          <cell r="BX28">
            <v>4151.2</v>
          </cell>
          <cell r="BY28">
            <v>2328.1999999999998</v>
          </cell>
          <cell r="BZ28">
            <v>4067.2</v>
          </cell>
          <cell r="CA28">
            <v>2025.2</v>
          </cell>
          <cell r="CB28">
            <v>4262</v>
          </cell>
          <cell r="CC28">
            <v>2317.1999999999998</v>
          </cell>
          <cell r="CD28">
            <v>2003.2</v>
          </cell>
          <cell r="CE28">
            <v>2010.2</v>
          </cell>
          <cell r="CF28">
            <v>2312.1999999999998</v>
          </cell>
          <cell r="CG28">
            <v>2602.1999999999998</v>
          </cell>
          <cell r="CH28">
            <v>2681.2</v>
          </cell>
          <cell r="CI28">
            <v>2721.2</v>
          </cell>
          <cell r="CJ28">
            <v>2770.2</v>
          </cell>
          <cell r="CK28">
            <v>3125.2</v>
          </cell>
          <cell r="CL28">
            <v>3125.2</v>
          </cell>
        </row>
        <row r="29">
          <cell r="E29">
            <v>25</v>
          </cell>
          <cell r="F29">
            <v>19</v>
          </cell>
          <cell r="G29">
            <v>79</v>
          </cell>
          <cell r="H29">
            <v>39401</v>
          </cell>
          <cell r="J29" t="str">
            <v>名古屋市発注の地下鉄６号線延伸工事について、株式会社大林組の顧問等からの落札予定者等に係る連絡等を通じて、落札予定者を受注予定者とし、受注予定者以外の者は、受注予定者が受注できるように協力する旨を合意していたとして、公正取引委員会から「私的独占の禁止及び公正取引の確保に関する法律」第３条違反により排除措置命令又は課徴金納付命令があった。</v>
          </cell>
          <cell r="K29">
            <v>1</v>
          </cell>
          <cell r="L29" t="str">
            <v>青木あすなろ建設㈱</v>
          </cell>
          <cell r="M29" t="str">
            <v>　※　指名停止基準付則３により、旧指名停止基準を適用</v>
          </cell>
          <cell r="N29" t="str">
            <v>第2.2(1)ｴ</v>
          </cell>
          <cell r="O29" t="str">
            <v/>
          </cell>
          <cell r="P29">
            <v>0</v>
          </cell>
          <cell r="Q29">
            <v>0</v>
          </cell>
          <cell r="R29" t="str">
            <v>青木あすなろ建設㈱</v>
          </cell>
          <cell r="BP29">
            <v>2010</v>
          </cell>
        </row>
        <row r="30">
          <cell r="E30">
            <v>26</v>
          </cell>
          <cell r="F30">
            <v>19</v>
          </cell>
          <cell r="G30">
            <v>43</v>
          </cell>
          <cell r="H30">
            <v>39275</v>
          </cell>
          <cell r="I30" t="str">
            <v>第1.2(1)</v>
          </cell>
          <cell r="J30" t="str">
            <v>防衛施設庁発注の特定土木・建築工事において、防衛施設庁の職員が行った割り振りの結果の伝達を受けた工事について、落札予定者として選定された者等を受注予定者とし、受注予定者以外の者は、受注予定者の受注に協力する旨の合意の下に、受注予定者を決定し、受注予定者が受注できるようにしていたとして、公正取引委員会から「私的独占の禁止及び公正取引の確保に関する法律」第３条違反により排除措置命令又は課徴金納付命令があった。</v>
          </cell>
          <cell r="K30">
            <v>3</v>
          </cell>
          <cell r="L30" t="str">
            <v>c</v>
          </cell>
          <cell r="M30" t="str">
            <v>　※　指名停止基準付則３により、旧指名停止基準を適用</v>
          </cell>
          <cell r="N30">
            <v>0</v>
          </cell>
          <cell r="O30" t="str">
            <v/>
          </cell>
          <cell r="P30">
            <v>0</v>
          </cell>
          <cell r="Q30">
            <v>8</v>
          </cell>
          <cell r="R30" t="str">
            <v>大成設備㈱</v>
          </cell>
          <cell r="S30" t="str">
            <v>㈲ダイト</v>
          </cell>
          <cell r="T30" t="str">
            <v>㈱宝塚電業社</v>
          </cell>
          <cell r="U30" t="str">
            <v>㈱精研</v>
          </cell>
          <cell r="V30" t="str">
            <v>岩田地崎建設㈱</v>
          </cell>
          <cell r="W30" t="str">
            <v>㈱中央ポンプ製作所</v>
          </cell>
          <cell r="X30" t="str">
            <v>㈱中電工</v>
          </cell>
          <cell r="Y30" t="str">
            <v>㈱チュウブ</v>
          </cell>
          <cell r="Z30" t="str">
            <v/>
          </cell>
          <cell r="AA30" t="str">
            <v/>
          </cell>
          <cell r="AB30" t="str">
            <v/>
          </cell>
          <cell r="AC30" t="str">
            <v/>
          </cell>
          <cell r="AD30" t="str">
            <v/>
          </cell>
          <cell r="AE30" t="str">
            <v/>
          </cell>
          <cell r="AF30" t="str">
            <v/>
          </cell>
          <cell r="AG30" t="str">
            <v/>
          </cell>
          <cell r="AH30" t="str">
            <v/>
          </cell>
          <cell r="AI30" t="str">
            <v/>
          </cell>
          <cell r="AJ30" t="str">
            <v/>
          </cell>
          <cell r="AK30" t="str">
            <v/>
          </cell>
          <cell r="AL30" t="str">
            <v/>
          </cell>
          <cell r="AM30" t="str">
            <v/>
          </cell>
          <cell r="AN30" t="str">
            <v/>
          </cell>
          <cell r="AO30" t="str">
            <v/>
          </cell>
          <cell r="AP30" t="str">
            <v/>
          </cell>
          <cell r="AQ30" t="str">
            <v/>
          </cell>
          <cell r="AR30" t="str">
            <v/>
          </cell>
          <cell r="AS30" t="str">
            <v/>
          </cell>
          <cell r="AT30" t="str">
            <v/>
          </cell>
          <cell r="AU30" t="str">
            <v/>
          </cell>
          <cell r="AV30" t="str">
            <v/>
          </cell>
          <cell r="AW30" t="str">
            <v/>
          </cell>
          <cell r="AX30" t="str">
            <v/>
          </cell>
          <cell r="AY30" t="str">
            <v/>
          </cell>
          <cell r="AZ30" t="str">
            <v/>
          </cell>
          <cell r="BA30" t="str">
            <v/>
          </cell>
          <cell r="BB30" t="str">
            <v/>
          </cell>
          <cell r="BC30" t="str">
            <v/>
          </cell>
          <cell r="BD30" t="str">
            <v/>
          </cell>
          <cell r="BE30" t="str">
            <v/>
          </cell>
          <cell r="BF30" t="str">
            <v/>
          </cell>
          <cell r="BG30" t="str">
            <v/>
          </cell>
          <cell r="BH30" t="str">
            <v/>
          </cell>
          <cell r="BI30" t="str">
            <v/>
          </cell>
          <cell r="BJ30" t="str">
            <v/>
          </cell>
          <cell r="BK30" t="str">
            <v/>
          </cell>
          <cell r="BL30" t="str">
            <v/>
          </cell>
          <cell r="BM30" t="str">
            <v/>
          </cell>
          <cell r="BN30" t="str">
            <v/>
          </cell>
          <cell r="BO30" t="str">
            <v/>
          </cell>
          <cell r="BX30" t="str">
            <v/>
          </cell>
          <cell r="BY30" t="str">
            <v/>
          </cell>
          <cell r="BZ30" t="str">
            <v/>
          </cell>
          <cell r="CA30" t="str">
            <v/>
          </cell>
          <cell r="CB30" t="str">
            <v/>
          </cell>
          <cell r="CC30" t="str">
            <v/>
          </cell>
          <cell r="CD30" t="str">
            <v/>
          </cell>
          <cell r="CE30" t="str">
            <v/>
          </cell>
          <cell r="CF30" t="str">
            <v/>
          </cell>
          <cell r="CG30" t="str">
            <v/>
          </cell>
          <cell r="CH30" t="str">
            <v/>
          </cell>
          <cell r="CI30" t="str">
            <v/>
          </cell>
          <cell r="CJ30" t="str">
            <v/>
          </cell>
          <cell r="CK30" t="str">
            <v/>
          </cell>
          <cell r="CL30" t="str">
            <v/>
          </cell>
          <cell r="CM30" t="str">
            <v/>
          </cell>
          <cell r="CN30" t="str">
            <v/>
          </cell>
          <cell r="CO30" t="str">
            <v/>
          </cell>
          <cell r="CP30" t="str">
            <v/>
          </cell>
          <cell r="CQ30" t="str">
            <v/>
          </cell>
          <cell r="CR30" t="str">
            <v/>
          </cell>
          <cell r="CS30" t="str">
            <v/>
          </cell>
          <cell r="CT30" t="str">
            <v/>
          </cell>
          <cell r="CU30" t="str">
            <v/>
          </cell>
          <cell r="CV30" t="str">
            <v/>
          </cell>
          <cell r="CW30" t="str">
            <v/>
          </cell>
          <cell r="CX30" t="str">
            <v/>
          </cell>
          <cell r="CY30" t="str">
            <v/>
          </cell>
          <cell r="CZ30" t="str">
            <v/>
          </cell>
          <cell r="DA30" t="str">
            <v/>
          </cell>
          <cell r="DB30" t="str">
            <v/>
          </cell>
          <cell r="DC30" t="str">
            <v/>
          </cell>
          <cell r="DD30" t="str">
            <v/>
          </cell>
          <cell r="DE30" t="str">
            <v/>
          </cell>
          <cell r="DF30" t="str">
            <v/>
          </cell>
          <cell r="DG30" t="str">
            <v/>
          </cell>
          <cell r="DH30" t="str">
            <v/>
          </cell>
          <cell r="DI30" t="str">
            <v/>
          </cell>
          <cell r="DJ30" t="str">
            <v/>
          </cell>
          <cell r="DK30" t="str">
            <v/>
          </cell>
          <cell r="DL30" t="str">
            <v/>
          </cell>
          <cell r="DM30" t="str">
            <v/>
          </cell>
        </row>
        <row r="31">
          <cell r="E31">
            <v>27</v>
          </cell>
          <cell r="F31">
            <v>19</v>
          </cell>
          <cell r="G31">
            <v>95</v>
          </cell>
          <cell r="H31">
            <v>39455</v>
          </cell>
          <cell r="I31" t="str">
            <v>第2.2(3)</v>
          </cell>
          <cell r="J31" t="str">
            <v>東京瓦斯㈱が発注する高圧ガス導管工事又は大阪瓦斯㈱が発注する中圧ガス導管工事において、共同して受注予定者を決定し、受注予定者が受注できるようにしていたとして、「私的独占の禁止及び公正取引の確保に関する法律」第３条違反により公正取引委員会から課徴金納付命令があった。</v>
          </cell>
          <cell r="K31">
            <v>4</v>
          </cell>
          <cell r="L31" t="str">
            <v>住友金属工業㈱他２社</v>
          </cell>
          <cell r="O31" t="str">
            <v/>
          </cell>
          <cell r="P31">
            <v>0</v>
          </cell>
          <cell r="Q31">
            <v>3</v>
          </cell>
          <cell r="R31" t="str">
            <v>◎○住友金属工業㈱</v>
          </cell>
          <cell r="S31" t="str">
            <v>○住友金属パイプ㈱</v>
          </cell>
          <cell r="T31" t="str">
            <v>JFEエンジニウアリング㈱</v>
          </cell>
          <cell r="BP31">
            <v>1</v>
          </cell>
          <cell r="BQ31">
            <v>1</v>
          </cell>
          <cell r="BR31">
            <v>2863</v>
          </cell>
        </row>
        <row r="32">
          <cell r="E32">
            <v>28</v>
          </cell>
          <cell r="F32">
            <v>19</v>
          </cell>
          <cell r="G32">
            <v>96</v>
          </cell>
          <cell r="H32">
            <v>39455</v>
          </cell>
          <cell r="I32" t="str">
            <v>第2.7(4)③</v>
          </cell>
          <cell r="J32" t="str">
            <v>大阪市内における高層マンション建設現場で起きた労災事故をめぐり、作業所長が事故現場を偽って労働基準監督署に報告したとして、労働安全衛生法違反で大阪地裁から略式起訴された。</v>
          </cell>
          <cell r="K32">
            <v>3</v>
          </cell>
          <cell r="L32" t="str">
            <v>㈱竹中工務店</v>
          </cell>
          <cell r="O32" t="str">
            <v/>
          </cell>
          <cell r="P32">
            <v>0</v>
          </cell>
          <cell r="Q32">
            <v>1</v>
          </cell>
          <cell r="R32" t="str">
            <v>㈱竹中工務店</v>
          </cell>
          <cell r="BP32">
            <v>3178</v>
          </cell>
        </row>
        <row r="33">
          <cell r="E33">
            <v>29</v>
          </cell>
          <cell r="F33">
            <v>19</v>
          </cell>
          <cell r="G33">
            <v>100</v>
          </cell>
          <cell r="H33">
            <v>39465</v>
          </cell>
          <cell r="I33" t="str">
            <v>第2.2(4)</v>
          </cell>
          <cell r="J33" t="str">
            <v>独立行政法人緑資源機構が発注する林道調査測量業務において、落札予定者として選定された者を受注予定者とし、受注予定者以外の者は、受注予定者が受注できるよう協力する旨を合意していたとして、「私的独占の禁止及び公正取引の確保に関する法律」第３条違反により公正取引委員会から排除措置命令及び課徴金納付命令があった。</v>
          </cell>
          <cell r="K33">
            <v>4</v>
          </cell>
          <cell r="L33" t="str">
            <v>㈱ウエスコ他３社</v>
          </cell>
          <cell r="O33" t="str">
            <v/>
          </cell>
          <cell r="P33">
            <v>0</v>
          </cell>
          <cell r="Q33">
            <v>4</v>
          </cell>
          <cell r="R33" t="str">
            <v>㈱ウエスコ</v>
          </cell>
          <cell r="S33" t="str">
            <v>◎国土防災技術㈱</v>
          </cell>
          <cell r="T33" t="str">
            <v>◎パシフィックコンサルタント㈱</v>
          </cell>
          <cell r="U33" t="str">
            <v>◎明治コンサルタント㈱</v>
          </cell>
          <cell r="BP33">
            <v>5121</v>
          </cell>
          <cell r="BQ33">
            <v>2704.2</v>
          </cell>
          <cell r="BR33">
            <v>6152.2</v>
          </cell>
          <cell r="BS33">
            <v>6372.2</v>
          </cell>
        </row>
        <row r="34">
          <cell r="E34">
            <v>30</v>
          </cell>
          <cell r="F34">
            <v>19</v>
          </cell>
          <cell r="G34">
            <v>103</v>
          </cell>
          <cell r="H34">
            <v>39469</v>
          </cell>
          <cell r="J34" t="str">
            <v>新潟市が発注する下水道管渠工事等において、共同して受注予定者を決定し、受注できるようにしていたとして、公正取引委員会から「私的独占の禁止及び公正取引の確保に関する法律」第３条違反により課徴金納付命令があった。</v>
          </cell>
          <cell r="K34">
            <v>1</v>
          </cell>
          <cell r="L34" t="str">
            <v>若築建設㈱他２社</v>
          </cell>
          <cell r="M34" t="str">
            <v>　※　指名停止基準付則３により、旧指名停止基準を適用</v>
          </cell>
          <cell r="N34" t="str">
            <v>第2.2(3)ｴ</v>
          </cell>
          <cell r="O34" t="str">
            <v/>
          </cell>
          <cell r="P34">
            <v>0</v>
          </cell>
          <cell r="Q34">
            <v>3</v>
          </cell>
          <cell r="R34" t="str">
            <v>若築建設㈱</v>
          </cell>
          <cell r="S34" t="str">
            <v>東洋建設㈱</v>
          </cell>
          <cell r="T34" t="str">
            <v>三井住友建設㈱</v>
          </cell>
          <cell r="BP34">
            <v>4462</v>
          </cell>
          <cell r="BQ34">
            <v>3393</v>
          </cell>
          <cell r="BR34">
            <v>4151</v>
          </cell>
        </row>
        <row r="35">
          <cell r="E35">
            <v>31</v>
          </cell>
          <cell r="F35">
            <v>19</v>
          </cell>
          <cell r="G35">
            <v>124</v>
          </cell>
          <cell r="H35">
            <v>39513</v>
          </cell>
          <cell r="I35" t="str">
            <v>第2.1(2)</v>
          </cell>
          <cell r="J35" t="str">
            <v>佐用町発注の水道管移設工事をめぐり、受注に便宜を図ってもらった見返りに、同町職員に現金を渡したとして、贈賄の容疑で社員が逮捕された。</v>
          </cell>
          <cell r="K35">
            <v>9</v>
          </cell>
          <cell r="L35" t="str">
            <v>㈱ウエスコ</v>
          </cell>
          <cell r="O35" t="str">
            <v/>
          </cell>
          <cell r="P35">
            <v>0</v>
          </cell>
          <cell r="Q35">
            <v>1</v>
          </cell>
          <cell r="R35" t="str">
            <v>㈱ウエスコ</v>
          </cell>
          <cell r="BP35">
            <v>5121</v>
          </cell>
        </row>
        <row r="36">
          <cell r="E36">
            <v>32</v>
          </cell>
          <cell r="F36">
            <v>20</v>
          </cell>
          <cell r="G36">
            <v>5</v>
          </cell>
          <cell r="H36">
            <v>39539</v>
          </cell>
          <cell r="I36" t="str">
            <v>第2.7(4)④</v>
          </cell>
          <cell r="J36" t="str">
            <v>愛知県刈谷市の工場の塗装工事で起きた労災事故を労働基準監督署に報告しなかったとして、元作業所長が労働安全衛生法違反で書類送検された。</v>
          </cell>
          <cell r="K36">
            <v>1</v>
          </cell>
          <cell r="L36" t="str">
            <v>㈱竹中工務店</v>
          </cell>
          <cell r="O36" t="str">
            <v/>
          </cell>
          <cell r="P36">
            <v>0</v>
          </cell>
          <cell r="Q36">
            <v>1</v>
          </cell>
          <cell r="R36" t="str">
            <v>㈱竹中工務店</v>
          </cell>
          <cell r="BP36">
            <v>3178</v>
          </cell>
        </row>
        <row r="37">
          <cell r="E37">
            <v>33</v>
          </cell>
          <cell r="F37">
            <v>20</v>
          </cell>
          <cell r="G37">
            <v>6</v>
          </cell>
          <cell r="H37">
            <v>39548</v>
          </cell>
          <cell r="I37" t="str">
            <v>第2.2(3)</v>
          </cell>
          <cell r="J37" t="str">
            <v>横浜市、公立大学法人横浜市立大学、財団法人結核予防会及び大阪市が発注する医療用エックス線装置について、共同して受注予定者を決定し、受注できるようにしていたとして、公正取引委員会から「私的独占の禁止及び公正取引の確保に関する法律」第３条違反により課徴金納付命令があった。</v>
          </cell>
          <cell r="K37">
            <v>4</v>
          </cell>
          <cell r="L37" t="str">
            <v>東芝メディカルシステムズ㈱</v>
          </cell>
          <cell r="O37" t="str">
            <v>一部</v>
          </cell>
          <cell r="P37">
            <v>2</v>
          </cell>
          <cell r="Q37">
            <v>3</v>
          </cell>
          <cell r="R37" t="str">
            <v>東芝メディカルシステムズ㈱</v>
          </cell>
          <cell r="S37" t="str">
            <v>○㈱島津製作所</v>
          </cell>
          <cell r="T37" t="str">
            <v>○㈱日立メディコ</v>
          </cell>
          <cell r="BP37">
            <v>10754</v>
          </cell>
          <cell r="BQ37">
            <v>10522.1</v>
          </cell>
          <cell r="BR37">
            <v>11015.1</v>
          </cell>
        </row>
        <row r="38">
          <cell r="E38">
            <v>34</v>
          </cell>
          <cell r="F38">
            <v>20</v>
          </cell>
          <cell r="G38">
            <v>7</v>
          </cell>
          <cell r="H38">
            <v>39548</v>
          </cell>
          <cell r="J38" t="str">
            <v>新潟市が発注する下水道管渠工事等において、共同して受注予定者を決定し、受注できるようにしていたとして、公正取引委員会から「私的独占の禁止及び公正取引の確保に関する法律」第３条違反により課徴金納付命令があった。</v>
          </cell>
          <cell r="K38">
            <v>1</v>
          </cell>
          <cell r="L38" t="str">
            <v>機動建設工業㈱</v>
          </cell>
          <cell r="M38" t="str">
            <v>　※　指名停止基準付則３により、旧指名停止基準を適用</v>
          </cell>
          <cell r="N38" t="str">
            <v>第2.2(3)ｴ</v>
          </cell>
          <cell r="O38" t="str">
            <v/>
          </cell>
          <cell r="P38">
            <v>0</v>
          </cell>
          <cell r="Q38">
            <v>1</v>
          </cell>
          <cell r="R38" t="str">
            <v>機動建設工業㈱</v>
          </cell>
          <cell r="BP38">
            <v>2507</v>
          </cell>
        </row>
        <row r="39">
          <cell r="E39">
            <v>35</v>
          </cell>
          <cell r="F39">
            <v>20</v>
          </cell>
          <cell r="G39">
            <v>8</v>
          </cell>
          <cell r="H39">
            <v>39548</v>
          </cell>
          <cell r="I39" t="str">
            <v>第2.6(3)②</v>
          </cell>
          <cell r="J39" t="str">
            <v>尼崎簡易裁判所から労働安全衛生法違反により、罰金の略式命令を受け、その刑が確定したとして、近畿地方整備局長から建設業法第２８条第１項に基づく指示処分を受けた。</v>
          </cell>
          <cell r="K39">
            <v>2</v>
          </cell>
          <cell r="L39" t="str">
            <v>㈱榎並工務店</v>
          </cell>
          <cell r="O39" t="str">
            <v/>
          </cell>
          <cell r="P39">
            <v>0</v>
          </cell>
          <cell r="Q39">
            <v>1</v>
          </cell>
          <cell r="R39" t="str">
            <v>㈱榎並工務店</v>
          </cell>
        </row>
        <row r="40">
          <cell r="E40">
            <v>36</v>
          </cell>
          <cell r="F40">
            <v>20</v>
          </cell>
          <cell r="G40">
            <v>9</v>
          </cell>
          <cell r="H40">
            <v>39554</v>
          </cell>
          <cell r="I40" t="str">
            <v>第2.7(4)④</v>
          </cell>
          <cell r="J40" t="str">
            <v>社員が業務上過失致傷容疑で書類送検された。</v>
          </cell>
          <cell r="K40">
            <v>1</v>
          </cell>
          <cell r="L40" t="str">
            <v>シンドラーエレベータ㈱</v>
          </cell>
          <cell r="O40" t="str">
            <v/>
          </cell>
          <cell r="P40">
            <v>0</v>
          </cell>
          <cell r="Q40">
            <v>1</v>
          </cell>
          <cell r="R40" t="str">
            <v>シンドラーエレベータ㈱</v>
          </cell>
          <cell r="BP40">
            <v>2920</v>
          </cell>
        </row>
        <row r="41">
          <cell r="E41">
            <v>37</v>
          </cell>
          <cell r="F41">
            <v>20</v>
          </cell>
          <cell r="G41">
            <v>10</v>
          </cell>
          <cell r="H41">
            <v>39554</v>
          </cell>
          <cell r="I41" t="str">
            <v>第2.6(3)④</v>
          </cell>
          <cell r="J41" t="str">
            <v>熊本県簡易裁判所から労働安全衛生法違反により、罰金の略式命令を受け、その刑が確定したとして、中部地方整備局長から建設業法第２８条第１項に基づく指示処分を受けた。</v>
          </cell>
          <cell r="K41">
            <v>1</v>
          </cell>
          <cell r="L41" t="str">
            <v>昭和コンクリート工業㈱</v>
          </cell>
          <cell r="O41" t="str">
            <v/>
          </cell>
          <cell r="P41">
            <v>0</v>
          </cell>
          <cell r="Q41">
            <v>1</v>
          </cell>
          <cell r="R41" t="str">
            <v>昭和コンクリート工業㈱</v>
          </cell>
          <cell r="BP41">
            <v>2891</v>
          </cell>
        </row>
        <row r="42">
          <cell r="E42">
            <v>38</v>
          </cell>
          <cell r="F42">
            <v>20</v>
          </cell>
          <cell r="G42">
            <v>20</v>
          </cell>
          <cell r="H42">
            <v>39577</v>
          </cell>
          <cell r="I42" t="str">
            <v>第2.6(3)③</v>
          </cell>
          <cell r="J42" t="str">
            <v>大阪府内の看板取替工事において、特定建設業の許可を受けていないにもかかわらず、建設業法第１６条第１号の規定に違反して、同法施行令第２条に定める金額以上となる下請契約を同法第３条第１項の許可を受けていない者と締結した。このことは、建設業法第２８条第１項本文及び第６号に該当するとして、阪神北県民局より指示処分を受けた。</v>
          </cell>
          <cell r="K42">
            <v>1</v>
          </cell>
          <cell r="L42" t="str">
            <v>㈱建築研究室</v>
          </cell>
          <cell r="O42" t="str">
            <v/>
          </cell>
          <cell r="P42">
            <v>0</v>
          </cell>
          <cell r="Q42">
            <v>1</v>
          </cell>
          <cell r="R42" t="str">
            <v>㈱建築研究室</v>
          </cell>
          <cell r="BP42">
            <v>502</v>
          </cell>
        </row>
        <row r="43">
          <cell r="E43">
            <v>39</v>
          </cell>
          <cell r="F43">
            <v>20</v>
          </cell>
          <cell r="G43">
            <v>25</v>
          </cell>
          <cell r="H43">
            <v>39590</v>
          </cell>
          <cell r="I43" t="str">
            <v>第2.7(4)③</v>
          </cell>
          <cell r="J43" t="str">
            <v>大阪市内の老人ホーム新築現場で起きた労災事故を知りながら、労災報告するよう下請会社等を指導しなかったとして、社員が労働安全衛生法違反で書類送検された。</v>
          </cell>
          <cell r="K43">
            <v>1</v>
          </cell>
          <cell r="L43" t="str">
            <v>㈱奥村組</v>
          </cell>
          <cell r="O43" t="str">
            <v>全部</v>
          </cell>
          <cell r="P43">
            <v>1</v>
          </cell>
          <cell r="Q43">
            <v>1</v>
          </cell>
          <cell r="R43" t="str">
            <v>◎㈱奥村組</v>
          </cell>
          <cell r="BP43">
            <v>2328.1999999999998</v>
          </cell>
        </row>
        <row r="44">
          <cell r="E44">
            <v>40</v>
          </cell>
          <cell r="F44">
            <v>20</v>
          </cell>
          <cell r="G44">
            <v>26</v>
          </cell>
          <cell r="H44">
            <v>39590</v>
          </cell>
          <cell r="I44" t="str">
            <v>第2.7(4)④</v>
          </cell>
          <cell r="J44" t="str">
            <v>関東地方整備局東京国道事務所発注の「東日本橋～両国共同溝工事」に係る工事関係者死亡事故において、労働安全衛生法違反で、東京簡易裁判所から罰金の略式命令を受け、これが確定した。</v>
          </cell>
          <cell r="K44">
            <v>1</v>
          </cell>
          <cell r="L44" t="str">
            <v>㈱森本組</v>
          </cell>
          <cell r="O44" t="str">
            <v/>
          </cell>
          <cell r="P44">
            <v>0</v>
          </cell>
          <cell r="Q44">
            <v>1</v>
          </cell>
          <cell r="R44" t="str">
            <v>㈱森本組</v>
          </cell>
          <cell r="BP44">
            <v>4262</v>
          </cell>
        </row>
        <row r="45">
          <cell r="E45">
            <v>41</v>
          </cell>
          <cell r="F45">
            <v>20</v>
          </cell>
          <cell r="G45">
            <v>27</v>
          </cell>
          <cell r="H45">
            <v>39590</v>
          </cell>
          <cell r="I45" t="str">
            <v>第2.7(4)④</v>
          </cell>
          <cell r="J45" t="str">
            <v>独立行政法人都市再生機構埼玉地域支社発注の「三郷中央地区Ｂ工区外整地他工事」に係る工事関係者死亡事故において、労働安全衛生法違反で社員が越谷簡易裁判所から罰金の略式命令を受けた。</v>
          </cell>
          <cell r="K45">
            <v>1</v>
          </cell>
          <cell r="L45" t="str">
            <v>株木建設㈱</v>
          </cell>
          <cell r="O45" t="str">
            <v/>
          </cell>
          <cell r="P45">
            <v>0</v>
          </cell>
          <cell r="Q45">
            <v>1</v>
          </cell>
          <cell r="R45" t="str">
            <v>株木建設㈱</v>
          </cell>
          <cell r="BP45">
            <v>2401</v>
          </cell>
        </row>
        <row r="46">
          <cell r="E46">
            <v>42</v>
          </cell>
          <cell r="F46">
            <v>20</v>
          </cell>
          <cell r="G46">
            <v>38</v>
          </cell>
          <cell r="H46">
            <v>39604</v>
          </cell>
          <cell r="I46" t="str">
            <v>第2.3(4)</v>
          </cell>
          <cell r="J46" t="str">
            <v>国土交通省北海道開発局発注の農業土木工事をめぐり、元社員が競売入札妨害罪で札幌地検に略式起訴され、罰金の略式命令を受けた。</v>
          </cell>
          <cell r="K46">
            <v>6</v>
          </cell>
          <cell r="L46" t="str">
            <v>前田建設工業㈱</v>
          </cell>
          <cell r="O46" t="str">
            <v>全部</v>
          </cell>
          <cell r="P46">
            <v>1</v>
          </cell>
          <cell r="Q46">
            <v>1</v>
          </cell>
          <cell r="R46" t="str">
            <v>◎前田建設工業㈱</v>
          </cell>
          <cell r="BP46">
            <v>4067.2</v>
          </cell>
        </row>
        <row r="47">
          <cell r="E47">
            <v>43</v>
          </cell>
          <cell r="F47">
            <v>20</v>
          </cell>
          <cell r="G47">
            <v>39</v>
          </cell>
          <cell r="H47">
            <v>39615</v>
          </cell>
          <cell r="J47" t="str">
            <v>東京都が発注する下水道ポンプ設備工事において、共同して受注予定者を決定し、受注できるようにしていたとして、公正取引委員会から独占禁止法第３条違反により課徴金納付命令があった。</v>
          </cell>
          <cell r="K47">
            <v>1</v>
          </cell>
          <cell r="L47" t="str">
            <v>㈱酉島製作所</v>
          </cell>
          <cell r="N47" t="str">
            <v>第2.2(3)ｴ</v>
          </cell>
          <cell r="O47" t="str">
            <v/>
          </cell>
          <cell r="P47">
            <v>0</v>
          </cell>
          <cell r="Q47">
            <v>1</v>
          </cell>
          <cell r="R47" t="str">
            <v>㈱酉島製作所</v>
          </cell>
          <cell r="BP47">
            <v>3428</v>
          </cell>
        </row>
        <row r="48">
          <cell r="E48">
            <v>44</v>
          </cell>
          <cell r="F48">
            <v>20</v>
          </cell>
          <cell r="G48">
            <v>40</v>
          </cell>
          <cell r="H48">
            <v>39615</v>
          </cell>
          <cell r="I48" t="str">
            <v>第2.2(4)</v>
          </cell>
          <cell r="J48" t="str">
            <v>鋼管杭及び鋼矢板の販売において、共同して販売価格の引き上げを行うことにより、鋼管杭及び鋼矢板における競争を実質的に制限していたとして、公正取引委員会から独占禁止法第３条違反により排除措置命令及び課徴金納付命令があった。</v>
          </cell>
          <cell r="K48">
            <v>2</v>
          </cell>
          <cell r="L48" t="str">
            <v>㈱クボタ　他１社</v>
          </cell>
          <cell r="M48" t="str">
            <v>（指名停止基準第４条第２項の規定による1/2適用）</v>
          </cell>
          <cell r="O48" t="str">
            <v>全部</v>
          </cell>
          <cell r="P48">
            <v>2</v>
          </cell>
          <cell r="Q48">
            <v>2</v>
          </cell>
          <cell r="R48" t="str">
            <v>◎㈱クボタ</v>
          </cell>
          <cell r="S48" t="str">
            <v>◎住友金属工業㈱</v>
          </cell>
          <cell r="BP48">
            <v>2595.1999999999998</v>
          </cell>
        </row>
        <row r="49">
          <cell r="E49">
            <v>45</v>
          </cell>
          <cell r="F49">
            <v>20</v>
          </cell>
          <cell r="G49">
            <v>41</v>
          </cell>
          <cell r="H49">
            <v>39617</v>
          </cell>
          <cell r="I49" t="str">
            <v>第2.7(4)④</v>
          </cell>
          <cell r="J49" t="str">
            <v>愛知県春日井市内の民間発注の再開発工事において、労働安全衛生法違反で社員が名古屋簡易裁判所から罰金の略式命令を受けた。</v>
          </cell>
          <cell r="K49">
            <v>1</v>
          </cell>
          <cell r="L49" t="str">
            <v>㈱間組</v>
          </cell>
          <cell r="O49" t="str">
            <v/>
          </cell>
          <cell r="P49">
            <v>0</v>
          </cell>
          <cell r="Q49">
            <v>1</v>
          </cell>
          <cell r="R49" t="str">
            <v>㈱間組</v>
          </cell>
          <cell r="BP49">
            <v>3784</v>
          </cell>
        </row>
        <row r="50">
          <cell r="E50">
            <v>46</v>
          </cell>
          <cell r="F50">
            <v>20</v>
          </cell>
          <cell r="G50">
            <v>48</v>
          </cell>
          <cell r="H50">
            <v>39644</v>
          </cell>
          <cell r="I50" t="str">
            <v>第2.8(1)</v>
          </cell>
          <cell r="J50" t="str">
            <v>代表取締役が禁こ以上の刑にあたる犯罪（廃棄物の処理及び清掃に関する法律違反）の容疑により逮捕された。</v>
          </cell>
          <cell r="K50">
            <v>3</v>
          </cell>
          <cell r="L50" t="str">
            <v>㈱村上建設</v>
          </cell>
          <cell r="O50" t="str">
            <v/>
          </cell>
          <cell r="P50">
            <v>0</v>
          </cell>
          <cell r="Q50">
            <v>1</v>
          </cell>
          <cell r="R50" t="str">
            <v>㈱村上建設</v>
          </cell>
          <cell r="BP50">
            <v>1</v>
          </cell>
        </row>
        <row r="51">
          <cell r="E51">
            <v>47</v>
          </cell>
          <cell r="F51">
            <v>20</v>
          </cell>
          <cell r="G51">
            <v>49</v>
          </cell>
          <cell r="H51">
            <v>39644</v>
          </cell>
          <cell r="I51" t="str">
            <v>第2.7(4)④</v>
          </cell>
          <cell r="J51" t="str">
            <v>店舗の新規オープン等に際し、自社と継続的な取引関係にあるテレビ等の納入業者で、その取引上の地位が自社に対して劣っているものに対し、当該納入業者の納入に係る商品であるか否かを問わず当該店舗における商品の陳列等を行わせるために、あらかじめ当該納入業者との間で派遣の条件について合意することなく、かつ、派遣のために通常必要な費用を負担することなく、納入業者の従業員等を派遣させていたとして、公正取引委員会から独占禁止法第１９条違反により排除措置命令があった。</v>
          </cell>
          <cell r="K51">
            <v>1</v>
          </cell>
          <cell r="L51" t="str">
            <v>㈱ヤマダ電機</v>
          </cell>
          <cell r="O51" t="str">
            <v/>
          </cell>
          <cell r="P51">
            <v>0</v>
          </cell>
          <cell r="Q51">
            <v>1</v>
          </cell>
          <cell r="R51" t="str">
            <v>㈱ヤマダ電機</v>
          </cell>
          <cell r="BP51">
            <v>10075</v>
          </cell>
        </row>
        <row r="52">
          <cell r="E52">
            <v>48</v>
          </cell>
          <cell r="F52">
            <v>20</v>
          </cell>
          <cell r="G52">
            <v>63</v>
          </cell>
          <cell r="H52">
            <v>39646</v>
          </cell>
          <cell r="I52" t="str">
            <v>第2.3(4)</v>
          </cell>
          <cell r="J52" t="str">
            <v>北海道森町発注の町消防防災センター工事をめぐり、競売入札妨害の容疑で社員らが逮捕された。</v>
          </cell>
          <cell r="K52">
            <v>6</v>
          </cell>
          <cell r="L52" t="str">
            <v>東急建設㈱</v>
          </cell>
          <cell r="O52" t="str">
            <v/>
          </cell>
          <cell r="P52">
            <v>0</v>
          </cell>
          <cell r="Q52">
            <v>1</v>
          </cell>
          <cell r="R52" t="str">
            <v>東急建設㈱</v>
          </cell>
          <cell r="BP52">
            <v>3373</v>
          </cell>
        </row>
        <row r="53">
          <cell r="E53">
            <v>49</v>
          </cell>
          <cell r="F53">
            <v>20</v>
          </cell>
          <cell r="G53">
            <v>64</v>
          </cell>
          <cell r="H53">
            <v>39659</v>
          </cell>
          <cell r="I53" t="str">
            <v>第2.3(4)</v>
          </cell>
          <cell r="J53" t="str">
            <v>埼玉県東松山市発注の業務委託の指名競争入札をめぐり、競売入札妨害の容疑で社員が逮捕された。</v>
          </cell>
          <cell r="K53">
            <v>6</v>
          </cell>
          <cell r="L53" t="str">
            <v>日本ヘルス工業㈱</v>
          </cell>
          <cell r="O53" t="str">
            <v/>
          </cell>
          <cell r="P53">
            <v>0</v>
          </cell>
          <cell r="Q53">
            <v>1</v>
          </cell>
          <cell r="R53" t="str">
            <v>日本ヘルス工業㈱</v>
          </cell>
          <cell r="BP53">
            <v>3653</v>
          </cell>
        </row>
        <row r="54">
          <cell r="E54">
            <v>50</v>
          </cell>
          <cell r="F54">
            <v>20</v>
          </cell>
          <cell r="G54">
            <v>65</v>
          </cell>
          <cell r="H54">
            <v>39668</v>
          </cell>
          <cell r="J54" t="str">
            <v>財団法人東京都新都市建設公社発注の土木工事において、共同して受注予定者を決定し、受注予定者以外の者は、受注予定者が受注できるよう協力する旨を合意していたとして、公正取引委員会から、「私的独占の禁止及び公正取引の確保に関する法律」第３条違反により、課徴金納付命令があった。</v>
          </cell>
          <cell r="K54">
            <v>1</v>
          </cell>
          <cell r="L54" t="str">
            <v>大成建設㈱他２０社</v>
          </cell>
          <cell r="N54" t="str">
            <v>第2.2(3)ｴ</v>
          </cell>
          <cell r="O54" t="str">
            <v/>
          </cell>
          <cell r="P54">
            <v>0</v>
          </cell>
          <cell r="Q54">
            <v>21</v>
          </cell>
          <cell r="R54" t="str">
            <v>大成建設㈱</v>
          </cell>
          <cell r="S54" t="str">
            <v>清水建設㈱</v>
          </cell>
          <cell r="T54" t="str">
            <v>三井住友建設㈱</v>
          </cell>
          <cell r="U54" t="str">
            <v>㈱不動テトラ</v>
          </cell>
          <cell r="V54" t="str">
            <v>㈱奥村組</v>
          </cell>
          <cell r="W54" t="str">
            <v>安藤建設㈱</v>
          </cell>
          <cell r="X54" t="str">
            <v>鉄建建設㈱</v>
          </cell>
          <cell r="Y54" t="str">
            <v>㈱淺沼組</v>
          </cell>
          <cell r="Z54" t="str">
            <v>飛島建設㈱</v>
          </cell>
          <cell r="AA54" t="str">
            <v>㈱大林組</v>
          </cell>
          <cell r="AB54" t="str">
            <v>大豊建設㈱</v>
          </cell>
          <cell r="AC54" t="str">
            <v>㈱錢高組</v>
          </cell>
          <cell r="AD54" t="str">
            <v>株木建設㈱</v>
          </cell>
          <cell r="AE54" t="str">
            <v>戸田建設㈱</v>
          </cell>
          <cell r="AF54" t="str">
            <v>東洋建設㈱</v>
          </cell>
          <cell r="AG54" t="str">
            <v>ＪＦＥ工建㈱</v>
          </cell>
          <cell r="AH54" t="str">
            <v>㈱松村組</v>
          </cell>
          <cell r="AI54" t="str">
            <v>㈱新井組</v>
          </cell>
          <cell r="AJ54" t="str">
            <v>青木あすなろ建設㈱</v>
          </cell>
          <cell r="AK54" t="str">
            <v>小田急建設㈱</v>
          </cell>
          <cell r="AL54" t="str">
            <v>西松建設㈱</v>
          </cell>
          <cell r="BP54">
            <v>3125</v>
          </cell>
          <cell r="BQ54">
            <v>2879</v>
          </cell>
          <cell r="BR54">
            <v>4151</v>
          </cell>
          <cell r="BS54">
            <v>3971</v>
          </cell>
          <cell r="BT54">
            <v>2328</v>
          </cell>
          <cell r="BU54">
            <v>2056</v>
          </cell>
          <cell r="BV54">
            <v>1</v>
          </cell>
          <cell r="BW54">
            <v>2025</v>
          </cell>
          <cell r="BX54">
            <v>3421</v>
          </cell>
          <cell r="BY54">
            <v>2312</v>
          </cell>
          <cell r="BZ54">
            <v>3146</v>
          </cell>
          <cell r="CA54">
            <v>3042</v>
          </cell>
          <cell r="CB54">
            <v>2401</v>
          </cell>
          <cell r="CC54">
            <v>3419</v>
          </cell>
          <cell r="CD54">
            <v>3393</v>
          </cell>
          <cell r="CE54">
            <v>1</v>
          </cell>
          <cell r="CF54">
            <v>4087</v>
          </cell>
          <cell r="CG54">
            <v>2047</v>
          </cell>
          <cell r="CH54">
            <v>2010</v>
          </cell>
          <cell r="CI54">
            <v>2333</v>
          </cell>
          <cell r="CJ54">
            <v>3556</v>
          </cell>
        </row>
        <row r="55">
          <cell r="E55">
            <v>51</v>
          </cell>
          <cell r="F55">
            <v>20</v>
          </cell>
          <cell r="G55">
            <v>65</v>
          </cell>
          <cell r="H55">
            <v>39668</v>
          </cell>
          <cell r="K55">
            <v>1</v>
          </cell>
          <cell r="L55" t="str">
            <v>ＪＦＥ工建㈱</v>
          </cell>
          <cell r="N55" t="str">
            <v>第2.2(3)ｴ</v>
          </cell>
          <cell r="O55" t="str">
            <v/>
          </cell>
          <cell r="P55">
            <v>0</v>
          </cell>
          <cell r="Q55">
            <v>6</v>
          </cell>
          <cell r="R55" t="str">
            <v>ＪＦＥ工建㈱</v>
          </cell>
          <cell r="BP55">
            <v>1</v>
          </cell>
        </row>
        <row r="56">
          <cell r="E56">
            <v>52</v>
          </cell>
          <cell r="F56">
            <v>20</v>
          </cell>
          <cell r="G56">
            <v>71</v>
          </cell>
          <cell r="H56">
            <v>39702</v>
          </cell>
          <cell r="J56" t="str">
            <v>東京都が発注する下水道ポンプ設備工事において、共同して受注予定者を決定し、受注できるようにしていたとして、公正取引委員会から独占禁止法第３条違反により課徴金納付命令があった。</v>
          </cell>
          <cell r="K56">
            <v>1</v>
          </cell>
          <cell r="L56" t="str">
            <v>㈱日立製作所　他２社</v>
          </cell>
          <cell r="M56" t="str">
            <v>　※　指名停止基準付則３により、旧指名停止基準を適用</v>
          </cell>
          <cell r="N56" t="str">
            <v>第2.2(3)ｴ</v>
          </cell>
          <cell r="O56" t="str">
            <v/>
          </cell>
          <cell r="P56">
            <v>0</v>
          </cell>
          <cell r="Q56">
            <v>3</v>
          </cell>
          <cell r="R56" t="str">
            <v>㈱日立製作所</v>
          </cell>
          <cell r="S56" t="str">
            <v>㈱鶴見製作所</v>
          </cell>
          <cell r="T56" t="str">
            <v>新明和工業㈱</v>
          </cell>
          <cell r="BP56">
            <v>3867</v>
          </cell>
          <cell r="BQ56">
            <v>3313</v>
          </cell>
          <cell r="BR56">
            <v>2927</v>
          </cell>
        </row>
        <row r="57">
          <cell r="E57">
            <v>53</v>
          </cell>
          <cell r="F57">
            <v>20</v>
          </cell>
          <cell r="G57">
            <v>72</v>
          </cell>
          <cell r="H57">
            <v>39708</v>
          </cell>
          <cell r="J57" t="str">
            <v>愛媛県が発注するのり面保護工事において、共同して受注予定者を決定し、受注できるようにしていたとして、公正取引委員会から独占禁止法第３条違反により課徴金納付命令があった。</v>
          </cell>
          <cell r="K57">
            <v>1</v>
          </cell>
          <cell r="L57" t="str">
            <v>イビデングリーンテック㈱</v>
          </cell>
          <cell r="M57" t="str">
            <v>　※　指名停止基準付則３により、旧指名停止基準を適用</v>
          </cell>
          <cell r="N57" t="str">
            <v>第2.2(3)ｴ</v>
          </cell>
          <cell r="O57" t="str">
            <v/>
          </cell>
          <cell r="P57">
            <v>0</v>
          </cell>
          <cell r="Q57">
            <v>1</v>
          </cell>
          <cell r="R57" t="str">
            <v>イビデングリーンテック㈱</v>
          </cell>
          <cell r="BP57">
            <v>1</v>
          </cell>
        </row>
        <row r="58">
          <cell r="E58">
            <v>54</v>
          </cell>
          <cell r="F58">
            <v>20</v>
          </cell>
          <cell r="G58">
            <v>97</v>
          </cell>
          <cell r="H58">
            <v>39727</v>
          </cell>
          <cell r="I58" t="str">
            <v>第2.3(4)</v>
          </cell>
          <cell r="J58" t="str">
            <v>愛知県西尾市発注の備品調達の一般競争入札をめぐり、談合の容疑で社員が書類送検された。</v>
          </cell>
          <cell r="K58">
            <v>6</v>
          </cell>
          <cell r="L58" t="str">
            <v>コクヨマーケティング㈱</v>
          </cell>
          <cell r="O58" t="str">
            <v/>
          </cell>
          <cell r="P58">
            <v>0</v>
          </cell>
          <cell r="Q58">
            <v>1</v>
          </cell>
          <cell r="R58" t="str">
            <v>コクヨマーケティング㈱</v>
          </cell>
          <cell r="BP58">
            <v>1</v>
          </cell>
        </row>
        <row r="59">
          <cell r="E59">
            <v>55</v>
          </cell>
          <cell r="F59">
            <v>20</v>
          </cell>
          <cell r="G59">
            <v>98</v>
          </cell>
          <cell r="H59">
            <v>39752</v>
          </cell>
          <cell r="I59" t="str">
            <v>第2.7(4)②</v>
          </cell>
          <cell r="J59" t="str">
            <v>水質汚濁防止法違反の容疑で社員が書類送検された。</v>
          </cell>
          <cell r="K59">
            <v>2</v>
          </cell>
          <cell r="L59" t="str">
            <v>大成建設㈱　他１社</v>
          </cell>
          <cell r="O59" t="str">
            <v>全部</v>
          </cell>
          <cell r="P59">
            <v>2</v>
          </cell>
          <cell r="Q59">
            <v>2</v>
          </cell>
          <cell r="R59" t="str">
            <v>◎大成建設㈱</v>
          </cell>
          <cell r="S59" t="str">
            <v>◎㈱竹中工務店</v>
          </cell>
          <cell r="BP59">
            <v>3125.2</v>
          </cell>
          <cell r="BQ59">
            <v>3178.2</v>
          </cell>
        </row>
        <row r="60">
          <cell r="E60">
            <v>56</v>
          </cell>
          <cell r="F60">
            <v>20</v>
          </cell>
          <cell r="G60">
            <v>99</v>
          </cell>
          <cell r="H60">
            <v>39759</v>
          </cell>
          <cell r="I60" t="str">
            <v>第2.2(4)</v>
          </cell>
          <cell r="J60" t="str">
            <v>札幌市が発注する下水道処理施設に係る電気設備工事について、札幌市職員から落札予定者として意向を示された者を受注予定者とし、受注予定者以外の者は受注予定者が受注できるようにしていたとして、公正取引委員会から、「私的独占の禁止及び公正取引の確保に関する法律」第３条違反により、排除措置命令及び課徴金納付命令があった。</v>
          </cell>
          <cell r="K60">
            <v>4</v>
          </cell>
          <cell r="L60" t="str">
            <v>神鋼電機㈱　他７社</v>
          </cell>
          <cell r="O60" t="str">
            <v>一部</v>
          </cell>
          <cell r="P60">
            <v>2</v>
          </cell>
          <cell r="Q60">
            <v>8</v>
          </cell>
          <cell r="R60" t="str">
            <v>神鋼電機㈱</v>
          </cell>
          <cell r="S60" t="str">
            <v>㈱日立製作所</v>
          </cell>
          <cell r="T60" t="str">
            <v>㈱明電舎</v>
          </cell>
          <cell r="U60" t="str">
            <v>日新電機㈱</v>
          </cell>
          <cell r="V60" t="str">
            <v>㈱安川電機</v>
          </cell>
          <cell r="W60" t="str">
            <v>富士電機システムズ㈱</v>
          </cell>
          <cell r="X60" t="str">
            <v>○三菱電機㈱</v>
          </cell>
          <cell r="Y60" t="str">
            <v>○㈱東芝</v>
          </cell>
          <cell r="BP60">
            <v>1</v>
          </cell>
          <cell r="BQ60">
            <v>3867</v>
          </cell>
          <cell r="BR60">
            <v>4233</v>
          </cell>
          <cell r="BS60">
            <v>3576</v>
          </cell>
          <cell r="BT60">
            <v>4285</v>
          </cell>
          <cell r="BU60">
            <v>1</v>
          </cell>
          <cell r="BV60">
            <v>4159.1000000000004</v>
          </cell>
          <cell r="BW60">
            <v>3380.1</v>
          </cell>
        </row>
        <row r="61">
          <cell r="E61">
            <v>57</v>
          </cell>
          <cell r="F61">
            <v>20</v>
          </cell>
          <cell r="G61">
            <v>100</v>
          </cell>
          <cell r="H61">
            <v>39639</v>
          </cell>
          <cell r="I61" t="str">
            <v>第2.3(4)</v>
          </cell>
          <cell r="J61" t="str">
            <v>国土交通省北海道開発局発注の河川工事をめぐり、元役員が競売入札妨害罪で札幌地検に起訴された。</v>
          </cell>
          <cell r="K61">
            <v>6</v>
          </cell>
          <cell r="L61" t="str">
            <v>岩田地崎建設㈱</v>
          </cell>
          <cell r="O61" t="str">
            <v/>
          </cell>
          <cell r="P61">
            <v>0</v>
          </cell>
          <cell r="Q61">
            <v>1</v>
          </cell>
          <cell r="R61" t="str">
            <v>岩田地崎建設㈱</v>
          </cell>
          <cell r="BP61">
            <v>3271</v>
          </cell>
        </row>
        <row r="62">
          <cell r="E62">
            <v>58</v>
          </cell>
          <cell r="F62">
            <v>20</v>
          </cell>
          <cell r="G62">
            <v>134</v>
          </cell>
          <cell r="H62">
            <v>39807</v>
          </cell>
          <cell r="I62" t="str">
            <v>第2.8(1)</v>
          </cell>
          <cell r="J62" t="str">
            <v>元役員等が、役員等在任中に行ったとされる廃棄物の処理及び清掃に関する法律の違反行為により、同法違反容疑で逮捕された。</v>
          </cell>
          <cell r="K62">
            <v>3</v>
          </cell>
          <cell r="L62" t="str">
            <v>㈱星村建設</v>
          </cell>
          <cell r="O62" t="str">
            <v/>
          </cell>
          <cell r="P62">
            <v>0</v>
          </cell>
          <cell r="Q62">
            <v>1</v>
          </cell>
          <cell r="R62" t="str">
            <v>㈱星村建設</v>
          </cell>
          <cell r="BP62">
            <v>1</v>
          </cell>
        </row>
        <row r="63">
          <cell r="E63">
            <v>59</v>
          </cell>
          <cell r="F63">
            <v>20</v>
          </cell>
          <cell r="G63">
            <v>135</v>
          </cell>
          <cell r="H63">
            <v>39821</v>
          </cell>
          <cell r="I63" t="str">
            <v>第2.3(3)</v>
          </cell>
          <cell r="J63" t="str">
            <v>奈良県天川村発注の簡易水道設備工事の指名競争入札をめぐり、競売入札妨害の容疑で社員が逮捕された。</v>
          </cell>
          <cell r="K63">
            <v>6</v>
          </cell>
          <cell r="L63" t="str">
            <v>村本建設㈱</v>
          </cell>
          <cell r="O63" t="str">
            <v>全部</v>
          </cell>
          <cell r="P63">
            <v>1</v>
          </cell>
          <cell r="Q63">
            <v>1</v>
          </cell>
          <cell r="R63" t="str">
            <v>◎村本建設㈱</v>
          </cell>
          <cell r="BP63">
            <v>4218.2</v>
          </cell>
        </row>
        <row r="64">
          <cell r="E64">
            <v>60</v>
          </cell>
          <cell r="F64">
            <v>20</v>
          </cell>
          <cell r="G64">
            <v>136</v>
          </cell>
          <cell r="H64">
            <v>39839</v>
          </cell>
          <cell r="J64" t="str">
            <v>外国為替及び外国貿易法違反の容疑で、元副社長らが逮捕された。</v>
          </cell>
          <cell r="K64">
            <v>1</v>
          </cell>
          <cell r="L64" t="str">
            <v>西松建設㈱</v>
          </cell>
          <cell r="N64" t="str">
            <v>第2.7(3)ｴ</v>
          </cell>
          <cell r="O64" t="str">
            <v>全部</v>
          </cell>
          <cell r="P64">
            <v>1</v>
          </cell>
          <cell r="Q64">
            <v>1</v>
          </cell>
          <cell r="R64" t="str">
            <v>◎西松建設㈱</v>
          </cell>
          <cell r="BP64">
            <v>3556.2</v>
          </cell>
        </row>
        <row r="65">
          <cell r="E65">
            <v>61</v>
          </cell>
          <cell r="F65">
            <v>20</v>
          </cell>
          <cell r="G65">
            <v>137</v>
          </cell>
          <cell r="H65">
            <v>39850</v>
          </cell>
          <cell r="J65" t="str">
            <v>千葉県袖ケ浦市内の塗装工事において、建設業法第３条第１項の規定に違反して同項の許可を受けないで建設業を営むものと下請契約を締結したことが、建設業法第２８条第１項第６号に該当するとして、国土交通省関東地方整備局長より指示処分を受けた。</v>
          </cell>
          <cell r="K65">
            <v>1</v>
          </cell>
          <cell r="L65" t="str">
            <v>東海塗装㈱</v>
          </cell>
          <cell r="N65" t="str">
            <v>第2.6(3)ｴ</v>
          </cell>
          <cell r="O65" t="str">
            <v/>
          </cell>
          <cell r="P65">
            <v>0</v>
          </cell>
          <cell r="Q65">
            <v>1</v>
          </cell>
          <cell r="R65" t="str">
            <v>東海塗装㈱</v>
          </cell>
          <cell r="BP65">
            <v>3434</v>
          </cell>
        </row>
        <row r="66">
          <cell r="E66">
            <v>62</v>
          </cell>
          <cell r="F66">
            <v>20</v>
          </cell>
          <cell r="G66">
            <v>138</v>
          </cell>
          <cell r="H66">
            <v>39850</v>
          </cell>
          <cell r="J66" t="str">
            <v>滋賀県野洲市内の設備工事において、建設業法第３条第１項の規定に違反して同項の許可を受けないで建設業を営むものと下請契約を締結したことが、建設業法第２８条第１項第６号に該当するとして、国土交通省関東地方整備局長より指示処分を受けた。</v>
          </cell>
          <cell r="K66">
            <v>1</v>
          </cell>
          <cell r="L66" t="str">
            <v>㈱大氣社</v>
          </cell>
          <cell r="N66" t="str">
            <v>第2.6(3)ｳ</v>
          </cell>
          <cell r="O66" t="str">
            <v>全部</v>
          </cell>
          <cell r="P66">
            <v>1</v>
          </cell>
          <cell r="Q66">
            <v>1</v>
          </cell>
          <cell r="R66" t="str">
            <v>◎㈱大氣社</v>
          </cell>
          <cell r="BP66">
            <v>3107.2</v>
          </cell>
        </row>
        <row r="67">
          <cell r="E67">
            <v>63</v>
          </cell>
          <cell r="F67">
            <v>20</v>
          </cell>
          <cell r="G67">
            <v>139</v>
          </cell>
          <cell r="H67">
            <v>39850</v>
          </cell>
          <cell r="I67" t="str">
            <v>第2.2(2)</v>
          </cell>
          <cell r="J67" t="str">
            <v>国の機関及び地方公共団体が発注する大気常時監視自動計測器について、調整役（東亜ディーケーケー㈱元社員）を介し、共同して受注予定者を決定し、受注できるようにしていたとして、公正取引委員会から「私的独占の禁止及び公正取引の確保に関する法律」第３条違反により排除措置命令及び課徴金納付命令等があった。</v>
          </cell>
          <cell r="K67">
            <v>8</v>
          </cell>
          <cell r="L67" t="str">
            <v>紀本電子工業㈱</v>
          </cell>
          <cell r="O67" t="str">
            <v/>
          </cell>
          <cell r="P67">
            <v>0</v>
          </cell>
          <cell r="Q67">
            <v>1</v>
          </cell>
          <cell r="R67" t="str">
            <v>紀本電子工業㈱</v>
          </cell>
          <cell r="BP67">
            <v>11292</v>
          </cell>
        </row>
        <row r="68">
          <cell r="E68">
            <v>64</v>
          </cell>
          <cell r="F68">
            <v>20</v>
          </cell>
          <cell r="G68">
            <v>140</v>
          </cell>
          <cell r="H68">
            <v>39850</v>
          </cell>
          <cell r="I68" t="str">
            <v>第2.2(3)</v>
          </cell>
          <cell r="J68" t="str">
            <v>国の機関及び地方公共団体が発注する大気常時監視自動計測器について、調整役（東亜ディーケーケー㈱元社員）を介し、共同して受注予定者を決定し、受注できるようにしていたとして、公正取引委員会から「私的独占の禁止及び公正取引の確保に関する法律」第３条違反により排除措置命令及び課徴金納付命令等があった。</v>
          </cell>
          <cell r="K68">
            <v>1</v>
          </cell>
          <cell r="L68" t="str">
            <v>㈱島津製作所</v>
          </cell>
          <cell r="O68" t="str">
            <v>全部</v>
          </cell>
          <cell r="P68">
            <v>1</v>
          </cell>
          <cell r="Q68">
            <v>1</v>
          </cell>
          <cell r="R68" t="str">
            <v>○㈱島津製作所</v>
          </cell>
          <cell r="BP68">
            <v>10522.1</v>
          </cell>
        </row>
        <row r="69">
          <cell r="E69">
            <v>65</v>
          </cell>
          <cell r="F69">
            <v>21</v>
          </cell>
          <cell r="G69">
            <v>141</v>
          </cell>
          <cell r="H69">
            <v>39867</v>
          </cell>
          <cell r="J69" t="str">
            <v>北九州市発注の送水管敷設工事において、労働安全衛生法違反の罪で略式起訴された。</v>
          </cell>
          <cell r="K69">
            <v>1</v>
          </cell>
          <cell r="L69" t="str">
            <v>㈱大阪防水建設社</v>
          </cell>
          <cell r="N69" t="str">
            <v>第2.7(3)ｴ</v>
          </cell>
          <cell r="O69" t="str">
            <v/>
          </cell>
          <cell r="P69">
            <v>0</v>
          </cell>
          <cell r="Q69">
            <v>0</v>
          </cell>
          <cell r="R69" t="str">
            <v>㈱大阪防水建設社</v>
          </cell>
          <cell r="BP69">
            <v>2303</v>
          </cell>
          <cell r="BQ69" t="str">
            <v/>
          </cell>
          <cell r="BR69" t="str">
            <v/>
          </cell>
          <cell r="BS69" t="str">
            <v/>
          </cell>
          <cell r="BT69" t="str">
            <v/>
          </cell>
          <cell r="BU69" t="str">
            <v/>
          </cell>
          <cell r="BV69" t="str">
            <v/>
          </cell>
          <cell r="BW69" t="str">
            <v/>
          </cell>
          <cell r="BX69" t="str">
            <v/>
          </cell>
          <cell r="BY69" t="str">
            <v/>
          </cell>
          <cell r="BZ69" t="str">
            <v/>
          </cell>
          <cell r="CA69" t="str">
            <v/>
          </cell>
        </row>
        <row r="70">
          <cell r="E70">
            <v>66</v>
          </cell>
          <cell r="F70">
            <v>21</v>
          </cell>
          <cell r="G70">
            <v>142</v>
          </cell>
          <cell r="H70">
            <v>39877</v>
          </cell>
          <cell r="I70" t="str">
            <v>第2.7(4)④</v>
          </cell>
          <cell r="J70" t="str">
            <v>社員が労働安全衛生法違反容疑で書類送検された。</v>
          </cell>
          <cell r="K70">
            <v>2</v>
          </cell>
          <cell r="L70" t="str">
            <v>前田建設工業㈱</v>
          </cell>
          <cell r="O70" t="str">
            <v/>
          </cell>
          <cell r="P70">
            <v>0</v>
          </cell>
          <cell r="Q70">
            <v>0</v>
          </cell>
          <cell r="R70" t="str">
            <v>◎前田建設工業㈱</v>
          </cell>
          <cell r="BP70">
            <v>4067.2</v>
          </cell>
          <cell r="BQ70" t="str">
            <v/>
          </cell>
          <cell r="BR70" t="str">
            <v/>
          </cell>
          <cell r="BS70" t="str">
            <v/>
          </cell>
          <cell r="BT70" t="str">
            <v/>
          </cell>
          <cell r="BU70" t="str">
            <v/>
          </cell>
          <cell r="BV70" t="str">
            <v/>
          </cell>
          <cell r="BW70" t="str">
            <v/>
          </cell>
          <cell r="BX70" t="str">
            <v/>
          </cell>
          <cell r="BY70" t="str">
            <v/>
          </cell>
          <cell r="BZ70" t="str">
            <v/>
          </cell>
          <cell r="CA70" t="str">
            <v/>
          </cell>
        </row>
        <row r="71">
          <cell r="E71">
            <v>67</v>
          </cell>
          <cell r="F71">
            <v>21</v>
          </cell>
          <cell r="G71">
            <v>43</v>
          </cell>
          <cell r="H71">
            <v>39275</v>
          </cell>
          <cell r="I71" t="str">
            <v>第1.2(1)</v>
          </cell>
          <cell r="J71" t="str">
            <v>防衛施設庁発注の特定土木・建築工事において、防衛施設庁の職員が行った割り振りの結果の伝達を受けた工事について、落札予定者として選定された者等を受注予定者とし、受注予定者以外の者は、受注予定者の受注に協力する旨の合意の下に、受注予定者を決定し、受注予定者が受注できるようにしていたとして、公正取引委員会から「私的独占の禁止及び公正取引の確保に関する法律」第３条違反により排除措置命令又は課徴金納付命令があった。</v>
          </cell>
          <cell r="K71">
            <v>3</v>
          </cell>
          <cell r="L71" t="str">
            <v>㈱アプコ他４９社</v>
          </cell>
          <cell r="M71" t="str">
            <v>　※　指名停止基準付則３により、旧指名停止基準を適用</v>
          </cell>
          <cell r="N71">
            <v>0</v>
          </cell>
          <cell r="O71" t="str">
            <v/>
          </cell>
          <cell r="P71">
            <v>0</v>
          </cell>
          <cell r="Q71">
            <v>50</v>
          </cell>
          <cell r="R71" t="str">
            <v>㈱アプコ</v>
          </cell>
          <cell r="S71" t="str">
            <v>安西工業㈱</v>
          </cell>
          <cell r="T71" t="str">
            <v>アーベス㈱</v>
          </cell>
          <cell r="U71" t="str">
            <v>有元温調㈱</v>
          </cell>
          <cell r="V71" t="str">
            <v>㈱飛鳥設備</v>
          </cell>
          <cell r="W71" t="str">
            <v>㈱赤鹿建設</v>
          </cell>
          <cell r="X71" t="str">
            <v>㈱旭工建</v>
          </cell>
          <cell r="Y71" t="str">
            <v>アクアテックサラヤ㈱</v>
          </cell>
          <cell r="Z71" t="str">
            <v>尼崎中高年事業㈱</v>
          </cell>
          <cell r="AA71" t="str">
            <v>安全テック㈱</v>
          </cell>
          <cell r="AB71" t="str">
            <v>㈱アルク</v>
          </cell>
          <cell r="AC71" t="str">
            <v>安積建設㈱</v>
          </cell>
          <cell r="AD71" t="str">
            <v>旭テクノプラント（株）</v>
          </cell>
          <cell r="AE71" t="str">
            <v>家島建設㈱</v>
          </cell>
          <cell r="AF71" t="str">
            <v>池田建設㈱</v>
          </cell>
          <cell r="AG71" t="str">
            <v>池田建設㈱</v>
          </cell>
          <cell r="AH71" t="str">
            <v>㈱石垣</v>
          </cell>
          <cell r="AI71" t="str">
            <v>石垣メンテナンス㈱</v>
          </cell>
          <cell r="AJ71" t="str">
            <v>石黒体育施設㈱</v>
          </cell>
          <cell r="AK71" t="str">
            <v>泉興業㈱</v>
          </cell>
          <cell r="AL71" t="str">
            <v>磯村豊水機工㈱</v>
          </cell>
          <cell r="AM71" t="str">
            <v>一宇工業㈱</v>
          </cell>
          <cell r="AN71" t="str">
            <v>㈲イチカワ技研</v>
          </cell>
          <cell r="AO71" t="str">
            <v>㈱イチケン</v>
          </cell>
          <cell r="AP71" t="str">
            <v>伊藤建設㈱</v>
          </cell>
          <cell r="AQ71" t="str">
            <v>伊藤電気㈱</v>
          </cell>
          <cell r="AR71" t="str">
            <v>㈱伊藤テック</v>
          </cell>
          <cell r="AS71" t="str">
            <v>乾工業㈱</v>
          </cell>
          <cell r="AT71" t="str">
            <v>井上工業㈱</v>
          </cell>
          <cell r="AU71" t="str">
            <v>㈱井上工業</v>
          </cell>
          <cell r="AV71" t="str">
            <v>㈱伊吹工務店</v>
          </cell>
          <cell r="AW71" t="str">
            <v>入谷緑化土木㈱</v>
          </cell>
          <cell r="AX71" t="str">
            <v>岩出建設㈱</v>
          </cell>
          <cell r="AY71" t="str">
            <v>㈱インターナショナルススム</v>
          </cell>
          <cell r="AZ71" t="str">
            <v>㈱池下組</v>
          </cell>
          <cell r="BA71" t="str">
            <v>イワキ・モリタニ電工㈱</v>
          </cell>
          <cell r="BB71" t="str">
            <v>㈱石渡康三郎塗装店</v>
          </cell>
          <cell r="BC71" t="str">
            <v>伊藤喜商事㈱</v>
          </cell>
          <cell r="BD71" t="str">
            <v>㈱イトーヨーギョー</v>
          </cell>
          <cell r="BE71" t="str">
            <v>㈱泉建設工業</v>
          </cell>
          <cell r="BF71" t="str">
            <v>㈱岩城</v>
          </cell>
          <cell r="BG71" t="str">
            <v>㈱生野</v>
          </cell>
          <cell r="BH71" t="str">
            <v>㈱ウィズ</v>
          </cell>
          <cell r="BI71" t="str">
            <v>㈱ウエダ建設</v>
          </cell>
          <cell r="BJ71" t="str">
            <v>㈱植芳</v>
          </cell>
          <cell r="BK71" t="str">
            <v>内田工業㈱</v>
          </cell>
          <cell r="BL71" t="str">
            <v>宇都宮建設㈱</v>
          </cell>
          <cell r="BM71" t="str">
            <v>宇野重工㈱</v>
          </cell>
          <cell r="BN71" t="str">
            <v>浦安工業㈱</v>
          </cell>
          <cell r="BO71" t="str">
            <v>宇野ブリッジ㈱</v>
          </cell>
        </row>
        <row r="72">
          <cell r="E72">
            <v>68</v>
          </cell>
          <cell r="F72">
            <v>21</v>
          </cell>
          <cell r="G72">
            <v>144</v>
          </cell>
          <cell r="H72">
            <v>39891</v>
          </cell>
          <cell r="I72" t="str">
            <v>第2.7(4)④</v>
          </cell>
          <cell r="J72" t="str">
            <v>社員が業務上過失致死容疑及び労働安全衛生法違反容疑で書類送検された。</v>
          </cell>
          <cell r="K72" t="str">
            <v>解除</v>
          </cell>
          <cell r="L72" t="str">
            <v>㈱竹中土木</v>
          </cell>
          <cell r="O72" t="str">
            <v/>
          </cell>
          <cell r="P72">
            <v>0</v>
          </cell>
          <cell r="Q72">
            <v>0</v>
          </cell>
          <cell r="R72" t="str">
            <v>◎㈱竹中土木</v>
          </cell>
          <cell r="BP72">
            <v>1</v>
          </cell>
          <cell r="BQ72" t="str">
            <v/>
          </cell>
          <cell r="BR72" t="str">
            <v/>
          </cell>
          <cell r="BS72" t="str">
            <v/>
          </cell>
          <cell r="BT72" t="str">
            <v/>
          </cell>
          <cell r="BU72" t="str">
            <v/>
          </cell>
          <cell r="BV72" t="str">
            <v/>
          </cell>
          <cell r="BW72" t="str">
            <v/>
          </cell>
          <cell r="BX72" t="str">
            <v/>
          </cell>
          <cell r="BY72" t="str">
            <v/>
          </cell>
          <cell r="BZ72" t="str">
            <v/>
          </cell>
          <cell r="CA72" t="str">
            <v/>
          </cell>
        </row>
        <row r="73">
          <cell r="E73">
            <v>69</v>
          </cell>
          <cell r="F73">
            <v>21</v>
          </cell>
          <cell r="G73">
            <v>145</v>
          </cell>
          <cell r="H73">
            <v>39891</v>
          </cell>
          <cell r="I73" t="str">
            <v>第2.7(4)④</v>
          </cell>
          <cell r="J73" t="str">
            <v>社員が業務上過失傷害容疑で書類送検された。</v>
          </cell>
          <cell r="K73">
            <v>1</v>
          </cell>
          <cell r="L73" t="str">
            <v>日本オーチス・エレベータ㈱</v>
          </cell>
          <cell r="O73" t="str">
            <v/>
          </cell>
          <cell r="P73">
            <v>0</v>
          </cell>
          <cell r="Q73">
            <v>0</v>
          </cell>
          <cell r="R73" t="str">
            <v>日本オーチス・エレベータ㈱</v>
          </cell>
          <cell r="BP73">
            <v>3595</v>
          </cell>
          <cell r="BQ73" t="str">
            <v/>
          </cell>
          <cell r="BR73" t="str">
            <v/>
          </cell>
          <cell r="BS73" t="str">
            <v/>
          </cell>
          <cell r="BT73" t="str">
            <v/>
          </cell>
          <cell r="BU73" t="str">
            <v/>
          </cell>
          <cell r="BV73" t="str">
            <v/>
          </cell>
          <cell r="BW73" t="str">
            <v/>
          </cell>
          <cell r="BX73" t="str">
            <v/>
          </cell>
          <cell r="BY73" t="str">
            <v/>
          </cell>
          <cell r="BZ73" t="str">
            <v/>
          </cell>
          <cell r="CA73" t="str">
            <v/>
          </cell>
        </row>
        <row r="74">
          <cell r="E74">
            <v>70</v>
          </cell>
          <cell r="F74">
            <v>21</v>
          </cell>
          <cell r="G74">
            <v>146</v>
          </cell>
          <cell r="H74">
            <v>39884</v>
          </cell>
          <cell r="I74" t="str">
            <v>第2.1(2)</v>
          </cell>
          <cell r="J74" t="str">
            <v>宝塚市発注のプラスチックごみ処理事業をめぐり、受注に便宜を図ってもらった見返りに、同市長に現金を渡したとして、贈賄の容疑で社長らが逮捕された。</v>
          </cell>
          <cell r="K74">
            <v>9</v>
          </cell>
          <cell r="L74" t="str">
            <v>㈱リ・テック</v>
          </cell>
          <cell r="O74" t="str">
            <v/>
          </cell>
          <cell r="P74">
            <v>0</v>
          </cell>
          <cell r="Q74">
            <v>0</v>
          </cell>
          <cell r="R74" t="str">
            <v>㈱リ・テック</v>
          </cell>
          <cell r="BP74">
            <v>1</v>
          </cell>
          <cell r="BQ74" t="str">
            <v/>
          </cell>
          <cell r="BR74" t="str">
            <v/>
          </cell>
          <cell r="BS74" t="str">
            <v/>
          </cell>
          <cell r="BT74" t="str">
            <v/>
          </cell>
          <cell r="BU74" t="str">
            <v/>
          </cell>
          <cell r="BV74" t="str">
            <v/>
          </cell>
          <cell r="BW74" t="str">
            <v/>
          </cell>
          <cell r="BX74" t="str">
            <v/>
          </cell>
          <cell r="BY74" t="str">
            <v/>
          </cell>
          <cell r="BZ74" t="str">
            <v/>
          </cell>
          <cell r="CA74" t="str">
            <v/>
          </cell>
        </row>
        <row r="75">
          <cell r="E75">
            <v>71</v>
          </cell>
          <cell r="F75">
            <v>21</v>
          </cell>
          <cell r="G75">
            <v>147</v>
          </cell>
          <cell r="H75">
            <v>39891</v>
          </cell>
          <cell r="I75" t="str">
            <v>第2.6(3)④</v>
          </cell>
          <cell r="J75" t="str">
            <v>千葉県流山市内ほかで施工した建具工事において、建設業法第３条第１項の規定に違反して同項の許可を受けないで建設業を営むものと下請契約を締結したことが、建設業法第２８条第１項第６号に該当するとして、国土交通省関東地方整備局長より指示処分を受けた。</v>
          </cell>
          <cell r="K75">
            <v>1</v>
          </cell>
          <cell r="L75" t="str">
            <v>文化シヤッター㈱</v>
          </cell>
          <cell r="O75" t="str">
            <v/>
          </cell>
          <cell r="P75">
            <v>0</v>
          </cell>
          <cell r="Q75">
            <v>0</v>
          </cell>
          <cell r="R75" t="str">
            <v>文化シヤッター㈱</v>
          </cell>
          <cell r="BP75">
            <v>3979</v>
          </cell>
          <cell r="BQ75" t="str">
            <v/>
          </cell>
          <cell r="BR75" t="str">
            <v/>
          </cell>
          <cell r="BS75" t="str">
            <v/>
          </cell>
          <cell r="BT75" t="str">
            <v/>
          </cell>
          <cell r="BU75" t="str">
            <v/>
          </cell>
          <cell r="BV75" t="str">
            <v/>
          </cell>
          <cell r="BW75" t="str">
            <v/>
          </cell>
          <cell r="BX75" t="str">
            <v/>
          </cell>
          <cell r="BY75" t="str">
            <v/>
          </cell>
          <cell r="BZ75" t="str">
            <v/>
          </cell>
          <cell r="CA75" t="str">
            <v/>
          </cell>
        </row>
        <row r="76">
          <cell r="E76">
            <v>72</v>
          </cell>
          <cell r="F76">
            <v>21</v>
          </cell>
          <cell r="G76">
            <v>18</v>
          </cell>
          <cell r="H76">
            <v>39905</v>
          </cell>
          <cell r="I76" t="str">
            <v>第2.2(4)</v>
          </cell>
          <cell r="J76" t="str">
            <v>国際航空貨物利用運送業務の取引分野における競争を実質的に制限していたとして、公正取引委員会から「私的独占の禁止及び公正取引の確保に関する法律」第３条違反により排除措置命令及び課徴金納付命令等があった。</v>
          </cell>
          <cell r="K76">
            <v>4</v>
          </cell>
          <cell r="L76" t="str">
            <v>日本通運㈱</v>
          </cell>
          <cell r="O76" t="str">
            <v/>
          </cell>
          <cell r="P76">
            <v>0</v>
          </cell>
          <cell r="Q76">
            <v>0</v>
          </cell>
          <cell r="R76" t="str">
            <v>日本通運㈱</v>
          </cell>
          <cell r="BP76">
            <v>1</v>
          </cell>
          <cell r="BQ76" t="str">
            <v/>
          </cell>
          <cell r="BR76" t="str">
            <v/>
          </cell>
          <cell r="BS76" t="str">
            <v/>
          </cell>
          <cell r="BT76" t="str">
            <v/>
          </cell>
          <cell r="BU76" t="str">
            <v/>
          </cell>
          <cell r="BV76" t="str">
            <v/>
          </cell>
          <cell r="BW76" t="str">
            <v/>
          </cell>
          <cell r="BX76" t="str">
            <v/>
          </cell>
          <cell r="BY76" t="str">
            <v/>
          </cell>
          <cell r="BZ76" t="str">
            <v/>
          </cell>
          <cell r="CA76" t="str">
            <v/>
          </cell>
        </row>
        <row r="77">
          <cell r="E77">
            <v>73</v>
          </cell>
          <cell r="F77">
            <v>21</v>
          </cell>
          <cell r="G77">
            <v>19</v>
          </cell>
          <cell r="H77">
            <v>39918</v>
          </cell>
          <cell r="I77" t="str">
            <v>第2.7(4)④</v>
          </cell>
          <cell r="J77" t="str">
            <v>社員が業務上過失致死容疑で書類送検された。</v>
          </cell>
          <cell r="K77">
            <v>1</v>
          </cell>
          <cell r="L77" t="str">
            <v>シンドラーエレベータ㈱</v>
          </cell>
          <cell r="O77" t="str">
            <v/>
          </cell>
          <cell r="P77">
            <v>0</v>
          </cell>
          <cell r="Q77">
            <v>0</v>
          </cell>
          <cell r="R77" t="str">
            <v>シンドラーエレベータ㈱</v>
          </cell>
          <cell r="BP77">
            <v>2920</v>
          </cell>
          <cell r="BQ77" t="str">
            <v/>
          </cell>
          <cell r="BR77" t="str">
            <v/>
          </cell>
          <cell r="BS77" t="str">
            <v/>
          </cell>
          <cell r="BT77" t="str">
            <v/>
          </cell>
          <cell r="BU77" t="str">
            <v/>
          </cell>
          <cell r="BV77" t="str">
            <v/>
          </cell>
          <cell r="BW77" t="str">
            <v/>
          </cell>
          <cell r="BX77" t="str">
            <v/>
          </cell>
          <cell r="BY77" t="str">
            <v/>
          </cell>
          <cell r="BZ77" t="str">
            <v/>
          </cell>
          <cell r="CA77" t="str">
            <v/>
          </cell>
        </row>
        <row r="78">
          <cell r="E78">
            <v>74</v>
          </cell>
          <cell r="F78">
            <v>21</v>
          </cell>
          <cell r="G78">
            <v>24</v>
          </cell>
          <cell r="H78">
            <v>39951</v>
          </cell>
          <cell r="I78" t="str">
            <v>第2.6(2)④</v>
          </cell>
          <cell r="J78" t="str">
            <v>国土交通省関東地方整備局長から、建設業法違反で営業停止処分を受けた。</v>
          </cell>
          <cell r="K78">
            <v>3</v>
          </cell>
          <cell r="L78" t="str">
            <v>大成建設㈱</v>
          </cell>
          <cell r="O78" t="str">
            <v/>
          </cell>
          <cell r="P78">
            <v>0</v>
          </cell>
          <cell r="Q78">
            <v>0</v>
          </cell>
          <cell r="R78" t="str">
            <v>大成建設㈱</v>
          </cell>
          <cell r="BP78">
            <v>3125</v>
          </cell>
          <cell r="BQ78" t="str">
            <v/>
          </cell>
          <cell r="BR78" t="str">
            <v/>
          </cell>
          <cell r="BS78" t="str">
            <v/>
          </cell>
          <cell r="BT78" t="str">
            <v/>
          </cell>
          <cell r="BU78" t="str">
            <v/>
          </cell>
          <cell r="BV78" t="str">
            <v/>
          </cell>
          <cell r="BW78" t="str">
            <v/>
          </cell>
          <cell r="BX78" t="str">
            <v/>
          </cell>
          <cell r="BY78" t="str">
            <v/>
          </cell>
          <cell r="BZ78" t="str">
            <v/>
          </cell>
          <cell r="CA78" t="str">
            <v/>
          </cell>
        </row>
        <row r="79">
          <cell r="E79">
            <v>75</v>
          </cell>
          <cell r="F79">
            <v>21</v>
          </cell>
          <cell r="G79">
            <v>31</v>
          </cell>
          <cell r="H79">
            <v>39974</v>
          </cell>
          <cell r="I79" t="str">
            <v>第2.7(4)④</v>
          </cell>
          <cell r="J79" t="str">
            <v>社員らが労働安全衛生法違反の罪で略式起訴された。</v>
          </cell>
          <cell r="K79">
            <v>2</v>
          </cell>
          <cell r="L79" t="str">
            <v>戸田建設㈱</v>
          </cell>
          <cell r="O79" t="str">
            <v/>
          </cell>
          <cell r="P79">
            <v>0</v>
          </cell>
          <cell r="Q79">
            <v>0</v>
          </cell>
          <cell r="R79" t="str">
            <v>◎戸田建設㈱</v>
          </cell>
          <cell r="BP79">
            <v>3419.2</v>
          </cell>
          <cell r="BQ79" t="str">
            <v/>
          </cell>
          <cell r="BR79" t="str">
            <v/>
          </cell>
          <cell r="BS79" t="str">
            <v/>
          </cell>
          <cell r="BT79" t="str">
            <v/>
          </cell>
          <cell r="BU79" t="str">
            <v/>
          </cell>
          <cell r="BV79" t="str">
            <v/>
          </cell>
          <cell r="BW79" t="str">
            <v/>
          </cell>
          <cell r="BX79" t="str">
            <v/>
          </cell>
          <cell r="BY79" t="str">
            <v/>
          </cell>
          <cell r="BZ79" t="str">
            <v/>
          </cell>
          <cell r="CA79" t="str">
            <v/>
          </cell>
        </row>
        <row r="80">
          <cell r="E80">
            <v>76</v>
          </cell>
          <cell r="F80">
            <v>21</v>
          </cell>
          <cell r="G80">
            <v>32</v>
          </cell>
          <cell r="H80">
            <v>39993</v>
          </cell>
          <cell r="I80" t="str">
            <v>第2.7(4)③</v>
          </cell>
          <cell r="J80" t="str">
            <v>社員が業務上過失致傷容疑で書類送検された。</v>
          </cell>
          <cell r="K80">
            <v>1</v>
          </cell>
          <cell r="L80" t="str">
            <v>大鉄工業㈱</v>
          </cell>
          <cell r="O80" t="str">
            <v/>
          </cell>
          <cell r="P80">
            <v>0</v>
          </cell>
          <cell r="Q80">
            <v>0</v>
          </cell>
          <cell r="R80" t="str">
            <v>大鉄工業㈱</v>
          </cell>
          <cell r="BP80">
            <v>3135</v>
          </cell>
          <cell r="BQ80" t="str">
            <v/>
          </cell>
          <cell r="BR80" t="str">
            <v/>
          </cell>
          <cell r="BS80" t="str">
            <v/>
          </cell>
          <cell r="BT80" t="str">
            <v/>
          </cell>
          <cell r="BU80" t="str">
            <v/>
          </cell>
          <cell r="BV80" t="str">
            <v/>
          </cell>
          <cell r="BW80" t="str">
            <v/>
          </cell>
          <cell r="BX80" t="str">
            <v/>
          </cell>
          <cell r="BY80" t="str">
            <v/>
          </cell>
          <cell r="BZ80" t="str">
            <v/>
          </cell>
          <cell r="CA80" t="str">
            <v/>
          </cell>
        </row>
        <row r="81">
          <cell r="E81">
            <v>77</v>
          </cell>
          <cell r="F81">
            <v>21</v>
          </cell>
          <cell r="G81">
            <v>37</v>
          </cell>
          <cell r="H81">
            <v>39997</v>
          </cell>
          <cell r="I81" t="str">
            <v>第2.2(2)</v>
          </cell>
          <cell r="J81" t="str">
            <v>国土交通省が発注する車両管理業務について、あらかじめ選定された者等を受注予定者とし、受注予定者以外の者は受注予定者が受注できるようにしていたとして、公正取引委員会から、「私的独占の禁止及び公正取引の確保に関する法律」第３条違反により、排除措置命令及び課徴金納付命令があった。</v>
          </cell>
          <cell r="K81">
            <v>8</v>
          </cell>
          <cell r="L81" t="str">
            <v>日本道路興運㈱他３社</v>
          </cell>
          <cell r="O81" t="str">
            <v/>
          </cell>
          <cell r="P81">
            <v>0</v>
          </cell>
          <cell r="Q81">
            <v>0</v>
          </cell>
          <cell r="R81" t="str">
            <v>○日本道路興運㈱</v>
          </cell>
          <cell r="S81" t="str">
            <v>○日本総合サービス㈱</v>
          </cell>
          <cell r="T81" t="str">
            <v>大新東㈱</v>
          </cell>
          <cell r="U81" t="str">
            <v>㈱日経サービス</v>
          </cell>
          <cell r="BP81">
            <v>10222.1</v>
          </cell>
          <cell r="BQ81">
            <v>1</v>
          </cell>
          <cell r="BR81">
            <v>10561</v>
          </cell>
          <cell r="BS81">
            <v>11004</v>
          </cell>
          <cell r="BT81" t="str">
            <v/>
          </cell>
          <cell r="BU81" t="str">
            <v/>
          </cell>
          <cell r="BV81" t="str">
            <v/>
          </cell>
          <cell r="BW81" t="str">
            <v/>
          </cell>
          <cell r="BX81" t="str">
            <v/>
          </cell>
          <cell r="BY81" t="str">
            <v/>
          </cell>
          <cell r="BZ81" t="str">
            <v/>
          </cell>
          <cell r="CA81" t="str">
            <v/>
          </cell>
        </row>
        <row r="82">
          <cell r="E82">
            <v>78</v>
          </cell>
          <cell r="F82">
            <v>21</v>
          </cell>
          <cell r="G82">
            <v>38</v>
          </cell>
          <cell r="H82">
            <v>39997</v>
          </cell>
          <cell r="I82" t="str">
            <v>第2.2(4)</v>
          </cell>
          <cell r="J82" t="str">
            <v>国土交通省が発注する車両管理業務について、あらかじめ選定された者等を受注予定者とし、受注予定者以外の者は受注予定者が受注できるようにしていたとして、公正取引委員会から、「私的独占の禁止及び公正取引の確保に関する法律」第３条違反により、排除措置命令及び課徴金納付命令があった。</v>
          </cell>
          <cell r="K82">
            <v>4</v>
          </cell>
          <cell r="L82" t="str">
            <v>㈱セノン</v>
          </cell>
          <cell r="O82" t="str">
            <v/>
          </cell>
          <cell r="P82">
            <v>0</v>
          </cell>
          <cell r="Q82">
            <v>0</v>
          </cell>
          <cell r="R82" t="str">
            <v>㈱セノン</v>
          </cell>
          <cell r="BP82">
            <v>10421</v>
          </cell>
          <cell r="BQ82" t="str">
            <v/>
          </cell>
          <cell r="BR82" t="str">
            <v/>
          </cell>
          <cell r="BS82" t="str">
            <v/>
          </cell>
          <cell r="BT82" t="str">
            <v/>
          </cell>
          <cell r="BU82" t="str">
            <v/>
          </cell>
          <cell r="BV82" t="str">
            <v/>
          </cell>
          <cell r="BW82" t="str">
            <v/>
          </cell>
          <cell r="BX82" t="str">
            <v/>
          </cell>
          <cell r="BY82" t="str">
            <v/>
          </cell>
          <cell r="BZ82" t="str">
            <v/>
          </cell>
          <cell r="CA82" t="str">
            <v/>
          </cell>
        </row>
        <row r="83">
          <cell r="E83">
            <v>79</v>
          </cell>
          <cell r="F83">
            <v>21</v>
          </cell>
          <cell r="G83">
            <v>42</v>
          </cell>
          <cell r="H83">
            <v>40004</v>
          </cell>
          <cell r="I83" t="str">
            <v>第2.6(2)②</v>
          </cell>
          <cell r="J83" t="str">
            <v>国土交通省近畿地方整備局長から、建設業法違反で営業停止処分を受けた。</v>
          </cell>
          <cell r="K83">
            <v>10</v>
          </cell>
          <cell r="L83" t="str">
            <v>㈱クボタ</v>
          </cell>
          <cell r="O83" t="str">
            <v/>
          </cell>
          <cell r="P83">
            <v>0</v>
          </cell>
          <cell r="Q83">
            <v>0</v>
          </cell>
          <cell r="R83" t="str">
            <v>◎㈱クボタ</v>
          </cell>
          <cell r="BP83">
            <v>2595.1999999999998</v>
          </cell>
          <cell r="BQ83" t="str">
            <v/>
          </cell>
          <cell r="BR83" t="str">
            <v/>
          </cell>
          <cell r="BS83" t="str">
            <v/>
          </cell>
          <cell r="BT83" t="str">
            <v/>
          </cell>
          <cell r="BU83" t="str">
            <v/>
          </cell>
          <cell r="BV83" t="str">
            <v/>
          </cell>
          <cell r="BW83" t="str">
            <v/>
          </cell>
          <cell r="BX83" t="str">
            <v/>
          </cell>
          <cell r="BY83" t="str">
            <v/>
          </cell>
          <cell r="BZ83" t="str">
            <v/>
          </cell>
          <cell r="CA83" t="str">
            <v/>
          </cell>
        </row>
        <row r="84">
          <cell r="E84">
            <v>80</v>
          </cell>
          <cell r="F84">
            <v>21</v>
          </cell>
          <cell r="G84">
            <v>43</v>
          </cell>
          <cell r="H84">
            <v>40011</v>
          </cell>
          <cell r="I84" t="str">
            <v>第2.1(4)</v>
          </cell>
          <cell r="J84" t="str">
            <v>大分県国東市民病院の医療機器選定をめぐり、受注に便宜を図ってもらった見返りに、同病院の元放射線技師長に現金を渡したとして、贈賄の容疑で社員が逮捕された。</v>
          </cell>
          <cell r="K84">
            <v>6</v>
          </cell>
          <cell r="L84" t="str">
            <v>東芝メディカルシステムズ㈱</v>
          </cell>
          <cell r="O84" t="str">
            <v/>
          </cell>
          <cell r="P84">
            <v>0</v>
          </cell>
          <cell r="Q84">
            <v>0</v>
          </cell>
          <cell r="R84" t="str">
            <v>東芝メディカルシステムズ㈱</v>
          </cell>
          <cell r="BP84">
            <v>10754</v>
          </cell>
          <cell r="BQ84" t="str">
            <v/>
          </cell>
          <cell r="BR84" t="str">
            <v/>
          </cell>
          <cell r="BS84" t="str">
            <v/>
          </cell>
          <cell r="BT84" t="str">
            <v/>
          </cell>
          <cell r="BU84" t="str">
            <v/>
          </cell>
          <cell r="BV84" t="str">
            <v/>
          </cell>
          <cell r="BW84" t="str">
            <v/>
          </cell>
          <cell r="BX84" t="str">
            <v/>
          </cell>
          <cell r="BY84" t="str">
            <v/>
          </cell>
          <cell r="BZ84" t="str">
            <v/>
          </cell>
          <cell r="CA84" t="str">
            <v/>
          </cell>
        </row>
        <row r="85">
          <cell r="E85">
            <v>81</v>
          </cell>
          <cell r="F85">
            <v>21</v>
          </cell>
          <cell r="G85">
            <v>44</v>
          </cell>
          <cell r="H85">
            <v>40025</v>
          </cell>
          <cell r="I85" t="str">
            <v>第2.8(1)</v>
          </cell>
          <cell r="J85" t="str">
            <v>元社長が、社長在任中に行ったとされる政治資金規正法の違反行為等により、同法違反の罪などで東京地方裁判所から禁こ刑の判決を受けた。</v>
          </cell>
          <cell r="K85">
            <v>3</v>
          </cell>
          <cell r="L85" t="str">
            <v>西松建設㈱</v>
          </cell>
          <cell r="O85" t="str">
            <v/>
          </cell>
          <cell r="P85">
            <v>0</v>
          </cell>
          <cell r="Q85">
            <v>0</v>
          </cell>
          <cell r="R85" t="str">
            <v>西松建設㈱</v>
          </cell>
          <cell r="BP85">
            <v>3556</v>
          </cell>
          <cell r="BQ85" t="str">
            <v/>
          </cell>
          <cell r="BR85" t="str">
            <v/>
          </cell>
          <cell r="BS85" t="str">
            <v/>
          </cell>
          <cell r="BT85" t="str">
            <v/>
          </cell>
          <cell r="BU85" t="str">
            <v/>
          </cell>
          <cell r="BV85" t="str">
            <v/>
          </cell>
          <cell r="BW85" t="str">
            <v/>
          </cell>
          <cell r="BX85" t="str">
            <v/>
          </cell>
          <cell r="BY85" t="str">
            <v/>
          </cell>
          <cell r="BZ85" t="str">
            <v/>
          </cell>
          <cell r="CA85" t="str">
            <v/>
          </cell>
        </row>
        <row r="86">
          <cell r="E86">
            <v>82</v>
          </cell>
          <cell r="F86">
            <v>21</v>
          </cell>
          <cell r="G86">
            <v>45</v>
          </cell>
          <cell r="H86">
            <v>40030</v>
          </cell>
          <cell r="I86" t="str">
            <v>第2.7(4)④</v>
          </cell>
          <cell r="J86" t="str">
            <v>労働安全衛生法違反容疑で書類送検された。</v>
          </cell>
          <cell r="K86">
            <v>2</v>
          </cell>
          <cell r="L86" t="str">
            <v>鹿島建設㈱</v>
          </cell>
          <cell r="O86" t="str">
            <v/>
          </cell>
          <cell r="P86">
            <v>0</v>
          </cell>
          <cell r="Q86">
            <v>0</v>
          </cell>
          <cell r="R86" t="str">
            <v>◎鹿島建設㈱</v>
          </cell>
          <cell r="BP86">
            <v>2389.1999999999998</v>
          </cell>
          <cell r="BQ86" t="str">
            <v/>
          </cell>
          <cell r="BR86" t="str">
            <v/>
          </cell>
          <cell r="BS86" t="str">
            <v/>
          </cell>
          <cell r="BT86" t="str">
            <v/>
          </cell>
          <cell r="BU86" t="str">
            <v/>
          </cell>
          <cell r="BV86" t="str">
            <v/>
          </cell>
          <cell r="BW86" t="str">
            <v/>
          </cell>
          <cell r="BX86" t="str">
            <v/>
          </cell>
          <cell r="BY86" t="str">
            <v/>
          </cell>
          <cell r="BZ86" t="str">
            <v/>
          </cell>
          <cell r="CA86" t="str">
            <v/>
          </cell>
        </row>
        <row r="87">
          <cell r="E87">
            <v>83</v>
          </cell>
          <cell r="F87">
            <v>21</v>
          </cell>
          <cell r="G87">
            <v>46</v>
          </cell>
          <cell r="H87">
            <v>40030</v>
          </cell>
          <cell r="I87" t="str">
            <v>第2.7(4)④</v>
          </cell>
          <cell r="J87" t="str">
            <v>社員が業務上過失致死容疑で書類送検された。</v>
          </cell>
          <cell r="K87">
            <v>2</v>
          </cell>
          <cell r="L87" t="str">
            <v>㈱大林組</v>
          </cell>
          <cell r="O87" t="str">
            <v/>
          </cell>
          <cell r="P87">
            <v>0</v>
          </cell>
          <cell r="Q87">
            <v>0</v>
          </cell>
          <cell r="R87" t="str">
            <v>◎㈱大林組</v>
          </cell>
          <cell r="BP87">
            <v>2312.1999999999998</v>
          </cell>
          <cell r="BQ87" t="str">
            <v/>
          </cell>
          <cell r="BR87" t="str">
            <v/>
          </cell>
          <cell r="BS87" t="str">
            <v/>
          </cell>
          <cell r="BT87" t="str">
            <v/>
          </cell>
          <cell r="BU87" t="str">
            <v/>
          </cell>
          <cell r="BV87" t="str">
            <v/>
          </cell>
          <cell r="BW87" t="str">
            <v/>
          </cell>
          <cell r="BX87" t="str">
            <v/>
          </cell>
          <cell r="BY87" t="str">
            <v/>
          </cell>
          <cell r="BZ87" t="str">
            <v/>
          </cell>
          <cell r="CA87" t="str">
            <v/>
          </cell>
        </row>
        <row r="88">
          <cell r="E88">
            <v>84</v>
          </cell>
          <cell r="F88">
            <v>21</v>
          </cell>
          <cell r="G88">
            <v>50</v>
          </cell>
          <cell r="H88">
            <v>40032</v>
          </cell>
          <cell r="I88" t="str">
            <v>第2.3(4)</v>
          </cell>
          <cell r="J88" t="str">
            <v>福岡県田川市の田川地区清掃施設組合発注のし尿処理施設整備工事の指名競争入札をめぐり、競売入札妨害の容疑で社員が逮捕された。</v>
          </cell>
          <cell r="K88">
            <v>6</v>
          </cell>
          <cell r="L88" t="str">
            <v>山田工業㈱</v>
          </cell>
          <cell r="O88" t="str">
            <v/>
          </cell>
          <cell r="P88">
            <v>0</v>
          </cell>
          <cell r="Q88">
            <v>0</v>
          </cell>
          <cell r="R88" t="str">
            <v>山田工業㈱</v>
          </cell>
          <cell r="BP88">
            <v>4307</v>
          </cell>
          <cell r="BQ88" t="str">
            <v/>
          </cell>
          <cell r="BR88" t="str">
            <v/>
          </cell>
          <cell r="BS88" t="str">
            <v/>
          </cell>
          <cell r="BT88" t="str">
            <v/>
          </cell>
          <cell r="BU88" t="str">
            <v/>
          </cell>
          <cell r="BV88" t="str">
            <v/>
          </cell>
          <cell r="BW88" t="str">
            <v/>
          </cell>
          <cell r="BX88" t="str">
            <v/>
          </cell>
          <cell r="BY88" t="str">
            <v/>
          </cell>
          <cell r="BZ88" t="str">
            <v/>
          </cell>
          <cell r="CA88" t="str">
            <v/>
          </cell>
        </row>
        <row r="89">
          <cell r="E89">
            <v>85</v>
          </cell>
          <cell r="F89">
            <v>21</v>
          </cell>
          <cell r="G89">
            <v>51</v>
          </cell>
          <cell r="H89">
            <v>40038</v>
          </cell>
          <cell r="I89" t="str">
            <v>第2.6(2)④</v>
          </cell>
          <cell r="J89" t="str">
            <v>国土交通省関東地方整備局長から、建設業法違反で営業停止処分を受けた。</v>
          </cell>
          <cell r="K89">
            <v>3</v>
          </cell>
          <cell r="L89" t="str">
            <v>西松建設㈱</v>
          </cell>
          <cell r="O89" t="str">
            <v/>
          </cell>
          <cell r="P89">
            <v>0</v>
          </cell>
          <cell r="Q89">
            <v>0</v>
          </cell>
          <cell r="R89" t="str">
            <v>西松建設㈱</v>
          </cell>
          <cell r="BP89">
            <v>3556</v>
          </cell>
          <cell r="BQ89" t="str">
            <v/>
          </cell>
          <cell r="BR89" t="str">
            <v/>
          </cell>
          <cell r="BS89" t="str">
            <v/>
          </cell>
          <cell r="BT89" t="str">
            <v/>
          </cell>
          <cell r="BU89" t="str">
            <v/>
          </cell>
          <cell r="BV89" t="str">
            <v/>
          </cell>
          <cell r="BW89" t="str">
            <v/>
          </cell>
          <cell r="BX89" t="str">
            <v/>
          </cell>
          <cell r="BY89" t="str">
            <v/>
          </cell>
          <cell r="BZ89" t="str">
            <v/>
          </cell>
          <cell r="CA89" t="str">
            <v/>
          </cell>
        </row>
        <row r="90">
          <cell r="E90">
            <v>86</v>
          </cell>
          <cell r="F90">
            <v>21</v>
          </cell>
          <cell r="G90">
            <v>52</v>
          </cell>
          <cell r="H90">
            <v>40059</v>
          </cell>
          <cell r="I90" t="str">
            <v>第2.6(3)③</v>
          </cell>
          <cell r="J90" t="str">
            <v>建設業法違反で国土交通省関東地方整備局長より指示処分を受けた。</v>
          </cell>
          <cell r="K90">
            <v>1</v>
          </cell>
          <cell r="L90" t="str">
            <v>パナソニックシステムソリューションズジャパン㈱</v>
          </cell>
          <cell r="O90" t="str">
            <v/>
          </cell>
          <cell r="P90">
            <v>0</v>
          </cell>
          <cell r="Q90">
            <v>0</v>
          </cell>
          <cell r="R90" t="str">
            <v>パナソニックシステムソリューションズジャパン㈱</v>
          </cell>
          <cell r="BP90">
            <v>3793</v>
          </cell>
          <cell r="BQ90" t="str">
            <v/>
          </cell>
          <cell r="BR90" t="str">
            <v/>
          </cell>
          <cell r="BS90" t="str">
            <v/>
          </cell>
          <cell r="BT90" t="str">
            <v/>
          </cell>
          <cell r="BU90" t="str">
            <v/>
          </cell>
          <cell r="BV90" t="str">
            <v/>
          </cell>
          <cell r="BW90" t="str">
            <v/>
          </cell>
          <cell r="BX90" t="str">
            <v/>
          </cell>
          <cell r="BY90" t="str">
            <v/>
          </cell>
          <cell r="BZ90" t="str">
            <v/>
          </cell>
          <cell r="CA90" t="str">
            <v/>
          </cell>
        </row>
        <row r="91">
          <cell r="E91">
            <v>87</v>
          </cell>
          <cell r="F91">
            <v>21</v>
          </cell>
          <cell r="G91">
            <v>58</v>
          </cell>
          <cell r="H91">
            <v>40095</v>
          </cell>
          <cell r="I91" t="str">
            <v>第2.6(3)④</v>
          </cell>
          <cell r="J91" t="str">
            <v>建設業法違反で国土交通省関東地方整備局長より指示処分を受けた。</v>
          </cell>
          <cell r="K91">
            <v>1</v>
          </cell>
          <cell r="L91" t="str">
            <v>㈱エヌ・ティ・ティ・ドコモ</v>
          </cell>
          <cell r="O91" t="str">
            <v/>
          </cell>
          <cell r="P91">
            <v>0</v>
          </cell>
          <cell r="Q91">
            <v>0</v>
          </cell>
          <cell r="R91" t="str">
            <v>㈱エヌ・ティ・ティ・ドコモ</v>
          </cell>
          <cell r="BP91">
            <v>2228</v>
          </cell>
          <cell r="BQ91" t="str">
            <v/>
          </cell>
          <cell r="BR91" t="str">
            <v/>
          </cell>
          <cell r="BS91" t="str">
            <v/>
          </cell>
          <cell r="BT91" t="str">
            <v/>
          </cell>
          <cell r="BU91" t="str">
            <v/>
          </cell>
          <cell r="BV91" t="str">
            <v/>
          </cell>
          <cell r="BW91" t="str">
            <v/>
          </cell>
          <cell r="BX91" t="str">
            <v/>
          </cell>
          <cell r="BY91" t="str">
            <v/>
          </cell>
          <cell r="BZ91" t="str">
            <v/>
          </cell>
          <cell r="CA91" t="str">
            <v/>
          </cell>
        </row>
        <row r="92">
          <cell r="E92">
            <v>88</v>
          </cell>
          <cell r="F92">
            <v>21</v>
          </cell>
          <cell r="G92">
            <v>59</v>
          </cell>
          <cell r="H92">
            <v>40095</v>
          </cell>
          <cell r="I92" t="str">
            <v>第2.7(4)③</v>
          </cell>
          <cell r="J92" t="str">
            <v>労働安全衛生法違反容疑で書類送検された。</v>
          </cell>
          <cell r="K92">
            <v>2</v>
          </cell>
          <cell r="L92" t="str">
            <v>㈱東芝</v>
          </cell>
          <cell r="O92" t="str">
            <v/>
          </cell>
          <cell r="P92">
            <v>0</v>
          </cell>
          <cell r="Q92">
            <v>0</v>
          </cell>
          <cell r="R92" t="str">
            <v>◎㈱東芝</v>
          </cell>
          <cell r="BP92">
            <v>3380.2</v>
          </cell>
          <cell r="BQ92" t="str">
            <v/>
          </cell>
          <cell r="BR92" t="str">
            <v/>
          </cell>
          <cell r="BS92" t="str">
            <v/>
          </cell>
          <cell r="BT92" t="str">
            <v/>
          </cell>
          <cell r="BU92" t="str">
            <v/>
          </cell>
          <cell r="BV92" t="str">
            <v/>
          </cell>
          <cell r="BW92" t="str">
            <v/>
          </cell>
          <cell r="BX92" t="str">
            <v/>
          </cell>
          <cell r="BY92" t="str">
            <v/>
          </cell>
          <cell r="BZ92" t="str">
            <v/>
          </cell>
          <cell r="CA92" t="str">
            <v/>
          </cell>
        </row>
        <row r="93">
          <cell r="E93">
            <v>89</v>
          </cell>
          <cell r="F93">
            <v>21</v>
          </cell>
          <cell r="G93">
            <v>68</v>
          </cell>
          <cell r="H93">
            <v>40126</v>
          </cell>
          <cell r="I93" t="str">
            <v>第2.6(3)③</v>
          </cell>
          <cell r="J93" t="str">
            <v>建設業法違反で国土交通省近畿地方整備局長より指示処分を受けた。</v>
          </cell>
          <cell r="K93">
            <v>1</v>
          </cell>
          <cell r="L93" t="str">
            <v>㈱塩浜工業</v>
          </cell>
          <cell r="O93" t="str">
            <v/>
          </cell>
          <cell r="P93">
            <v>0</v>
          </cell>
          <cell r="Q93">
            <v>0</v>
          </cell>
          <cell r="R93" t="str">
            <v>㈱塩浜工業</v>
          </cell>
          <cell r="BP93">
            <v>1</v>
          </cell>
          <cell r="BQ93" t="str">
            <v/>
          </cell>
          <cell r="BR93" t="str">
            <v/>
          </cell>
          <cell r="BS93" t="str">
            <v/>
          </cell>
          <cell r="BT93" t="str">
            <v/>
          </cell>
          <cell r="BU93" t="str">
            <v/>
          </cell>
          <cell r="BV93" t="str">
            <v/>
          </cell>
          <cell r="BW93" t="str">
            <v/>
          </cell>
          <cell r="BX93" t="str">
            <v/>
          </cell>
          <cell r="BY93" t="str">
            <v/>
          </cell>
          <cell r="BZ93" t="str">
            <v/>
          </cell>
          <cell r="CA93" t="str">
            <v/>
          </cell>
        </row>
        <row r="94">
          <cell r="E94">
            <v>90</v>
          </cell>
          <cell r="F94">
            <v>21</v>
          </cell>
          <cell r="G94">
            <v>69</v>
          </cell>
          <cell r="H94">
            <v>40144</v>
          </cell>
          <cell r="I94" t="str">
            <v>第2.7(4)③</v>
          </cell>
          <cell r="J94" t="str">
            <v>電磁的公正証書原本不実記録等の容疑で社員が逮捕された。</v>
          </cell>
          <cell r="K94">
            <v>1</v>
          </cell>
          <cell r="L94" t="str">
            <v>三菱ふそうトラック・バス㈱</v>
          </cell>
          <cell r="O94" t="str">
            <v/>
          </cell>
          <cell r="P94">
            <v>0</v>
          </cell>
          <cell r="Q94">
            <v>0</v>
          </cell>
          <cell r="R94" t="str">
            <v>三菱ふそうトラック・バス㈱</v>
          </cell>
          <cell r="BP94">
            <v>10567</v>
          </cell>
          <cell r="BQ94" t="str">
            <v/>
          </cell>
          <cell r="BR94" t="str">
            <v/>
          </cell>
          <cell r="BS94" t="str">
            <v/>
          </cell>
          <cell r="BT94" t="str">
            <v/>
          </cell>
          <cell r="BU94" t="str">
            <v/>
          </cell>
          <cell r="BV94" t="str">
            <v/>
          </cell>
          <cell r="BW94" t="str">
            <v/>
          </cell>
          <cell r="BX94" t="str">
            <v/>
          </cell>
          <cell r="BY94" t="str">
            <v/>
          </cell>
          <cell r="BZ94" t="str">
            <v/>
          </cell>
          <cell r="CA94" t="str">
            <v/>
          </cell>
        </row>
        <row r="95">
          <cell r="E95">
            <v>91</v>
          </cell>
          <cell r="F95">
            <v>21</v>
          </cell>
          <cell r="G95">
            <v>70</v>
          </cell>
          <cell r="H95">
            <v>40155</v>
          </cell>
          <cell r="I95" t="str">
            <v>第1.8(2)</v>
          </cell>
          <cell r="J95" t="str">
            <v>当市発注の伊丹市立桜台小学校耐震補強他工事の施工にあたり、安全管理の措置が不適切であったことにより、工事関係者に負傷者を生じさせた。</v>
          </cell>
          <cell r="K95">
            <v>1</v>
          </cell>
          <cell r="L95" t="str">
            <v>田中住建㈱</v>
          </cell>
          <cell r="O95" t="str">
            <v/>
          </cell>
          <cell r="P95">
            <v>0</v>
          </cell>
          <cell r="Q95">
            <v>0</v>
          </cell>
          <cell r="R95" t="str">
            <v>田中住建㈱</v>
          </cell>
          <cell r="BP95">
            <v>21</v>
          </cell>
          <cell r="BQ95" t="str">
            <v/>
          </cell>
          <cell r="BR95" t="str">
            <v/>
          </cell>
          <cell r="BS95" t="str">
            <v/>
          </cell>
          <cell r="BT95" t="str">
            <v/>
          </cell>
          <cell r="BU95" t="str">
            <v/>
          </cell>
          <cell r="BV95" t="str">
            <v/>
          </cell>
          <cell r="BW95" t="str">
            <v/>
          </cell>
          <cell r="BX95" t="str">
            <v/>
          </cell>
          <cell r="BY95" t="str">
            <v/>
          </cell>
          <cell r="BZ95" t="str">
            <v/>
          </cell>
          <cell r="CA95" t="str">
            <v/>
          </cell>
        </row>
        <row r="96">
          <cell r="E96">
            <v>92</v>
          </cell>
          <cell r="F96">
            <v>21</v>
          </cell>
          <cell r="G96">
            <v>73</v>
          </cell>
          <cell r="H96">
            <v>40168</v>
          </cell>
          <cell r="I96" t="str">
            <v>第2.7(4)④</v>
          </cell>
          <cell r="J96" t="str">
            <v>労働安全衛生法違反の罪で東京簡易裁判所から罰金刑を受けた。</v>
          </cell>
          <cell r="K96">
            <v>1</v>
          </cell>
          <cell r="L96" t="str">
            <v>㈱関電工</v>
          </cell>
          <cell r="O96" t="str">
            <v/>
          </cell>
          <cell r="P96">
            <v>0</v>
          </cell>
          <cell r="Q96">
            <v>0</v>
          </cell>
          <cell r="R96" t="str">
            <v>㈱関電工</v>
          </cell>
          <cell r="BP96">
            <v>2442</v>
          </cell>
          <cell r="BQ96" t="str">
            <v/>
          </cell>
          <cell r="BR96" t="str">
            <v/>
          </cell>
          <cell r="BS96" t="str">
            <v/>
          </cell>
          <cell r="BT96" t="str">
            <v/>
          </cell>
          <cell r="BU96" t="str">
            <v/>
          </cell>
          <cell r="BV96" t="str">
            <v/>
          </cell>
          <cell r="BW96" t="str">
            <v/>
          </cell>
          <cell r="BX96" t="str">
            <v/>
          </cell>
          <cell r="BY96" t="str">
            <v/>
          </cell>
          <cell r="BZ96" t="str">
            <v/>
          </cell>
          <cell r="CA96" t="str">
            <v/>
          </cell>
        </row>
        <row r="97">
          <cell r="E97">
            <v>93</v>
          </cell>
          <cell r="F97">
            <v>21</v>
          </cell>
          <cell r="G97">
            <v>77</v>
          </cell>
          <cell r="H97">
            <v>40213</v>
          </cell>
          <cell r="I97" t="str">
            <v>第2.6(3)②</v>
          </cell>
          <cell r="J97" t="str">
            <v>国土交通省近畿地方整備局長から、建設業法違反で指示処分を受けた。</v>
          </cell>
          <cell r="K97">
            <v>4</v>
          </cell>
          <cell r="L97" t="str">
            <v>川崎重工業㈱</v>
          </cell>
          <cell r="O97" t="str">
            <v/>
          </cell>
          <cell r="P97">
            <v>0</v>
          </cell>
          <cell r="Q97">
            <v>0</v>
          </cell>
          <cell r="R97" t="str">
            <v>◎川崎重工業㈱</v>
          </cell>
          <cell r="BP97">
            <v>2410.1999999999998</v>
          </cell>
          <cell r="BQ97" t="str">
            <v/>
          </cell>
          <cell r="BR97" t="str">
            <v/>
          </cell>
          <cell r="BS97" t="str">
            <v/>
          </cell>
          <cell r="BT97" t="str">
            <v/>
          </cell>
          <cell r="BU97" t="str">
            <v/>
          </cell>
          <cell r="BV97" t="str">
            <v/>
          </cell>
          <cell r="BW97" t="str">
            <v/>
          </cell>
          <cell r="BX97" t="str">
            <v/>
          </cell>
          <cell r="BY97" t="str">
            <v/>
          </cell>
          <cell r="BZ97" t="str">
            <v/>
          </cell>
          <cell r="CA97" t="str">
            <v/>
          </cell>
        </row>
        <row r="98">
          <cell r="E98">
            <v>94</v>
          </cell>
          <cell r="F98">
            <v>21</v>
          </cell>
          <cell r="G98">
            <v>80</v>
          </cell>
          <cell r="H98">
            <v>40231</v>
          </cell>
          <cell r="I98" t="str">
            <v>第2.7(4)④</v>
          </cell>
          <cell r="J98" t="str">
            <v>同社社員が業務上過失致死容疑で、新潟県上越署から書類送検された。</v>
          </cell>
          <cell r="K98">
            <v>1</v>
          </cell>
          <cell r="L98" t="str">
            <v>清水建設㈱</v>
          </cell>
          <cell r="O98" t="str">
            <v/>
          </cell>
          <cell r="P98">
            <v>0</v>
          </cell>
          <cell r="Q98">
            <v>0</v>
          </cell>
          <cell r="R98" t="str">
            <v>清水建設㈱</v>
          </cell>
          <cell r="BP98">
            <v>2879</v>
          </cell>
          <cell r="BQ98" t="str">
            <v/>
          </cell>
          <cell r="BR98" t="str">
            <v/>
          </cell>
          <cell r="BS98" t="str">
            <v/>
          </cell>
          <cell r="BT98" t="str">
            <v/>
          </cell>
          <cell r="BU98" t="str">
            <v/>
          </cell>
          <cell r="BV98" t="str">
            <v/>
          </cell>
          <cell r="BW98" t="str">
            <v/>
          </cell>
          <cell r="BX98" t="str">
            <v/>
          </cell>
          <cell r="BY98" t="str">
            <v/>
          </cell>
          <cell r="BZ98" t="str">
            <v/>
          </cell>
          <cell r="CA98" t="str">
            <v/>
          </cell>
        </row>
        <row r="99">
          <cell r="E99">
            <v>95</v>
          </cell>
          <cell r="F99">
            <v>21</v>
          </cell>
          <cell r="G99">
            <v>83</v>
          </cell>
          <cell r="H99">
            <v>40242</v>
          </cell>
          <cell r="I99" t="str">
            <v>第2.6(3)②</v>
          </cell>
          <cell r="J99" t="str">
            <v>平成２０年２月２９日を審査基準日とする経営事項審査において、実際は在籍しない技術者を技術者名簿に記載し、虚偽の申請を行ったことは、建設業法第２８条第１項第２号に該当するとして、中播磨県民局長より指示処分を受けた。</v>
          </cell>
          <cell r="K99">
            <v>2</v>
          </cell>
          <cell r="L99" t="str">
            <v>㈱クマガワ</v>
          </cell>
          <cell r="O99" t="str">
            <v/>
          </cell>
          <cell r="P99">
            <v>0</v>
          </cell>
          <cell r="Q99">
            <v>0</v>
          </cell>
          <cell r="R99" t="str">
            <v>㈱クマガワ</v>
          </cell>
          <cell r="BP99">
            <v>2618</v>
          </cell>
          <cell r="BQ99" t="str">
            <v/>
          </cell>
          <cell r="BR99" t="str">
            <v/>
          </cell>
          <cell r="BS99" t="str">
            <v/>
          </cell>
          <cell r="BT99" t="str">
            <v/>
          </cell>
          <cell r="BU99" t="str">
            <v/>
          </cell>
          <cell r="BV99" t="str">
            <v/>
          </cell>
          <cell r="BW99" t="str">
            <v/>
          </cell>
          <cell r="BX99" t="str">
            <v/>
          </cell>
          <cell r="BY99" t="str">
            <v/>
          </cell>
          <cell r="BZ99" t="str">
            <v/>
          </cell>
          <cell r="CA99" t="str">
            <v/>
          </cell>
        </row>
        <row r="100">
          <cell r="E100">
            <v>96</v>
          </cell>
          <cell r="F100">
            <v>21</v>
          </cell>
          <cell r="G100">
            <v>84</v>
          </cell>
          <cell r="H100">
            <v>40249</v>
          </cell>
          <cell r="I100" t="str">
            <v>第1.5(2)</v>
          </cell>
          <cell r="J100" t="str">
            <v>洲本土木事務所発注の鵜崎地区急傾斜地崩壊防止工事の施工にあたり、安全管理の措置が不適切であったことにより、公衆に負傷者を生じさせた。</v>
          </cell>
          <cell r="K100">
            <v>3</v>
          </cell>
          <cell r="L100" t="str">
            <v>国土防災技術㈱</v>
          </cell>
          <cell r="O100" t="str">
            <v/>
          </cell>
          <cell r="P100">
            <v>0</v>
          </cell>
          <cell r="Q100">
            <v>0</v>
          </cell>
          <cell r="R100" t="str">
            <v>国土防災技術㈱</v>
          </cell>
          <cell r="BP100">
            <v>2704</v>
          </cell>
          <cell r="BQ100" t="str">
            <v/>
          </cell>
          <cell r="BR100" t="str">
            <v/>
          </cell>
          <cell r="BS100" t="str">
            <v/>
          </cell>
          <cell r="BT100" t="str">
            <v/>
          </cell>
          <cell r="BU100" t="str">
            <v/>
          </cell>
          <cell r="BV100" t="str">
            <v/>
          </cell>
          <cell r="BW100" t="str">
            <v/>
          </cell>
          <cell r="BX100" t="str">
            <v/>
          </cell>
          <cell r="BY100" t="str">
            <v/>
          </cell>
          <cell r="BZ100" t="str">
            <v/>
          </cell>
          <cell r="CA100" t="str">
            <v/>
          </cell>
        </row>
        <row r="101">
          <cell r="E101">
            <v>97</v>
          </cell>
          <cell r="F101">
            <v>22</v>
          </cell>
          <cell r="G101">
            <v>1</v>
          </cell>
          <cell r="H101">
            <v>40289</v>
          </cell>
          <cell r="I101" t="str">
            <v>第2.7(4)②</v>
          </cell>
          <cell r="J101" t="str">
            <v>道路交通法違反容疑で社員らが逮捕された。</v>
          </cell>
          <cell r="K101">
            <v>2</v>
          </cell>
          <cell r="L101" t="str">
            <v>㈱ニコス</v>
          </cell>
          <cell r="O101" t="str">
            <v/>
          </cell>
          <cell r="P101">
            <v>0</v>
          </cell>
          <cell r="Q101">
            <v>0</v>
          </cell>
          <cell r="R101" t="str">
            <v>㈱ニコス</v>
          </cell>
          <cell r="BP101">
            <v>5991</v>
          </cell>
          <cell r="BQ101" t="str">
            <v/>
          </cell>
          <cell r="BR101" t="str">
            <v/>
          </cell>
          <cell r="BS101" t="str">
            <v/>
          </cell>
          <cell r="BT101" t="str">
            <v/>
          </cell>
          <cell r="BU101" t="str">
            <v/>
          </cell>
          <cell r="BV101" t="str">
            <v/>
          </cell>
          <cell r="BW101" t="str">
            <v/>
          </cell>
          <cell r="BX101" t="str">
            <v/>
          </cell>
          <cell r="BY101" t="str">
            <v/>
          </cell>
          <cell r="BZ101" t="str">
            <v/>
          </cell>
          <cell r="CA101" t="str">
            <v/>
          </cell>
        </row>
        <row r="102">
          <cell r="E102">
            <v>98</v>
          </cell>
          <cell r="F102">
            <v>22</v>
          </cell>
          <cell r="G102">
            <v>2</v>
          </cell>
          <cell r="H102">
            <v>40289</v>
          </cell>
          <cell r="I102" t="str">
            <v>第2.2(4)</v>
          </cell>
          <cell r="J102" t="str">
            <v>防衛省航空自衛隊が発注する什器類について、発注者の意向を受けて、共同して納入メーカーを決定していた等として、公正取引委員会から、「私的独占の禁止及び公正取引の確保に関する法律」第３条違反により、排除措置命令及び課徴金納付命令等があった。</v>
          </cell>
          <cell r="K102">
            <v>4</v>
          </cell>
          <cell r="L102" t="str">
            <v>㈱内田洋行他１社</v>
          </cell>
          <cell r="O102" t="str">
            <v/>
          </cell>
          <cell r="P102">
            <v>0</v>
          </cell>
          <cell r="Q102">
            <v>0</v>
          </cell>
          <cell r="R102" t="str">
            <v>㈱内田洋行</v>
          </cell>
          <cell r="S102" t="str">
            <v>㈱ライオン事務器</v>
          </cell>
          <cell r="BP102">
            <v>10167</v>
          </cell>
          <cell r="BQ102">
            <v>11385</v>
          </cell>
          <cell r="BR102" t="str">
            <v/>
          </cell>
          <cell r="BS102" t="str">
            <v/>
          </cell>
          <cell r="BT102" t="str">
            <v/>
          </cell>
          <cell r="BU102" t="str">
            <v/>
          </cell>
          <cell r="BV102" t="str">
            <v/>
          </cell>
          <cell r="BW102" t="str">
            <v/>
          </cell>
          <cell r="BX102" t="str">
            <v/>
          </cell>
          <cell r="BY102" t="str">
            <v/>
          </cell>
          <cell r="BZ102" t="str">
            <v/>
          </cell>
          <cell r="CA102" t="str">
            <v/>
          </cell>
        </row>
        <row r="103">
          <cell r="E103">
            <v>99</v>
          </cell>
          <cell r="F103">
            <v>22</v>
          </cell>
          <cell r="G103">
            <v>3</v>
          </cell>
          <cell r="H103">
            <v>40291</v>
          </cell>
          <cell r="I103" t="str">
            <v>第2.7(4)④</v>
          </cell>
          <cell r="J103" t="str">
            <v>労働者派遣法に基づく労働者派遣事業改善命令を受けた。</v>
          </cell>
          <cell r="K103">
            <v>3</v>
          </cell>
          <cell r="L103" t="str">
            <v>㈱木内計測</v>
          </cell>
          <cell r="O103" t="str">
            <v/>
          </cell>
          <cell r="P103">
            <v>0</v>
          </cell>
          <cell r="Q103">
            <v>0</v>
          </cell>
          <cell r="R103" t="str">
            <v>㈱木内計測</v>
          </cell>
          <cell r="BP103">
            <v>2554</v>
          </cell>
          <cell r="BQ103" t="str">
            <v/>
          </cell>
          <cell r="BR103" t="str">
            <v/>
          </cell>
          <cell r="BS103" t="str">
            <v/>
          </cell>
          <cell r="BT103" t="str">
            <v/>
          </cell>
          <cell r="BU103" t="str">
            <v/>
          </cell>
          <cell r="BV103" t="str">
            <v/>
          </cell>
          <cell r="BW103" t="str">
            <v/>
          </cell>
          <cell r="BX103" t="str">
            <v/>
          </cell>
          <cell r="BY103" t="str">
            <v/>
          </cell>
          <cell r="BZ103" t="str">
            <v/>
          </cell>
          <cell r="CA103" t="str">
            <v/>
          </cell>
        </row>
        <row r="104">
          <cell r="E104">
            <v>100</v>
          </cell>
          <cell r="F104">
            <v>22</v>
          </cell>
          <cell r="G104">
            <v>4</v>
          </cell>
          <cell r="H104">
            <v>40353</v>
          </cell>
          <cell r="I104" t="str">
            <v>第2.2(2)</v>
          </cell>
          <cell r="J104" t="str">
            <v>独占禁止法第３条（不当な取引制限の禁止）の規定に違反する行為を行っていたとして、同法７条第２項の規定に基づく排除措置命令及び同法第７条の２第１項の規定に基づく課徴金納付命令を受けた。</v>
          </cell>
          <cell r="K104">
            <v>8</v>
          </cell>
          <cell r="L104" t="str">
            <v>三和シヤッター工業㈱他２社</v>
          </cell>
          <cell r="O104" t="str">
            <v/>
          </cell>
          <cell r="P104">
            <v>0</v>
          </cell>
          <cell r="Q104">
            <v>0</v>
          </cell>
          <cell r="R104" t="str">
            <v>三和シヤッター工業㈱</v>
          </cell>
          <cell r="S104" t="str">
            <v>文化シャッター㈱</v>
          </cell>
          <cell r="T104" t="str">
            <v>東洋シャッター㈱</v>
          </cell>
          <cell r="BP104">
            <v>2816</v>
          </cell>
          <cell r="BQ104">
            <v>3979</v>
          </cell>
          <cell r="BR104">
            <v>1</v>
          </cell>
        </row>
        <row r="105">
          <cell r="E105">
            <v>101</v>
          </cell>
          <cell r="F105">
            <v>22</v>
          </cell>
          <cell r="G105">
            <v>5</v>
          </cell>
          <cell r="H105">
            <v>40359</v>
          </cell>
          <cell r="I105" t="str">
            <v>第1.4(1)</v>
          </cell>
          <cell r="J105" t="str">
            <v>当市発注の基幹システム再構築事業における国民健康保険システム開発において、契約履行遅滞があった。</v>
          </cell>
          <cell r="K105">
            <v>3</v>
          </cell>
          <cell r="L105" t="str">
            <v>㈱システム・エージ</v>
          </cell>
          <cell r="O105" t="str">
            <v/>
          </cell>
          <cell r="P105">
            <v>0</v>
          </cell>
          <cell r="Q105">
            <v>0</v>
          </cell>
          <cell r="R105" t="str">
            <v>㈱システム・エージ</v>
          </cell>
          <cell r="BP105">
            <v>11060</v>
          </cell>
        </row>
        <row r="106">
          <cell r="E106">
            <v>102</v>
          </cell>
          <cell r="F106">
            <v>22</v>
          </cell>
          <cell r="G106">
            <v>6</v>
          </cell>
          <cell r="H106">
            <v>40393</v>
          </cell>
          <cell r="I106" t="str">
            <v>第2.1(4)</v>
          </cell>
          <cell r="J106" t="str">
            <v>特許庁発注のコンピューターシステム設計開発に関する情報提供の見返りに、同庁技官に賄賂を贈ったとして、贈賄の容疑で社員が逮捕された。</v>
          </cell>
          <cell r="K106">
            <v>6</v>
          </cell>
          <cell r="L106" t="str">
            <v>㈱エヌ・ティ・ティ・データ</v>
          </cell>
          <cell r="O106" t="str">
            <v/>
          </cell>
          <cell r="P106">
            <v>0</v>
          </cell>
          <cell r="Q106">
            <v>0</v>
          </cell>
          <cell r="R106" t="str">
            <v>㈱エヌ・ティ・ティ・データ</v>
          </cell>
          <cell r="BP106">
            <v>10145</v>
          </cell>
        </row>
        <row r="107">
          <cell r="E107">
            <v>103</v>
          </cell>
          <cell r="F107">
            <v>22</v>
          </cell>
          <cell r="G107">
            <v>7</v>
          </cell>
          <cell r="H107">
            <v>40373</v>
          </cell>
          <cell r="I107" t="str">
            <v>第2.7(4)④</v>
          </cell>
          <cell r="J107" t="str">
            <v>同社社員が、平成２０年１２月の羽田空港新滑走路工事の砂利不正転用事件における詐欺容疑で、警視庁から書類送検された。</v>
          </cell>
          <cell r="K107">
            <v>2</v>
          </cell>
          <cell r="L107" t="str">
            <v>鹿島建設㈱</v>
          </cell>
          <cell r="O107" t="str">
            <v/>
          </cell>
          <cell r="P107">
            <v>0</v>
          </cell>
          <cell r="Q107">
            <v>0</v>
          </cell>
          <cell r="R107" t="str">
            <v>◎鹿島建設㈱</v>
          </cell>
          <cell r="BP107">
            <v>2389.1999999999998</v>
          </cell>
        </row>
        <row r="108">
          <cell r="E108">
            <v>104</v>
          </cell>
          <cell r="F108">
            <v>22</v>
          </cell>
          <cell r="G108">
            <v>8</v>
          </cell>
          <cell r="H108">
            <v>40428</v>
          </cell>
          <cell r="I108" t="str">
            <v>第2.7(4)④</v>
          </cell>
          <cell r="J108" t="str">
            <v>同社が労働安全衛生法違反の容疑で、高知地検に書類送検された。</v>
          </cell>
          <cell r="K108">
            <v>1</v>
          </cell>
          <cell r="L108" t="str">
            <v>㈱奥村組</v>
          </cell>
          <cell r="O108" t="str">
            <v/>
          </cell>
          <cell r="P108">
            <v>0</v>
          </cell>
          <cell r="Q108">
            <v>0</v>
          </cell>
          <cell r="R108" t="str">
            <v>㈱奥村組</v>
          </cell>
          <cell r="BP108">
            <v>2328</v>
          </cell>
        </row>
        <row r="109">
          <cell r="E109">
            <v>105</v>
          </cell>
          <cell r="F109">
            <v>22</v>
          </cell>
          <cell r="G109">
            <v>9</v>
          </cell>
          <cell r="H109">
            <v>40479</v>
          </cell>
          <cell r="I109" t="str">
            <v>第2.1(2)</v>
          </cell>
          <cell r="J109" t="str">
            <v>芦屋市発注の下水処理場改修工事をめぐり、受注に便宜を図ってもらった見返りに、同市職員に商品券を渡したとして、贈賄の容疑で代表取締役が逮捕された。</v>
          </cell>
          <cell r="K109">
            <v>9</v>
          </cell>
          <cell r="L109" t="str">
            <v>㈱ＴＭＣ他１社</v>
          </cell>
          <cell r="O109" t="str">
            <v/>
          </cell>
          <cell r="P109">
            <v>0</v>
          </cell>
          <cell r="Q109">
            <v>0</v>
          </cell>
          <cell r="R109" t="str">
            <v>㈱ＴＭＣ</v>
          </cell>
          <cell r="S109" t="str">
            <v>新日本設計㈱</v>
          </cell>
          <cell r="BP109">
            <v>3336</v>
          </cell>
          <cell r="BQ109">
            <v>5616</v>
          </cell>
        </row>
        <row r="110">
          <cell r="E110">
            <v>106</v>
          </cell>
          <cell r="F110">
            <v>22</v>
          </cell>
          <cell r="G110">
            <v>10</v>
          </cell>
          <cell r="H110">
            <v>40480</v>
          </cell>
          <cell r="I110" t="str">
            <v>第2.1(4)</v>
          </cell>
          <cell r="J110" t="str">
            <v>南島原市発注の業務委託をめぐり、受注に便宜を図ってもらった見返りに、同市職員に現金を渡したとして、贈賄の容疑で取締役兼九州事務所長が逮捕された。</v>
          </cell>
          <cell r="K110">
            <v>6</v>
          </cell>
          <cell r="L110" t="str">
            <v>㈱日新技術コンサルタント</v>
          </cell>
          <cell r="O110" t="str">
            <v/>
          </cell>
          <cell r="P110">
            <v>0</v>
          </cell>
          <cell r="Q110">
            <v>0</v>
          </cell>
          <cell r="R110" t="str">
            <v>㈱日新技術コンサルタント</v>
          </cell>
          <cell r="BP110">
            <v>6012</v>
          </cell>
        </row>
        <row r="111">
          <cell r="E111">
            <v>107</v>
          </cell>
          <cell r="F111">
            <v>22</v>
          </cell>
          <cell r="G111">
            <v>11</v>
          </cell>
          <cell r="H111">
            <v>40563</v>
          </cell>
          <cell r="J111" t="str">
            <v>旧郵政省発注の郵便番号自動読取区分機類の入札について、受注予定者を決定し、受注予定者が受注できるようにしていたとして、公正取引委員会からの「私的独占の禁止及び公正取引の確保に関する法律」第３条違反による課徴金納付命令（平成１６年６月１４日）に対し、納付を命ずる審決があった。</v>
          </cell>
          <cell r="K111">
            <v>1</v>
          </cell>
          <cell r="L111" t="str">
            <v>㈱東芝他１社</v>
          </cell>
          <cell r="M111" t="str">
            <v>　※　指名停止基準付則３により、旧指名停止基準を適用</v>
          </cell>
          <cell r="N111" t="str">
            <v>第2.2(3)ｴ</v>
          </cell>
          <cell r="O111" t="str">
            <v/>
          </cell>
          <cell r="P111">
            <v>0</v>
          </cell>
          <cell r="Q111">
            <v>0</v>
          </cell>
          <cell r="R111" t="str">
            <v>㈱東芝</v>
          </cell>
          <cell r="S111" t="str">
            <v>日本電気㈱</v>
          </cell>
          <cell r="BP111">
            <v>3380</v>
          </cell>
          <cell r="BQ111">
            <v>3602</v>
          </cell>
        </row>
        <row r="112">
          <cell r="E112">
            <v>108</v>
          </cell>
          <cell r="F112">
            <v>22</v>
          </cell>
          <cell r="G112">
            <v>12</v>
          </cell>
          <cell r="H112">
            <v>40611</v>
          </cell>
          <cell r="J112" t="str">
            <v>国土交通省近畿地方整備局、同関東地方整備局及び福島県が発注する特定ピー・シー橋梁工事について、共同して、受注予定者を決定し、受注予定者が受注できるようにしていたとして、公正取引委員会から「私的独占の禁止及び公正取引の確保に関する法律」第３条違反により課徴金納付命令があった。</v>
          </cell>
          <cell r="K112">
            <v>1</v>
          </cell>
          <cell r="L112" t="str">
            <v>ピーシー橋梁㈱</v>
          </cell>
          <cell r="M112" t="str">
            <v>　※　指名停止基準付則３により、旧指名停止基準を適用</v>
          </cell>
          <cell r="N112" t="str">
            <v>第2.2(3)ｴ</v>
          </cell>
          <cell r="O112" t="str">
            <v/>
          </cell>
          <cell r="P112">
            <v>0</v>
          </cell>
          <cell r="Q112">
            <v>0</v>
          </cell>
          <cell r="R112" t="str">
            <v>ピーシー橋梁㈱</v>
          </cell>
          <cell r="S112" t="str">
            <v>川田建設㈱</v>
          </cell>
          <cell r="T112" t="str">
            <v>㈱安部日鋼工業</v>
          </cell>
          <cell r="U112" t="str">
            <v>昭和コンクリート工業㈱</v>
          </cell>
          <cell r="V112" t="str">
            <v>㈱日本ピーエス</v>
          </cell>
          <cell r="W112" t="str">
            <v>コーアツ工業㈱</v>
          </cell>
          <cell r="BP112">
            <v>3851</v>
          </cell>
          <cell r="BQ112">
            <v>2415</v>
          </cell>
          <cell r="BR112">
            <v>2042</v>
          </cell>
          <cell r="BS112">
            <v>2891</v>
          </cell>
          <cell r="BT112">
            <v>3608</v>
          </cell>
        </row>
        <row r="113">
          <cell r="E113">
            <v>109</v>
          </cell>
          <cell r="F113">
            <v>22</v>
          </cell>
          <cell r="G113">
            <v>13</v>
          </cell>
          <cell r="H113">
            <v>40632</v>
          </cell>
          <cell r="I113" t="str">
            <v>第2.3(4)</v>
          </cell>
          <cell r="J113" t="str">
            <v>札幌市発注のトンネル復旧工事をめぐり、元部長が競売入札妨害容疑で逮捕された。</v>
          </cell>
          <cell r="K113">
            <v>12</v>
          </cell>
          <cell r="L113" t="str">
            <v>岩田地崎建設㈱</v>
          </cell>
          <cell r="O113" t="str">
            <v/>
          </cell>
          <cell r="P113">
            <v>0</v>
          </cell>
          <cell r="Q113">
            <v>0</v>
          </cell>
          <cell r="R113" t="str">
            <v>◎岩田地崎建設㈱</v>
          </cell>
          <cell r="BP113">
            <v>3271.2</v>
          </cell>
        </row>
        <row r="114">
          <cell r="E114">
            <v>110</v>
          </cell>
          <cell r="F114">
            <v>23</v>
          </cell>
          <cell r="G114">
            <v>1</v>
          </cell>
          <cell r="H114">
            <v>40647</v>
          </cell>
          <cell r="I114" t="str">
            <v>第2.7(4)③</v>
          </cell>
          <cell r="J114" t="str">
            <v>役員が、貨物自動車運送事業法違反ほう助の疑いにより、書類送検された。</v>
          </cell>
          <cell r="K114">
            <v>1</v>
          </cell>
          <cell r="L114" t="str">
            <v>いすゞ自動車近畿㈱</v>
          </cell>
          <cell r="O114" t="str">
            <v/>
          </cell>
          <cell r="P114">
            <v>0</v>
          </cell>
          <cell r="Q114">
            <v>0</v>
          </cell>
          <cell r="R114" t="str">
            <v>いすゞ自動車近畿㈱</v>
          </cell>
          <cell r="BP114">
            <v>10763</v>
          </cell>
        </row>
        <row r="115">
          <cell r="E115">
            <v>111</v>
          </cell>
          <cell r="F115">
            <v>23</v>
          </cell>
          <cell r="G115">
            <v>2</v>
          </cell>
          <cell r="H115">
            <v>40704</v>
          </cell>
          <cell r="I115" t="str">
            <v>第2.7(4)④</v>
          </cell>
          <cell r="J115" t="str">
            <v>同社下請作業員が、廃棄物処理法違反容疑で書類送検された。</v>
          </cell>
          <cell r="K115" t="str">
            <v>解除</v>
          </cell>
          <cell r="L115" t="str">
            <v>鹿島建設㈱</v>
          </cell>
          <cell r="O115" t="str">
            <v/>
          </cell>
          <cell r="P115">
            <v>0</v>
          </cell>
          <cell r="Q115">
            <v>0</v>
          </cell>
          <cell r="R115" t="str">
            <v>鹿島建設㈱</v>
          </cell>
          <cell r="BP115">
            <v>2389</v>
          </cell>
        </row>
        <row r="116">
          <cell r="E116">
            <v>112</v>
          </cell>
          <cell r="F116">
            <v>23</v>
          </cell>
          <cell r="G116">
            <v>3</v>
          </cell>
          <cell r="H116">
            <v>40724</v>
          </cell>
          <cell r="J116" t="str">
            <v>国土交通省近畿地方整備局、同関東地方整備局及び福島県が発注する特定ピー・シー橋梁工事について、共同して、受注予定者を決定し、受注予定者が受注できるようにしていたとして、公正取引委員会から「私的独占の禁止及び公正取引の確保に関する法律」第３条違反により課徴金納付命令があった。</v>
          </cell>
          <cell r="K116">
            <v>1</v>
          </cell>
          <cell r="L116" t="str">
            <v>㈱ピーエス三菱　他４社</v>
          </cell>
          <cell r="M116" t="str">
            <v>　※　指名停止基準付則３により、旧指名停止基準を適用</v>
          </cell>
          <cell r="N116" t="str">
            <v>第2.2(3)ｳ</v>
          </cell>
          <cell r="O116" t="str">
            <v/>
          </cell>
          <cell r="P116">
            <v>0</v>
          </cell>
          <cell r="Q116">
            <v>0</v>
          </cell>
          <cell r="R116" t="str">
            <v>㈱ピーエス三菱</v>
          </cell>
          <cell r="S116" t="str">
            <v>オリエンタル白石㈱</v>
          </cell>
          <cell r="T116" t="str">
            <v>三井住友建設㈱</v>
          </cell>
          <cell r="U116" t="str">
            <v>極東興和㈱</v>
          </cell>
          <cell r="V116" t="str">
            <v>機動建設工業㈱</v>
          </cell>
          <cell r="BP116">
            <v>3851</v>
          </cell>
          <cell r="BQ116">
            <v>2338</v>
          </cell>
          <cell r="BR116">
            <v>4151</v>
          </cell>
          <cell r="BS116">
            <v>2536</v>
          </cell>
          <cell r="BT116">
            <v>2507</v>
          </cell>
        </row>
        <row r="117">
          <cell r="E117">
            <v>113</v>
          </cell>
          <cell r="F117">
            <v>23</v>
          </cell>
          <cell r="G117">
            <v>4</v>
          </cell>
          <cell r="H117">
            <v>40778</v>
          </cell>
          <cell r="I117" t="str">
            <v>第1.8(2)</v>
          </cell>
          <cell r="J117" t="str">
            <v>当市発注の伊丹市立昆陽里小学校耐震補強（第２期）他工事の施工にあたり、安全管理の措置が不適切であったことにより、工事関係者に負傷者を生じさせた。</v>
          </cell>
          <cell r="K117">
            <v>1</v>
          </cell>
          <cell r="L117" t="str">
            <v>㈱林建設</v>
          </cell>
          <cell r="O117" t="str">
            <v/>
          </cell>
          <cell r="P117">
            <v>0</v>
          </cell>
          <cell r="Q117">
            <v>0</v>
          </cell>
          <cell r="R117" t="str">
            <v>㈱林建設</v>
          </cell>
          <cell r="BP117">
            <v>23</v>
          </cell>
        </row>
        <row r="118">
          <cell r="E118">
            <v>114</v>
          </cell>
          <cell r="F118">
            <v>23</v>
          </cell>
          <cell r="G118">
            <v>5</v>
          </cell>
          <cell r="H118">
            <v>40780</v>
          </cell>
          <cell r="I118" t="str">
            <v>第2.7(4)②</v>
          </cell>
          <cell r="J118" t="str">
            <v>兵庫労働局長の許可を受けずに高圧蒸気復水器などを製作したなどとして、労働安全衛生法違反容疑で書類送検されたため。</v>
          </cell>
          <cell r="K118">
            <v>2</v>
          </cell>
          <cell r="L118" t="str">
            <v>㈱ハマダ</v>
          </cell>
          <cell r="O118" t="str">
            <v/>
          </cell>
          <cell r="P118">
            <v>0</v>
          </cell>
          <cell r="Q118">
            <v>0</v>
          </cell>
          <cell r="R118" t="str">
            <v>㈱ハマダ</v>
          </cell>
          <cell r="BP118">
            <v>3797</v>
          </cell>
        </row>
        <row r="119">
          <cell r="E119">
            <v>115</v>
          </cell>
          <cell r="F119">
            <v>23</v>
          </cell>
          <cell r="G119">
            <v>6</v>
          </cell>
          <cell r="H119">
            <v>40837</v>
          </cell>
          <cell r="I119" t="str">
            <v>伊丹市入札参加資格制限基準第２項第５号の２</v>
          </cell>
          <cell r="J119" t="str">
            <v>平成23年6月21日付で請負契約を締結した伊丹市庁舎空調ファンコイル改修工事において、契約書第47条各号に基づかない理由による契約解除の申出があり、本市の施工継続要請に応じず、工事を中断したため、契約書第45条第1項第5号の規定に基づく契約解除となった。このことは、伊丹市入札参加資格制限基準第2項第5号の２の規定に該当するため、入札参加資格制限処分を行うものである。</v>
          </cell>
          <cell r="K119" t="str">
            <v>2年間</v>
          </cell>
          <cell r="L119" t="str">
            <v>柳生設備㈱</v>
          </cell>
          <cell r="O119" t="str">
            <v/>
          </cell>
          <cell r="P119">
            <v>0</v>
          </cell>
          <cell r="Q119">
            <v>0</v>
          </cell>
          <cell r="R119" t="str">
            <v>柳生設備㈱</v>
          </cell>
          <cell r="BP119">
            <v>847</v>
          </cell>
          <cell r="BQ119" t="str">
            <v/>
          </cell>
          <cell r="BR119" t="str">
            <v/>
          </cell>
          <cell r="BS119" t="str">
            <v/>
          </cell>
          <cell r="BT119" t="str">
            <v/>
          </cell>
          <cell r="BU119" t="str">
            <v/>
          </cell>
          <cell r="BV119" t="str">
            <v/>
          </cell>
          <cell r="BW119" t="str">
            <v/>
          </cell>
          <cell r="BX119" t="str">
            <v/>
          </cell>
          <cell r="BY119" t="str">
            <v/>
          </cell>
          <cell r="BZ119" t="str">
            <v/>
          </cell>
          <cell r="CA119" t="str">
            <v/>
          </cell>
        </row>
        <row r="120">
          <cell r="E120">
            <v>116</v>
          </cell>
          <cell r="F120">
            <v>23</v>
          </cell>
          <cell r="G120">
            <v>7</v>
          </cell>
          <cell r="H120">
            <v>40848</v>
          </cell>
          <cell r="I120" t="str">
            <v>第1.9(2)</v>
          </cell>
          <cell r="J120" t="str">
            <v>光都土木事務所発注の千種川水系千種川隈見橋上部工製作・架設工に関し、安全管理の措置が不適切であったために、工事関係者に重傷者を生じさせたと認められるため。</v>
          </cell>
          <cell r="K120">
            <v>1</v>
          </cell>
          <cell r="L120" t="str">
            <v>日本橋梁㈱</v>
          </cell>
          <cell r="O120" t="str">
            <v/>
          </cell>
          <cell r="P120">
            <v>0</v>
          </cell>
          <cell r="Q120">
            <v>0</v>
          </cell>
          <cell r="R120" t="str">
            <v>日本橋梁㈱</v>
          </cell>
          <cell r="BP120">
            <v>3758</v>
          </cell>
          <cell r="BQ120" t="str">
            <v/>
          </cell>
          <cell r="BR120" t="str">
            <v/>
          </cell>
          <cell r="BS120" t="str">
            <v/>
          </cell>
          <cell r="BT120" t="str">
            <v/>
          </cell>
          <cell r="BU120" t="str">
            <v/>
          </cell>
          <cell r="BV120" t="str">
            <v/>
          </cell>
          <cell r="BW120" t="str">
            <v/>
          </cell>
          <cell r="BX120" t="str">
            <v/>
          </cell>
          <cell r="BY120" t="str">
            <v/>
          </cell>
          <cell r="BZ120" t="str">
            <v/>
          </cell>
          <cell r="CA120" t="str">
            <v/>
          </cell>
        </row>
        <row r="121">
          <cell r="E121">
            <v>117</v>
          </cell>
          <cell r="F121">
            <v>23</v>
          </cell>
          <cell r="G121">
            <v>8</v>
          </cell>
          <cell r="H121">
            <v>40848</v>
          </cell>
          <cell r="I121" t="str">
            <v>第2.6(2)②</v>
          </cell>
          <cell r="J121" t="str">
            <v>地方公共団体に提出する競争参加資格確認申請書、競争参加資格確認資料等において、証明日を改ざんした建設業許可証明書を提出したことは、建設業法第28条第1項第2号に該当するとして、同条第３項の規定に基づき、東播磨県民局長から営業の停止処分を受けた。</v>
          </cell>
          <cell r="K121">
            <v>5</v>
          </cell>
          <cell r="L121" t="str">
            <v>播水工業㈱</v>
          </cell>
          <cell r="O121" t="str">
            <v/>
          </cell>
          <cell r="P121">
            <v>0</v>
          </cell>
          <cell r="Q121">
            <v>0</v>
          </cell>
          <cell r="R121" t="str">
            <v>播水工業㈱</v>
          </cell>
          <cell r="BP121">
            <v>3819</v>
          </cell>
          <cell r="BQ121" t="str">
            <v/>
          </cell>
          <cell r="BR121" t="str">
            <v/>
          </cell>
          <cell r="BS121" t="str">
            <v/>
          </cell>
          <cell r="BT121" t="str">
            <v/>
          </cell>
          <cell r="BU121" t="str">
            <v/>
          </cell>
          <cell r="BV121" t="str">
            <v/>
          </cell>
          <cell r="BW121" t="str">
            <v/>
          </cell>
          <cell r="BX121" t="str">
            <v/>
          </cell>
          <cell r="BY121" t="str">
            <v/>
          </cell>
          <cell r="BZ121" t="str">
            <v/>
          </cell>
          <cell r="CA121" t="str">
            <v/>
          </cell>
        </row>
        <row r="122">
          <cell r="E122">
            <v>118</v>
          </cell>
          <cell r="F122">
            <v>23</v>
          </cell>
          <cell r="G122">
            <v>9</v>
          </cell>
          <cell r="H122">
            <v>40905</v>
          </cell>
          <cell r="I122" t="str">
            <v>第2.7(4)④</v>
          </cell>
          <cell r="J122" t="str">
            <v>大分県内の向上解体工事で作業員が転落死する事故が発生。中津労基署が労働安全衛生法違反で大分地検に書類送検した。</v>
          </cell>
          <cell r="K122" t="str">
            <v>解除</v>
          </cell>
          <cell r="L122" t="str">
            <v>鹿島建設㈱</v>
          </cell>
          <cell r="O122" t="str">
            <v/>
          </cell>
          <cell r="P122">
            <v>0</v>
          </cell>
          <cell r="Q122">
            <v>0</v>
          </cell>
          <cell r="R122" t="str">
            <v>鹿島建設㈱</v>
          </cell>
          <cell r="BP122">
            <v>2389</v>
          </cell>
          <cell r="BQ122" t="str">
            <v/>
          </cell>
          <cell r="BR122" t="str">
            <v/>
          </cell>
          <cell r="BS122" t="str">
            <v/>
          </cell>
          <cell r="BT122" t="str">
            <v/>
          </cell>
          <cell r="BU122" t="str">
            <v/>
          </cell>
          <cell r="BV122" t="str">
            <v/>
          </cell>
          <cell r="BW122" t="str">
            <v/>
          </cell>
          <cell r="BX122" t="str">
            <v/>
          </cell>
          <cell r="BY122" t="str">
            <v/>
          </cell>
          <cell r="BZ122" t="str">
            <v/>
          </cell>
          <cell r="CA122" t="str">
            <v/>
          </cell>
        </row>
        <row r="123">
          <cell r="E123">
            <v>119</v>
          </cell>
          <cell r="F123">
            <v>24</v>
          </cell>
          <cell r="G123">
            <v>56</v>
          </cell>
          <cell r="H123">
            <v>41036</v>
          </cell>
          <cell r="I123" t="str">
            <v>第2.3(4)</v>
          </cell>
          <cell r="J123" t="str">
            <v>㈱明電舎は、同社の社員が競売入札妨害罪の容疑で平成２４年４月２８日に静岡県警に逮捕された。</v>
          </cell>
          <cell r="K123">
            <v>6</v>
          </cell>
          <cell r="L123" t="str">
            <v>㈱明電舎</v>
          </cell>
          <cell r="M123" t="str">
            <v/>
          </cell>
          <cell r="N123">
            <v>0</v>
          </cell>
          <cell r="O123" t="str">
            <v/>
          </cell>
          <cell r="P123">
            <v>0</v>
          </cell>
          <cell r="Q123">
            <v>1</v>
          </cell>
          <cell r="R123" t="str">
            <v>㈱明電舎</v>
          </cell>
          <cell r="BP123">
            <v>4233</v>
          </cell>
        </row>
        <row r="124">
          <cell r="E124">
            <v>120</v>
          </cell>
          <cell r="F124">
            <v>24</v>
          </cell>
          <cell r="G124">
            <v>56</v>
          </cell>
          <cell r="H124">
            <v>41036</v>
          </cell>
          <cell r="I124" t="str">
            <v>第2.6(2)③</v>
          </cell>
          <cell r="J124" t="str">
            <v>大和ハウス工業㈱は、同社が国土交通省近畿地方整備局から平成２４年４月５日に建設業方に基づく営業停止処分を受けた。</v>
          </cell>
          <cell r="K124">
            <v>3</v>
          </cell>
          <cell r="L124" t="str">
            <v>大和ハウス工業㈱</v>
          </cell>
          <cell r="M124" t="str">
            <v/>
          </cell>
          <cell r="N124">
            <v>0</v>
          </cell>
          <cell r="O124" t="str">
            <v/>
          </cell>
          <cell r="P124">
            <v>0</v>
          </cell>
          <cell r="Q124">
            <v>1</v>
          </cell>
          <cell r="R124" t="str">
            <v>大和ハウス工業㈱</v>
          </cell>
          <cell r="BP124">
            <v>3160</v>
          </cell>
        </row>
        <row r="125">
          <cell r="E125">
            <v>121</v>
          </cell>
          <cell r="F125">
            <v>24</v>
          </cell>
          <cell r="G125">
            <v>57</v>
          </cell>
          <cell r="H125">
            <v>41061</v>
          </cell>
          <cell r="I125" t="str">
            <v>第2.7(4)③</v>
          </cell>
          <cell r="J125" t="str">
            <v>戸田建設㈱は、同社及び同社の社員が労働安全衛生法違反容疑で平成２４年３月２６日に書類送検された。</v>
          </cell>
          <cell r="K125" t="str">
            <v>解除</v>
          </cell>
          <cell r="L125" t="str">
            <v>戸田建設㈱</v>
          </cell>
          <cell r="O125" t="str">
            <v/>
          </cell>
          <cell r="P125">
            <v>0</v>
          </cell>
          <cell r="Q125">
            <v>1</v>
          </cell>
          <cell r="R125" t="str">
            <v>戸田建設㈱</v>
          </cell>
          <cell r="BP125">
            <v>3419</v>
          </cell>
        </row>
        <row r="126">
          <cell r="E126">
            <v>122</v>
          </cell>
          <cell r="F126">
            <v>24</v>
          </cell>
          <cell r="G126">
            <v>57</v>
          </cell>
          <cell r="H126">
            <v>41061</v>
          </cell>
          <cell r="I126" t="str">
            <v>第2.7(4)④</v>
          </cell>
          <cell r="J126" t="str">
            <v>三菱電機プラントエンジニアリング㈱は、同社が労働者派遣事業停止命令及び労働者派遣事業改善命令を受けたため。</v>
          </cell>
          <cell r="K126">
            <v>1</v>
          </cell>
          <cell r="L126" t="str">
            <v>三菱電機プラントエンジニアリング㈱</v>
          </cell>
          <cell r="O126" t="str">
            <v/>
          </cell>
          <cell r="P126">
            <v>0</v>
          </cell>
          <cell r="Q126">
            <v>1</v>
          </cell>
          <cell r="R126" t="str">
            <v>三菱電機プラントエンジニアリング㈱</v>
          </cell>
          <cell r="BP126">
            <v>4162</v>
          </cell>
        </row>
        <row r="127">
          <cell r="E127">
            <v>123</v>
          </cell>
          <cell r="F127">
            <v>24</v>
          </cell>
          <cell r="G127">
            <v>58</v>
          </cell>
          <cell r="H127">
            <v>41068</v>
          </cell>
          <cell r="I127" t="str">
            <v>第1.8(2)</v>
          </cell>
          <cell r="J127" t="str">
            <v>㈱きんでん　他１社は、兵庫県病院局発注の兵庫県立淡路病院電気設備工事の施工にあたり、安全管理の措置が不適切であったため工事関係者に重傷者を生じさせたと認められる。</v>
          </cell>
          <cell r="K127">
            <v>1</v>
          </cell>
          <cell r="L127" t="str">
            <v>㈱きんでん　他１社</v>
          </cell>
          <cell r="O127" t="str">
            <v/>
          </cell>
          <cell r="P127">
            <v>0</v>
          </cell>
          <cell r="Q127">
            <v>2</v>
          </cell>
          <cell r="R127" t="str">
            <v>㈱きんでん</v>
          </cell>
          <cell r="S127" t="str">
            <v>ＪＦＥ電制㈱</v>
          </cell>
          <cell r="BP127">
            <v>2550</v>
          </cell>
        </row>
        <row r="128">
          <cell r="E128">
            <v>124</v>
          </cell>
          <cell r="F128">
            <v>24</v>
          </cell>
          <cell r="G128">
            <v>58</v>
          </cell>
          <cell r="H128">
            <v>41068</v>
          </cell>
          <cell r="I128" t="str">
            <v>第2.8(1)</v>
          </cell>
          <cell r="J128" t="str">
            <v>㈱大興コーポレーションは、実際には従事していない専任技術者が同社にいるように装い、阪神北県民局に一般建設業の許可申請を申請し、許可を得たとして、建設業法違反容疑で代表者が逮捕されたため。</v>
          </cell>
          <cell r="K128">
            <v>3</v>
          </cell>
          <cell r="L128" t="str">
            <v>㈱大興コーポレーション</v>
          </cell>
          <cell r="O128" t="str">
            <v/>
          </cell>
          <cell r="P128">
            <v>0</v>
          </cell>
          <cell r="Q128">
            <v>1</v>
          </cell>
          <cell r="R128" t="str">
            <v>㈱大興コーポレーション</v>
          </cell>
          <cell r="BP128">
            <v>469</v>
          </cell>
        </row>
        <row r="129">
          <cell r="E129">
            <v>125</v>
          </cell>
          <cell r="F129">
            <v>24</v>
          </cell>
          <cell r="G129">
            <v>98</v>
          </cell>
          <cell r="H129">
            <v>41039</v>
          </cell>
          <cell r="I129" t="str">
            <v>第2.6(3)③</v>
          </cell>
          <cell r="J129" t="str">
            <v>㈱鴻友建設は、同社が大阪府から平成２４年３月８日に建設業法に基づく指示処分を受けた。</v>
          </cell>
          <cell r="K129">
            <v>1</v>
          </cell>
          <cell r="L129" t="str">
            <v>㈱鴻友建設</v>
          </cell>
          <cell r="M129" t="str">
            <v/>
          </cell>
          <cell r="N129">
            <v>0</v>
          </cell>
          <cell r="O129" t="str">
            <v/>
          </cell>
          <cell r="P129">
            <v>0</v>
          </cell>
          <cell r="Q129">
            <v>1</v>
          </cell>
          <cell r="R129" t="str">
            <v>㈱鴻友建設</v>
          </cell>
          <cell r="BP129">
            <v>2691</v>
          </cell>
        </row>
        <row r="130">
          <cell r="E130">
            <v>126</v>
          </cell>
          <cell r="F130">
            <v>24</v>
          </cell>
          <cell r="G130">
            <v>99</v>
          </cell>
          <cell r="H130">
            <v>41115</v>
          </cell>
          <cell r="I130" t="str">
            <v>第2.7(4)④</v>
          </cell>
          <cell r="J130" t="str">
            <v>三井住友建設㈱は、同社の社員が有印公文書偽造罪及び同行使罪、火薬類取締法違反の容疑で平成２４年４月２７日に名古屋地方検察庁岡崎支部により起訴された。</v>
          </cell>
          <cell r="K130">
            <v>1</v>
          </cell>
          <cell r="L130" t="str">
            <v>三井住友建設㈱</v>
          </cell>
          <cell r="M130" t="str">
            <v/>
          </cell>
          <cell r="N130">
            <v>0</v>
          </cell>
          <cell r="O130" t="str">
            <v/>
          </cell>
          <cell r="P130">
            <v>0</v>
          </cell>
          <cell r="Q130">
            <v>1</v>
          </cell>
          <cell r="R130" t="str">
            <v>三井住友建設㈱</v>
          </cell>
          <cell r="BP130">
            <v>4151</v>
          </cell>
        </row>
        <row r="131">
          <cell r="E131">
            <v>127</v>
          </cell>
          <cell r="F131">
            <v>24</v>
          </cell>
          <cell r="G131">
            <v>100</v>
          </cell>
          <cell r="H131">
            <v>41115</v>
          </cell>
          <cell r="I131" t="str">
            <v>第2.7(4)③</v>
          </cell>
          <cell r="J131" t="str">
            <v>㈱森本組は、同社の社員が労働安全衛生法違反で平成２４年３月に略式起訴された。</v>
          </cell>
          <cell r="K131">
            <v>1</v>
          </cell>
          <cell r="L131" t="str">
            <v>㈱森本組</v>
          </cell>
          <cell r="M131" t="str">
            <v/>
          </cell>
          <cell r="N131">
            <v>0</v>
          </cell>
          <cell r="O131" t="str">
            <v/>
          </cell>
          <cell r="P131">
            <v>0</v>
          </cell>
          <cell r="Q131">
            <v>1</v>
          </cell>
          <cell r="R131" t="str">
            <v>㈱森本組</v>
          </cell>
          <cell r="BP131">
            <v>4262</v>
          </cell>
        </row>
        <row r="132">
          <cell r="E132">
            <v>128</v>
          </cell>
          <cell r="F132">
            <v>24</v>
          </cell>
          <cell r="G132">
            <v>101</v>
          </cell>
          <cell r="H132">
            <v>41115</v>
          </cell>
          <cell r="I132" t="str">
            <v>第2.6(3)④</v>
          </cell>
          <cell r="J132" t="str">
            <v>㈱トーエネックは、国土交通省中部地方整備局から、建設業法違反で指示処分を受けたため。</v>
          </cell>
          <cell r="K132">
            <v>1</v>
          </cell>
          <cell r="L132" t="str">
            <v>㈱トーエネック</v>
          </cell>
          <cell r="M132" t="str">
            <v/>
          </cell>
          <cell r="N132">
            <v>0</v>
          </cell>
          <cell r="O132" t="str">
            <v/>
          </cell>
          <cell r="P132">
            <v>0</v>
          </cell>
          <cell r="Q132">
            <v>1</v>
          </cell>
          <cell r="R132" t="str">
            <v>㈱トーエネック</v>
          </cell>
          <cell r="BP132">
            <v>3407</v>
          </cell>
        </row>
        <row r="133">
          <cell r="E133">
            <v>129</v>
          </cell>
          <cell r="F133">
            <v>24</v>
          </cell>
          <cell r="G133">
            <v>102</v>
          </cell>
          <cell r="H133">
            <v>41115</v>
          </cell>
          <cell r="I133" t="str">
            <v>第2.7(4)④</v>
          </cell>
          <cell r="J133" t="str">
            <v>郵便事業㈱は、同社元社員が、郵便法違反により逮捕されたため。</v>
          </cell>
          <cell r="K133">
            <v>1</v>
          </cell>
          <cell r="L133" t="str">
            <v>郵便事業㈱</v>
          </cell>
          <cell r="M133" t="str">
            <v/>
          </cell>
          <cell r="N133">
            <v>0</v>
          </cell>
          <cell r="O133" t="str">
            <v/>
          </cell>
          <cell r="P133">
            <v>0</v>
          </cell>
          <cell r="Q133">
            <v>1</v>
          </cell>
          <cell r="R133" t="str">
            <v>郵便事業㈱</v>
          </cell>
          <cell r="BP133">
            <v>11471</v>
          </cell>
        </row>
        <row r="134">
          <cell r="E134">
            <v>130</v>
          </cell>
          <cell r="F134">
            <v>24</v>
          </cell>
          <cell r="G134">
            <v>103</v>
          </cell>
          <cell r="H134">
            <v>41115</v>
          </cell>
          <cell r="I134" t="str">
            <v>第2.1(2)</v>
          </cell>
          <cell r="J134" t="str">
            <v>㈱地域経済研究所は、同社の元代表取締役が賄賂罪の容疑で平成２４年７月１３日に兵庫県警に逮捕されたため。</v>
          </cell>
          <cell r="K134">
            <v>9</v>
          </cell>
          <cell r="L134" t="str">
            <v>㈱地域経済研究所</v>
          </cell>
          <cell r="M134" t="str">
            <v/>
          </cell>
          <cell r="N134">
            <v>0</v>
          </cell>
          <cell r="O134" t="str">
            <v/>
          </cell>
          <cell r="P134">
            <v>0</v>
          </cell>
          <cell r="Q134">
            <v>1</v>
          </cell>
          <cell r="R134" t="str">
            <v>㈱地域経済研究所</v>
          </cell>
          <cell r="BP134">
            <v>5814</v>
          </cell>
        </row>
        <row r="135">
          <cell r="E135">
            <v>131</v>
          </cell>
          <cell r="F135">
            <v>24</v>
          </cell>
          <cell r="G135">
            <v>117</v>
          </cell>
          <cell r="H135">
            <v>41145</v>
          </cell>
          <cell r="I135" t="str">
            <v>第2.6(2)③</v>
          </cell>
          <cell r="J135" t="str">
            <v>都永建設㈱は、豊中市発注の建設工事を他の建設業者から一括して請け負ったことが、建設業法第２８条第１項第４号に該当するとして、大阪府知事から、同条第３項の規定に基づく営業停止処分を受けたため。</v>
          </cell>
          <cell r="K135">
            <v>3</v>
          </cell>
          <cell r="L135" t="str">
            <v>都永建設㈱</v>
          </cell>
          <cell r="M135" t="str">
            <v/>
          </cell>
          <cell r="N135">
            <v>0</v>
          </cell>
          <cell r="O135" t="str">
            <v/>
          </cell>
          <cell r="P135">
            <v>0</v>
          </cell>
          <cell r="Q135">
            <v>1</v>
          </cell>
          <cell r="R135" t="str">
            <v>都永建設㈱</v>
          </cell>
          <cell r="BP135">
            <v>3436</v>
          </cell>
        </row>
        <row r="136">
          <cell r="E136">
            <v>132</v>
          </cell>
          <cell r="F136">
            <v>24</v>
          </cell>
          <cell r="G136">
            <v>131</v>
          </cell>
          <cell r="H136">
            <v>41163</v>
          </cell>
          <cell r="I136" t="str">
            <v>第2.1(4)</v>
          </cell>
          <cell r="J136" t="str">
            <v>郡リース㈱は、同社の社員が警視庁により賄賂罪の容疑で平成２４年９月３日に逮捕された。</v>
          </cell>
          <cell r="K136">
            <v>6</v>
          </cell>
          <cell r="L136" t="str">
            <v>郡リース㈱</v>
          </cell>
          <cell r="M136" t="str">
            <v/>
          </cell>
          <cell r="N136">
            <v>0</v>
          </cell>
          <cell r="O136" t="str">
            <v/>
          </cell>
          <cell r="P136">
            <v>0</v>
          </cell>
          <cell r="Q136">
            <v>1</v>
          </cell>
          <cell r="R136" t="str">
            <v>郡リース㈱</v>
          </cell>
          <cell r="BP136">
            <v>2734</v>
          </cell>
          <cell r="CC136" t="str">
            <v/>
          </cell>
        </row>
        <row r="137">
          <cell r="E137">
            <v>133</v>
          </cell>
          <cell r="F137">
            <v>24</v>
          </cell>
          <cell r="G137">
            <v>132</v>
          </cell>
          <cell r="H137">
            <v>41163</v>
          </cell>
          <cell r="I137" t="str">
            <v>第2.1(3)</v>
          </cell>
          <cell r="J137" t="str">
            <v>㈱三宅建築事務所は、同社の社員が京都府警により賄賂罪の容疑で平成２４年８月３０日に書類送検された。</v>
          </cell>
          <cell r="K137">
            <v>6</v>
          </cell>
          <cell r="L137" t="str">
            <v>㈱三宅建築事務所</v>
          </cell>
          <cell r="M137" t="str">
            <v/>
          </cell>
          <cell r="N137">
            <v>0</v>
          </cell>
          <cell r="O137" t="str">
            <v/>
          </cell>
          <cell r="P137">
            <v>0</v>
          </cell>
          <cell r="Q137">
            <v>6</v>
          </cell>
          <cell r="R137" t="str">
            <v>㈱三宅建築事務所</v>
          </cell>
          <cell r="BP137">
            <v>6351</v>
          </cell>
        </row>
        <row r="138">
          <cell r="E138">
            <v>134</v>
          </cell>
          <cell r="F138">
            <v>24</v>
          </cell>
          <cell r="G138">
            <v>133</v>
          </cell>
          <cell r="H138">
            <v>41163</v>
          </cell>
          <cell r="I138" t="str">
            <v>第1.8(1)</v>
          </cell>
          <cell r="J138" t="str">
            <v>新明和工業㈱は、同社及びその社員が淀川労働基準監督署により労働安全衛生法違反容疑で平成２４年８月３０日に書類送検された。</v>
          </cell>
          <cell r="K138">
            <v>2</v>
          </cell>
          <cell r="L138" t="str">
            <v>新明和工業㈱</v>
          </cell>
          <cell r="M138" t="str">
            <v/>
          </cell>
          <cell r="N138">
            <v>0</v>
          </cell>
          <cell r="O138" t="str">
            <v/>
          </cell>
          <cell r="P138">
            <v>0</v>
          </cell>
          <cell r="Q138">
            <v>1</v>
          </cell>
          <cell r="R138" t="str">
            <v>新明和工業㈱</v>
          </cell>
          <cell r="BP138">
            <v>2927</v>
          </cell>
        </row>
        <row r="139">
          <cell r="E139">
            <v>135</v>
          </cell>
          <cell r="F139">
            <v>24</v>
          </cell>
          <cell r="H139">
            <v>41192</v>
          </cell>
          <cell r="I139" t="str">
            <v>第2.7(4)②</v>
          </cell>
          <cell r="J139" t="str">
            <v>同社の社員が建築基準法施行令に違反したとして平成24年9月6日に国土交通省により業務停止の懲戒処分を受けた。</v>
          </cell>
          <cell r="K139">
            <v>2</v>
          </cell>
          <cell r="L139" t="str">
            <v>㈱ＩＡＯ竹田設計</v>
          </cell>
          <cell r="M139" t="str">
            <v/>
          </cell>
          <cell r="N139">
            <v>0</v>
          </cell>
          <cell r="O139" t="str">
            <v/>
          </cell>
          <cell r="P139">
            <v>0</v>
          </cell>
          <cell r="Q139">
            <v>1</v>
          </cell>
          <cell r="R139" t="str">
            <v>㈱ＩＡＯ竹田設計</v>
          </cell>
          <cell r="BP139">
            <v>5015</v>
          </cell>
        </row>
        <row r="140">
          <cell r="E140">
            <v>136</v>
          </cell>
          <cell r="F140">
            <v>24</v>
          </cell>
          <cell r="H140">
            <v>41192</v>
          </cell>
          <cell r="I140" t="str">
            <v>第2.7(4)④</v>
          </cell>
          <cell r="J140" t="str">
            <v>同社の社員が建築基準法に違反したとして平成24年9月6日に国土交通省により業務停止の懲戒処分を受けた。</v>
          </cell>
          <cell r="K140">
            <v>1</v>
          </cell>
          <cell r="L140" t="str">
            <v>㈱杉原設計事務所</v>
          </cell>
          <cell r="M140" t="str">
            <v/>
          </cell>
          <cell r="N140">
            <v>0</v>
          </cell>
          <cell r="O140" t="str">
            <v/>
          </cell>
          <cell r="P140">
            <v>0</v>
          </cell>
          <cell r="Q140">
            <v>1</v>
          </cell>
          <cell r="R140" t="str">
            <v>㈱杉原設計事務所</v>
          </cell>
          <cell r="BP140">
            <v>5661</v>
          </cell>
        </row>
        <row r="141">
          <cell r="E141">
            <v>137</v>
          </cell>
          <cell r="F141">
            <v>24</v>
          </cell>
          <cell r="H141">
            <v>41192</v>
          </cell>
          <cell r="I141" t="str">
            <v>第2.6(3)③</v>
          </cell>
          <cell r="J141" t="str">
            <v>建設業法に基づく指示処分を受けたため。</v>
          </cell>
          <cell r="K141">
            <v>1</v>
          </cell>
          <cell r="L141" t="str">
            <v>岐建㈱</v>
          </cell>
          <cell r="M141" t="str">
            <v/>
          </cell>
          <cell r="N141">
            <v>0</v>
          </cell>
          <cell r="O141" t="str">
            <v/>
          </cell>
          <cell r="P141">
            <v>0</v>
          </cell>
          <cell r="Q141">
            <v>1</v>
          </cell>
          <cell r="R141" t="str">
            <v>岐建㈱</v>
          </cell>
          <cell r="BP141">
            <v>2553</v>
          </cell>
        </row>
        <row r="142">
          <cell r="E142">
            <v>138</v>
          </cell>
          <cell r="F142">
            <v>24</v>
          </cell>
          <cell r="H142">
            <v>41192</v>
          </cell>
          <cell r="I142" t="str">
            <v>第2.2(4)</v>
          </cell>
          <cell r="J142" t="str">
            <v>公正取引委員会から排除措置命令及び課徴金納付命令を受けたため。</v>
          </cell>
          <cell r="K142">
            <v>4</v>
          </cell>
          <cell r="L142" t="str">
            <v>太陽工業㈱</v>
          </cell>
          <cell r="M142" t="str">
            <v/>
          </cell>
          <cell r="N142">
            <v>0</v>
          </cell>
          <cell r="O142" t="str">
            <v/>
          </cell>
          <cell r="P142">
            <v>0</v>
          </cell>
          <cell r="Q142">
            <v>1</v>
          </cell>
          <cell r="R142" t="str">
            <v>太陽工業㈱</v>
          </cell>
          <cell r="BP142">
            <v>3154</v>
          </cell>
        </row>
        <row r="143">
          <cell r="E143">
            <v>139</v>
          </cell>
          <cell r="F143">
            <v>24</v>
          </cell>
          <cell r="H143">
            <v>41227</v>
          </cell>
          <cell r="I143" t="str">
            <v>第2.7(4)④</v>
          </cell>
          <cell r="J143" t="str">
            <v>同社及び同社の社員が倉敷労働基準監督署により労働安全衛生法違反容疑で平成２４年９月２５日に書類送検された。</v>
          </cell>
          <cell r="K143">
            <v>1</v>
          </cell>
          <cell r="L143" t="str">
            <v>ＪＦＥ電制㈱</v>
          </cell>
          <cell r="R143" t="str">
            <v>ＪＦＥ電制㈱</v>
          </cell>
        </row>
        <row r="144">
          <cell r="E144">
            <v>140</v>
          </cell>
          <cell r="F144">
            <v>24</v>
          </cell>
          <cell r="H144">
            <v>41227</v>
          </cell>
          <cell r="I144" t="str">
            <v>第2.2(4)</v>
          </cell>
          <cell r="J144" t="str">
            <v>同社が平成２４年１０月１７日に公正取引委員会から排除措置命令及び課徴金納付命令を受けたため。</v>
          </cell>
          <cell r="K144">
            <v>4</v>
          </cell>
          <cell r="L144" t="str">
            <v>乾工業㈱</v>
          </cell>
          <cell r="R144" t="str">
            <v>乾工業㈱</v>
          </cell>
        </row>
        <row r="145">
          <cell r="E145">
            <v>141</v>
          </cell>
          <cell r="F145">
            <v>24</v>
          </cell>
          <cell r="H145">
            <v>41246</v>
          </cell>
          <cell r="I145" t="str">
            <v>第2.6(2)④</v>
          </cell>
          <cell r="J145" t="str">
            <v>建設業法に基づく営業停止処分を受けたため。</v>
          </cell>
          <cell r="K145">
            <v>3</v>
          </cell>
          <cell r="L145" t="str">
            <v>東亜建設工業㈱</v>
          </cell>
          <cell r="R145" t="str">
            <v>東亜建設工業㈱</v>
          </cell>
        </row>
        <row r="146">
          <cell r="E146">
            <v>142</v>
          </cell>
          <cell r="F146">
            <v>24</v>
          </cell>
          <cell r="H146">
            <v>41246</v>
          </cell>
          <cell r="I146" t="str">
            <v>第2.2(4)</v>
          </cell>
          <cell r="J146" t="str">
            <v>公正取引委員会から排除措置命令及び課徴金納付命令を受けたため。</v>
          </cell>
          <cell r="K146">
            <v>4</v>
          </cell>
          <cell r="L146" t="str">
            <v>三菱電機㈱</v>
          </cell>
          <cell r="R146" t="str">
            <v>三菱電機㈱</v>
          </cell>
        </row>
        <row r="147">
          <cell r="E147">
            <v>143</v>
          </cell>
          <cell r="F147">
            <v>24</v>
          </cell>
          <cell r="H147">
            <v>41246</v>
          </cell>
          <cell r="I147" t="str">
            <v>第2.7(4)④</v>
          </cell>
          <cell r="J147" t="str">
            <v>マンションの管理の適正化の推進に関する法律に基づく指示処分を受けたため。</v>
          </cell>
          <cell r="K147">
            <v>1</v>
          </cell>
          <cell r="L147" t="str">
            <v>イオンディライト㈱</v>
          </cell>
          <cell r="R147" t="str">
            <v>イオンディライト㈱</v>
          </cell>
        </row>
        <row r="148">
          <cell r="E148">
            <v>144</v>
          </cell>
          <cell r="F148">
            <v>24</v>
          </cell>
          <cell r="H148">
            <v>41338</v>
          </cell>
          <cell r="I148" t="str">
            <v>第2.7(4)④</v>
          </cell>
          <cell r="J148" t="str">
            <v>東京都知事から建築士法に基づく戒告処分を受けたため</v>
          </cell>
          <cell r="K148">
            <v>1</v>
          </cell>
          <cell r="L148" t="str">
            <v>㈱日建設計</v>
          </cell>
          <cell r="R148" t="str">
            <v>㈱日建設計</v>
          </cell>
        </row>
        <row r="149">
          <cell r="E149">
            <v>145</v>
          </cell>
          <cell r="F149">
            <v>24</v>
          </cell>
          <cell r="H149">
            <v>41338</v>
          </cell>
          <cell r="I149" t="str">
            <v>第2.3(3)</v>
          </cell>
          <cell r="J149" t="str">
            <v>同社社員が、平成２４年２月２４日に滋賀県警により競売入札妨害罪で逮捕されたため</v>
          </cell>
          <cell r="K149">
            <v>6</v>
          </cell>
          <cell r="L149" t="str">
            <v>機動建設工業㈱</v>
          </cell>
          <cell r="R149" t="str">
            <v>機動建設工業㈱</v>
          </cell>
        </row>
        <row r="150">
          <cell r="E150">
            <v>146</v>
          </cell>
          <cell r="F150">
            <v>25</v>
          </cell>
          <cell r="G150">
            <v>1</v>
          </cell>
          <cell r="H150">
            <v>41369</v>
          </cell>
          <cell r="I150" t="str">
            <v>第1.9(2)</v>
          </cell>
          <cell r="J150" t="str">
            <v>宝塚土木事務所発注の生瀬門戸荘線　自動歩道改良・電線共同溝工事(その１)の施工にあたり、安全管理の措置が不適切であったことにより、工事関係者に重傷者を生じさせたため。</v>
          </cell>
          <cell r="K150">
            <v>1</v>
          </cell>
          <cell r="L150" t="str">
            <v>㈱カナック工業</v>
          </cell>
          <cell r="Q150">
            <v>1</v>
          </cell>
          <cell r="R150" t="str">
            <v>㈱カナック工業</v>
          </cell>
          <cell r="BP150">
            <v>2395</v>
          </cell>
        </row>
        <row r="151">
          <cell r="E151">
            <v>147</v>
          </cell>
          <cell r="F151">
            <v>25</v>
          </cell>
          <cell r="G151">
            <v>2</v>
          </cell>
          <cell r="H151">
            <v>41369</v>
          </cell>
          <cell r="I151" t="str">
            <v>第2.3(3)</v>
          </cell>
          <cell r="J151" t="str">
            <v>豊岡土地改良センター発注の塩山地区集水井工事の施工にあたり、安全管理措置が不適切であったことにより、公衆に負傷者を生じさせたため。</v>
          </cell>
          <cell r="K151">
            <v>6</v>
          </cell>
          <cell r="L151" t="str">
            <v>㈱日さく</v>
          </cell>
          <cell r="Q151">
            <v>2</v>
          </cell>
          <cell r="R151" t="str">
            <v>㈱日さく</v>
          </cell>
          <cell r="BP151">
            <v>3760</v>
          </cell>
        </row>
        <row r="152">
          <cell r="E152">
            <v>148</v>
          </cell>
          <cell r="F152">
            <v>25</v>
          </cell>
          <cell r="G152">
            <v>3</v>
          </cell>
          <cell r="H152">
            <v>41394</v>
          </cell>
          <cell r="I152" t="str">
            <v>第2.7(4)④</v>
          </cell>
          <cell r="J152" t="str">
            <v>同社社員が業務上過失致死容疑で書類送検されたため。</v>
          </cell>
          <cell r="K152">
            <v>1</v>
          </cell>
          <cell r="L152" t="str">
            <v>三精輸送機㈱</v>
          </cell>
          <cell r="Q152">
            <v>1</v>
          </cell>
          <cell r="R152" t="str">
            <v>三精輸送機㈱</v>
          </cell>
        </row>
        <row r="153">
          <cell r="E153">
            <v>149</v>
          </cell>
          <cell r="F153">
            <v>25</v>
          </cell>
          <cell r="G153">
            <v>4</v>
          </cell>
          <cell r="H153">
            <v>41394</v>
          </cell>
          <cell r="I153" t="str">
            <v>第2.7(4)②</v>
          </cell>
          <cell r="J153" t="str">
            <v>社員らが労働安全衛生法違反容疑で書類送検されたため。</v>
          </cell>
          <cell r="K153">
            <v>2</v>
          </cell>
          <cell r="L153" t="str">
            <v>川崎重工業㈱</v>
          </cell>
          <cell r="Q153">
            <v>1</v>
          </cell>
          <cell r="R153" t="str">
            <v>川崎重工業㈱</v>
          </cell>
          <cell r="BP153">
            <v>2410</v>
          </cell>
        </row>
        <row r="154">
          <cell r="E154">
            <v>150</v>
          </cell>
          <cell r="F154">
            <v>25</v>
          </cell>
          <cell r="G154">
            <v>5</v>
          </cell>
          <cell r="H154">
            <v>41394</v>
          </cell>
          <cell r="I154" t="str">
            <v>第2.6(2)③</v>
          </cell>
          <cell r="J154" t="str">
            <v>入札参加資格確認申請書の添付書類として必要な、経営規模等評価結果通知書兼総合評定値通知書について、平成23年3月31日審査基準日の｢結果通知書｣を平成24年3月31日審査基準日の｢結果通知書｣に改ざんしたものを、公共工事の発注機関に対して提出した。このことが、建設業法第28条第1項第2号に該当するとして、近畿地方整備局から同法第28条第3項の規定により、営業停止命令を受けたため。</v>
          </cell>
          <cell r="K154">
            <v>3</v>
          </cell>
          <cell r="L154" t="str">
            <v>日本管財㈱</v>
          </cell>
          <cell r="Q154">
            <v>1</v>
          </cell>
          <cell r="R154" t="str">
            <v>日本管財㈱</v>
          </cell>
          <cell r="BP154">
            <v>3623</v>
          </cell>
        </row>
        <row r="155">
          <cell r="E155">
            <v>151</v>
          </cell>
          <cell r="F155">
            <v>25</v>
          </cell>
          <cell r="G155">
            <v>6</v>
          </cell>
          <cell r="H155">
            <v>41425</v>
          </cell>
          <cell r="I155" t="str">
            <v>第2.3(4)</v>
          </cell>
          <cell r="J155" t="str">
            <v>同社社員が談合罪容疑で起訴されたため。</v>
          </cell>
          <cell r="K155">
            <v>6</v>
          </cell>
          <cell r="L155" t="str">
            <v>大成ロテック㈱</v>
          </cell>
          <cell r="Q155">
            <v>1</v>
          </cell>
          <cell r="R155" t="str">
            <v>大成ロテック㈱</v>
          </cell>
          <cell r="BP155">
            <v>3131</v>
          </cell>
        </row>
        <row r="156">
          <cell r="E156">
            <v>152</v>
          </cell>
          <cell r="F156">
            <v>25</v>
          </cell>
          <cell r="G156">
            <v>7</v>
          </cell>
          <cell r="H156">
            <v>41451</v>
          </cell>
          <cell r="I156" t="str">
            <v>第1.9(2)</v>
          </cell>
          <cell r="J156" t="str">
            <v>丹波土木事務所発注の｢(一)加古川水系加古川　見田井堰建設工事｣にかかる漏水改善作業において、安全管理の措置が不適切であったために、工事関係者に重傷者を生じさせたため。</v>
          </cell>
          <cell r="K156">
            <v>1</v>
          </cell>
          <cell r="L156" t="str">
            <v>㈱電業社機械製作所</v>
          </cell>
          <cell r="Q156">
            <v>1</v>
          </cell>
          <cell r="R156" t="str">
            <v>㈱電業社機械製作所</v>
          </cell>
          <cell r="BP156">
            <v>3345</v>
          </cell>
        </row>
        <row r="157">
          <cell r="E157">
            <v>153</v>
          </cell>
          <cell r="F157">
            <v>25</v>
          </cell>
          <cell r="G157">
            <v>8</v>
          </cell>
          <cell r="H157">
            <v>41451</v>
          </cell>
          <cell r="I157" t="str">
            <v>第1.9(2)</v>
          </cell>
          <cell r="J157" t="str">
            <v>丹波土木事務所発注の｢(一)加古川水系加古川　見田井堰建設工事｣にかかる漏水改善作業において、安全管理の措置が不適切であったために、工事関係者に重傷者を生じさせたため。</v>
          </cell>
          <cell r="K157">
            <v>1</v>
          </cell>
          <cell r="L157" t="str">
            <v>イワキ・モリタニ電工㈱</v>
          </cell>
          <cell r="Q157">
            <v>1</v>
          </cell>
          <cell r="R157" t="str">
            <v>イワキ・モリタニ電工㈱</v>
          </cell>
          <cell r="BP157">
            <v>2147</v>
          </cell>
        </row>
        <row r="158">
          <cell r="E158">
            <v>154</v>
          </cell>
          <cell r="F158">
            <v>25</v>
          </cell>
          <cell r="G158">
            <v>9</v>
          </cell>
          <cell r="H158">
            <v>41519</v>
          </cell>
          <cell r="I158" t="str">
            <v>第2.8(7)</v>
          </cell>
          <cell r="J158" t="str">
            <v>㈱平澤建設は、当市発注の伊丹市立昆陽里小学校及び松崎中学校プール解体工事の施工にあたり、工事関係者に対し乱暴な行為に及んだため。</v>
          </cell>
          <cell r="K158">
            <v>1</v>
          </cell>
          <cell r="L158" t="str">
            <v>㈱平澤建設</v>
          </cell>
          <cell r="Q158">
            <v>1</v>
          </cell>
          <cell r="R158" t="str">
            <v>㈱平澤建設</v>
          </cell>
          <cell r="BP158">
            <v>306</v>
          </cell>
        </row>
        <row r="159">
          <cell r="E159">
            <v>155</v>
          </cell>
          <cell r="F159">
            <v>25</v>
          </cell>
          <cell r="G159">
            <v>10</v>
          </cell>
          <cell r="H159">
            <v>41527</v>
          </cell>
          <cell r="I159" t="str">
            <v>第2.8(1)</v>
          </cell>
          <cell r="J159" t="str">
            <v>当該業者の代表者が、兵庫県迷惑防止条例違反の疑いで、生田署員に逮捕されたため。</v>
          </cell>
          <cell r="K159" t="str">
            <v>解除</v>
          </cell>
          <cell r="L159" t="str">
            <v>㈱さくらケーシーエス</v>
          </cell>
          <cell r="Q159">
            <v>1</v>
          </cell>
          <cell r="R159" t="str">
            <v>㈱さくらケーシーエス</v>
          </cell>
          <cell r="BP159">
            <v>10140</v>
          </cell>
        </row>
        <row r="160">
          <cell r="E160">
            <v>156</v>
          </cell>
          <cell r="F160">
            <v>25</v>
          </cell>
          <cell r="G160">
            <v>11</v>
          </cell>
          <cell r="H160">
            <v>41575</v>
          </cell>
          <cell r="I160" t="str">
            <v>第1.8(2)</v>
          </cell>
          <cell r="J160" t="str">
            <v>西宮土木事務所発注の畑山砂防えん堤工事において、安全管理の措置が不適切であったために、工事関係者に重傷者を生じさせたため。</v>
          </cell>
          <cell r="K160">
            <v>1</v>
          </cell>
          <cell r="L160" t="str">
            <v>廣川建設㈱</v>
          </cell>
          <cell r="Q160">
            <v>1</v>
          </cell>
          <cell r="R160" t="str">
            <v>廣川建設㈱</v>
          </cell>
          <cell r="BP160">
            <v>3888</v>
          </cell>
        </row>
        <row r="161">
          <cell r="E161">
            <v>157</v>
          </cell>
          <cell r="F161">
            <v>25</v>
          </cell>
          <cell r="G161">
            <v>12</v>
          </cell>
          <cell r="H161">
            <v>41589</v>
          </cell>
          <cell r="I161" t="str">
            <v>第2.3(2)</v>
          </cell>
          <cell r="J161" t="str">
            <v>西宮土木事務所発注の武庫川斜面崩壊対策工事の入札をめぐり、県職員から最低制限価格等の情報を得て受注したとして、公契約関係入札妨害容疑で役員が逮捕されたため。</v>
          </cell>
          <cell r="K161">
            <v>12</v>
          </cell>
          <cell r="L161" t="str">
            <v>ダイニチ・コンストラクション㈱</v>
          </cell>
          <cell r="Q161">
            <v>1</v>
          </cell>
          <cell r="R161" t="str">
            <v>ダイニチ・コンストラクション㈱</v>
          </cell>
          <cell r="BP161">
            <v>3141</v>
          </cell>
        </row>
        <row r="162">
          <cell r="E162">
            <v>158</v>
          </cell>
          <cell r="F162">
            <v>25</v>
          </cell>
          <cell r="G162">
            <v>13</v>
          </cell>
          <cell r="H162">
            <v>41589</v>
          </cell>
          <cell r="I162" t="str">
            <v>第2.8(1)</v>
          </cell>
          <cell r="J162" t="str">
            <v>同社元代表取締役が特別背任罪容疑で、兵庫県警に逮捕されたため。</v>
          </cell>
          <cell r="K162">
            <v>3</v>
          </cell>
          <cell r="L162" t="str">
            <v>㈱ホープ</v>
          </cell>
          <cell r="Q162">
            <v>1</v>
          </cell>
          <cell r="R162" t="str">
            <v>㈱ホープ</v>
          </cell>
          <cell r="BP162">
            <v>10141</v>
          </cell>
        </row>
        <row r="163">
          <cell r="E163">
            <v>159</v>
          </cell>
          <cell r="F163">
            <v>25</v>
          </cell>
          <cell r="G163">
            <v>14</v>
          </cell>
          <cell r="H163">
            <v>41621</v>
          </cell>
          <cell r="I163" t="str">
            <v>第2.8(7)</v>
          </cell>
          <cell r="J163" t="str">
            <v>伊丹市立南中学校他警備業務において業務中に警備員（アルバイト）が職員の机から金銭を窃取したため。</v>
          </cell>
          <cell r="K163">
            <v>6</v>
          </cell>
          <cell r="L163" t="str">
            <v>㈱双葉化学商会</v>
          </cell>
          <cell r="Q163">
            <v>1</v>
          </cell>
          <cell r="R163" t="str">
            <v>㈱双葉化学商会</v>
          </cell>
          <cell r="BP163">
            <v>10468</v>
          </cell>
        </row>
        <row r="164">
          <cell r="E164">
            <v>160</v>
          </cell>
          <cell r="F164">
            <v>25</v>
          </cell>
          <cell r="G164">
            <v>15</v>
          </cell>
          <cell r="H164">
            <v>41646</v>
          </cell>
          <cell r="I164" t="str">
            <v>第2.2(4)</v>
          </cell>
          <cell r="J164" t="str">
            <v>東京電力㈱が発注する特定架空送電工事及び特定地中送電ケーブル工事について、受注価格の低落防止等を図るため、共同して、受注予定者が受注できるようにしていたとして、公正取引委員会から「私的独占の禁止及び公正取引の確保に関する法律」第3条違反により、排除措置命令及び課徴金納付命令を受けたため。</v>
          </cell>
          <cell r="K164">
            <v>4</v>
          </cell>
          <cell r="L164" t="str">
            <v>日本電設工業㈱　他３社</v>
          </cell>
          <cell r="M164" t="str">
            <v/>
          </cell>
          <cell r="O164" t="str">
            <v/>
          </cell>
          <cell r="P164">
            <v>0</v>
          </cell>
          <cell r="Q164">
            <v>4</v>
          </cell>
          <cell r="R164" t="str">
            <v>日本電設工業㈱</v>
          </cell>
          <cell r="S164" t="str">
            <v>㈱弘電社</v>
          </cell>
          <cell r="T164" t="str">
            <v>㈱関電工</v>
          </cell>
          <cell r="U164" t="str">
            <v>住友電設㈱</v>
          </cell>
          <cell r="BP164">
            <v>3604</v>
          </cell>
          <cell r="BQ164">
            <v>2679</v>
          </cell>
          <cell r="BR164">
            <v>2442</v>
          </cell>
          <cell r="BS164">
            <v>2999</v>
          </cell>
          <cell r="BT164">
            <v>0</v>
          </cell>
          <cell r="BU164">
            <v>0</v>
          </cell>
          <cell r="BV164">
            <v>0</v>
          </cell>
          <cell r="BW164">
            <v>0</v>
          </cell>
          <cell r="BX164">
            <v>0</v>
          </cell>
          <cell r="BY164">
            <v>0</v>
          </cell>
          <cell r="BZ164">
            <v>0</v>
          </cell>
          <cell r="CA164">
            <v>0</v>
          </cell>
          <cell r="CB164">
            <v>0</v>
          </cell>
          <cell r="CC164">
            <v>0</v>
          </cell>
          <cell r="CD164">
            <v>0</v>
          </cell>
          <cell r="CE164">
            <v>0</v>
          </cell>
          <cell r="CF164">
            <v>0</v>
          </cell>
          <cell r="CG164">
            <v>0</v>
          </cell>
          <cell r="CH164">
            <v>0</v>
          </cell>
          <cell r="CI164">
            <v>0</v>
          </cell>
          <cell r="CJ164">
            <v>0</v>
          </cell>
          <cell r="CK164">
            <v>0</v>
          </cell>
          <cell r="CL164">
            <v>0</v>
          </cell>
          <cell r="CM164">
            <v>0</v>
          </cell>
          <cell r="CN164">
            <v>0</v>
          </cell>
          <cell r="CO164">
            <v>0</v>
          </cell>
          <cell r="CP164">
            <v>0</v>
          </cell>
          <cell r="CQ164">
            <v>0</v>
          </cell>
          <cell r="CR164">
            <v>0</v>
          </cell>
          <cell r="CS164">
            <v>0</v>
          </cell>
          <cell r="CT164">
            <v>0</v>
          </cell>
          <cell r="CU164">
            <v>0</v>
          </cell>
          <cell r="CV164">
            <v>0</v>
          </cell>
          <cell r="CW164">
            <v>0</v>
          </cell>
          <cell r="CX164">
            <v>0</v>
          </cell>
          <cell r="CY164">
            <v>0</v>
          </cell>
          <cell r="CZ164">
            <v>0</v>
          </cell>
          <cell r="DA164">
            <v>0</v>
          </cell>
          <cell r="DB164">
            <v>0</v>
          </cell>
          <cell r="DC164">
            <v>0</v>
          </cell>
          <cell r="DD164">
            <v>0</v>
          </cell>
          <cell r="DE164">
            <v>0</v>
          </cell>
          <cell r="DF164">
            <v>0</v>
          </cell>
          <cell r="DG164">
            <v>0</v>
          </cell>
          <cell r="DH164">
            <v>0</v>
          </cell>
          <cell r="DI164">
            <v>0</v>
          </cell>
          <cell r="DJ164">
            <v>0</v>
          </cell>
          <cell r="DK164">
            <v>0</v>
          </cell>
          <cell r="DL164">
            <v>0</v>
          </cell>
          <cell r="DM164">
            <v>0</v>
          </cell>
        </row>
        <row r="165">
          <cell r="E165">
            <v>161</v>
          </cell>
          <cell r="F165">
            <v>25</v>
          </cell>
          <cell r="G165">
            <v>16</v>
          </cell>
          <cell r="H165">
            <v>41647</v>
          </cell>
          <cell r="I165" t="str">
            <v>第2.7(4)③</v>
          </cell>
          <cell r="J165" t="str">
            <v>同社社員が、建築基準法施工令に違反し業務停止の懲戒処分を受けたため。</v>
          </cell>
          <cell r="K165">
            <v>1</v>
          </cell>
          <cell r="L165" t="str">
            <v>㈱綜企画設計</v>
          </cell>
          <cell r="Q165">
            <v>1</v>
          </cell>
          <cell r="R165" t="str">
            <v>㈱綜企画設計</v>
          </cell>
          <cell r="BP165">
            <v>5705</v>
          </cell>
        </row>
        <row r="166">
          <cell r="E166">
            <v>162</v>
          </cell>
          <cell r="F166">
            <v>25</v>
          </cell>
          <cell r="G166">
            <v>17</v>
          </cell>
          <cell r="H166">
            <v>41680</v>
          </cell>
          <cell r="I166" t="str">
            <v>第1.4(1)</v>
          </cell>
          <cell r="J166" t="str">
            <v>伊丹市水道局が発注した昆陽池１丁目地区排水管布設工事において、現場の施工体制が整わないという同社の責に帰すべき事由により、契約工期内に工事が完成せず、工事請負契約の履行遅滞となった。</v>
          </cell>
          <cell r="K166">
            <v>3</v>
          </cell>
          <cell r="L166" t="str">
            <v>㈱ナガミチ建設</v>
          </cell>
          <cell r="M166" t="str">
            <v/>
          </cell>
          <cell r="N166">
            <v>0</v>
          </cell>
          <cell r="O166" t="str">
            <v/>
          </cell>
          <cell r="P166">
            <v>0</v>
          </cell>
          <cell r="Q166">
            <v>1</v>
          </cell>
          <cell r="R166" t="str">
            <v>㈱ナガミチ建設</v>
          </cell>
          <cell r="BP166">
            <v>283</v>
          </cell>
        </row>
        <row r="167">
          <cell r="E167">
            <v>163</v>
          </cell>
          <cell r="F167">
            <v>25</v>
          </cell>
          <cell r="G167">
            <v>18</v>
          </cell>
          <cell r="H167">
            <v>41684</v>
          </cell>
          <cell r="I167" t="str">
            <v>第2.3(3)</v>
          </cell>
          <cell r="J167" t="str">
            <v>　機動建設工業株式会社の元社員は、愛知郡広域行政組合が平成22年7月16日に執行した「平成22年度改良第5号低区排水管Φ400mm～Φ500mm布設工事（菩提寺・栗田区）」の入札において、同組合の職員から同社の入札予定価格が同職員が推計した最低制限価格を若干上回る金額である旨を教示され、同社をして教示を受けた最低制限価格に近接した価格で入札させて同社に落札させ、偽計を用いて公の入札の公正を妨害した行為を行った。
　また、同社の元社員は、上記の教示を受けたことに対する謝礼の趣旨及び今後も同社員が担当する工事について同社に有利な取り計らいを受けたいとの趣旨のもとに、大型自動二輪車1台を供与し、もって同社員の職務上不正な行為をしたことに関して賄賂を提供した。
　これにより、平成25年7月8日に大津地方裁判所において刑法第96条の3（競売入札妨害）及び同法第198条（贈賄）により懲役1年6月（執行猶予3年）の判決を受け、その刑が確定したため。</v>
          </cell>
          <cell r="K167">
            <v>6</v>
          </cell>
          <cell r="L167" t="str">
            <v>機動建設工業㈱</v>
          </cell>
          <cell r="M167" t="str">
            <v/>
          </cell>
          <cell r="N167">
            <v>0</v>
          </cell>
          <cell r="O167" t="str">
            <v/>
          </cell>
          <cell r="P167">
            <v>0</v>
          </cell>
          <cell r="Q167">
            <v>1</v>
          </cell>
          <cell r="R167" t="str">
            <v>機動建設工業㈱</v>
          </cell>
          <cell r="BP167">
            <v>2507</v>
          </cell>
        </row>
        <row r="168">
          <cell r="E168">
            <v>164</v>
          </cell>
          <cell r="F168">
            <v>25</v>
          </cell>
          <cell r="G168">
            <v>19</v>
          </cell>
          <cell r="H168">
            <v>41708</v>
          </cell>
          <cell r="I168" t="str">
            <v>第2.2(8)</v>
          </cell>
          <cell r="J168" t="str">
            <v>同社及び同社社員が独占禁止法違反容疑で刑事告発を受けたため。</v>
          </cell>
          <cell r="K168">
            <v>6</v>
          </cell>
          <cell r="L168" t="str">
            <v>高砂熱学工業㈱　他７社</v>
          </cell>
          <cell r="M168" t="str">
            <v/>
          </cell>
          <cell r="O168" t="str">
            <v/>
          </cell>
          <cell r="P168">
            <v>0</v>
          </cell>
          <cell r="Q168">
            <v>8</v>
          </cell>
          <cell r="R168" t="str">
            <v>高砂熱学工業㈱</v>
          </cell>
          <cell r="S168" t="str">
            <v>ダイダン㈱</v>
          </cell>
          <cell r="T168" t="str">
            <v>新日本空調㈱</v>
          </cell>
          <cell r="U168" t="str">
            <v>㈱大氣社</v>
          </cell>
          <cell r="V168" t="str">
            <v>㈱朝日工業社</v>
          </cell>
          <cell r="W168" t="str">
            <v>㈱三晃空調</v>
          </cell>
          <cell r="X168" t="str">
            <v>東洋熱工業㈱</v>
          </cell>
          <cell r="Y168" t="str">
            <v>三建設備工業㈱</v>
          </cell>
          <cell r="BP168">
            <v>3163</v>
          </cell>
          <cell r="BQ168">
            <v>2921</v>
          </cell>
          <cell r="BR168">
            <v>3134</v>
          </cell>
          <cell r="BS168">
            <v>3107</v>
          </cell>
          <cell r="BT168">
            <v>2029</v>
          </cell>
          <cell r="BU168">
            <v>2792</v>
          </cell>
          <cell r="BV168">
            <v>3400</v>
          </cell>
          <cell r="BW168">
            <v>2791</v>
          </cell>
        </row>
        <row r="169">
          <cell r="E169">
            <v>165</v>
          </cell>
          <cell r="F169">
            <v>25</v>
          </cell>
          <cell r="G169">
            <v>20</v>
          </cell>
          <cell r="H169">
            <v>41710</v>
          </cell>
          <cell r="I169" t="str">
            <v>第2.2.(2)</v>
          </cell>
          <cell r="J169" t="str">
            <v>関西電力㈱が発注する特定架空送電工事及び特定地中送電工事について、受注価格の低落防止及び受注機会の均等化を図るため、共同して、受注予定者を決定し、受注予定者が受注できるようにしていたとして、公正取引委員会から、「私的独占の禁止及び公正取引の確保に関する法律」第3条違反により、排除措置命令又は課徴金納付命令を受けたため。</v>
          </cell>
          <cell r="K169">
            <v>8</v>
          </cell>
          <cell r="L169" t="str">
            <v>㈱かんでんエンジニアリング　他8社</v>
          </cell>
          <cell r="Q169">
            <v>9</v>
          </cell>
          <cell r="R169" t="str">
            <v>㈱かんでんエンジニアリング</v>
          </cell>
          <cell r="BP169">
            <v>2441</v>
          </cell>
          <cell r="BQ169">
            <v>2612</v>
          </cell>
          <cell r="BR169">
            <v>2550</v>
          </cell>
          <cell r="BS169">
            <v>2801</v>
          </cell>
          <cell r="BT169">
            <v>2078</v>
          </cell>
          <cell r="BU169">
            <v>2999</v>
          </cell>
          <cell r="BV169">
            <v>3273</v>
          </cell>
          <cell r="BW169">
            <v>4386</v>
          </cell>
          <cell r="BX169">
            <v>2320</v>
          </cell>
        </row>
        <row r="170">
          <cell r="E170">
            <v>166</v>
          </cell>
          <cell r="F170">
            <v>26</v>
          </cell>
          <cell r="G170">
            <v>1</v>
          </cell>
          <cell r="H170">
            <v>41781</v>
          </cell>
          <cell r="I170" t="str">
            <v>第2.2(2)</v>
          </cell>
          <cell r="J170" t="str">
            <v>関西電力㈱が発注する特定架空送電工事等について、「私的独占の禁止及び公正取引の確保に関する法律」第3条違反により、公正取引委員会から排除措置命令又は課徴金納付命令を受けた件について命令が確定したため。</v>
          </cell>
          <cell r="K170" t="str">
            <v>変更</v>
          </cell>
          <cell r="L170" t="str">
            <v>かんでんエンジニアリング他2社</v>
          </cell>
          <cell r="Q170">
            <v>3</v>
          </cell>
          <cell r="R170" t="str">
            <v>㈱かんでんエンジニアリング</v>
          </cell>
          <cell r="BP170">
            <v>2441</v>
          </cell>
          <cell r="BQ170">
            <v>2550</v>
          </cell>
          <cell r="BR170">
            <v>2999</v>
          </cell>
        </row>
        <row r="171">
          <cell r="E171">
            <v>167</v>
          </cell>
          <cell r="F171">
            <v>26</v>
          </cell>
          <cell r="G171">
            <v>2</v>
          </cell>
          <cell r="H171">
            <v>41781</v>
          </cell>
          <cell r="I171" t="str">
            <v>第2.6(2)④</v>
          </cell>
          <cell r="J171" t="str">
            <v>建設業法に基づく営業停止処分を受けたため。</v>
          </cell>
          <cell r="K171">
            <v>3</v>
          </cell>
          <cell r="L171" t="str">
            <v>㈱弘電社</v>
          </cell>
          <cell r="Q171">
            <v>1</v>
          </cell>
          <cell r="R171" t="str">
            <v>㈱弘電社</v>
          </cell>
          <cell r="BP171">
            <v>2679</v>
          </cell>
        </row>
        <row r="172">
          <cell r="E172">
            <v>168</v>
          </cell>
          <cell r="F172">
            <v>26</v>
          </cell>
          <cell r="G172">
            <v>3</v>
          </cell>
          <cell r="H172">
            <v>41781</v>
          </cell>
          <cell r="I172" t="str">
            <v>第1.9(1)</v>
          </cell>
          <cell r="J172" t="str">
            <v>豊岡土木事務所発注の舗装修繕工事において、安全管理の措置が不適切であったことにより、工事関係者に死亡者を生じさせたため。</v>
          </cell>
          <cell r="K172">
            <v>1</v>
          </cell>
          <cell r="L172" t="str">
            <v>金下建設㈱</v>
          </cell>
          <cell r="Q172">
            <v>1</v>
          </cell>
          <cell r="R172" t="str">
            <v>金下建設㈱</v>
          </cell>
          <cell r="BP172">
            <v>2399</v>
          </cell>
        </row>
        <row r="173">
          <cell r="E173">
            <v>169</v>
          </cell>
          <cell r="F173">
            <v>26</v>
          </cell>
          <cell r="G173">
            <v>4</v>
          </cell>
          <cell r="H173">
            <v>41781</v>
          </cell>
          <cell r="I173" t="str">
            <v>第1.9(2)</v>
          </cell>
          <cell r="J173" t="str">
            <v>企業庁播磨科学公園都市まちづくり事務所発注の太陽光第一発電施設設置工事において、安全管理の措置が不適切であったために、工事関係者に重傷者を生じさせた。</v>
          </cell>
          <cell r="K173">
            <v>1</v>
          </cell>
          <cell r="L173" t="str">
            <v>淡路土建㈱　他1社</v>
          </cell>
          <cell r="Q173">
            <v>2</v>
          </cell>
          <cell r="R173" t="str">
            <v>淡路土建㈱</v>
          </cell>
          <cell r="BP173">
            <v>2055</v>
          </cell>
          <cell r="BQ173">
            <v>5167</v>
          </cell>
        </row>
        <row r="174">
          <cell r="E174">
            <v>170</v>
          </cell>
          <cell r="F174">
            <v>26</v>
          </cell>
          <cell r="G174">
            <v>5</v>
          </cell>
          <cell r="H174">
            <v>41786</v>
          </cell>
          <cell r="I174" t="str">
            <v>第2.7(4)②</v>
          </cell>
          <cell r="J174" t="str">
            <v>車両管理等の業務に関し労働者派遣法に基づく労働者派遣事業改善命令を受け、東京労働局に是正報告をしたが、適切な是正を行わなかったとして、平成26年4月7日に厚生労働省東京労働局より、労働者派遣事業停止命令を受けたため。</v>
          </cell>
          <cell r="K174">
            <v>2</v>
          </cell>
          <cell r="L174" t="str">
            <v>日本道路興運㈱</v>
          </cell>
          <cell r="Q174">
            <v>1</v>
          </cell>
          <cell r="R174" t="str">
            <v>日本道路興運㈱</v>
          </cell>
          <cell r="BP174">
            <v>10222</v>
          </cell>
        </row>
        <row r="175">
          <cell r="E175">
            <v>171</v>
          </cell>
          <cell r="F175">
            <v>26</v>
          </cell>
          <cell r="G175">
            <v>6</v>
          </cell>
          <cell r="H175">
            <v>41858</v>
          </cell>
          <cell r="I175" t="str">
            <v>第2.2(4)</v>
          </cell>
          <cell r="J175" t="str">
            <v>東日本でのダンボール販売をめぐり、公共の利益に反して、販売分野における競争を実質的に制限していたとして、公正取引委員会から「私的独占の禁止及び公正取引の確保に関する法律」第3条違反により、排除措置命令及び課徴金納付命令を受けたため。</v>
          </cell>
          <cell r="K175">
            <v>4</v>
          </cell>
          <cell r="L175" t="str">
            <v>セッツカートン㈱　他１社</v>
          </cell>
          <cell r="M175" t="str">
            <v/>
          </cell>
          <cell r="O175" t="str">
            <v/>
          </cell>
          <cell r="P175">
            <v>0</v>
          </cell>
          <cell r="Q175">
            <v>2</v>
          </cell>
          <cell r="R175" t="str">
            <v>セッツカートン㈱</v>
          </cell>
          <cell r="S175" t="str">
            <v>日通商事㈱</v>
          </cell>
          <cell r="T175" t="str">
            <v/>
          </cell>
          <cell r="U175" t="str">
            <v/>
          </cell>
          <cell r="V175" t="str">
            <v/>
          </cell>
          <cell r="W175" t="str">
            <v/>
          </cell>
          <cell r="X175" t="str">
            <v/>
          </cell>
          <cell r="Y175" t="str">
            <v/>
          </cell>
          <cell r="Z175" t="str">
            <v/>
          </cell>
          <cell r="AA175" t="str">
            <v/>
          </cell>
          <cell r="AB175" t="str">
            <v/>
          </cell>
          <cell r="AC175" t="str">
            <v/>
          </cell>
          <cell r="AD175" t="str">
            <v/>
          </cell>
          <cell r="AE175" t="str">
            <v/>
          </cell>
          <cell r="AF175" t="str">
            <v/>
          </cell>
          <cell r="AG175" t="str">
            <v/>
          </cell>
          <cell r="AH175" t="str">
            <v/>
          </cell>
          <cell r="AI175" t="str">
            <v/>
          </cell>
          <cell r="AJ175" t="str">
            <v/>
          </cell>
          <cell r="AK175" t="str">
            <v/>
          </cell>
          <cell r="AL175" t="str">
            <v/>
          </cell>
          <cell r="AM175" t="str">
            <v/>
          </cell>
          <cell r="AN175" t="str">
            <v/>
          </cell>
          <cell r="AO175" t="str">
            <v/>
          </cell>
          <cell r="AP175" t="str">
            <v/>
          </cell>
          <cell r="AQ175" t="str">
            <v/>
          </cell>
          <cell r="AR175" t="str">
            <v/>
          </cell>
          <cell r="AS175" t="str">
            <v/>
          </cell>
          <cell r="AT175" t="str">
            <v/>
          </cell>
          <cell r="AU175" t="str">
            <v/>
          </cell>
          <cell r="AV175" t="str">
            <v/>
          </cell>
          <cell r="AW175" t="str">
            <v/>
          </cell>
          <cell r="AX175" t="str">
            <v/>
          </cell>
          <cell r="AY175" t="str">
            <v/>
          </cell>
          <cell r="AZ175" t="str">
            <v/>
          </cell>
          <cell r="BA175" t="str">
            <v/>
          </cell>
          <cell r="BB175" t="str">
            <v/>
          </cell>
          <cell r="BC175" t="str">
            <v/>
          </cell>
          <cell r="BD175" t="str">
            <v/>
          </cell>
          <cell r="BE175" t="str">
            <v/>
          </cell>
          <cell r="BF175" t="str">
            <v/>
          </cell>
          <cell r="BG175" t="str">
            <v/>
          </cell>
          <cell r="BH175" t="str">
            <v/>
          </cell>
          <cell r="BI175" t="str">
            <v/>
          </cell>
          <cell r="BJ175" t="str">
            <v/>
          </cell>
          <cell r="BK175" t="str">
            <v/>
          </cell>
          <cell r="BL175" t="str">
            <v/>
          </cell>
          <cell r="BM175" t="str">
            <v/>
          </cell>
          <cell r="BN175" t="str">
            <v/>
          </cell>
          <cell r="BO175" t="str">
            <v/>
          </cell>
          <cell r="BP175">
            <v>12066</v>
          </cell>
          <cell r="BQ175">
            <v>10064</v>
          </cell>
        </row>
        <row r="176">
          <cell r="E176">
            <v>172</v>
          </cell>
          <cell r="F176">
            <v>26</v>
          </cell>
          <cell r="G176">
            <v>7</v>
          </cell>
          <cell r="H176">
            <v>41858</v>
          </cell>
          <cell r="I176" t="str">
            <v>第1.9(2)</v>
          </cell>
          <cell r="J176" t="str">
            <v>新温泉土木事務所発注の道路構造物詳細設計業務委託において、安全管理の措置が不適切であったために、業務関係者に重傷者を生じさせた。</v>
          </cell>
          <cell r="K176">
            <v>1</v>
          </cell>
          <cell r="L176" t="str">
            <v>㈱修成建設コンサルタント　他１社</v>
          </cell>
          <cell r="M176" t="str">
            <v/>
          </cell>
          <cell r="O176" t="str">
            <v/>
          </cell>
          <cell r="P176">
            <v>0</v>
          </cell>
          <cell r="Q176">
            <v>2</v>
          </cell>
          <cell r="R176" t="str">
            <v>㈱修成建設コンサルタント</v>
          </cell>
          <cell r="S176" t="str">
            <v>㈱メーサイ</v>
          </cell>
          <cell r="T176" t="str">
            <v/>
          </cell>
          <cell r="U176" t="str">
            <v/>
          </cell>
          <cell r="V176" t="str">
            <v/>
          </cell>
          <cell r="W176" t="str">
            <v/>
          </cell>
          <cell r="X176" t="str">
            <v/>
          </cell>
          <cell r="Y176" t="str">
            <v/>
          </cell>
          <cell r="Z176" t="str">
            <v/>
          </cell>
          <cell r="AA176" t="str">
            <v/>
          </cell>
          <cell r="AB176" t="str">
            <v/>
          </cell>
          <cell r="AC176" t="str">
            <v/>
          </cell>
          <cell r="AD176" t="str">
            <v/>
          </cell>
          <cell r="AE176" t="str">
            <v/>
          </cell>
          <cell r="AF176" t="str">
            <v/>
          </cell>
          <cell r="AG176" t="str">
            <v/>
          </cell>
          <cell r="AH176" t="str">
            <v/>
          </cell>
          <cell r="AI176" t="str">
            <v/>
          </cell>
          <cell r="AJ176" t="str">
            <v/>
          </cell>
          <cell r="AK176" t="str">
            <v/>
          </cell>
          <cell r="AL176" t="str">
            <v/>
          </cell>
          <cell r="AM176" t="str">
            <v/>
          </cell>
          <cell r="AN176" t="str">
            <v/>
          </cell>
          <cell r="AO176" t="str">
            <v/>
          </cell>
          <cell r="AP176" t="str">
            <v/>
          </cell>
          <cell r="AQ176" t="str">
            <v/>
          </cell>
          <cell r="AR176" t="str">
            <v/>
          </cell>
          <cell r="AS176" t="str">
            <v/>
          </cell>
          <cell r="AT176" t="str">
            <v/>
          </cell>
          <cell r="AU176" t="str">
            <v/>
          </cell>
          <cell r="AV176" t="str">
            <v/>
          </cell>
          <cell r="AW176" t="str">
            <v/>
          </cell>
          <cell r="AX176" t="str">
            <v/>
          </cell>
          <cell r="AY176" t="str">
            <v/>
          </cell>
          <cell r="AZ176" t="str">
            <v/>
          </cell>
          <cell r="BA176" t="str">
            <v/>
          </cell>
          <cell r="BB176" t="str">
            <v/>
          </cell>
          <cell r="BC176" t="str">
            <v/>
          </cell>
          <cell r="BD176" t="str">
            <v/>
          </cell>
          <cell r="BE176" t="str">
            <v/>
          </cell>
          <cell r="BF176" t="str">
            <v/>
          </cell>
          <cell r="BG176" t="str">
            <v/>
          </cell>
          <cell r="BH176" t="str">
            <v/>
          </cell>
          <cell r="BI176" t="str">
            <v/>
          </cell>
          <cell r="BJ176" t="str">
            <v/>
          </cell>
          <cell r="BK176" t="str">
            <v/>
          </cell>
          <cell r="BL176" t="str">
            <v/>
          </cell>
          <cell r="BM176" t="str">
            <v/>
          </cell>
          <cell r="BN176" t="str">
            <v/>
          </cell>
          <cell r="BO176" t="str">
            <v/>
          </cell>
          <cell r="BP176">
            <v>5599</v>
          </cell>
          <cell r="BQ176">
            <v>6374</v>
          </cell>
        </row>
        <row r="177">
          <cell r="E177">
            <v>173</v>
          </cell>
          <cell r="F177">
            <v>26</v>
          </cell>
          <cell r="G177">
            <v>8</v>
          </cell>
          <cell r="H177">
            <v>41883</v>
          </cell>
          <cell r="I177" t="str">
            <v>第2.6(2)④</v>
          </cell>
          <cell r="J177" t="str">
            <v>鹿島道路株式会社の元広島営業所長は、同営業所の業務に関し、法定の除外事由がないのに、平成２５年５月において、同営業所の労働者に対し、１日について時間外労働・休日労働に関する協定に定めた限度時間を超える時間外労働を行わせたとして、平成２５年１２月２４日に広島簡易裁判所から、労働基準法違反により同社は罰金２０万円の略式命令を受け、元広島営業所長は罰金２０万円の略式命令を受け各々その刑が確定している。このことが、建設業法第２８条第１項第３号に該当すると認められる。</v>
          </cell>
          <cell r="K177">
            <v>3</v>
          </cell>
          <cell r="L177" t="str">
            <v>鹿島道路㈱</v>
          </cell>
          <cell r="M177" t="str">
            <v/>
          </cell>
          <cell r="O177" t="str">
            <v/>
          </cell>
          <cell r="P177">
            <v>0</v>
          </cell>
          <cell r="Q177">
            <v>1</v>
          </cell>
          <cell r="R177" t="str">
            <v>鹿島道路㈱</v>
          </cell>
          <cell r="S177" t="str">
            <v/>
          </cell>
          <cell r="T177" t="str">
            <v/>
          </cell>
          <cell r="U177" t="str">
            <v/>
          </cell>
          <cell r="V177" t="str">
            <v/>
          </cell>
          <cell r="W177" t="str">
            <v/>
          </cell>
          <cell r="X177" t="str">
            <v/>
          </cell>
          <cell r="Y177" t="str">
            <v/>
          </cell>
          <cell r="Z177" t="str">
            <v/>
          </cell>
          <cell r="AA177" t="str">
            <v/>
          </cell>
          <cell r="AB177" t="str">
            <v/>
          </cell>
          <cell r="AC177" t="str">
            <v/>
          </cell>
          <cell r="AD177" t="str">
            <v/>
          </cell>
          <cell r="AE177" t="str">
            <v/>
          </cell>
          <cell r="AF177" t="str">
            <v/>
          </cell>
          <cell r="AG177" t="str">
            <v/>
          </cell>
          <cell r="AH177" t="str">
            <v/>
          </cell>
          <cell r="AI177" t="str">
            <v/>
          </cell>
          <cell r="AJ177" t="str">
            <v/>
          </cell>
          <cell r="AK177" t="str">
            <v/>
          </cell>
          <cell r="AL177" t="str">
            <v/>
          </cell>
          <cell r="AM177" t="str">
            <v/>
          </cell>
          <cell r="AN177" t="str">
            <v/>
          </cell>
          <cell r="AO177" t="str">
            <v/>
          </cell>
          <cell r="AP177" t="str">
            <v/>
          </cell>
          <cell r="AQ177" t="str">
            <v/>
          </cell>
          <cell r="AR177" t="str">
            <v/>
          </cell>
          <cell r="AS177" t="str">
            <v/>
          </cell>
          <cell r="AT177" t="str">
            <v/>
          </cell>
          <cell r="AU177" t="str">
            <v/>
          </cell>
          <cell r="AV177" t="str">
            <v/>
          </cell>
          <cell r="AW177" t="str">
            <v/>
          </cell>
          <cell r="AX177" t="str">
            <v/>
          </cell>
          <cell r="AY177" t="str">
            <v/>
          </cell>
          <cell r="AZ177" t="str">
            <v/>
          </cell>
          <cell r="BA177" t="str">
            <v/>
          </cell>
          <cell r="BB177" t="str">
            <v/>
          </cell>
          <cell r="BC177" t="str">
            <v/>
          </cell>
          <cell r="BD177" t="str">
            <v/>
          </cell>
          <cell r="BE177" t="str">
            <v/>
          </cell>
          <cell r="BF177" t="str">
            <v/>
          </cell>
          <cell r="BG177" t="str">
            <v/>
          </cell>
          <cell r="BH177" t="str">
            <v/>
          </cell>
          <cell r="BI177" t="str">
            <v/>
          </cell>
          <cell r="BJ177" t="str">
            <v/>
          </cell>
          <cell r="BK177" t="str">
            <v/>
          </cell>
          <cell r="BL177" t="str">
            <v/>
          </cell>
          <cell r="BM177" t="str">
            <v/>
          </cell>
          <cell r="BN177" t="str">
            <v/>
          </cell>
          <cell r="BO177" t="str">
            <v/>
          </cell>
          <cell r="BP177">
            <v>2390</v>
          </cell>
        </row>
        <row r="178">
          <cell r="E178">
            <v>174</v>
          </cell>
          <cell r="F178">
            <v>26</v>
          </cell>
          <cell r="G178">
            <v>9</v>
          </cell>
          <cell r="H178">
            <v>41858</v>
          </cell>
          <cell r="I178" t="str">
            <v>第1.6(3)</v>
          </cell>
          <cell r="J178" t="str">
            <v>近畿地方整備局兵庫国道事務所発注の工事において、公衆損害事故を起こしたため。</v>
          </cell>
          <cell r="K178">
            <v>3</v>
          </cell>
          <cell r="L178" t="str">
            <v>廣川建設㈱</v>
          </cell>
          <cell r="M178" t="str">
            <v/>
          </cell>
          <cell r="O178" t="str">
            <v/>
          </cell>
          <cell r="P178">
            <v>0</v>
          </cell>
          <cell r="Q178">
            <v>1</v>
          </cell>
          <cell r="R178" t="str">
            <v>廣川建設㈱</v>
          </cell>
          <cell r="S178" t="str">
            <v/>
          </cell>
          <cell r="T178" t="str">
            <v/>
          </cell>
          <cell r="U178" t="str">
            <v/>
          </cell>
          <cell r="V178" t="str">
            <v/>
          </cell>
          <cell r="W178" t="str">
            <v/>
          </cell>
          <cell r="X178" t="str">
            <v/>
          </cell>
          <cell r="Y178" t="str">
            <v/>
          </cell>
          <cell r="Z178" t="str">
            <v/>
          </cell>
          <cell r="AA178" t="str">
            <v/>
          </cell>
          <cell r="AB178" t="str">
            <v/>
          </cell>
          <cell r="AC178" t="str">
            <v/>
          </cell>
          <cell r="AD178" t="str">
            <v/>
          </cell>
          <cell r="AE178" t="str">
            <v/>
          </cell>
          <cell r="AF178" t="str">
            <v/>
          </cell>
          <cell r="AG178" t="str">
            <v/>
          </cell>
          <cell r="AH178" t="str">
            <v/>
          </cell>
          <cell r="AI178" t="str">
            <v/>
          </cell>
          <cell r="AJ178" t="str">
            <v/>
          </cell>
          <cell r="AK178" t="str">
            <v/>
          </cell>
          <cell r="AL178" t="str">
            <v/>
          </cell>
          <cell r="AM178" t="str">
            <v/>
          </cell>
          <cell r="AN178" t="str">
            <v/>
          </cell>
          <cell r="AO178" t="str">
            <v/>
          </cell>
          <cell r="AP178" t="str">
            <v/>
          </cell>
          <cell r="AQ178" t="str">
            <v/>
          </cell>
          <cell r="AR178" t="str">
            <v/>
          </cell>
          <cell r="AS178" t="str">
            <v/>
          </cell>
          <cell r="AT178" t="str">
            <v/>
          </cell>
          <cell r="AU178" t="str">
            <v/>
          </cell>
          <cell r="AV178" t="str">
            <v/>
          </cell>
          <cell r="AW178" t="str">
            <v/>
          </cell>
          <cell r="AX178" t="str">
            <v/>
          </cell>
          <cell r="AY178" t="str">
            <v/>
          </cell>
          <cell r="AZ178" t="str">
            <v/>
          </cell>
          <cell r="BA178" t="str">
            <v/>
          </cell>
          <cell r="BB178" t="str">
            <v/>
          </cell>
          <cell r="BC178" t="str">
            <v/>
          </cell>
          <cell r="BD178" t="str">
            <v/>
          </cell>
          <cell r="BE178" t="str">
            <v/>
          </cell>
          <cell r="BF178" t="str">
            <v/>
          </cell>
          <cell r="BG178" t="str">
            <v/>
          </cell>
          <cell r="BH178" t="str">
            <v/>
          </cell>
          <cell r="BI178" t="str">
            <v/>
          </cell>
          <cell r="BJ178" t="str">
            <v/>
          </cell>
          <cell r="BK178" t="str">
            <v/>
          </cell>
          <cell r="BL178" t="str">
            <v/>
          </cell>
          <cell r="BM178" t="str">
            <v/>
          </cell>
          <cell r="BN178" t="str">
            <v/>
          </cell>
          <cell r="BO178" t="str">
            <v/>
          </cell>
          <cell r="BP178">
            <v>3888</v>
          </cell>
        </row>
        <row r="179">
          <cell r="E179">
            <v>175</v>
          </cell>
          <cell r="F179">
            <v>26</v>
          </cell>
          <cell r="G179">
            <v>10</v>
          </cell>
          <cell r="H179">
            <v>41858</v>
          </cell>
          <cell r="I179" t="str">
            <v>第2.7(4)④</v>
          </cell>
          <cell r="J179" t="str">
            <v>株式会社大本組が元請事業者として施工する民間発注工事において、作業員が負傷する事故を起こした件で、型枠支保工の主要構造部分である支柱を変更しているにも関わらず、当該工事開始日の30日前までに、法令に定められた届出を行わなかったとして、同社従業員が岡山簡易裁判所から労働安全衛生法違反の罪で罰金20万円の略式命令を受けたため。</v>
          </cell>
          <cell r="K179">
            <v>1</v>
          </cell>
          <cell r="L179" t="str">
            <v>㈱大本組</v>
          </cell>
          <cell r="M179" t="str">
            <v/>
          </cell>
          <cell r="O179" t="str">
            <v/>
          </cell>
          <cell r="P179">
            <v>0</v>
          </cell>
          <cell r="Q179">
            <v>1</v>
          </cell>
          <cell r="R179" t="str">
            <v>㈱大本組</v>
          </cell>
          <cell r="S179" t="str">
            <v/>
          </cell>
          <cell r="T179" t="str">
            <v/>
          </cell>
          <cell r="U179" t="str">
            <v/>
          </cell>
          <cell r="V179" t="str">
            <v/>
          </cell>
          <cell r="W179" t="str">
            <v/>
          </cell>
          <cell r="X179" t="str">
            <v/>
          </cell>
          <cell r="Y179" t="str">
            <v/>
          </cell>
          <cell r="Z179" t="str">
            <v/>
          </cell>
          <cell r="AA179" t="str">
            <v/>
          </cell>
          <cell r="AB179" t="str">
            <v/>
          </cell>
          <cell r="AC179" t="str">
            <v/>
          </cell>
          <cell r="AD179" t="str">
            <v/>
          </cell>
          <cell r="AE179" t="str">
            <v/>
          </cell>
          <cell r="AF179" t="str">
            <v/>
          </cell>
          <cell r="AG179" t="str">
            <v/>
          </cell>
          <cell r="AH179" t="str">
            <v/>
          </cell>
          <cell r="AI179" t="str">
            <v/>
          </cell>
          <cell r="AJ179" t="str">
            <v/>
          </cell>
          <cell r="AK179" t="str">
            <v/>
          </cell>
          <cell r="AL179" t="str">
            <v/>
          </cell>
          <cell r="AM179" t="str">
            <v/>
          </cell>
          <cell r="AN179" t="str">
            <v/>
          </cell>
          <cell r="AO179" t="str">
            <v/>
          </cell>
          <cell r="AP179" t="str">
            <v/>
          </cell>
          <cell r="AQ179" t="str">
            <v/>
          </cell>
          <cell r="AR179" t="str">
            <v/>
          </cell>
          <cell r="AS179" t="str">
            <v/>
          </cell>
          <cell r="AT179" t="str">
            <v/>
          </cell>
          <cell r="AU179" t="str">
            <v/>
          </cell>
          <cell r="AV179" t="str">
            <v/>
          </cell>
          <cell r="AW179" t="str">
            <v/>
          </cell>
          <cell r="AX179" t="str">
            <v/>
          </cell>
          <cell r="AY179" t="str">
            <v/>
          </cell>
          <cell r="AZ179" t="str">
            <v/>
          </cell>
          <cell r="BA179" t="str">
            <v/>
          </cell>
          <cell r="BB179" t="str">
            <v/>
          </cell>
          <cell r="BC179" t="str">
            <v/>
          </cell>
          <cell r="BD179" t="str">
            <v/>
          </cell>
          <cell r="BE179" t="str">
            <v/>
          </cell>
          <cell r="BF179" t="str">
            <v/>
          </cell>
          <cell r="BG179" t="str">
            <v/>
          </cell>
          <cell r="BH179" t="str">
            <v/>
          </cell>
          <cell r="BI179" t="str">
            <v/>
          </cell>
          <cell r="BJ179" t="str">
            <v/>
          </cell>
          <cell r="BK179" t="str">
            <v/>
          </cell>
          <cell r="BL179" t="str">
            <v/>
          </cell>
          <cell r="BM179" t="str">
            <v/>
          </cell>
          <cell r="BN179" t="str">
            <v/>
          </cell>
          <cell r="BO179" t="str">
            <v/>
          </cell>
          <cell r="BP179">
            <v>2317</v>
          </cell>
        </row>
        <row r="180">
          <cell r="E180">
            <v>176</v>
          </cell>
          <cell r="F180">
            <v>26</v>
          </cell>
          <cell r="G180">
            <v>11</v>
          </cell>
          <cell r="H180">
            <v>41858</v>
          </cell>
          <cell r="I180" t="str">
            <v>第2.7(4)④</v>
          </cell>
          <cell r="J180" t="str">
            <v>電気用品安全法第11条に基づく改善命令及び同法第12条に基づく行政処分を受けたため。</v>
          </cell>
          <cell r="K180">
            <v>1</v>
          </cell>
          <cell r="L180" t="str">
            <v>コーナン商事㈱　他１社</v>
          </cell>
          <cell r="M180" t="str">
            <v/>
          </cell>
          <cell r="O180" t="str">
            <v/>
          </cell>
          <cell r="P180">
            <v>0</v>
          </cell>
          <cell r="Q180">
            <v>1</v>
          </cell>
          <cell r="R180" t="str">
            <v>コーナン商事㈱</v>
          </cell>
          <cell r="S180" t="str">
            <v>コーナン商事㈱</v>
          </cell>
          <cell r="T180" t="str">
            <v/>
          </cell>
          <cell r="U180" t="str">
            <v/>
          </cell>
          <cell r="V180" t="str">
            <v/>
          </cell>
          <cell r="W180" t="str">
            <v/>
          </cell>
          <cell r="X180" t="str">
            <v/>
          </cell>
          <cell r="Y180" t="str">
            <v/>
          </cell>
          <cell r="Z180" t="str">
            <v/>
          </cell>
          <cell r="AA180" t="str">
            <v/>
          </cell>
          <cell r="AB180" t="str">
            <v/>
          </cell>
          <cell r="AC180" t="str">
            <v/>
          </cell>
          <cell r="AD180" t="str">
            <v/>
          </cell>
          <cell r="AE180" t="str">
            <v/>
          </cell>
          <cell r="AF180" t="str">
            <v/>
          </cell>
          <cell r="AG180" t="str">
            <v/>
          </cell>
          <cell r="AH180" t="str">
            <v/>
          </cell>
          <cell r="AI180" t="str">
            <v/>
          </cell>
          <cell r="AJ180" t="str">
            <v/>
          </cell>
          <cell r="AK180" t="str">
            <v/>
          </cell>
          <cell r="AL180" t="str">
            <v/>
          </cell>
          <cell r="AM180" t="str">
            <v/>
          </cell>
          <cell r="AN180" t="str">
            <v/>
          </cell>
          <cell r="AO180" t="str">
            <v/>
          </cell>
          <cell r="AP180" t="str">
            <v/>
          </cell>
          <cell r="AQ180" t="str">
            <v/>
          </cell>
          <cell r="AR180" t="str">
            <v/>
          </cell>
          <cell r="AS180" t="str">
            <v/>
          </cell>
          <cell r="AT180" t="str">
            <v/>
          </cell>
          <cell r="AU180" t="str">
            <v/>
          </cell>
          <cell r="AV180" t="str">
            <v/>
          </cell>
          <cell r="AW180" t="str">
            <v/>
          </cell>
          <cell r="AX180" t="str">
            <v/>
          </cell>
          <cell r="AY180" t="str">
            <v/>
          </cell>
          <cell r="AZ180" t="str">
            <v/>
          </cell>
          <cell r="BA180" t="str">
            <v/>
          </cell>
          <cell r="BB180" t="str">
            <v/>
          </cell>
          <cell r="BC180" t="str">
            <v/>
          </cell>
          <cell r="BD180" t="str">
            <v/>
          </cell>
          <cell r="BE180" t="str">
            <v/>
          </cell>
          <cell r="BF180" t="str">
            <v/>
          </cell>
          <cell r="BG180" t="str">
            <v/>
          </cell>
          <cell r="BH180" t="str">
            <v/>
          </cell>
          <cell r="BI180" t="str">
            <v/>
          </cell>
          <cell r="BJ180" t="str">
            <v/>
          </cell>
          <cell r="BK180" t="str">
            <v/>
          </cell>
          <cell r="BL180" t="str">
            <v/>
          </cell>
          <cell r="BM180" t="str">
            <v/>
          </cell>
          <cell r="BN180" t="str">
            <v/>
          </cell>
          <cell r="BO180" t="str">
            <v/>
          </cell>
          <cell r="BP180">
            <v>12002</v>
          </cell>
          <cell r="BQ180">
            <v>12003</v>
          </cell>
        </row>
        <row r="181">
          <cell r="E181">
            <v>177</v>
          </cell>
          <cell r="F181">
            <v>26</v>
          </cell>
          <cell r="G181">
            <v>12</v>
          </cell>
          <cell r="H181">
            <v>41858</v>
          </cell>
          <cell r="I181" t="str">
            <v>第2.8(1)</v>
          </cell>
          <cell r="J181" t="str">
            <v>同社及び同社役員が不正競争防止法違反（外国公務員への贈賄）で起訴されたため。</v>
          </cell>
          <cell r="K181">
            <v>3</v>
          </cell>
          <cell r="L181" t="str">
            <v>日本交通技術㈱</v>
          </cell>
          <cell r="M181" t="str">
            <v/>
          </cell>
          <cell r="O181" t="str">
            <v/>
          </cell>
          <cell r="P181">
            <v>0</v>
          </cell>
          <cell r="Q181">
            <v>1</v>
          </cell>
          <cell r="R181" t="str">
            <v>日本交通技術㈱</v>
          </cell>
          <cell r="S181" t="str">
            <v/>
          </cell>
          <cell r="T181" t="str">
            <v/>
          </cell>
          <cell r="U181" t="str">
            <v/>
          </cell>
          <cell r="V181" t="str">
            <v/>
          </cell>
          <cell r="W181" t="str">
            <v/>
          </cell>
          <cell r="X181" t="str">
            <v/>
          </cell>
          <cell r="Y181" t="str">
            <v/>
          </cell>
          <cell r="Z181" t="str">
            <v/>
          </cell>
          <cell r="AA181" t="str">
            <v/>
          </cell>
          <cell r="AB181" t="str">
            <v/>
          </cell>
          <cell r="AC181" t="str">
            <v/>
          </cell>
          <cell r="AD181" t="str">
            <v/>
          </cell>
          <cell r="AE181" t="str">
            <v/>
          </cell>
          <cell r="AF181" t="str">
            <v/>
          </cell>
          <cell r="AG181" t="str">
            <v/>
          </cell>
          <cell r="AH181" t="str">
            <v/>
          </cell>
          <cell r="AI181" t="str">
            <v/>
          </cell>
          <cell r="AJ181" t="str">
            <v/>
          </cell>
          <cell r="AK181" t="str">
            <v/>
          </cell>
          <cell r="AL181" t="str">
            <v/>
          </cell>
          <cell r="AM181" t="str">
            <v/>
          </cell>
          <cell r="AN181" t="str">
            <v/>
          </cell>
          <cell r="AO181" t="str">
            <v/>
          </cell>
          <cell r="AP181" t="str">
            <v/>
          </cell>
          <cell r="AQ181" t="str">
            <v/>
          </cell>
          <cell r="AR181" t="str">
            <v/>
          </cell>
          <cell r="AS181" t="str">
            <v/>
          </cell>
          <cell r="AT181" t="str">
            <v/>
          </cell>
          <cell r="AU181" t="str">
            <v/>
          </cell>
          <cell r="AV181" t="str">
            <v/>
          </cell>
          <cell r="AW181" t="str">
            <v/>
          </cell>
          <cell r="AX181" t="str">
            <v/>
          </cell>
          <cell r="AY181" t="str">
            <v/>
          </cell>
          <cell r="AZ181" t="str">
            <v/>
          </cell>
          <cell r="BA181" t="str">
            <v/>
          </cell>
          <cell r="BB181" t="str">
            <v/>
          </cell>
          <cell r="BC181" t="str">
            <v/>
          </cell>
          <cell r="BD181" t="str">
            <v/>
          </cell>
          <cell r="BE181" t="str">
            <v/>
          </cell>
          <cell r="BF181" t="str">
            <v/>
          </cell>
          <cell r="BG181" t="str">
            <v/>
          </cell>
          <cell r="BH181" t="str">
            <v/>
          </cell>
          <cell r="BI181" t="str">
            <v/>
          </cell>
          <cell r="BJ181" t="str">
            <v/>
          </cell>
          <cell r="BK181" t="str">
            <v/>
          </cell>
          <cell r="BL181" t="str">
            <v/>
          </cell>
          <cell r="BM181" t="str">
            <v/>
          </cell>
          <cell r="BN181" t="str">
            <v/>
          </cell>
          <cell r="BO181" t="str">
            <v/>
          </cell>
          <cell r="BP181">
            <v>6021</v>
          </cell>
        </row>
        <row r="182">
          <cell r="E182">
            <v>178</v>
          </cell>
          <cell r="F182">
            <v>26</v>
          </cell>
          <cell r="G182">
            <v>13</v>
          </cell>
          <cell r="H182">
            <v>41954</v>
          </cell>
          <cell r="I182" t="str">
            <v>第2.3(2)</v>
          </cell>
          <cell r="J182" t="str">
            <v>丹波市発注の消防自動車の入札をめぐり、市職員から予定価格を算出する基になる実施設計額の情報を得て受注したとして、公契約関係入札妨害などの容疑で社員が逮捕されたため。</v>
          </cell>
          <cell r="K182">
            <v>12</v>
          </cell>
          <cell r="L182" t="str">
            <v>㈱モリタ</v>
          </cell>
          <cell r="Q182">
            <v>1</v>
          </cell>
          <cell r="R182" t="str">
            <v>㈱モリタ</v>
          </cell>
          <cell r="BP182">
            <v>10720</v>
          </cell>
        </row>
        <row r="183">
          <cell r="E183">
            <v>179</v>
          </cell>
          <cell r="F183">
            <v>26</v>
          </cell>
          <cell r="G183">
            <v>14</v>
          </cell>
          <cell r="H183">
            <v>41977</v>
          </cell>
          <cell r="I183" t="str">
            <v>第2.3(3)</v>
          </cell>
          <cell r="J183" t="str">
            <v>国立国会図書館の発注業務の入札に関する情報を不正に取得したとして、公契約関係競売入札妨害容疑で社員等が書類送検されたため。</v>
          </cell>
          <cell r="K183">
            <v>6</v>
          </cell>
          <cell r="L183" t="str">
            <v>㈱日立製作所</v>
          </cell>
          <cell r="M183" t="str">
            <v/>
          </cell>
          <cell r="O183" t="str">
            <v/>
          </cell>
          <cell r="Q183">
            <v>1</v>
          </cell>
          <cell r="R183" t="str">
            <v>㈱日立製作所</v>
          </cell>
          <cell r="S183" t="str">
            <v/>
          </cell>
          <cell r="T183" t="str">
            <v/>
          </cell>
          <cell r="U183" t="str">
            <v/>
          </cell>
          <cell r="V183" t="str">
            <v/>
          </cell>
          <cell r="W183" t="str">
            <v/>
          </cell>
          <cell r="X183" t="str">
            <v/>
          </cell>
          <cell r="Y183" t="str">
            <v/>
          </cell>
          <cell r="Z183" t="str">
            <v/>
          </cell>
          <cell r="AA183" t="str">
            <v/>
          </cell>
          <cell r="AB183" t="str">
            <v/>
          </cell>
          <cell r="AC183" t="str">
            <v/>
          </cell>
          <cell r="AD183" t="str">
            <v/>
          </cell>
          <cell r="AE183" t="str">
            <v/>
          </cell>
          <cell r="AF183" t="str">
            <v/>
          </cell>
          <cell r="AG183" t="str">
            <v/>
          </cell>
          <cell r="AH183" t="str">
            <v/>
          </cell>
          <cell r="AI183" t="str">
            <v/>
          </cell>
          <cell r="AJ183" t="str">
            <v/>
          </cell>
          <cell r="AK183" t="str">
            <v/>
          </cell>
          <cell r="AL183" t="str">
            <v/>
          </cell>
          <cell r="AM183" t="str">
            <v/>
          </cell>
          <cell r="AN183" t="str">
            <v/>
          </cell>
          <cell r="AO183" t="str">
            <v/>
          </cell>
          <cell r="AP183" t="str">
            <v/>
          </cell>
          <cell r="AQ183" t="str">
            <v/>
          </cell>
          <cell r="AR183" t="str">
            <v/>
          </cell>
          <cell r="AS183" t="str">
            <v/>
          </cell>
          <cell r="AT183" t="str">
            <v/>
          </cell>
          <cell r="AU183" t="str">
            <v/>
          </cell>
          <cell r="AV183" t="str">
            <v/>
          </cell>
          <cell r="AW183" t="str">
            <v/>
          </cell>
          <cell r="AX183" t="str">
            <v/>
          </cell>
          <cell r="AY183" t="str">
            <v/>
          </cell>
          <cell r="AZ183" t="str">
            <v/>
          </cell>
          <cell r="BA183" t="str">
            <v/>
          </cell>
          <cell r="BB183" t="str">
            <v/>
          </cell>
          <cell r="BC183" t="str">
            <v/>
          </cell>
          <cell r="BD183" t="str">
            <v/>
          </cell>
          <cell r="BE183" t="str">
            <v/>
          </cell>
          <cell r="BF183" t="str">
            <v/>
          </cell>
          <cell r="BG183" t="str">
            <v/>
          </cell>
          <cell r="BH183" t="str">
            <v/>
          </cell>
          <cell r="BI183" t="str">
            <v/>
          </cell>
          <cell r="BJ183" t="str">
            <v/>
          </cell>
          <cell r="BK183" t="str">
            <v/>
          </cell>
          <cell r="BL183" t="str">
            <v/>
          </cell>
          <cell r="BM183" t="str">
            <v/>
          </cell>
          <cell r="BN183" t="str">
            <v/>
          </cell>
          <cell r="BO183" t="str">
            <v/>
          </cell>
          <cell r="BP183">
            <v>10862</v>
          </cell>
        </row>
        <row r="184">
          <cell r="E184">
            <v>180</v>
          </cell>
          <cell r="F184">
            <v>26</v>
          </cell>
          <cell r="G184">
            <v>15</v>
          </cell>
          <cell r="H184">
            <v>42051</v>
          </cell>
          <cell r="I184" t="str">
            <v>第1.9(2)</v>
          </cell>
          <cell r="J184" t="str">
            <v>企業庁猪名川広域水道事務所発注のろ過池設備保守管理業務において、安全管理の措置が不適切であったために、工事関係者に重傷者を生じさせたため。</v>
          </cell>
          <cell r="K184">
            <v>1</v>
          </cell>
          <cell r="L184" t="str">
            <v>水ｉｎｇ㈱</v>
          </cell>
          <cell r="Q184">
            <v>1</v>
          </cell>
          <cell r="R184" t="str">
            <v>水ｉｎｇ㈱</v>
          </cell>
          <cell r="BP184">
            <v>2242</v>
          </cell>
        </row>
        <row r="185">
          <cell r="E185">
            <v>181</v>
          </cell>
          <cell r="F185">
            <v>26</v>
          </cell>
          <cell r="G185">
            <v>16</v>
          </cell>
          <cell r="H185">
            <v>42062</v>
          </cell>
          <cell r="I185" t="str">
            <v>第1.9(2)</v>
          </cell>
          <cell r="J185" t="str">
            <v>当該業者の元現場責任者が業務上過失傷害の容疑で書類送検されたため。</v>
          </cell>
          <cell r="K185">
            <v>1</v>
          </cell>
          <cell r="L185" t="str">
            <v>㈱神崎組</v>
          </cell>
          <cell r="Q185">
            <v>1</v>
          </cell>
          <cell r="R185" t="str">
            <v>㈱神崎組</v>
          </cell>
          <cell r="BP185">
            <v>2437</v>
          </cell>
        </row>
        <row r="186">
          <cell r="E186">
            <v>182</v>
          </cell>
          <cell r="F186">
            <v>26</v>
          </cell>
          <cell r="G186">
            <v>17</v>
          </cell>
          <cell r="H186">
            <v>42062</v>
          </cell>
          <cell r="I186" t="str">
            <v>第2.3(2)</v>
          </cell>
          <cell r="J186" t="str">
            <v>神戸市発注の道路工事の入札をめぐり、元営業部長兼神戸営業所長が公契約関係競売入札妨害容疑で逮捕されたため。</v>
          </cell>
          <cell r="K186">
            <v>12</v>
          </cell>
          <cell r="L186" t="str">
            <v>協和道路㈱</v>
          </cell>
          <cell r="Q186">
            <v>1</v>
          </cell>
          <cell r="R186" t="str">
            <v>協和道路㈱</v>
          </cell>
          <cell r="BP186">
            <v>2532</v>
          </cell>
        </row>
        <row r="187">
          <cell r="E187">
            <v>183</v>
          </cell>
          <cell r="F187">
            <v>27</v>
          </cell>
          <cell r="G187">
            <v>1</v>
          </cell>
          <cell r="H187">
            <v>42118</v>
          </cell>
          <cell r="I187" t="str">
            <v>第2.6(3)②</v>
          </cell>
          <cell r="J187" t="str">
            <v>営業所に常駐して専らその職務に従事しなければならない専任技術者を、工事現場ごとに専任の技術者の配置を要する工事の監理技術者として配置し、従事させたことが、建設業法第28条第１項の規定に該当するとして、東播磨県民局長から同法第28条第1項本文の規定に基づき、指示処分を受けたため。</v>
          </cell>
          <cell r="K187">
            <v>2</v>
          </cell>
          <cell r="L187" t="str">
            <v>㈱ＴＭＣ</v>
          </cell>
          <cell r="Q187">
            <v>1</v>
          </cell>
          <cell r="R187" t="str">
            <v>㈱ＴＭＣ</v>
          </cell>
          <cell r="BP187">
            <v>3336</v>
          </cell>
        </row>
        <row r="188">
          <cell r="E188">
            <v>184</v>
          </cell>
          <cell r="F188">
            <v>27</v>
          </cell>
          <cell r="G188">
            <v>2</v>
          </cell>
          <cell r="H188">
            <v>42118</v>
          </cell>
          <cell r="I188" t="str">
            <v>第2.2(3)</v>
          </cell>
          <cell r="J188" t="str">
            <v>農業協同組合等が発注する特定農業施設工事について、受注価格の低落防止等を図るため、受注予定者を決定し、受注予定者が受注できるようにしていたとして、公正取引委員会から「私的独占の禁止及び公正取引の確保に関する法律」第3条違反により、課徴金納付命令を受けたため。</v>
          </cell>
          <cell r="K188">
            <v>2</v>
          </cell>
          <cell r="L188" t="str">
            <v>㈱クボタ</v>
          </cell>
          <cell r="Q188">
            <v>1</v>
          </cell>
          <cell r="R188" t="str">
            <v>㈱クボタ</v>
          </cell>
          <cell r="BP188">
            <v>2595</v>
          </cell>
        </row>
        <row r="189">
          <cell r="E189">
            <v>185</v>
          </cell>
          <cell r="F189">
            <v>27</v>
          </cell>
          <cell r="G189">
            <v>3</v>
          </cell>
          <cell r="H189">
            <v>42118</v>
          </cell>
          <cell r="I189" t="str">
            <v>第1.9(2)</v>
          </cell>
          <cell r="J189" t="str">
            <v>当該業者と工場長が、労働安全衛生法違反の容疑で書類送検されたため。</v>
          </cell>
          <cell r="K189">
            <v>1</v>
          </cell>
          <cell r="L189" t="str">
            <v>日本機動建設㈱</v>
          </cell>
          <cell r="Q189">
            <v>1</v>
          </cell>
          <cell r="R189" t="str">
            <v>日本機動建設㈱</v>
          </cell>
          <cell r="BP189">
            <v>3626</v>
          </cell>
        </row>
        <row r="190">
          <cell r="E190">
            <v>186</v>
          </cell>
          <cell r="F190">
            <v>27</v>
          </cell>
          <cell r="G190">
            <v>4</v>
          </cell>
          <cell r="H190">
            <v>42157</v>
          </cell>
          <cell r="I190" t="str">
            <v>第1.9(1)</v>
          </cell>
          <cell r="J190" t="str">
            <v>丹波土木事務所発注の（主）春日栗柄線滝ノ尻盛土工事（その８）の施工に当たり、安全管理の措置が不適切であったことにより、工事関係者に死亡者を生じさせたため。</v>
          </cell>
          <cell r="K190">
            <v>1</v>
          </cell>
          <cell r="L190" t="str">
            <v>池田建設㈱</v>
          </cell>
          <cell r="Q190">
            <v>1</v>
          </cell>
          <cell r="R190" t="str">
            <v>池田建設㈱</v>
          </cell>
          <cell r="BP190">
            <v>2106</v>
          </cell>
        </row>
        <row r="191">
          <cell r="E191">
            <v>187</v>
          </cell>
          <cell r="F191">
            <v>27</v>
          </cell>
          <cell r="G191">
            <v>5</v>
          </cell>
          <cell r="H191">
            <v>42193</v>
          </cell>
          <cell r="I191" t="str">
            <v>第2.1(3)</v>
          </cell>
          <cell r="J191" t="str">
            <v>京都大医学部付属病院臨床研究総合センターの研究用の機器納入をめぐり、当該業者の元副支店長が、贈賄容疑で逮捕されたため。</v>
          </cell>
          <cell r="K191">
            <v>6</v>
          </cell>
          <cell r="L191" t="str">
            <v>西村器械㈱</v>
          </cell>
          <cell r="Q191">
            <v>1</v>
          </cell>
          <cell r="R191" t="str">
            <v>西村器械(株)</v>
          </cell>
          <cell r="BP191">
            <v>12474</v>
          </cell>
        </row>
        <row r="192">
          <cell r="E192">
            <v>188</v>
          </cell>
          <cell r="F192">
            <v>27</v>
          </cell>
          <cell r="G192">
            <v>6</v>
          </cell>
          <cell r="H192">
            <v>42297</v>
          </cell>
          <cell r="I192" t="str">
            <v>第2.2(3)</v>
          </cell>
          <cell r="J192" t="str">
            <v>独立行政法人鉄道建設・運輸施設整備支援機構が発注する北陸新幹線消融雪設備工事について、受注価格の低落防止等を図るため受注の順番を決めるなどしていたとして、公正取引委員会から「私的独占の禁止及び公正取引の確保に関する法律」第３条違反により、排除措置命令を受けたため。</v>
          </cell>
          <cell r="K192">
            <v>2</v>
          </cell>
          <cell r="L192" t="str">
            <v>三機工業㈱</v>
          </cell>
          <cell r="Q192">
            <v>1</v>
          </cell>
          <cell r="R192" t="str">
            <v>三機工業㈱</v>
          </cell>
          <cell r="BP192">
            <v>2783</v>
          </cell>
        </row>
        <row r="193">
          <cell r="E193">
            <v>189</v>
          </cell>
          <cell r="F193">
            <v>27</v>
          </cell>
          <cell r="G193">
            <v>7</v>
          </cell>
          <cell r="H193">
            <v>42297</v>
          </cell>
          <cell r="I193" t="str">
            <v>第2.2(3)</v>
          </cell>
          <cell r="J193" t="str">
            <v>独立行政法人鉄道建設・運輸施設整備支援機構が発注する北陸新幹線消融雪設備工事について、受注価格の低落防止等を図るため受注の順番を決めるなどしていたとして、公正取引委員会から「私的独占の禁止及び公正取引の確保に関する法律」第３条違反により、排除措置命令を受けたため。</v>
          </cell>
          <cell r="K193">
            <v>4</v>
          </cell>
          <cell r="L193" t="str">
            <v>新菱冷熱工業㈱</v>
          </cell>
          <cell r="Q193">
            <v>1</v>
          </cell>
          <cell r="R193" t="str">
            <v>新菱冷熱工業㈱</v>
          </cell>
          <cell r="BP193">
            <v>2929</v>
          </cell>
        </row>
        <row r="194">
          <cell r="E194">
            <v>190</v>
          </cell>
          <cell r="F194">
            <v>27</v>
          </cell>
          <cell r="G194">
            <v>8</v>
          </cell>
          <cell r="H194">
            <v>42306</v>
          </cell>
          <cell r="J194" t="str">
            <v>平成27年6月9日付で契約を締結した伊丹市昆虫館外壁等改修工事実施設計業務において、正当な理由なく契約解除の申出がなされたため。このことは、地方自治法施行令第167条の4第2項第3及び伊丹市入札参加資格制限基準2(5)②に該当することから、資格制限処分を行うものである。</v>
          </cell>
          <cell r="K194">
            <v>12</v>
          </cell>
          <cell r="L194" t="str">
            <v>㈲エンジニア綜合事務所</v>
          </cell>
          <cell r="Q194">
            <v>1</v>
          </cell>
          <cell r="R194" t="str">
            <v>㈲エンジニア綜合事務所</v>
          </cell>
          <cell r="BP194">
            <v>5187</v>
          </cell>
        </row>
        <row r="195">
          <cell r="E195">
            <v>191</v>
          </cell>
          <cell r="F195">
            <v>27</v>
          </cell>
          <cell r="G195">
            <v>9</v>
          </cell>
          <cell r="H195">
            <v>42347</v>
          </cell>
          <cell r="I195" t="str">
            <v>第2.1(3)</v>
          </cell>
          <cell r="J195" t="str">
            <v>同社の従業員が、京都府長岡京市発注の水道施設関連工事に関し平成27年12月7日に贈賄容疑で逮捕されたため。</v>
          </cell>
          <cell r="K195">
            <v>6</v>
          </cell>
          <cell r="L195" t="str">
            <v>機動建設工業㈱</v>
          </cell>
          <cell r="Q195">
            <v>1</v>
          </cell>
          <cell r="R195" t="str">
            <v>機動建設工業㈱</v>
          </cell>
          <cell r="BP195">
            <v>2507</v>
          </cell>
        </row>
        <row r="196">
          <cell r="E196">
            <v>192</v>
          </cell>
          <cell r="F196">
            <v>27</v>
          </cell>
          <cell r="G196">
            <v>10</v>
          </cell>
          <cell r="H196">
            <v>42382</v>
          </cell>
          <cell r="I196" t="str">
            <v>第2.3(3)</v>
          </cell>
          <cell r="J196" t="str">
            <v>千葉市発注の下水道処理施設の入札において、同市職員から非公表の入札情報を得たとして、当該業者の社員が公契約関係競売入札妨害容疑で逮捕されたため。</v>
          </cell>
          <cell r="K196">
            <v>6</v>
          </cell>
          <cell r="L196" t="str">
            <v>㈱ＮＪＳ</v>
          </cell>
          <cell r="Q196">
            <v>1</v>
          </cell>
          <cell r="R196" t="str">
            <v>㈱ＮＪＳ</v>
          </cell>
          <cell r="BP196">
            <v>6041</v>
          </cell>
        </row>
        <row r="197">
          <cell r="E197">
            <v>193</v>
          </cell>
          <cell r="F197">
            <v>27</v>
          </cell>
          <cell r="G197">
            <v>10</v>
          </cell>
          <cell r="H197">
            <v>42394</v>
          </cell>
          <cell r="I197" t="str">
            <v>第2.6(3)③</v>
          </cell>
          <cell r="J197" t="str">
            <v>横浜市都築区で施工されたマンション建築のくい施工工事において、建設業法に違反する行為を行ったとして、国土交通省関東地方整備局長から同法28条の規定に基づき、指示処分を受けたため。</v>
          </cell>
          <cell r="K197">
            <v>1</v>
          </cell>
          <cell r="L197" t="str">
            <v>三井住友建設㈱</v>
          </cell>
          <cell r="Q197">
            <v>1</v>
          </cell>
          <cell r="R197" t="str">
            <v>三井住友建設㈱</v>
          </cell>
          <cell r="BP197">
            <v>4151</v>
          </cell>
        </row>
        <row r="198">
          <cell r="E198">
            <v>194</v>
          </cell>
          <cell r="F198">
            <v>28</v>
          </cell>
          <cell r="G198">
            <v>1</v>
          </cell>
          <cell r="H198">
            <v>42445</v>
          </cell>
          <cell r="I198" t="str">
            <v>第2.2(6)</v>
          </cell>
          <cell r="J198" t="str">
            <v>東日本高速道路株式会社東北支社が発注する東日本大震災に係る舗装災害復旧工事の入札について、受注予定事業者を決定すること及び当該受注予定事業者が受注できるような価格で入札を行うことなどを合意した上、同合意に従って受注予定事業者を決定するなどしていたとして、公正取引委員会から「私的独占の禁止及び公正取引の確保に関する法律」第74条第1項の規定に基づき、刑事告発を受けたため。</v>
          </cell>
          <cell r="K198">
            <v>6</v>
          </cell>
          <cell r="L198" t="str">
            <v>㈱ＮＩＰＰＯ　他８社</v>
          </cell>
          <cell r="M198" t="str">
            <v/>
          </cell>
          <cell r="N198" t="str">
            <v/>
          </cell>
          <cell r="O198" t="str">
            <v/>
          </cell>
          <cell r="P198">
            <v>0</v>
          </cell>
          <cell r="Q198">
            <v>9</v>
          </cell>
          <cell r="R198" t="str">
            <v>㈱ＮＩＰＰＯ</v>
          </cell>
          <cell r="S198" t="str">
            <v>前田道路㈱</v>
          </cell>
          <cell r="T198" t="str">
            <v>日本道路㈱</v>
          </cell>
          <cell r="U198" t="str">
            <v>大林道路㈱</v>
          </cell>
          <cell r="V198" t="str">
            <v>東亜道路工業㈱</v>
          </cell>
          <cell r="W198" t="str">
            <v>㈱佐藤渡辺</v>
          </cell>
          <cell r="X198" t="str">
            <v>㈱ガイアートＴ・Ｋ</v>
          </cell>
          <cell r="Y198" t="str">
            <v>三井住建道路㈱</v>
          </cell>
          <cell r="Z198" t="str">
            <v>北川ヒューテック㈱</v>
          </cell>
          <cell r="AA198" t="str">
            <v/>
          </cell>
          <cell r="AB198" t="str">
            <v/>
          </cell>
          <cell r="AC198" t="str">
            <v/>
          </cell>
          <cell r="AD198" t="str">
            <v/>
          </cell>
          <cell r="AE198" t="str">
            <v/>
          </cell>
          <cell r="AF198" t="str">
            <v/>
          </cell>
          <cell r="AG198" t="str">
            <v/>
          </cell>
          <cell r="AH198" t="str">
            <v/>
          </cell>
          <cell r="AI198" t="str">
            <v/>
          </cell>
          <cell r="AJ198" t="str">
            <v/>
          </cell>
          <cell r="AK198" t="str">
            <v/>
          </cell>
          <cell r="AL198" t="str">
            <v/>
          </cell>
          <cell r="AM198" t="str">
            <v/>
          </cell>
          <cell r="AN198" t="str">
            <v/>
          </cell>
          <cell r="AO198" t="str">
            <v/>
          </cell>
          <cell r="AP198" t="str">
            <v/>
          </cell>
          <cell r="AQ198" t="str">
            <v/>
          </cell>
          <cell r="AR198" t="str">
            <v/>
          </cell>
          <cell r="AS198" t="str">
            <v/>
          </cell>
          <cell r="AT198" t="str">
            <v/>
          </cell>
          <cell r="AU198" t="str">
            <v/>
          </cell>
          <cell r="AV198" t="str">
            <v/>
          </cell>
          <cell r="AW198" t="str">
            <v/>
          </cell>
          <cell r="AX198" t="str">
            <v/>
          </cell>
          <cell r="AY198" t="str">
            <v/>
          </cell>
          <cell r="AZ198" t="str">
            <v/>
          </cell>
          <cell r="BA198" t="str">
            <v/>
          </cell>
          <cell r="BB198" t="str">
            <v/>
          </cell>
          <cell r="BC198" t="str">
            <v/>
          </cell>
          <cell r="BD198" t="str">
            <v/>
          </cell>
          <cell r="BE198" t="str">
            <v/>
          </cell>
          <cell r="BF198" t="str">
            <v/>
          </cell>
          <cell r="BG198" t="str">
            <v/>
          </cell>
          <cell r="BH198" t="str">
            <v/>
          </cell>
          <cell r="BI198" t="str">
            <v/>
          </cell>
          <cell r="BJ198" t="str">
            <v/>
          </cell>
          <cell r="BK198" t="str">
            <v/>
          </cell>
          <cell r="BL198" t="str">
            <v/>
          </cell>
          <cell r="BM198" t="str">
            <v/>
          </cell>
          <cell r="BN198" t="str">
            <v/>
          </cell>
          <cell r="BO198" t="str">
            <v/>
          </cell>
          <cell r="BP198">
            <v>3594</v>
          </cell>
          <cell r="BQ198">
            <v>819</v>
          </cell>
          <cell r="BR198">
            <v>3606</v>
          </cell>
          <cell r="BS198">
            <v>2313</v>
          </cell>
          <cell r="BT198">
            <v>3366</v>
          </cell>
          <cell r="BU198">
            <v>2821</v>
          </cell>
          <cell r="BV198">
            <v>2381</v>
          </cell>
          <cell r="BW198">
            <v>4150</v>
          </cell>
          <cell r="BX198">
            <v>2502</v>
          </cell>
          <cell r="BY198" t="str">
            <v/>
          </cell>
          <cell r="BZ198" t="str">
            <v/>
          </cell>
          <cell r="CA198" t="str">
            <v/>
          </cell>
          <cell r="CB198" t="str">
            <v/>
          </cell>
          <cell r="CC198" t="str">
            <v/>
          </cell>
          <cell r="CD198" t="str">
            <v/>
          </cell>
          <cell r="CE198" t="str">
            <v/>
          </cell>
          <cell r="CF198" t="str">
            <v/>
          </cell>
          <cell r="CG198" t="str">
            <v/>
          </cell>
          <cell r="CH198" t="str">
            <v/>
          </cell>
          <cell r="CI198" t="str">
            <v/>
          </cell>
          <cell r="CJ198" t="str">
            <v/>
          </cell>
          <cell r="CK198" t="str">
            <v/>
          </cell>
          <cell r="CL198" t="str">
            <v/>
          </cell>
          <cell r="CM198" t="str">
            <v/>
          </cell>
          <cell r="CN198" t="str">
            <v/>
          </cell>
          <cell r="CO198" t="str">
            <v/>
          </cell>
          <cell r="CP198" t="str">
            <v/>
          </cell>
          <cell r="CQ198" t="str">
            <v/>
          </cell>
          <cell r="CR198" t="str">
            <v/>
          </cell>
          <cell r="CS198" t="str">
            <v/>
          </cell>
          <cell r="CT198" t="str">
            <v/>
          </cell>
          <cell r="CU198" t="str">
            <v/>
          </cell>
          <cell r="CV198" t="str">
            <v/>
          </cell>
          <cell r="CW198" t="str">
            <v/>
          </cell>
          <cell r="CX198" t="str">
            <v/>
          </cell>
          <cell r="CY198" t="str">
            <v/>
          </cell>
          <cell r="CZ198" t="str">
            <v/>
          </cell>
          <cell r="DA198" t="str">
            <v/>
          </cell>
          <cell r="DB198" t="str">
            <v/>
          </cell>
          <cell r="DC198" t="str">
            <v/>
          </cell>
          <cell r="DD198" t="str">
            <v/>
          </cell>
          <cell r="DE198" t="str">
            <v/>
          </cell>
          <cell r="DF198" t="str">
            <v/>
          </cell>
          <cell r="DG198" t="str">
            <v/>
          </cell>
          <cell r="DH198" t="str">
            <v/>
          </cell>
          <cell r="DI198" t="str">
            <v/>
          </cell>
          <cell r="DJ198" t="str">
            <v/>
          </cell>
          <cell r="DK198" t="str">
            <v/>
          </cell>
          <cell r="DL198" t="str">
            <v/>
          </cell>
          <cell r="DM198" t="str">
            <v/>
          </cell>
        </row>
        <row r="199">
          <cell r="E199">
            <v>195</v>
          </cell>
          <cell r="G199">
            <v>2</v>
          </cell>
          <cell r="H199">
            <v>42501</v>
          </cell>
          <cell r="I199">
            <v>0</v>
          </cell>
          <cell r="J199" t="str">
            <v>平成28年5月11日開札の「H28年度　おむすび型コンテナ3基購入」の案件において、当該業者が最も低い価格での入札となり落札決定を受けたが、その後入札金額の誤りを理由に契約の締結を辞退した。このことは、地方自治法施行令第167条の4第2項第5号及び伊丹市入札参加資格制限基準2(5)①に該当することから、資格制限処分を行うものである。</v>
          </cell>
          <cell r="K199">
            <v>6</v>
          </cell>
          <cell r="L199" t="str">
            <v>川西オートサービス㈱</v>
          </cell>
          <cell r="M199" t="str">
            <v/>
          </cell>
          <cell r="N199" t="str">
            <v/>
          </cell>
          <cell r="O199" t="str">
            <v/>
          </cell>
          <cell r="P199">
            <v>0</v>
          </cell>
          <cell r="Q199">
            <v>1</v>
          </cell>
          <cell r="R199" t="str">
            <v>川西オートサービス㈱</v>
          </cell>
          <cell r="S199" t="str">
            <v/>
          </cell>
          <cell r="T199" t="str">
            <v/>
          </cell>
          <cell r="U199" t="str">
            <v/>
          </cell>
          <cell r="V199" t="str">
            <v/>
          </cell>
          <cell r="W199" t="str">
            <v/>
          </cell>
          <cell r="X199" t="str">
            <v/>
          </cell>
          <cell r="Y199" t="str">
            <v/>
          </cell>
          <cell r="Z199" t="str">
            <v/>
          </cell>
          <cell r="AA199" t="str">
            <v/>
          </cell>
          <cell r="AB199" t="str">
            <v/>
          </cell>
          <cell r="AC199" t="str">
            <v/>
          </cell>
          <cell r="AD199" t="str">
            <v/>
          </cell>
          <cell r="AE199" t="str">
            <v/>
          </cell>
          <cell r="AF199" t="str">
            <v/>
          </cell>
          <cell r="AG199" t="str">
            <v/>
          </cell>
          <cell r="AH199" t="str">
            <v/>
          </cell>
          <cell r="AI199" t="str">
            <v/>
          </cell>
          <cell r="AJ199" t="str">
            <v/>
          </cell>
          <cell r="AK199" t="str">
            <v/>
          </cell>
          <cell r="AL199" t="str">
            <v/>
          </cell>
          <cell r="AM199" t="str">
            <v/>
          </cell>
          <cell r="AN199" t="str">
            <v/>
          </cell>
          <cell r="AO199" t="str">
            <v/>
          </cell>
          <cell r="AP199" t="str">
            <v/>
          </cell>
          <cell r="AQ199" t="str">
            <v/>
          </cell>
          <cell r="AR199" t="str">
            <v/>
          </cell>
          <cell r="AS199" t="str">
            <v/>
          </cell>
          <cell r="AT199" t="str">
            <v/>
          </cell>
          <cell r="AU199" t="str">
            <v/>
          </cell>
          <cell r="AV199" t="str">
            <v/>
          </cell>
          <cell r="AW199" t="str">
            <v/>
          </cell>
          <cell r="AX199" t="str">
            <v/>
          </cell>
          <cell r="AY199" t="str">
            <v/>
          </cell>
          <cell r="AZ199" t="str">
            <v/>
          </cell>
          <cell r="BA199" t="str">
            <v/>
          </cell>
          <cell r="BB199" t="str">
            <v/>
          </cell>
          <cell r="BC199" t="str">
            <v/>
          </cell>
          <cell r="BD199" t="str">
            <v/>
          </cell>
          <cell r="BE199" t="str">
            <v/>
          </cell>
          <cell r="BF199" t="str">
            <v/>
          </cell>
          <cell r="BG199" t="str">
            <v/>
          </cell>
          <cell r="BH199" t="str">
            <v/>
          </cell>
          <cell r="BI199" t="str">
            <v/>
          </cell>
          <cell r="BJ199" t="str">
            <v/>
          </cell>
          <cell r="BK199" t="str">
            <v/>
          </cell>
          <cell r="BL199" t="str">
            <v/>
          </cell>
          <cell r="BM199" t="str">
            <v/>
          </cell>
          <cell r="BN199" t="str">
            <v/>
          </cell>
          <cell r="BO199" t="str">
            <v/>
          </cell>
          <cell r="BP199">
            <v>11539</v>
          </cell>
        </row>
        <row r="200">
          <cell r="E200">
            <v>196</v>
          </cell>
          <cell r="G200">
            <v>3</v>
          </cell>
          <cell r="H200">
            <v>42577</v>
          </cell>
          <cell r="I200" t="str">
            <v>第2.2(3)</v>
          </cell>
          <cell r="J200" t="str">
            <v>東京電力が発注する特定電力保安通信用機器について、納入価格の低落防止を図るため、他の製造販売業者とともに納入予定メーカーを決定し、納入予定メーカーが納入できるようにしていたとして、公正取引委員会から「私的独占の禁止及び公正取引の確保に関する法律」第３条違反により、排除措置命令及び課徴金納付命令を受けたため。</v>
          </cell>
          <cell r="K200">
            <v>2</v>
          </cell>
          <cell r="L200" t="str">
            <v>富士通㈱</v>
          </cell>
          <cell r="M200" t="str">
            <v/>
          </cell>
          <cell r="N200" t="str">
            <v/>
          </cell>
          <cell r="O200" t="str">
            <v/>
          </cell>
          <cell r="P200">
            <v>0</v>
          </cell>
          <cell r="Q200">
            <v>1</v>
          </cell>
          <cell r="R200" t="str">
            <v>富士通㈱</v>
          </cell>
          <cell r="S200" t="str">
            <v/>
          </cell>
          <cell r="T200" t="str">
            <v/>
          </cell>
          <cell r="U200" t="str">
            <v/>
          </cell>
          <cell r="V200" t="str">
            <v/>
          </cell>
          <cell r="W200" t="str">
            <v/>
          </cell>
          <cell r="X200" t="str">
            <v/>
          </cell>
          <cell r="Y200" t="str">
            <v/>
          </cell>
          <cell r="Z200" t="str">
            <v/>
          </cell>
          <cell r="AA200" t="str">
            <v/>
          </cell>
          <cell r="AB200" t="str">
            <v/>
          </cell>
          <cell r="AC200" t="str">
            <v/>
          </cell>
          <cell r="AD200" t="str">
            <v/>
          </cell>
          <cell r="AE200" t="str">
            <v/>
          </cell>
          <cell r="AF200" t="str">
            <v/>
          </cell>
          <cell r="AG200" t="str">
            <v/>
          </cell>
          <cell r="AH200" t="str">
            <v/>
          </cell>
          <cell r="AI200" t="str">
            <v/>
          </cell>
          <cell r="AJ200" t="str">
            <v/>
          </cell>
          <cell r="AK200" t="str">
            <v/>
          </cell>
          <cell r="AL200" t="str">
            <v/>
          </cell>
          <cell r="AM200" t="str">
            <v/>
          </cell>
          <cell r="AN200" t="str">
            <v/>
          </cell>
          <cell r="AO200" t="str">
            <v/>
          </cell>
          <cell r="AP200" t="str">
            <v/>
          </cell>
          <cell r="AQ200" t="str">
            <v/>
          </cell>
          <cell r="AR200" t="str">
            <v/>
          </cell>
          <cell r="AS200" t="str">
            <v/>
          </cell>
          <cell r="AT200" t="str">
            <v/>
          </cell>
          <cell r="AU200" t="str">
            <v/>
          </cell>
          <cell r="AV200" t="str">
            <v/>
          </cell>
          <cell r="AW200" t="str">
            <v/>
          </cell>
          <cell r="AX200" t="str">
            <v/>
          </cell>
          <cell r="AY200" t="str">
            <v/>
          </cell>
          <cell r="AZ200" t="str">
            <v/>
          </cell>
          <cell r="BA200" t="str">
            <v/>
          </cell>
          <cell r="BB200" t="str">
            <v/>
          </cell>
          <cell r="BC200" t="str">
            <v/>
          </cell>
          <cell r="BD200" t="str">
            <v/>
          </cell>
          <cell r="BE200" t="str">
            <v/>
          </cell>
          <cell r="BF200" t="str">
            <v/>
          </cell>
          <cell r="BG200" t="str">
            <v/>
          </cell>
          <cell r="BH200" t="str">
            <v/>
          </cell>
          <cell r="BI200" t="str">
            <v/>
          </cell>
          <cell r="BJ200" t="str">
            <v/>
          </cell>
          <cell r="BK200" t="str">
            <v/>
          </cell>
          <cell r="BL200" t="str">
            <v/>
          </cell>
          <cell r="BM200" t="str">
            <v/>
          </cell>
          <cell r="BN200" t="str">
            <v/>
          </cell>
          <cell r="BO200" t="str">
            <v/>
          </cell>
          <cell r="BP200">
            <v>11558</v>
          </cell>
        </row>
        <row r="201">
          <cell r="E201">
            <v>197</v>
          </cell>
          <cell r="G201">
            <v>4</v>
          </cell>
          <cell r="H201">
            <v>42641</v>
          </cell>
          <cell r="I201" t="str">
            <v>第2.2(3)</v>
          </cell>
          <cell r="J201" t="str">
            <v>東日本高速道路株式会社東北支社が発注する東日本大震災に係る舗装災害復旧工事について、受注価格の低落防止等を図るため、受注予定者を決定し、受注予定者が受注できるようにしていたとして、公正取引委員会から「私的独占の禁止及び公正取引の確保に関する法律」第３条違反により、排除措置命令及び課徴金納付命令を受けたため。</v>
          </cell>
          <cell r="K201">
            <v>4</v>
          </cell>
          <cell r="L201" t="str">
            <v>常盤工業㈱　他５社</v>
          </cell>
          <cell r="M201" t="str">
            <v/>
          </cell>
          <cell r="N201" t="str">
            <v/>
          </cell>
          <cell r="O201" t="str">
            <v/>
          </cell>
          <cell r="P201">
            <v>0</v>
          </cell>
          <cell r="Q201">
            <v>6</v>
          </cell>
          <cell r="R201" t="str">
            <v>常盤工業㈱</v>
          </cell>
          <cell r="S201" t="str">
            <v>奥村組土木興業㈱</v>
          </cell>
          <cell r="T201" t="str">
            <v>鹿島道路㈱</v>
          </cell>
          <cell r="U201" t="str">
            <v>世紀東急工業㈱</v>
          </cell>
          <cell r="V201" t="str">
            <v>大有建設㈱</v>
          </cell>
          <cell r="W201" t="str">
            <v>福田道路㈱</v>
          </cell>
          <cell r="X201" t="str">
            <v/>
          </cell>
          <cell r="Y201" t="str">
            <v/>
          </cell>
          <cell r="Z201" t="str">
            <v/>
          </cell>
          <cell r="AA201" t="str">
            <v/>
          </cell>
          <cell r="AB201" t="str">
            <v/>
          </cell>
          <cell r="AC201" t="str">
            <v/>
          </cell>
          <cell r="AD201" t="str">
            <v/>
          </cell>
          <cell r="AE201" t="str">
            <v/>
          </cell>
          <cell r="AF201" t="str">
            <v/>
          </cell>
          <cell r="AG201" t="str">
            <v/>
          </cell>
          <cell r="AH201" t="str">
            <v/>
          </cell>
          <cell r="AI201" t="str">
            <v/>
          </cell>
          <cell r="AJ201" t="str">
            <v/>
          </cell>
          <cell r="AK201" t="str">
            <v/>
          </cell>
          <cell r="AL201" t="str">
            <v/>
          </cell>
          <cell r="AM201" t="str">
            <v/>
          </cell>
          <cell r="AN201" t="str">
            <v/>
          </cell>
          <cell r="AO201" t="str">
            <v/>
          </cell>
          <cell r="AP201" t="str">
            <v/>
          </cell>
          <cell r="AQ201" t="str">
            <v/>
          </cell>
          <cell r="AR201" t="str">
            <v/>
          </cell>
          <cell r="AS201" t="str">
            <v/>
          </cell>
          <cell r="AT201" t="str">
            <v/>
          </cell>
          <cell r="AU201" t="str">
            <v/>
          </cell>
          <cell r="AV201" t="str">
            <v/>
          </cell>
          <cell r="AW201" t="str">
            <v/>
          </cell>
          <cell r="AX201" t="str">
            <v/>
          </cell>
          <cell r="AY201" t="str">
            <v/>
          </cell>
          <cell r="AZ201" t="str">
            <v/>
          </cell>
          <cell r="BA201" t="str">
            <v/>
          </cell>
          <cell r="BB201" t="str">
            <v/>
          </cell>
          <cell r="BC201" t="str">
            <v/>
          </cell>
          <cell r="BD201" t="str">
            <v/>
          </cell>
          <cell r="BE201" t="str">
            <v/>
          </cell>
          <cell r="BF201" t="str">
            <v/>
          </cell>
          <cell r="BG201" t="str">
            <v/>
          </cell>
          <cell r="BH201" t="str">
            <v/>
          </cell>
          <cell r="BI201" t="str">
            <v/>
          </cell>
          <cell r="BJ201" t="str">
            <v/>
          </cell>
          <cell r="BK201" t="str">
            <v/>
          </cell>
          <cell r="BL201" t="str">
            <v/>
          </cell>
          <cell r="BM201" t="str">
            <v/>
          </cell>
          <cell r="BN201" t="str">
            <v/>
          </cell>
          <cell r="BO201" t="str">
            <v/>
          </cell>
          <cell r="BP201">
            <v>3414</v>
          </cell>
          <cell r="BQ201">
            <v>2329</v>
          </cell>
          <cell r="BR201">
            <v>2390</v>
          </cell>
          <cell r="BS201">
            <v>3021</v>
          </cell>
          <cell r="BT201">
            <v>3152</v>
          </cell>
          <cell r="BU201">
            <v>3924</v>
          </cell>
        </row>
        <row r="202">
          <cell r="E202">
            <v>198</v>
          </cell>
          <cell r="G202">
            <v>5</v>
          </cell>
          <cell r="H202">
            <v>42691</v>
          </cell>
          <cell r="I202" t="str">
            <v>第2.1(3)</v>
          </cell>
          <cell r="J202" t="str">
            <v>大阪大学と企業の共同研究をめぐり、当該業者の社員が、贈賄容疑で逮捕されたため。</v>
          </cell>
          <cell r="K202">
            <v>6</v>
          </cell>
          <cell r="L202" t="str">
            <v>東亜建設工業㈱　他１社</v>
          </cell>
          <cell r="M202" t="str">
            <v/>
          </cell>
          <cell r="N202" t="str">
            <v/>
          </cell>
          <cell r="O202" t="str">
            <v/>
          </cell>
          <cell r="P202">
            <v>0</v>
          </cell>
          <cell r="Q202">
            <v>2</v>
          </cell>
          <cell r="R202" t="str">
            <v>東亜建設工業㈱</v>
          </cell>
          <cell r="S202" t="str">
            <v>飛島建設㈱</v>
          </cell>
          <cell r="T202" t="str">
            <v/>
          </cell>
          <cell r="U202" t="str">
            <v/>
          </cell>
          <cell r="V202" t="str">
            <v/>
          </cell>
          <cell r="W202" t="str">
            <v/>
          </cell>
          <cell r="X202" t="str">
            <v/>
          </cell>
          <cell r="Y202" t="str">
            <v/>
          </cell>
          <cell r="Z202" t="str">
            <v/>
          </cell>
          <cell r="AA202" t="str">
            <v/>
          </cell>
          <cell r="AB202" t="str">
            <v/>
          </cell>
          <cell r="AC202" t="str">
            <v/>
          </cell>
          <cell r="AD202" t="str">
            <v/>
          </cell>
          <cell r="AE202" t="str">
            <v/>
          </cell>
          <cell r="AF202" t="str">
            <v/>
          </cell>
          <cell r="AG202" t="str">
            <v/>
          </cell>
          <cell r="AH202" t="str">
            <v/>
          </cell>
          <cell r="AI202" t="str">
            <v/>
          </cell>
          <cell r="AJ202" t="str">
            <v/>
          </cell>
          <cell r="AK202" t="str">
            <v/>
          </cell>
          <cell r="AL202" t="str">
            <v/>
          </cell>
          <cell r="AM202" t="str">
            <v/>
          </cell>
          <cell r="AN202" t="str">
            <v/>
          </cell>
          <cell r="AO202" t="str">
            <v/>
          </cell>
          <cell r="AP202" t="str">
            <v/>
          </cell>
          <cell r="AQ202" t="str">
            <v/>
          </cell>
          <cell r="AR202" t="str">
            <v/>
          </cell>
          <cell r="AS202" t="str">
            <v/>
          </cell>
          <cell r="AT202" t="str">
            <v/>
          </cell>
          <cell r="AU202" t="str">
            <v/>
          </cell>
          <cell r="AV202" t="str">
            <v/>
          </cell>
          <cell r="AW202" t="str">
            <v/>
          </cell>
          <cell r="AX202" t="str">
            <v/>
          </cell>
          <cell r="AY202" t="str">
            <v/>
          </cell>
          <cell r="AZ202" t="str">
            <v/>
          </cell>
          <cell r="BA202" t="str">
            <v/>
          </cell>
          <cell r="BB202" t="str">
            <v/>
          </cell>
          <cell r="BC202" t="str">
            <v/>
          </cell>
          <cell r="BD202" t="str">
            <v/>
          </cell>
          <cell r="BE202" t="str">
            <v/>
          </cell>
          <cell r="BF202" t="str">
            <v/>
          </cell>
          <cell r="BG202" t="str">
            <v/>
          </cell>
          <cell r="BH202" t="str">
            <v/>
          </cell>
          <cell r="BI202" t="str">
            <v/>
          </cell>
          <cell r="BJ202" t="str">
            <v/>
          </cell>
          <cell r="BK202" t="str">
            <v/>
          </cell>
          <cell r="BL202" t="str">
            <v/>
          </cell>
          <cell r="BM202" t="str">
            <v/>
          </cell>
          <cell r="BN202" t="str">
            <v/>
          </cell>
          <cell r="BO202" t="str">
            <v/>
          </cell>
          <cell r="BP202">
            <v>3363</v>
          </cell>
          <cell r="BQ202">
            <v>3421</v>
          </cell>
          <cell r="BR202" t="str">
            <v/>
          </cell>
          <cell r="BS202" t="str">
            <v/>
          </cell>
          <cell r="BT202" t="str">
            <v/>
          </cell>
          <cell r="BU202" t="str">
            <v/>
          </cell>
          <cell r="BV202" t="str">
            <v/>
          </cell>
          <cell r="BW202" t="str">
            <v/>
          </cell>
          <cell r="BX202" t="str">
            <v/>
          </cell>
          <cell r="BY202" t="str">
            <v/>
          </cell>
          <cell r="BZ202" t="str">
            <v/>
          </cell>
          <cell r="CA202" t="str">
            <v/>
          </cell>
          <cell r="CB202" t="str">
            <v/>
          </cell>
          <cell r="CC202" t="str">
            <v/>
          </cell>
          <cell r="CD202" t="str">
            <v/>
          </cell>
          <cell r="CE202" t="str">
            <v/>
          </cell>
          <cell r="CF202" t="str">
            <v/>
          </cell>
          <cell r="CG202" t="str">
            <v/>
          </cell>
          <cell r="CH202" t="str">
            <v/>
          </cell>
          <cell r="CI202" t="str">
            <v/>
          </cell>
          <cell r="CJ202" t="str">
            <v/>
          </cell>
          <cell r="CK202" t="str">
            <v/>
          </cell>
          <cell r="CL202" t="str">
            <v/>
          </cell>
          <cell r="CM202" t="str">
            <v/>
          </cell>
          <cell r="CN202" t="str">
            <v/>
          </cell>
          <cell r="CO202" t="str">
            <v/>
          </cell>
          <cell r="CP202" t="str">
            <v/>
          </cell>
          <cell r="CQ202" t="str">
            <v/>
          </cell>
          <cell r="CR202" t="str">
            <v/>
          </cell>
          <cell r="CS202" t="str">
            <v/>
          </cell>
          <cell r="CT202" t="str">
            <v/>
          </cell>
          <cell r="CU202" t="str">
            <v/>
          </cell>
          <cell r="CV202" t="str">
            <v/>
          </cell>
          <cell r="CW202" t="str">
            <v/>
          </cell>
          <cell r="CX202" t="str">
            <v/>
          </cell>
          <cell r="CY202" t="str">
            <v/>
          </cell>
          <cell r="CZ202" t="str">
            <v/>
          </cell>
          <cell r="DA202" t="str">
            <v/>
          </cell>
          <cell r="DB202" t="str">
            <v/>
          </cell>
          <cell r="DC202" t="str">
            <v/>
          </cell>
          <cell r="DD202" t="str">
            <v/>
          </cell>
          <cell r="DE202" t="str">
            <v/>
          </cell>
          <cell r="DF202" t="str">
            <v/>
          </cell>
          <cell r="DG202" t="str">
            <v/>
          </cell>
          <cell r="DH202" t="str">
            <v/>
          </cell>
          <cell r="DI202" t="str">
            <v/>
          </cell>
          <cell r="DJ202" t="str">
            <v/>
          </cell>
          <cell r="DK202" t="str">
            <v/>
          </cell>
          <cell r="DL202" t="str">
            <v/>
          </cell>
          <cell r="DM202" t="str">
            <v/>
          </cell>
        </row>
        <row r="203">
          <cell r="E203">
            <v>199</v>
          </cell>
          <cell r="G203">
            <v>6</v>
          </cell>
          <cell r="H203">
            <v>42698</v>
          </cell>
          <cell r="I203" t="str">
            <v>第2.6(2)③</v>
          </cell>
          <cell r="J203" t="str">
            <v>同社は、国土交通省関東地方整備局発注の東京国際空港、四国地方整備局発注の松山空港及び九州地方整備局発注の福岡空港の地盤改良工事における、バルーングラウト工法を用いた地盤改良の薬液注入等において粗雑工事を行った事により、工事目的物に重大な瑕疵を生じさせた。また、関東地方整備局が発注した東京国際空港の地盤改良工事について、発注者に対しバルーングラウト工法への工法決定承諾を得るために行った実証実験結果報告において、データ改ざん等による虚偽の報告を行った。これらのことが、建設業法第２８条第１項第２号に該当すると認められる。</v>
          </cell>
          <cell r="K203">
            <v>3</v>
          </cell>
          <cell r="L203" t="str">
            <v>東亜建設工業㈱</v>
          </cell>
          <cell r="M203" t="str">
            <v/>
          </cell>
          <cell r="N203" t="str">
            <v/>
          </cell>
          <cell r="O203" t="str">
            <v/>
          </cell>
          <cell r="P203">
            <v>0</v>
          </cell>
          <cell r="Q203">
            <v>1</v>
          </cell>
          <cell r="R203" t="str">
            <v>東亜建設工業㈱</v>
          </cell>
          <cell r="S203" t="str">
            <v/>
          </cell>
          <cell r="T203" t="str">
            <v/>
          </cell>
          <cell r="U203" t="str">
            <v/>
          </cell>
          <cell r="V203" t="str">
            <v/>
          </cell>
          <cell r="W203" t="str">
            <v/>
          </cell>
          <cell r="X203" t="str">
            <v/>
          </cell>
          <cell r="Y203" t="str">
            <v/>
          </cell>
          <cell r="Z203" t="str">
            <v/>
          </cell>
          <cell r="AA203" t="str">
            <v/>
          </cell>
          <cell r="AB203" t="str">
            <v/>
          </cell>
          <cell r="AC203" t="str">
            <v/>
          </cell>
          <cell r="AD203" t="str">
            <v/>
          </cell>
          <cell r="AE203" t="str">
            <v/>
          </cell>
          <cell r="AF203" t="str">
            <v/>
          </cell>
          <cell r="AG203" t="str">
            <v/>
          </cell>
          <cell r="AH203" t="str">
            <v/>
          </cell>
          <cell r="AI203" t="str">
            <v/>
          </cell>
          <cell r="AJ203" t="str">
            <v/>
          </cell>
          <cell r="AK203" t="str">
            <v/>
          </cell>
          <cell r="AL203" t="str">
            <v/>
          </cell>
          <cell r="AM203" t="str">
            <v/>
          </cell>
          <cell r="AN203" t="str">
            <v/>
          </cell>
          <cell r="AO203" t="str">
            <v/>
          </cell>
          <cell r="AP203" t="str">
            <v/>
          </cell>
          <cell r="AQ203" t="str">
            <v/>
          </cell>
          <cell r="AR203" t="str">
            <v/>
          </cell>
          <cell r="AS203" t="str">
            <v/>
          </cell>
          <cell r="AT203" t="str">
            <v/>
          </cell>
          <cell r="AU203" t="str">
            <v/>
          </cell>
          <cell r="AV203" t="str">
            <v/>
          </cell>
          <cell r="AW203" t="str">
            <v/>
          </cell>
          <cell r="AX203" t="str">
            <v/>
          </cell>
          <cell r="AY203" t="str">
            <v/>
          </cell>
          <cell r="AZ203" t="str">
            <v/>
          </cell>
          <cell r="BA203" t="str">
            <v/>
          </cell>
          <cell r="BB203" t="str">
            <v/>
          </cell>
          <cell r="BC203" t="str">
            <v/>
          </cell>
          <cell r="BD203" t="str">
            <v/>
          </cell>
          <cell r="BE203" t="str">
            <v/>
          </cell>
          <cell r="BF203" t="str">
            <v/>
          </cell>
          <cell r="BG203" t="str">
            <v/>
          </cell>
          <cell r="BH203" t="str">
            <v/>
          </cell>
          <cell r="BI203" t="str">
            <v/>
          </cell>
          <cell r="BJ203" t="str">
            <v/>
          </cell>
          <cell r="BK203" t="str">
            <v/>
          </cell>
          <cell r="BL203" t="str">
            <v/>
          </cell>
          <cell r="BM203" t="str">
            <v/>
          </cell>
          <cell r="BN203" t="str">
            <v/>
          </cell>
          <cell r="BO203" t="str">
            <v/>
          </cell>
          <cell r="BP203">
            <v>3363</v>
          </cell>
        </row>
        <row r="204">
          <cell r="E204">
            <v>200</v>
          </cell>
          <cell r="G204">
            <v>7</v>
          </cell>
          <cell r="H204">
            <v>42782</v>
          </cell>
          <cell r="I204" t="str">
            <v>第2.2(2)</v>
          </cell>
          <cell r="J204" t="str">
            <v>全国の自治体が発注した消防救急デジタル無線機器について、受注価格の低落防止等を図るため、納入予定メーカーを決定し、納入予定メーカーが納入できるようにしていたとして、公正取引委員会から「私的独占の禁止及び公正取引の確保に関する法律」第３条違反により、排除措置命令及び課徴金納付命令を受けたため。</v>
          </cell>
          <cell r="K204">
            <v>8</v>
          </cell>
          <cell r="L204" t="str">
            <v>㈱富士通ゼネラル　他４社</v>
          </cell>
          <cell r="M204" t="str">
            <v/>
          </cell>
          <cell r="N204" t="str">
            <v/>
          </cell>
          <cell r="O204" t="str">
            <v/>
          </cell>
          <cell r="P204">
            <v>0</v>
          </cell>
          <cell r="Q204">
            <v>5</v>
          </cell>
          <cell r="R204" t="str">
            <v>㈱富士通ゼネラル</v>
          </cell>
          <cell r="S204" t="str">
            <v>日本電気㈱</v>
          </cell>
          <cell r="T204" t="str">
            <v>沖電気工業㈱</v>
          </cell>
          <cell r="U204" t="str">
            <v>日本無線㈱</v>
          </cell>
          <cell r="V204" t="str">
            <v>㈱日立国際電気</v>
          </cell>
          <cell r="W204" t="str">
            <v/>
          </cell>
          <cell r="X204" t="str">
            <v/>
          </cell>
          <cell r="Y204" t="str">
            <v/>
          </cell>
          <cell r="Z204" t="str">
            <v/>
          </cell>
          <cell r="AA204" t="str">
            <v/>
          </cell>
          <cell r="AB204" t="str">
            <v/>
          </cell>
          <cell r="AC204" t="str">
            <v/>
          </cell>
          <cell r="AD204" t="str">
            <v/>
          </cell>
          <cell r="AE204" t="str">
            <v/>
          </cell>
          <cell r="AF204" t="str">
            <v/>
          </cell>
          <cell r="AG204" t="str">
            <v/>
          </cell>
          <cell r="AH204" t="str">
            <v/>
          </cell>
          <cell r="AI204" t="str">
            <v/>
          </cell>
          <cell r="AJ204" t="str">
            <v/>
          </cell>
          <cell r="AK204" t="str">
            <v/>
          </cell>
          <cell r="AL204" t="str">
            <v/>
          </cell>
          <cell r="AM204" t="str">
            <v/>
          </cell>
          <cell r="AN204" t="str">
            <v/>
          </cell>
          <cell r="AO204" t="str">
            <v/>
          </cell>
          <cell r="AP204" t="str">
            <v/>
          </cell>
          <cell r="AQ204" t="str">
            <v/>
          </cell>
          <cell r="AR204" t="str">
            <v/>
          </cell>
          <cell r="AS204" t="str">
            <v/>
          </cell>
          <cell r="AT204" t="str">
            <v/>
          </cell>
          <cell r="AU204" t="str">
            <v/>
          </cell>
          <cell r="AV204" t="str">
            <v/>
          </cell>
          <cell r="AW204" t="str">
            <v/>
          </cell>
          <cell r="AX204" t="str">
            <v/>
          </cell>
          <cell r="AY204" t="str">
            <v/>
          </cell>
          <cell r="AZ204" t="str">
            <v/>
          </cell>
          <cell r="BA204" t="str">
            <v/>
          </cell>
          <cell r="BB204" t="str">
            <v/>
          </cell>
          <cell r="BC204" t="str">
            <v/>
          </cell>
          <cell r="BD204" t="str">
            <v/>
          </cell>
          <cell r="BE204" t="str">
            <v/>
          </cell>
          <cell r="BF204" t="str">
            <v/>
          </cell>
          <cell r="BG204" t="str">
            <v/>
          </cell>
          <cell r="BH204" t="str">
            <v/>
          </cell>
          <cell r="BI204" t="str">
            <v/>
          </cell>
          <cell r="BJ204" t="str">
            <v/>
          </cell>
          <cell r="BK204" t="str">
            <v/>
          </cell>
          <cell r="BL204" t="str">
            <v/>
          </cell>
          <cell r="BM204" t="str">
            <v/>
          </cell>
          <cell r="BN204" t="str">
            <v/>
          </cell>
          <cell r="BO204" t="str">
            <v/>
          </cell>
          <cell r="BP204">
            <v>3950</v>
          </cell>
          <cell r="BQ204">
            <v>3602</v>
          </cell>
          <cell r="BR204">
            <v>2325</v>
          </cell>
          <cell r="BS204">
            <v>3654</v>
          </cell>
          <cell r="BT204">
            <v>3864</v>
          </cell>
        </row>
        <row r="205">
          <cell r="E205">
            <v>201</v>
          </cell>
          <cell r="G205">
            <v>8</v>
          </cell>
          <cell r="H205">
            <v>42795</v>
          </cell>
          <cell r="I205" t="str">
            <v>第2.2(3)</v>
          </cell>
          <cell r="J205" t="str">
            <v>中部電力株式会社が発注する特定ハイブリッド光通信装置
及び特定伝送路用装置について、受注金額の低落防止を図る
ため、受注予定者を決定し、受注予定者が受注できるようにしていたとして、公正取引委員会から私的独占の禁止及び公正取引の確保に関する法律（昭和22年法律第54号）第３条違反により、排除措置命令及び課徴金納付命令を受けたため。</v>
          </cell>
          <cell r="K205">
            <v>4</v>
          </cell>
          <cell r="L205" t="str">
            <v>日本電気㈱</v>
          </cell>
          <cell r="M205" t="str">
            <v/>
          </cell>
          <cell r="N205" t="str">
            <v/>
          </cell>
          <cell r="O205" t="str">
            <v/>
          </cell>
          <cell r="P205">
            <v>0</v>
          </cell>
          <cell r="Q205">
            <v>1</v>
          </cell>
          <cell r="R205" t="str">
            <v>日本電気㈱</v>
          </cell>
          <cell r="S205" t="str">
            <v/>
          </cell>
          <cell r="T205" t="str">
            <v/>
          </cell>
          <cell r="U205" t="str">
            <v/>
          </cell>
          <cell r="V205" t="str">
            <v/>
          </cell>
          <cell r="W205" t="str">
            <v/>
          </cell>
          <cell r="X205" t="str">
            <v/>
          </cell>
          <cell r="Y205" t="str">
            <v/>
          </cell>
          <cell r="Z205" t="str">
            <v/>
          </cell>
          <cell r="AA205" t="str">
            <v/>
          </cell>
          <cell r="AB205" t="str">
            <v/>
          </cell>
          <cell r="AC205" t="str">
            <v/>
          </cell>
          <cell r="AD205" t="str">
            <v/>
          </cell>
          <cell r="AE205" t="str">
            <v/>
          </cell>
          <cell r="AF205" t="str">
            <v/>
          </cell>
          <cell r="AG205" t="str">
            <v/>
          </cell>
          <cell r="AH205" t="str">
            <v/>
          </cell>
          <cell r="AI205" t="str">
            <v/>
          </cell>
          <cell r="AJ205" t="str">
            <v/>
          </cell>
          <cell r="AK205" t="str">
            <v/>
          </cell>
          <cell r="AL205" t="str">
            <v/>
          </cell>
          <cell r="AM205" t="str">
            <v/>
          </cell>
          <cell r="AN205" t="str">
            <v/>
          </cell>
          <cell r="AO205" t="str">
            <v/>
          </cell>
          <cell r="AP205" t="str">
            <v/>
          </cell>
          <cell r="AQ205" t="str">
            <v/>
          </cell>
          <cell r="AR205" t="str">
            <v/>
          </cell>
          <cell r="AS205" t="str">
            <v/>
          </cell>
          <cell r="AT205" t="str">
            <v/>
          </cell>
          <cell r="AU205" t="str">
            <v/>
          </cell>
          <cell r="AV205" t="str">
            <v/>
          </cell>
          <cell r="AW205" t="str">
            <v/>
          </cell>
          <cell r="AX205" t="str">
            <v/>
          </cell>
          <cell r="AY205" t="str">
            <v/>
          </cell>
          <cell r="AZ205" t="str">
            <v/>
          </cell>
          <cell r="BA205" t="str">
            <v/>
          </cell>
          <cell r="BB205" t="str">
            <v/>
          </cell>
          <cell r="BC205" t="str">
            <v/>
          </cell>
          <cell r="BD205" t="str">
            <v/>
          </cell>
          <cell r="BE205" t="str">
            <v/>
          </cell>
          <cell r="BF205" t="str">
            <v/>
          </cell>
          <cell r="BG205" t="str">
            <v/>
          </cell>
          <cell r="BH205" t="str">
            <v/>
          </cell>
          <cell r="BI205" t="str">
            <v/>
          </cell>
          <cell r="BJ205" t="str">
            <v/>
          </cell>
          <cell r="BK205" t="str">
            <v/>
          </cell>
          <cell r="BL205" t="str">
            <v/>
          </cell>
          <cell r="BM205" t="str">
            <v/>
          </cell>
          <cell r="BN205" t="str">
            <v/>
          </cell>
          <cell r="BO205" t="str">
            <v/>
          </cell>
          <cell r="BP205">
            <v>3602</v>
          </cell>
        </row>
        <row r="206">
          <cell r="E206">
            <v>202</v>
          </cell>
          <cell r="G206">
            <v>9</v>
          </cell>
          <cell r="H206">
            <v>42815</v>
          </cell>
          <cell r="J206" t="str">
            <v>平成29年3月15日開札の「平成２８年度中学校給食用消耗品購入」の案件において、下記業者が最も低い価格での入札となり落札決定を受けたが、その後入札金額の誤りを理由に契約の締結を辞退した。このことは、地方自治法施行令第167条の4第2項第5号及び伊丹市入札参加資格制限基準2(5)①に該当することから、資格制限を行うものである。</v>
          </cell>
          <cell r="K206">
            <v>6</v>
          </cell>
          <cell r="L206" t="str">
            <v>ACE厨設㈱</v>
          </cell>
          <cell r="Q206">
            <v>1</v>
          </cell>
          <cell r="R206" t="str">
            <v>ACE厨設㈱</v>
          </cell>
          <cell r="BP206">
            <v>10597</v>
          </cell>
        </row>
        <row r="207">
          <cell r="E207">
            <v>203</v>
          </cell>
          <cell r="F207">
            <v>29</v>
          </cell>
          <cell r="G207">
            <v>1</v>
          </cell>
          <cell r="H207">
            <v>43146</v>
          </cell>
          <cell r="I207" t="str">
            <v>第1.9(2)</v>
          </cell>
          <cell r="J207" t="str">
            <v>兵庫県警察本部発注の山電別府駅南ほか４か所交通信号機改良工事において、安全管理措置の不適切により、建設工事等関係者に重傷者を生じさせたため。</v>
          </cell>
          <cell r="K207">
            <v>1</v>
          </cell>
          <cell r="L207" t="str">
            <v>日光電気工事(株)</v>
          </cell>
          <cell r="M207" t="str">
            <v/>
          </cell>
          <cell r="N207" t="str">
            <v/>
          </cell>
          <cell r="O207" t="str">
            <v/>
          </cell>
          <cell r="P207">
            <v>0</v>
          </cell>
          <cell r="Q207">
            <v>1</v>
          </cell>
          <cell r="R207" t="str">
            <v>日光電気工事(株)</v>
          </cell>
          <cell r="S207" t="str">
            <v/>
          </cell>
          <cell r="T207" t="str">
            <v/>
          </cell>
          <cell r="U207" t="str">
            <v/>
          </cell>
          <cell r="V207" t="str">
            <v/>
          </cell>
          <cell r="W207" t="str">
            <v/>
          </cell>
          <cell r="X207" t="str">
            <v/>
          </cell>
          <cell r="Y207" t="str">
            <v/>
          </cell>
          <cell r="Z207" t="str">
            <v/>
          </cell>
          <cell r="AA207" t="str">
            <v/>
          </cell>
          <cell r="AB207" t="str">
            <v/>
          </cell>
          <cell r="AC207" t="str">
            <v/>
          </cell>
          <cell r="AD207" t="str">
            <v/>
          </cell>
          <cell r="AE207" t="str">
            <v/>
          </cell>
          <cell r="AF207" t="str">
            <v/>
          </cell>
          <cell r="AG207" t="str">
            <v/>
          </cell>
          <cell r="AH207" t="str">
            <v/>
          </cell>
          <cell r="AI207" t="str">
            <v/>
          </cell>
          <cell r="AJ207" t="str">
            <v/>
          </cell>
          <cell r="AK207" t="str">
            <v/>
          </cell>
          <cell r="AL207" t="str">
            <v/>
          </cell>
          <cell r="AM207" t="str">
            <v/>
          </cell>
          <cell r="AN207" t="str">
            <v/>
          </cell>
          <cell r="AO207" t="str">
            <v/>
          </cell>
          <cell r="AP207" t="str">
            <v/>
          </cell>
          <cell r="AQ207" t="str">
            <v/>
          </cell>
          <cell r="AR207" t="str">
            <v/>
          </cell>
          <cell r="AS207" t="str">
            <v/>
          </cell>
          <cell r="AT207" t="str">
            <v/>
          </cell>
          <cell r="AU207" t="str">
            <v/>
          </cell>
          <cell r="AV207" t="str">
            <v/>
          </cell>
          <cell r="AW207" t="str">
            <v/>
          </cell>
          <cell r="AX207" t="str">
            <v/>
          </cell>
          <cell r="AY207" t="str">
            <v/>
          </cell>
          <cell r="AZ207" t="str">
            <v/>
          </cell>
          <cell r="BA207" t="str">
            <v/>
          </cell>
          <cell r="BB207" t="str">
            <v/>
          </cell>
          <cell r="BC207" t="str">
            <v/>
          </cell>
          <cell r="BD207" t="str">
            <v/>
          </cell>
          <cell r="BE207" t="str">
            <v/>
          </cell>
          <cell r="BF207" t="str">
            <v/>
          </cell>
          <cell r="BG207" t="str">
            <v/>
          </cell>
          <cell r="BH207" t="str">
            <v/>
          </cell>
          <cell r="BI207" t="str">
            <v/>
          </cell>
          <cell r="BJ207" t="str">
            <v/>
          </cell>
          <cell r="BK207" t="str">
            <v/>
          </cell>
          <cell r="BL207" t="str">
            <v/>
          </cell>
          <cell r="BM207" t="str">
            <v/>
          </cell>
          <cell r="BN207" t="str">
            <v/>
          </cell>
          <cell r="BO207" t="str">
            <v/>
          </cell>
          <cell r="BP207">
            <v>3570</v>
          </cell>
        </row>
        <row r="208">
          <cell r="E208">
            <v>204</v>
          </cell>
          <cell r="G208">
            <v>2</v>
          </cell>
          <cell r="H208">
            <v>43172</v>
          </cell>
          <cell r="I208" t="str">
            <v>第2.2(6)</v>
          </cell>
          <cell r="J208" t="str">
            <v>当該業者の元常務執行役員等が、東海旅客鉄道株式会社が行う中央新幹線の建設工事を巡り、私的独占の禁止及び公正取引の確保に関する法律（昭和２２年法律第５４号）違反の容疑で逮捕されたため。</v>
          </cell>
          <cell r="K208">
            <v>6</v>
          </cell>
          <cell r="L208" t="str">
            <v>大成建設(株)　他１社</v>
          </cell>
          <cell r="M208" t="str">
            <v/>
          </cell>
          <cell r="N208" t="str">
            <v/>
          </cell>
          <cell r="O208" t="str">
            <v/>
          </cell>
          <cell r="P208">
            <v>0</v>
          </cell>
          <cell r="Q208">
            <v>2</v>
          </cell>
          <cell r="R208" t="str">
            <v>大成建設(株)</v>
          </cell>
          <cell r="S208" t="str">
            <v>鹿島建設(株)</v>
          </cell>
          <cell r="T208" t="str">
            <v/>
          </cell>
          <cell r="U208" t="str">
            <v/>
          </cell>
          <cell r="V208" t="str">
            <v/>
          </cell>
          <cell r="W208" t="str">
            <v/>
          </cell>
          <cell r="X208" t="str">
            <v/>
          </cell>
          <cell r="Y208" t="str">
            <v/>
          </cell>
          <cell r="Z208" t="str">
            <v/>
          </cell>
          <cell r="AA208" t="str">
            <v/>
          </cell>
          <cell r="AB208" t="str">
            <v/>
          </cell>
          <cell r="AC208" t="str">
            <v/>
          </cell>
          <cell r="AD208" t="str">
            <v/>
          </cell>
          <cell r="AE208" t="str">
            <v/>
          </cell>
          <cell r="AF208" t="str">
            <v/>
          </cell>
          <cell r="AG208" t="str">
            <v/>
          </cell>
          <cell r="AH208" t="str">
            <v/>
          </cell>
          <cell r="AI208" t="str">
            <v/>
          </cell>
          <cell r="AJ208" t="str">
            <v/>
          </cell>
          <cell r="AK208" t="str">
            <v/>
          </cell>
          <cell r="AL208" t="str">
            <v/>
          </cell>
          <cell r="AM208" t="str">
            <v/>
          </cell>
          <cell r="AN208" t="str">
            <v/>
          </cell>
          <cell r="AO208" t="str">
            <v/>
          </cell>
          <cell r="AP208" t="str">
            <v/>
          </cell>
          <cell r="AQ208" t="str">
            <v/>
          </cell>
          <cell r="AR208" t="str">
            <v/>
          </cell>
          <cell r="AS208" t="str">
            <v/>
          </cell>
          <cell r="AT208" t="str">
            <v/>
          </cell>
          <cell r="AU208" t="str">
            <v/>
          </cell>
          <cell r="AV208" t="str">
            <v/>
          </cell>
          <cell r="AW208" t="str">
            <v/>
          </cell>
          <cell r="AX208" t="str">
            <v/>
          </cell>
          <cell r="AY208" t="str">
            <v/>
          </cell>
          <cell r="AZ208" t="str">
            <v/>
          </cell>
          <cell r="BA208" t="str">
            <v/>
          </cell>
          <cell r="BB208" t="str">
            <v/>
          </cell>
          <cell r="BC208" t="str">
            <v/>
          </cell>
          <cell r="BD208" t="str">
            <v/>
          </cell>
          <cell r="BE208" t="str">
            <v/>
          </cell>
          <cell r="BF208" t="str">
            <v/>
          </cell>
          <cell r="BG208" t="str">
            <v/>
          </cell>
          <cell r="BH208" t="str">
            <v/>
          </cell>
          <cell r="BI208" t="str">
            <v/>
          </cell>
          <cell r="BJ208" t="str">
            <v/>
          </cell>
          <cell r="BK208" t="str">
            <v/>
          </cell>
          <cell r="BL208" t="str">
            <v/>
          </cell>
          <cell r="BM208" t="str">
            <v/>
          </cell>
          <cell r="BN208" t="str">
            <v/>
          </cell>
          <cell r="BO208" t="str">
            <v/>
          </cell>
          <cell r="BP208">
            <v>3125</v>
          </cell>
          <cell r="BQ208">
            <v>2389</v>
          </cell>
        </row>
        <row r="209">
          <cell r="E209">
            <v>205</v>
          </cell>
          <cell r="G209">
            <v>3</v>
          </cell>
          <cell r="H209">
            <v>43189</v>
          </cell>
          <cell r="I209" t="str">
            <v>第2.2(6)</v>
          </cell>
          <cell r="J209" t="str">
            <v>東海旅客鉄道株式会社が発注する中央新幹線に係る建設工事を巡り、私的独占の禁止及び公正取引の確保に関する法律（昭和22年法律第54号）に基づき、刑事告発を受けたため。</v>
          </cell>
          <cell r="K209">
            <v>6</v>
          </cell>
          <cell r="L209" t="str">
            <v>(株)大林組　他１社</v>
          </cell>
          <cell r="M209" t="str">
            <v/>
          </cell>
          <cell r="N209" t="str">
            <v/>
          </cell>
          <cell r="O209" t="str">
            <v/>
          </cell>
          <cell r="P209">
            <v>0</v>
          </cell>
          <cell r="Q209">
            <v>2</v>
          </cell>
          <cell r="R209" t="str">
            <v>(株)大林組</v>
          </cell>
          <cell r="S209" t="str">
            <v>清水建設(株)</v>
          </cell>
          <cell r="T209" t="str">
            <v/>
          </cell>
          <cell r="U209" t="str">
            <v/>
          </cell>
          <cell r="V209" t="str">
            <v/>
          </cell>
          <cell r="W209" t="str">
            <v/>
          </cell>
          <cell r="X209" t="str">
            <v/>
          </cell>
          <cell r="Y209" t="str">
            <v/>
          </cell>
          <cell r="Z209" t="str">
            <v/>
          </cell>
          <cell r="AA209" t="str">
            <v/>
          </cell>
          <cell r="AB209" t="str">
            <v/>
          </cell>
          <cell r="AC209" t="str">
            <v/>
          </cell>
          <cell r="AD209" t="str">
            <v/>
          </cell>
          <cell r="AE209" t="str">
            <v/>
          </cell>
          <cell r="AF209" t="str">
            <v/>
          </cell>
          <cell r="AG209" t="str">
            <v/>
          </cell>
          <cell r="AH209" t="str">
            <v/>
          </cell>
          <cell r="AI209" t="str">
            <v/>
          </cell>
          <cell r="AJ209" t="str">
            <v/>
          </cell>
          <cell r="AK209" t="str">
            <v/>
          </cell>
          <cell r="AL209" t="str">
            <v/>
          </cell>
          <cell r="AM209" t="str">
            <v/>
          </cell>
          <cell r="AN209" t="str">
            <v/>
          </cell>
          <cell r="AO209" t="str">
            <v/>
          </cell>
          <cell r="AP209" t="str">
            <v/>
          </cell>
          <cell r="AQ209" t="str">
            <v/>
          </cell>
          <cell r="AR209" t="str">
            <v/>
          </cell>
          <cell r="AS209" t="str">
            <v/>
          </cell>
          <cell r="AT209" t="str">
            <v/>
          </cell>
          <cell r="AU209" t="str">
            <v/>
          </cell>
          <cell r="AV209" t="str">
            <v/>
          </cell>
          <cell r="AW209" t="str">
            <v/>
          </cell>
          <cell r="AX209" t="str">
            <v/>
          </cell>
          <cell r="AY209" t="str">
            <v/>
          </cell>
          <cell r="AZ209" t="str">
            <v/>
          </cell>
          <cell r="BA209" t="str">
            <v/>
          </cell>
          <cell r="BB209" t="str">
            <v/>
          </cell>
          <cell r="BC209" t="str">
            <v/>
          </cell>
          <cell r="BD209" t="str">
            <v/>
          </cell>
          <cell r="BE209" t="str">
            <v/>
          </cell>
          <cell r="BF209" t="str">
            <v/>
          </cell>
          <cell r="BG209" t="str">
            <v/>
          </cell>
          <cell r="BH209" t="str">
            <v/>
          </cell>
          <cell r="BI209" t="str">
            <v/>
          </cell>
          <cell r="BJ209" t="str">
            <v/>
          </cell>
          <cell r="BK209" t="str">
            <v/>
          </cell>
          <cell r="BL209" t="str">
            <v/>
          </cell>
          <cell r="BM209" t="str">
            <v/>
          </cell>
          <cell r="BN209" t="str">
            <v/>
          </cell>
          <cell r="BO209" t="str">
            <v/>
          </cell>
          <cell r="BP209">
            <v>2312</v>
          </cell>
          <cell r="BQ209">
            <v>2879</v>
          </cell>
        </row>
        <row r="210">
          <cell r="E210">
            <v>206</v>
          </cell>
          <cell r="F210">
            <v>30</v>
          </cell>
          <cell r="G210">
            <v>1</v>
          </cell>
          <cell r="H210">
            <v>43203</v>
          </cell>
          <cell r="I210" t="str">
            <v>第2.2(3)</v>
          </cell>
          <cell r="J210" t="str">
            <v>東京都発注の特定二層式低騒音舗装工事、東京港埠頭株式会社発注の特定舗装工事又は成田国際空港株式会社発注の特定舗装工事について、一般競争入札等の参加者が共同して、受注予定者を決定し、受注予定者が受注できるようにしていたとして、公正取引委員会から私的独占の禁止及び公正取引の確保に関する法律（昭和22年法律第54号）第３条違反により、排除措置命令又は課徴金納付命令を受けたため。</v>
          </cell>
          <cell r="K210">
            <v>4</v>
          </cell>
          <cell r="L210" t="str">
            <v>世紀東急工業(株)　他２社</v>
          </cell>
          <cell r="M210" t="str">
            <v/>
          </cell>
          <cell r="N210" t="str">
            <v/>
          </cell>
          <cell r="O210" t="str">
            <v/>
          </cell>
          <cell r="P210">
            <v>0</v>
          </cell>
          <cell r="Q210">
            <v>3</v>
          </cell>
          <cell r="R210" t="str">
            <v>世紀東急工業(株)</v>
          </cell>
          <cell r="S210" t="str">
            <v>東亜道路工業(株)</v>
          </cell>
          <cell r="T210" t="str">
            <v>前田道路(株)</v>
          </cell>
          <cell r="U210" t="str">
            <v/>
          </cell>
          <cell r="V210" t="str">
            <v/>
          </cell>
          <cell r="W210" t="str">
            <v/>
          </cell>
          <cell r="X210" t="str">
            <v/>
          </cell>
          <cell r="Y210" t="str">
            <v/>
          </cell>
          <cell r="Z210" t="str">
            <v/>
          </cell>
          <cell r="AA210" t="str">
            <v/>
          </cell>
          <cell r="AB210" t="str">
            <v/>
          </cell>
          <cell r="AC210" t="str">
            <v/>
          </cell>
          <cell r="AD210" t="str">
            <v/>
          </cell>
          <cell r="AE210" t="str">
            <v/>
          </cell>
          <cell r="AF210" t="str">
            <v/>
          </cell>
          <cell r="AG210" t="str">
            <v/>
          </cell>
          <cell r="AH210" t="str">
            <v/>
          </cell>
          <cell r="AI210" t="str">
            <v/>
          </cell>
          <cell r="AJ210" t="str">
            <v/>
          </cell>
          <cell r="AK210" t="str">
            <v/>
          </cell>
          <cell r="AL210" t="str">
            <v/>
          </cell>
          <cell r="AM210" t="str">
            <v/>
          </cell>
          <cell r="AN210" t="str">
            <v/>
          </cell>
          <cell r="AO210" t="str">
            <v/>
          </cell>
          <cell r="AP210" t="str">
            <v/>
          </cell>
          <cell r="AQ210" t="str">
            <v/>
          </cell>
          <cell r="AR210" t="str">
            <v/>
          </cell>
          <cell r="AS210" t="str">
            <v/>
          </cell>
          <cell r="AT210" t="str">
            <v/>
          </cell>
          <cell r="AU210" t="str">
            <v/>
          </cell>
          <cell r="AV210" t="str">
            <v/>
          </cell>
          <cell r="AW210" t="str">
            <v/>
          </cell>
          <cell r="AX210" t="str">
            <v/>
          </cell>
          <cell r="AY210" t="str">
            <v/>
          </cell>
          <cell r="AZ210" t="str">
            <v/>
          </cell>
          <cell r="BA210" t="str">
            <v/>
          </cell>
          <cell r="BB210" t="str">
            <v/>
          </cell>
          <cell r="BC210" t="str">
            <v/>
          </cell>
          <cell r="BD210" t="str">
            <v/>
          </cell>
          <cell r="BE210" t="str">
            <v/>
          </cell>
          <cell r="BF210" t="str">
            <v/>
          </cell>
          <cell r="BG210" t="str">
            <v/>
          </cell>
          <cell r="BH210" t="str">
            <v/>
          </cell>
          <cell r="BI210" t="str">
            <v/>
          </cell>
          <cell r="BJ210" t="str">
            <v/>
          </cell>
          <cell r="BK210" t="str">
            <v/>
          </cell>
          <cell r="BL210" t="str">
            <v/>
          </cell>
          <cell r="BM210" t="str">
            <v/>
          </cell>
          <cell r="BN210" t="str">
            <v/>
          </cell>
          <cell r="BO210" t="str">
            <v/>
          </cell>
          <cell r="BP210">
            <v>3021</v>
          </cell>
          <cell r="BQ210">
            <v>3366</v>
          </cell>
          <cell r="BR210">
            <v>10979</v>
          </cell>
        </row>
        <row r="211">
          <cell r="E211">
            <v>207</v>
          </cell>
          <cell r="G211">
            <v>2</v>
          </cell>
          <cell r="H211">
            <v>43243</v>
          </cell>
          <cell r="I211" t="str">
            <v>第1.9(2)</v>
          </cell>
          <cell r="J211" t="str">
            <v>神戸市発注の建設工事において、履行関係者事故を起こしたため。</v>
          </cell>
          <cell r="K211">
            <v>1</v>
          </cell>
          <cell r="L211" t="str">
            <v>丸正建設(株)</v>
          </cell>
          <cell r="M211" t="str">
            <v/>
          </cell>
          <cell r="N211" t="str">
            <v/>
          </cell>
          <cell r="O211" t="str">
            <v/>
          </cell>
          <cell r="P211">
            <v>0</v>
          </cell>
          <cell r="Q211">
            <v>1</v>
          </cell>
          <cell r="R211" t="str">
            <v>丸正建設(株)</v>
          </cell>
          <cell r="S211" t="str">
            <v/>
          </cell>
          <cell r="T211" t="str">
            <v/>
          </cell>
          <cell r="U211" t="str">
            <v/>
          </cell>
          <cell r="V211" t="str">
            <v/>
          </cell>
          <cell r="W211" t="str">
            <v/>
          </cell>
          <cell r="X211" t="str">
            <v/>
          </cell>
          <cell r="Y211" t="str">
            <v/>
          </cell>
          <cell r="Z211" t="str">
            <v/>
          </cell>
          <cell r="AA211" t="str">
            <v/>
          </cell>
          <cell r="AB211" t="str">
            <v/>
          </cell>
          <cell r="AC211" t="str">
            <v/>
          </cell>
          <cell r="AD211" t="str">
            <v/>
          </cell>
          <cell r="AE211" t="str">
            <v/>
          </cell>
          <cell r="AF211" t="str">
            <v/>
          </cell>
          <cell r="AG211" t="str">
            <v/>
          </cell>
          <cell r="AH211" t="str">
            <v/>
          </cell>
          <cell r="AI211" t="str">
            <v/>
          </cell>
          <cell r="AJ211" t="str">
            <v/>
          </cell>
          <cell r="AK211" t="str">
            <v/>
          </cell>
          <cell r="AL211" t="str">
            <v/>
          </cell>
          <cell r="AM211" t="str">
            <v/>
          </cell>
          <cell r="AN211" t="str">
            <v/>
          </cell>
          <cell r="AO211" t="str">
            <v/>
          </cell>
          <cell r="AP211" t="str">
            <v/>
          </cell>
          <cell r="AQ211" t="str">
            <v/>
          </cell>
          <cell r="AR211" t="str">
            <v/>
          </cell>
          <cell r="AS211" t="str">
            <v/>
          </cell>
          <cell r="AT211" t="str">
            <v/>
          </cell>
          <cell r="AU211" t="str">
            <v/>
          </cell>
          <cell r="AV211" t="str">
            <v/>
          </cell>
          <cell r="AW211" t="str">
            <v/>
          </cell>
          <cell r="AX211" t="str">
            <v/>
          </cell>
          <cell r="AY211" t="str">
            <v/>
          </cell>
          <cell r="AZ211" t="str">
            <v/>
          </cell>
          <cell r="BA211" t="str">
            <v/>
          </cell>
          <cell r="BB211" t="str">
            <v/>
          </cell>
          <cell r="BC211" t="str">
            <v/>
          </cell>
          <cell r="BD211" t="str">
            <v/>
          </cell>
          <cell r="BE211" t="str">
            <v/>
          </cell>
          <cell r="BF211" t="str">
            <v/>
          </cell>
          <cell r="BG211" t="str">
            <v/>
          </cell>
          <cell r="BH211" t="str">
            <v/>
          </cell>
          <cell r="BI211" t="str">
            <v/>
          </cell>
          <cell r="BJ211" t="str">
            <v/>
          </cell>
          <cell r="BK211" t="str">
            <v/>
          </cell>
          <cell r="BL211" t="str">
            <v/>
          </cell>
          <cell r="BM211" t="str">
            <v/>
          </cell>
          <cell r="BN211" t="str">
            <v/>
          </cell>
          <cell r="BO211" t="str">
            <v/>
          </cell>
          <cell r="BP211">
            <v>4098</v>
          </cell>
        </row>
        <row r="212">
          <cell r="E212">
            <v>208</v>
          </cell>
          <cell r="G212">
            <v>3</v>
          </cell>
          <cell r="H212">
            <v>43278</v>
          </cell>
          <cell r="I212" t="str">
            <v>第1.9(2)</v>
          </cell>
          <cell r="J212" t="str">
            <v>兵庫県県土整備部住宅建築局営繕課発注の姫路競馬場スタンド耐震補強その他建築工事において、安全管理措置の不適切により、建設工事等関係者に重傷者を生じさせたため。</v>
          </cell>
          <cell r="K212">
            <v>1</v>
          </cell>
          <cell r="L212" t="str">
            <v>(株)赤鹿建設</v>
          </cell>
          <cell r="M212" t="str">
            <v/>
          </cell>
          <cell r="N212" t="str">
            <v/>
          </cell>
          <cell r="O212" t="str">
            <v/>
          </cell>
          <cell r="P212">
            <v>0</v>
          </cell>
          <cell r="Q212">
            <v>1</v>
          </cell>
          <cell r="R212" t="str">
            <v>(株)赤鹿建設</v>
          </cell>
          <cell r="S212" t="str">
            <v/>
          </cell>
          <cell r="T212" t="str">
            <v/>
          </cell>
          <cell r="U212" t="str">
            <v/>
          </cell>
          <cell r="V212" t="str">
            <v/>
          </cell>
          <cell r="W212" t="str">
            <v/>
          </cell>
          <cell r="X212" t="str">
            <v/>
          </cell>
          <cell r="Y212" t="str">
            <v/>
          </cell>
          <cell r="Z212" t="str">
            <v/>
          </cell>
          <cell r="AA212" t="str">
            <v/>
          </cell>
          <cell r="AB212" t="str">
            <v/>
          </cell>
          <cell r="AC212" t="str">
            <v/>
          </cell>
          <cell r="AD212" t="str">
            <v/>
          </cell>
          <cell r="AE212" t="str">
            <v/>
          </cell>
          <cell r="AF212" t="str">
            <v/>
          </cell>
          <cell r="AG212" t="str">
            <v/>
          </cell>
          <cell r="AH212" t="str">
            <v/>
          </cell>
          <cell r="AI212" t="str">
            <v/>
          </cell>
          <cell r="AJ212" t="str">
            <v/>
          </cell>
          <cell r="AK212" t="str">
            <v/>
          </cell>
          <cell r="AL212" t="str">
            <v/>
          </cell>
          <cell r="AM212" t="str">
            <v/>
          </cell>
          <cell r="AN212" t="str">
            <v/>
          </cell>
          <cell r="AO212" t="str">
            <v/>
          </cell>
          <cell r="AP212" t="str">
            <v/>
          </cell>
          <cell r="AQ212" t="str">
            <v/>
          </cell>
          <cell r="AR212" t="str">
            <v/>
          </cell>
          <cell r="AS212" t="str">
            <v/>
          </cell>
          <cell r="AT212" t="str">
            <v/>
          </cell>
          <cell r="AU212" t="str">
            <v/>
          </cell>
          <cell r="AV212" t="str">
            <v/>
          </cell>
          <cell r="AW212" t="str">
            <v/>
          </cell>
          <cell r="AX212" t="str">
            <v/>
          </cell>
          <cell r="AY212" t="str">
            <v/>
          </cell>
          <cell r="AZ212" t="str">
            <v/>
          </cell>
          <cell r="BA212" t="str">
            <v/>
          </cell>
          <cell r="BB212" t="str">
            <v/>
          </cell>
          <cell r="BC212" t="str">
            <v/>
          </cell>
          <cell r="BD212" t="str">
            <v/>
          </cell>
          <cell r="BE212" t="str">
            <v/>
          </cell>
          <cell r="BF212" t="str">
            <v/>
          </cell>
          <cell r="BG212" t="str">
            <v/>
          </cell>
          <cell r="BH212" t="str">
            <v/>
          </cell>
          <cell r="BI212" t="str">
            <v/>
          </cell>
          <cell r="BJ212" t="str">
            <v/>
          </cell>
          <cell r="BK212" t="str">
            <v/>
          </cell>
          <cell r="BL212" t="str">
            <v/>
          </cell>
          <cell r="BM212" t="str">
            <v/>
          </cell>
          <cell r="BN212" t="str">
            <v/>
          </cell>
          <cell r="BO212" t="str">
            <v/>
          </cell>
          <cell r="BP212">
            <v>2070</v>
          </cell>
        </row>
        <row r="213">
          <cell r="E213">
            <v>209</v>
          </cell>
          <cell r="G213">
            <v>4</v>
          </cell>
          <cell r="H213">
            <v>43280</v>
          </cell>
          <cell r="I213" t="str">
            <v>第2.1(2)</v>
          </cell>
          <cell r="J213" t="str">
            <v>国土交通省近畿地方整備局豊岡河川国道事務所が発注した北近畿豊岡自動車道のトンネル建設工事を巡り、当該業者の社員が、贈賄容疑で逮捕されたため。</v>
          </cell>
          <cell r="K213">
            <v>9</v>
          </cell>
          <cell r="L213" t="str">
            <v>(株)フジタ</v>
          </cell>
          <cell r="M213" t="str">
            <v/>
          </cell>
          <cell r="N213" t="str">
            <v/>
          </cell>
          <cell r="O213" t="str">
            <v/>
          </cell>
          <cell r="P213">
            <v>0</v>
          </cell>
          <cell r="Q213">
            <v>1</v>
          </cell>
          <cell r="R213" t="str">
            <v>(株)フジタ</v>
          </cell>
          <cell r="S213" t="str">
            <v/>
          </cell>
          <cell r="T213" t="str">
            <v/>
          </cell>
          <cell r="U213" t="str">
            <v/>
          </cell>
          <cell r="V213" t="str">
            <v/>
          </cell>
          <cell r="W213" t="str">
            <v/>
          </cell>
          <cell r="X213" t="str">
            <v/>
          </cell>
          <cell r="Y213" t="str">
            <v/>
          </cell>
          <cell r="Z213" t="str">
            <v/>
          </cell>
          <cell r="AA213" t="str">
            <v/>
          </cell>
          <cell r="AB213" t="str">
            <v/>
          </cell>
          <cell r="AC213" t="str">
            <v/>
          </cell>
          <cell r="AD213" t="str">
            <v/>
          </cell>
          <cell r="AE213" t="str">
            <v/>
          </cell>
          <cell r="AF213" t="str">
            <v/>
          </cell>
          <cell r="AG213" t="str">
            <v/>
          </cell>
          <cell r="AH213" t="str">
            <v/>
          </cell>
          <cell r="AI213" t="str">
            <v/>
          </cell>
          <cell r="AJ213" t="str">
            <v/>
          </cell>
          <cell r="AK213" t="str">
            <v/>
          </cell>
          <cell r="AL213" t="str">
            <v/>
          </cell>
          <cell r="AM213" t="str">
            <v/>
          </cell>
          <cell r="AN213" t="str">
            <v/>
          </cell>
          <cell r="AO213" t="str">
            <v/>
          </cell>
          <cell r="AP213" t="str">
            <v/>
          </cell>
          <cell r="AQ213" t="str">
            <v/>
          </cell>
          <cell r="AR213" t="str">
            <v/>
          </cell>
          <cell r="AS213" t="str">
            <v/>
          </cell>
          <cell r="AT213" t="str">
            <v/>
          </cell>
          <cell r="AU213" t="str">
            <v/>
          </cell>
          <cell r="AV213" t="str">
            <v/>
          </cell>
          <cell r="AW213" t="str">
            <v/>
          </cell>
          <cell r="AX213" t="str">
            <v/>
          </cell>
          <cell r="AY213" t="str">
            <v/>
          </cell>
          <cell r="AZ213" t="str">
            <v/>
          </cell>
          <cell r="BA213" t="str">
            <v/>
          </cell>
          <cell r="BB213" t="str">
            <v/>
          </cell>
          <cell r="BC213" t="str">
            <v/>
          </cell>
          <cell r="BD213" t="str">
            <v/>
          </cell>
          <cell r="BE213" t="str">
            <v/>
          </cell>
          <cell r="BF213" t="str">
            <v/>
          </cell>
          <cell r="BG213" t="str">
            <v/>
          </cell>
          <cell r="BH213" t="str">
            <v/>
          </cell>
          <cell r="BI213" t="str">
            <v/>
          </cell>
          <cell r="BJ213" t="str">
            <v/>
          </cell>
          <cell r="BK213" t="str">
            <v/>
          </cell>
          <cell r="BL213" t="str">
            <v/>
          </cell>
          <cell r="BM213" t="str">
            <v/>
          </cell>
          <cell r="BN213" t="str">
            <v/>
          </cell>
          <cell r="BO213" t="str">
            <v/>
          </cell>
          <cell r="BP213">
            <v>3945</v>
          </cell>
        </row>
        <row r="214">
          <cell r="E214">
            <v>210</v>
          </cell>
          <cell r="G214">
            <v>5</v>
          </cell>
          <cell r="H214">
            <v>43306</v>
          </cell>
          <cell r="I214" t="str">
            <v>第1.9(2)</v>
          </cell>
          <cell r="J214" t="str">
            <v>兵庫県県土整備部住宅建築局営繕課発注の姫路競馬場スタンド耐震補強その他建築工事において、安全管理措置の不適切により、建設工事等関係者に重傷者を生じさせたため。</v>
          </cell>
          <cell r="K214">
            <v>2</v>
          </cell>
          <cell r="L214" t="str">
            <v>(株)赤鹿建設</v>
          </cell>
          <cell r="M214" t="str">
            <v/>
          </cell>
          <cell r="N214" t="str">
            <v/>
          </cell>
          <cell r="O214">
            <v>1</v>
          </cell>
          <cell r="P214">
            <v>1</v>
          </cell>
          <cell r="Q214">
            <v>1</v>
          </cell>
          <cell r="R214" t="str">
            <v>(株)赤鹿建設</v>
          </cell>
          <cell r="S214" t="str">
            <v/>
          </cell>
          <cell r="T214" t="str">
            <v/>
          </cell>
          <cell r="U214" t="str">
            <v/>
          </cell>
          <cell r="V214" t="str">
            <v/>
          </cell>
          <cell r="W214" t="str">
            <v/>
          </cell>
          <cell r="X214" t="str">
            <v/>
          </cell>
          <cell r="Y214" t="str">
            <v/>
          </cell>
          <cell r="Z214" t="str">
            <v/>
          </cell>
          <cell r="AA214" t="str">
            <v/>
          </cell>
          <cell r="AB214" t="str">
            <v/>
          </cell>
          <cell r="AC214" t="str">
            <v/>
          </cell>
          <cell r="AD214" t="str">
            <v/>
          </cell>
          <cell r="AE214" t="str">
            <v/>
          </cell>
          <cell r="AF214" t="str">
            <v/>
          </cell>
          <cell r="AG214" t="str">
            <v/>
          </cell>
          <cell r="AH214" t="str">
            <v/>
          </cell>
          <cell r="AI214" t="str">
            <v/>
          </cell>
          <cell r="AJ214" t="str">
            <v/>
          </cell>
          <cell r="AK214" t="str">
            <v/>
          </cell>
          <cell r="AL214" t="str">
            <v/>
          </cell>
          <cell r="AM214" t="str">
            <v/>
          </cell>
          <cell r="AN214" t="str">
            <v/>
          </cell>
          <cell r="AO214" t="str">
            <v/>
          </cell>
          <cell r="AP214" t="str">
            <v/>
          </cell>
          <cell r="AQ214" t="str">
            <v/>
          </cell>
          <cell r="AR214" t="str">
            <v/>
          </cell>
          <cell r="AS214" t="str">
            <v/>
          </cell>
          <cell r="AT214" t="str">
            <v/>
          </cell>
          <cell r="AU214" t="str">
            <v/>
          </cell>
          <cell r="AV214" t="str">
            <v/>
          </cell>
          <cell r="AW214" t="str">
            <v/>
          </cell>
          <cell r="AX214" t="str">
            <v/>
          </cell>
          <cell r="AY214" t="str">
            <v/>
          </cell>
          <cell r="AZ214" t="str">
            <v/>
          </cell>
          <cell r="BA214" t="str">
            <v/>
          </cell>
          <cell r="BB214" t="str">
            <v/>
          </cell>
          <cell r="BC214" t="str">
            <v/>
          </cell>
          <cell r="BD214" t="str">
            <v/>
          </cell>
          <cell r="BE214" t="str">
            <v/>
          </cell>
          <cell r="BF214" t="str">
            <v/>
          </cell>
          <cell r="BG214" t="str">
            <v/>
          </cell>
          <cell r="BH214" t="str">
            <v/>
          </cell>
          <cell r="BI214" t="str">
            <v/>
          </cell>
          <cell r="BJ214" t="str">
            <v/>
          </cell>
          <cell r="BK214" t="str">
            <v/>
          </cell>
          <cell r="BL214" t="str">
            <v/>
          </cell>
          <cell r="BM214" t="str">
            <v/>
          </cell>
          <cell r="BN214" t="str">
            <v/>
          </cell>
          <cell r="BO214" t="str">
            <v/>
          </cell>
          <cell r="BP214">
            <v>2070.1999999999998</v>
          </cell>
        </row>
        <row r="215">
          <cell r="E215">
            <v>211</v>
          </cell>
          <cell r="G215">
            <v>6</v>
          </cell>
          <cell r="H215">
            <v>43333</v>
          </cell>
          <cell r="I215" t="str">
            <v>第1.9(2)</v>
          </cell>
          <cell r="J215" t="str">
            <v>兵庫県県土整備部住宅建築局営繕課発注の県立大学姫路工学キャンパス学生サークル会館耐震補強その他建築工事において、安全管理措置の不適切により、建設工事等関係者に重傷者を生じさせたため。</v>
          </cell>
          <cell r="K215">
            <v>1</v>
          </cell>
          <cell r="L215" t="str">
            <v>平錦建設(株)</v>
          </cell>
          <cell r="M215" t="str">
            <v/>
          </cell>
          <cell r="N215" t="str">
            <v/>
          </cell>
          <cell r="O215" t="str">
            <v/>
          </cell>
          <cell r="Q215">
            <v>1</v>
          </cell>
          <cell r="R215" t="str">
            <v>平錦建設(株)</v>
          </cell>
          <cell r="S215" t="str">
            <v/>
          </cell>
          <cell r="T215" t="str">
            <v/>
          </cell>
          <cell r="U215" t="str">
            <v/>
          </cell>
          <cell r="V215" t="str">
            <v/>
          </cell>
          <cell r="W215" t="str">
            <v/>
          </cell>
          <cell r="X215" t="str">
            <v/>
          </cell>
          <cell r="Y215" t="str">
            <v/>
          </cell>
          <cell r="Z215" t="str">
            <v/>
          </cell>
          <cell r="AA215" t="str">
            <v/>
          </cell>
          <cell r="AB215" t="str">
            <v/>
          </cell>
          <cell r="AC215" t="str">
            <v/>
          </cell>
          <cell r="AD215" t="str">
            <v/>
          </cell>
          <cell r="AE215" t="str">
            <v/>
          </cell>
          <cell r="AF215" t="str">
            <v/>
          </cell>
          <cell r="AG215" t="str">
            <v/>
          </cell>
          <cell r="AH215" t="str">
            <v/>
          </cell>
          <cell r="AI215" t="str">
            <v/>
          </cell>
          <cell r="AJ215" t="str">
            <v/>
          </cell>
          <cell r="AK215" t="str">
            <v/>
          </cell>
          <cell r="AL215" t="str">
            <v/>
          </cell>
          <cell r="AM215" t="str">
            <v/>
          </cell>
          <cell r="AN215" t="str">
            <v/>
          </cell>
          <cell r="AO215" t="str">
            <v/>
          </cell>
          <cell r="AP215" t="str">
            <v/>
          </cell>
          <cell r="AQ215" t="str">
            <v/>
          </cell>
          <cell r="AR215" t="str">
            <v/>
          </cell>
          <cell r="AS215" t="str">
            <v/>
          </cell>
          <cell r="AT215" t="str">
            <v/>
          </cell>
          <cell r="AU215" t="str">
            <v/>
          </cell>
          <cell r="AV215" t="str">
            <v/>
          </cell>
          <cell r="AW215" t="str">
            <v/>
          </cell>
          <cell r="AX215" t="str">
            <v/>
          </cell>
          <cell r="AY215" t="str">
            <v/>
          </cell>
          <cell r="AZ215" t="str">
            <v/>
          </cell>
          <cell r="BA215" t="str">
            <v/>
          </cell>
          <cell r="BB215" t="str">
            <v/>
          </cell>
          <cell r="BC215" t="str">
            <v/>
          </cell>
          <cell r="BD215" t="str">
            <v/>
          </cell>
          <cell r="BE215" t="str">
            <v/>
          </cell>
          <cell r="BF215" t="str">
            <v/>
          </cell>
          <cell r="BG215" t="str">
            <v/>
          </cell>
          <cell r="BH215" t="str">
            <v/>
          </cell>
          <cell r="BI215" t="str">
            <v/>
          </cell>
          <cell r="BJ215" t="str">
            <v/>
          </cell>
          <cell r="BK215" t="str">
            <v/>
          </cell>
          <cell r="BL215" t="str">
            <v/>
          </cell>
          <cell r="BM215" t="str">
            <v/>
          </cell>
          <cell r="BN215" t="str">
            <v/>
          </cell>
          <cell r="BO215" t="str">
            <v/>
          </cell>
          <cell r="BP215">
            <v>3891</v>
          </cell>
        </row>
        <row r="216">
          <cell r="E216">
            <v>212</v>
          </cell>
          <cell r="G216">
            <v>7</v>
          </cell>
          <cell r="H216">
            <v>43461</v>
          </cell>
          <cell r="I216" t="str">
            <v>第1.9(2)</v>
          </cell>
          <cell r="J216" t="str">
            <v>兵庫県県土整備部住宅建築局営繕課発注の淡路景観園芸学校計画修繕建築工事において、安全管理措置の不適切により、工事関係者に重傷者を生じさせたため。</v>
          </cell>
          <cell r="K216">
            <v>1</v>
          </cell>
          <cell r="L216" t="str">
            <v>関西建設工業(株)</v>
          </cell>
          <cell r="Q216">
            <v>1</v>
          </cell>
          <cell r="R216" t="str">
            <v>関西建設工業(株)</v>
          </cell>
          <cell r="S216">
            <v>2428</v>
          </cell>
          <cell r="BP216">
            <v>2428</v>
          </cell>
        </row>
        <row r="217">
          <cell r="E217">
            <v>213</v>
          </cell>
          <cell r="G217">
            <v>8</v>
          </cell>
          <cell r="H217">
            <v>43483</v>
          </cell>
          <cell r="I217" t="str">
            <v>第1.9(2)</v>
          </cell>
          <cell r="J217" t="str">
            <v>兵庫県淡路県民局洲本農林水産振興事務所発注の沼島漁港沖２号防波堤改良工事において、安全管理措置の不適切により、工事関係者に重傷者を生じさせたため。</v>
          </cell>
          <cell r="K217">
            <v>1</v>
          </cell>
          <cell r="L217" t="str">
            <v>淡路土建(株)</v>
          </cell>
          <cell r="M217" t="str">
            <v/>
          </cell>
          <cell r="N217" t="str">
            <v/>
          </cell>
          <cell r="O217" t="str">
            <v/>
          </cell>
          <cell r="Q217">
            <v>1</v>
          </cell>
          <cell r="R217" t="str">
            <v>淡路土建(株)</v>
          </cell>
          <cell r="S217" t="str">
            <v/>
          </cell>
          <cell r="T217" t="str">
            <v/>
          </cell>
          <cell r="U217" t="str">
            <v/>
          </cell>
          <cell r="V217" t="str">
            <v/>
          </cell>
          <cell r="W217" t="str">
            <v/>
          </cell>
          <cell r="X217" t="str">
            <v/>
          </cell>
          <cell r="Y217" t="str">
            <v/>
          </cell>
          <cell r="Z217" t="str">
            <v/>
          </cell>
          <cell r="AA217" t="str">
            <v/>
          </cell>
          <cell r="AB217" t="str">
            <v/>
          </cell>
          <cell r="AC217" t="str">
            <v/>
          </cell>
          <cell r="AD217" t="str">
            <v/>
          </cell>
          <cell r="AE217" t="str">
            <v/>
          </cell>
          <cell r="AF217" t="str">
            <v/>
          </cell>
          <cell r="AG217" t="str">
            <v/>
          </cell>
          <cell r="AH217" t="str">
            <v/>
          </cell>
          <cell r="AI217" t="str">
            <v/>
          </cell>
          <cell r="AJ217" t="str">
            <v/>
          </cell>
          <cell r="AK217" t="str">
            <v/>
          </cell>
          <cell r="AL217" t="str">
            <v/>
          </cell>
          <cell r="AM217" t="str">
            <v/>
          </cell>
          <cell r="AN217" t="str">
            <v/>
          </cell>
          <cell r="AO217" t="str">
            <v/>
          </cell>
          <cell r="AP217" t="str">
            <v/>
          </cell>
          <cell r="AQ217" t="str">
            <v/>
          </cell>
          <cell r="AR217" t="str">
            <v/>
          </cell>
          <cell r="AS217" t="str">
            <v/>
          </cell>
          <cell r="AT217" t="str">
            <v/>
          </cell>
          <cell r="AU217" t="str">
            <v/>
          </cell>
          <cell r="AV217" t="str">
            <v/>
          </cell>
          <cell r="AW217" t="str">
            <v/>
          </cell>
          <cell r="AX217" t="str">
            <v/>
          </cell>
          <cell r="AY217" t="str">
            <v/>
          </cell>
          <cell r="AZ217" t="str">
            <v/>
          </cell>
          <cell r="BA217" t="str">
            <v/>
          </cell>
          <cell r="BB217" t="str">
            <v/>
          </cell>
          <cell r="BC217" t="str">
            <v/>
          </cell>
          <cell r="BD217" t="str">
            <v/>
          </cell>
          <cell r="BE217" t="str">
            <v/>
          </cell>
          <cell r="BF217" t="str">
            <v/>
          </cell>
          <cell r="BG217" t="str">
            <v/>
          </cell>
          <cell r="BH217" t="str">
            <v/>
          </cell>
          <cell r="BI217" t="str">
            <v/>
          </cell>
          <cell r="BJ217" t="str">
            <v/>
          </cell>
          <cell r="BK217" t="str">
            <v/>
          </cell>
          <cell r="BL217" t="str">
            <v/>
          </cell>
          <cell r="BM217" t="str">
            <v/>
          </cell>
          <cell r="BN217" t="str">
            <v/>
          </cell>
          <cell r="BO217" t="str">
            <v/>
          </cell>
          <cell r="BP217">
            <v>2055</v>
          </cell>
        </row>
        <row r="218">
          <cell r="E218">
            <v>214</v>
          </cell>
          <cell r="G218">
            <v>9</v>
          </cell>
          <cell r="H218">
            <v>43495</v>
          </cell>
          <cell r="I218" t="str">
            <v>第2.3(2)</v>
          </cell>
          <cell r="J218" t="str">
            <v>当該業者の社員が、西宮市発注の下水道関連工事の入札を巡り、市職員から不正に設計金額等の情報を得たとして、公契約関係競売入札妨害の容疑で逮捕されたため。</v>
          </cell>
          <cell r="K218">
            <v>12</v>
          </cell>
          <cell r="L218" t="str">
            <v>大喜建設(株)</v>
          </cell>
          <cell r="M218" t="str">
            <v/>
          </cell>
          <cell r="N218" t="str">
            <v/>
          </cell>
          <cell r="O218" t="str">
            <v/>
          </cell>
          <cell r="Q218">
            <v>1</v>
          </cell>
          <cell r="R218" t="str">
            <v>大喜建設(株)</v>
          </cell>
          <cell r="S218" t="str">
            <v/>
          </cell>
          <cell r="T218" t="str">
            <v/>
          </cell>
          <cell r="U218" t="str">
            <v/>
          </cell>
          <cell r="V218" t="str">
            <v/>
          </cell>
          <cell r="W218" t="str">
            <v/>
          </cell>
          <cell r="X218" t="str">
            <v/>
          </cell>
          <cell r="Y218" t="str">
            <v/>
          </cell>
          <cell r="Z218" t="str">
            <v/>
          </cell>
          <cell r="AA218" t="str">
            <v/>
          </cell>
          <cell r="AB218" t="str">
            <v/>
          </cell>
          <cell r="AC218" t="str">
            <v/>
          </cell>
          <cell r="AD218" t="str">
            <v/>
          </cell>
          <cell r="AE218" t="str">
            <v/>
          </cell>
          <cell r="AF218" t="str">
            <v/>
          </cell>
          <cell r="AG218" t="str">
            <v/>
          </cell>
          <cell r="AH218" t="str">
            <v/>
          </cell>
          <cell r="AI218" t="str">
            <v/>
          </cell>
          <cell r="AJ218" t="str">
            <v/>
          </cell>
          <cell r="AK218" t="str">
            <v/>
          </cell>
          <cell r="AL218" t="str">
            <v/>
          </cell>
          <cell r="AM218" t="str">
            <v/>
          </cell>
          <cell r="AN218" t="str">
            <v/>
          </cell>
          <cell r="AO218" t="str">
            <v/>
          </cell>
          <cell r="AP218" t="str">
            <v/>
          </cell>
          <cell r="AQ218" t="str">
            <v/>
          </cell>
          <cell r="AR218" t="str">
            <v/>
          </cell>
          <cell r="AS218" t="str">
            <v/>
          </cell>
          <cell r="AT218" t="str">
            <v/>
          </cell>
          <cell r="AU218" t="str">
            <v/>
          </cell>
          <cell r="AV218" t="str">
            <v/>
          </cell>
          <cell r="AW218" t="str">
            <v/>
          </cell>
          <cell r="AX218" t="str">
            <v/>
          </cell>
          <cell r="AY218" t="str">
            <v/>
          </cell>
          <cell r="AZ218" t="str">
            <v/>
          </cell>
          <cell r="BA218" t="str">
            <v/>
          </cell>
          <cell r="BB218" t="str">
            <v/>
          </cell>
          <cell r="BC218" t="str">
            <v/>
          </cell>
          <cell r="BD218" t="str">
            <v/>
          </cell>
          <cell r="BE218" t="str">
            <v/>
          </cell>
          <cell r="BF218" t="str">
            <v/>
          </cell>
          <cell r="BG218" t="str">
            <v/>
          </cell>
          <cell r="BH218" t="str">
            <v/>
          </cell>
          <cell r="BI218" t="str">
            <v/>
          </cell>
          <cell r="BJ218" t="str">
            <v/>
          </cell>
          <cell r="BK218" t="str">
            <v/>
          </cell>
          <cell r="BL218" t="str">
            <v/>
          </cell>
          <cell r="BM218" t="str">
            <v/>
          </cell>
          <cell r="BN218" t="str">
            <v/>
          </cell>
          <cell r="BO218" t="str">
            <v/>
          </cell>
          <cell r="BP218">
            <v>3106</v>
          </cell>
        </row>
        <row r="219">
          <cell r="E219">
            <v>215</v>
          </cell>
          <cell r="G219">
            <v>10</v>
          </cell>
          <cell r="H219">
            <v>43538</v>
          </cell>
          <cell r="I219" t="str">
            <v>第1.4</v>
          </cell>
          <cell r="J219" t="str">
            <v>本市発注の「平成３０年度猪名川河川敷公園災害復旧工事（その２）」における工事成績が不良であったため。</v>
          </cell>
          <cell r="K219">
            <v>2</v>
          </cell>
          <cell r="L219" t="str">
            <v>青野スポーツ施設(株)</v>
          </cell>
          <cell r="M219" t="str">
            <v/>
          </cell>
          <cell r="N219" t="str">
            <v/>
          </cell>
          <cell r="O219" t="str">
            <v/>
          </cell>
          <cell r="Q219">
            <v>1</v>
          </cell>
          <cell r="R219" t="str">
            <v>青野スポーツ施設(株)</v>
          </cell>
          <cell r="S219" t="str">
            <v/>
          </cell>
          <cell r="T219" t="str">
            <v/>
          </cell>
          <cell r="U219" t="str">
            <v/>
          </cell>
          <cell r="V219" t="str">
            <v/>
          </cell>
          <cell r="W219" t="str">
            <v/>
          </cell>
          <cell r="X219" t="str">
            <v/>
          </cell>
          <cell r="Y219" t="str">
            <v/>
          </cell>
          <cell r="Z219" t="str">
            <v/>
          </cell>
          <cell r="AA219" t="str">
            <v/>
          </cell>
          <cell r="AB219" t="str">
            <v/>
          </cell>
          <cell r="AC219" t="str">
            <v/>
          </cell>
          <cell r="AD219" t="str">
            <v/>
          </cell>
          <cell r="AE219" t="str">
            <v/>
          </cell>
          <cell r="AF219" t="str">
            <v/>
          </cell>
          <cell r="AG219" t="str">
            <v/>
          </cell>
          <cell r="AH219" t="str">
            <v/>
          </cell>
          <cell r="AI219" t="str">
            <v/>
          </cell>
          <cell r="AJ219" t="str">
            <v/>
          </cell>
          <cell r="AK219" t="str">
            <v/>
          </cell>
          <cell r="AL219" t="str">
            <v/>
          </cell>
          <cell r="AM219" t="str">
            <v/>
          </cell>
          <cell r="AN219" t="str">
            <v/>
          </cell>
          <cell r="AO219" t="str">
            <v/>
          </cell>
          <cell r="AP219" t="str">
            <v/>
          </cell>
          <cell r="AQ219" t="str">
            <v/>
          </cell>
          <cell r="AR219" t="str">
            <v/>
          </cell>
          <cell r="AS219" t="str">
            <v/>
          </cell>
          <cell r="AT219" t="str">
            <v/>
          </cell>
          <cell r="AU219" t="str">
            <v/>
          </cell>
          <cell r="AV219" t="str">
            <v/>
          </cell>
          <cell r="AW219" t="str">
            <v/>
          </cell>
          <cell r="AX219" t="str">
            <v/>
          </cell>
          <cell r="AY219" t="str">
            <v/>
          </cell>
          <cell r="AZ219" t="str">
            <v/>
          </cell>
          <cell r="BA219" t="str">
            <v/>
          </cell>
          <cell r="BB219" t="str">
            <v/>
          </cell>
          <cell r="BC219" t="str">
            <v/>
          </cell>
          <cell r="BD219" t="str">
            <v/>
          </cell>
          <cell r="BE219" t="str">
            <v/>
          </cell>
          <cell r="BF219" t="str">
            <v/>
          </cell>
          <cell r="BG219" t="str">
            <v/>
          </cell>
          <cell r="BH219" t="str">
            <v/>
          </cell>
          <cell r="BI219" t="str">
            <v/>
          </cell>
          <cell r="BJ219" t="str">
            <v/>
          </cell>
          <cell r="BK219" t="str">
            <v/>
          </cell>
          <cell r="BL219" t="str">
            <v/>
          </cell>
          <cell r="BM219" t="str">
            <v/>
          </cell>
          <cell r="BN219" t="str">
            <v/>
          </cell>
          <cell r="BO219" t="str">
            <v/>
          </cell>
          <cell r="BP219">
            <v>2011</v>
          </cell>
        </row>
        <row r="220">
          <cell r="E220">
            <v>216</v>
          </cell>
          <cell r="F220">
            <v>31</v>
          </cell>
          <cell r="G220">
            <v>1</v>
          </cell>
          <cell r="H220">
            <v>43558</v>
          </cell>
          <cell r="I220" t="str">
            <v>第2.3(3)</v>
          </cell>
          <cell r="J220" t="str">
            <v>当該業者の従業員が、福岡県築上郡築上町発注のし尿処理施設建設工事の入札を巡り、談合の容疑で逮捕されたため。</v>
          </cell>
          <cell r="K220">
            <v>6</v>
          </cell>
          <cell r="L220" t="str">
            <v>(株)フソウ</v>
          </cell>
          <cell r="M220" t="str">
            <v/>
          </cell>
          <cell r="N220" t="str">
            <v/>
          </cell>
          <cell r="O220" t="str">
            <v/>
          </cell>
          <cell r="P220">
            <v>0</v>
          </cell>
          <cell r="Q220">
            <v>1</v>
          </cell>
          <cell r="R220" t="str">
            <v>(株)フソウ</v>
          </cell>
          <cell r="S220" t="str">
            <v/>
          </cell>
          <cell r="T220" t="str">
            <v/>
          </cell>
          <cell r="U220" t="str">
            <v/>
          </cell>
          <cell r="V220" t="str">
            <v/>
          </cell>
          <cell r="W220" t="str">
            <v/>
          </cell>
          <cell r="X220" t="str">
            <v/>
          </cell>
          <cell r="Y220" t="str">
            <v/>
          </cell>
          <cell r="Z220" t="str">
            <v/>
          </cell>
          <cell r="AA220" t="str">
            <v/>
          </cell>
          <cell r="AB220" t="str">
            <v/>
          </cell>
          <cell r="AC220" t="str">
            <v/>
          </cell>
          <cell r="AD220" t="str">
            <v/>
          </cell>
          <cell r="AE220" t="str">
            <v/>
          </cell>
          <cell r="AF220" t="str">
            <v/>
          </cell>
          <cell r="AG220" t="str">
            <v/>
          </cell>
          <cell r="AH220" t="str">
            <v/>
          </cell>
          <cell r="AI220" t="str">
            <v/>
          </cell>
          <cell r="AJ220" t="str">
            <v/>
          </cell>
          <cell r="AK220" t="str">
            <v/>
          </cell>
          <cell r="AL220" t="str">
            <v/>
          </cell>
          <cell r="AM220" t="str">
            <v/>
          </cell>
          <cell r="AN220" t="str">
            <v/>
          </cell>
          <cell r="AO220" t="str">
            <v/>
          </cell>
          <cell r="AP220" t="str">
            <v/>
          </cell>
          <cell r="AQ220" t="str">
            <v/>
          </cell>
          <cell r="AR220" t="str">
            <v/>
          </cell>
          <cell r="AS220" t="str">
            <v/>
          </cell>
          <cell r="AT220" t="str">
            <v/>
          </cell>
          <cell r="AU220" t="str">
            <v/>
          </cell>
          <cell r="AV220" t="str">
            <v/>
          </cell>
          <cell r="AW220" t="str">
            <v/>
          </cell>
          <cell r="AX220" t="str">
            <v/>
          </cell>
          <cell r="AY220" t="str">
            <v/>
          </cell>
          <cell r="AZ220" t="str">
            <v/>
          </cell>
          <cell r="BA220" t="str">
            <v/>
          </cell>
          <cell r="BB220" t="str">
            <v/>
          </cell>
          <cell r="BC220" t="str">
            <v/>
          </cell>
          <cell r="BD220" t="str">
            <v/>
          </cell>
          <cell r="BE220" t="str">
            <v/>
          </cell>
          <cell r="BF220" t="str">
            <v/>
          </cell>
          <cell r="BG220" t="str">
            <v/>
          </cell>
          <cell r="BH220" t="str">
            <v/>
          </cell>
          <cell r="BI220" t="str">
            <v/>
          </cell>
          <cell r="BJ220" t="str">
            <v/>
          </cell>
          <cell r="BK220" t="str">
            <v/>
          </cell>
          <cell r="BL220" t="str">
            <v/>
          </cell>
          <cell r="BM220" t="str">
            <v/>
          </cell>
          <cell r="BN220" t="str">
            <v/>
          </cell>
          <cell r="BO220" t="str">
            <v/>
          </cell>
          <cell r="BP220">
            <v>3994</v>
          </cell>
        </row>
        <row r="221">
          <cell r="E221">
            <v>217</v>
          </cell>
          <cell r="G221">
            <v>2</v>
          </cell>
          <cell r="H221">
            <v>43636</v>
          </cell>
          <cell r="I221" t="str">
            <v>第2.2(3)</v>
          </cell>
          <cell r="J221">
            <v>0</v>
          </cell>
          <cell r="K221">
            <v>4</v>
          </cell>
          <cell r="L221" t="str">
            <v>ニチレキ株式会社　他２社</v>
          </cell>
          <cell r="M221" t="str">
            <v/>
          </cell>
          <cell r="N221" t="str">
            <v/>
          </cell>
          <cell r="O221" t="str">
            <v/>
          </cell>
          <cell r="Q221">
            <v>3</v>
          </cell>
          <cell r="R221" t="str">
            <v>ニチレキ株式会社</v>
          </cell>
          <cell r="S221" t="str">
            <v>日進化成(株)</v>
          </cell>
          <cell r="T221" t="str">
            <v>東亜道路工業(株)</v>
          </cell>
          <cell r="U221" t="str">
            <v/>
          </cell>
          <cell r="V221" t="str">
            <v/>
          </cell>
          <cell r="W221" t="str">
            <v/>
          </cell>
          <cell r="X221" t="str">
            <v/>
          </cell>
          <cell r="Y221" t="str">
            <v/>
          </cell>
          <cell r="Z221" t="str">
            <v/>
          </cell>
          <cell r="AA221" t="str">
            <v/>
          </cell>
          <cell r="AB221" t="str">
            <v/>
          </cell>
          <cell r="AC221" t="str">
            <v/>
          </cell>
          <cell r="AD221" t="str">
            <v/>
          </cell>
          <cell r="AE221" t="str">
            <v/>
          </cell>
          <cell r="AF221" t="str">
            <v/>
          </cell>
          <cell r="AG221" t="str">
            <v/>
          </cell>
          <cell r="AH221" t="str">
            <v/>
          </cell>
          <cell r="AI221" t="str">
            <v/>
          </cell>
          <cell r="AJ221" t="str">
            <v/>
          </cell>
          <cell r="AK221" t="str">
            <v/>
          </cell>
          <cell r="AL221" t="str">
            <v/>
          </cell>
          <cell r="AM221" t="str">
            <v/>
          </cell>
          <cell r="AN221" t="str">
            <v/>
          </cell>
          <cell r="AO221" t="str">
            <v/>
          </cell>
          <cell r="AP221" t="str">
            <v/>
          </cell>
          <cell r="AQ221" t="str">
            <v/>
          </cell>
          <cell r="AR221" t="str">
            <v/>
          </cell>
          <cell r="AS221" t="str">
            <v/>
          </cell>
          <cell r="AT221" t="str">
            <v/>
          </cell>
          <cell r="AU221" t="str">
            <v/>
          </cell>
          <cell r="AV221" t="str">
            <v/>
          </cell>
          <cell r="AW221" t="str">
            <v/>
          </cell>
          <cell r="AX221" t="str">
            <v/>
          </cell>
          <cell r="AY221" t="str">
            <v/>
          </cell>
          <cell r="AZ221" t="str">
            <v/>
          </cell>
          <cell r="BA221" t="str">
            <v/>
          </cell>
          <cell r="BB221" t="str">
            <v/>
          </cell>
          <cell r="BC221" t="str">
            <v/>
          </cell>
          <cell r="BD221" t="str">
            <v/>
          </cell>
          <cell r="BE221" t="str">
            <v/>
          </cell>
          <cell r="BF221" t="str">
            <v/>
          </cell>
          <cell r="BG221" t="str">
            <v/>
          </cell>
          <cell r="BH221" t="str">
            <v/>
          </cell>
          <cell r="BI221" t="str">
            <v/>
          </cell>
          <cell r="BJ221" t="str">
            <v/>
          </cell>
          <cell r="BK221" t="str">
            <v/>
          </cell>
          <cell r="BL221" t="str">
            <v/>
          </cell>
          <cell r="BM221" t="str">
            <v/>
          </cell>
          <cell r="BN221" t="str">
            <v/>
          </cell>
          <cell r="BO221" t="str">
            <v/>
          </cell>
          <cell r="BP221">
            <v>3883</v>
          </cell>
          <cell r="BQ221">
            <v>3574</v>
          </cell>
          <cell r="BR221">
            <v>3366</v>
          </cell>
        </row>
        <row r="222">
          <cell r="E222">
            <v>218</v>
          </cell>
          <cell r="G222">
            <v>3</v>
          </cell>
          <cell r="H222">
            <v>43657</v>
          </cell>
          <cell r="I222" t="str">
            <v>第2.2(3)</v>
          </cell>
          <cell r="J222" t="str">
            <v>東京都発注の浄水場排水処理施設運転管理作業について、受注価格の低落防止等を図るため、任意の受注予定者が受注できるようにする旨の合意の下に、受注予定者が見積価格を定め、受注予定者以外の者は、受注予定者の価格以上の見積価格を提示するなどにより、受注予定者が受注できるようにしていたとして、公正取引委員会から私的独占の禁止及び公正取引の確保に関する法律（昭和22年法律第54号）第３条違反により、排除措置命令及び課徴金納付命令を受け、かつ、課徴金減免制度の適用を受けていたため。</v>
          </cell>
          <cell r="K222">
            <v>2</v>
          </cell>
          <cell r="L222" t="str">
            <v>石垣メンテナンス(株)　他１社</v>
          </cell>
          <cell r="M222" t="str">
            <v/>
          </cell>
          <cell r="N222" t="str">
            <v/>
          </cell>
          <cell r="O222" t="str">
            <v/>
          </cell>
          <cell r="P222">
            <v>0</v>
          </cell>
          <cell r="Q222">
            <v>2</v>
          </cell>
          <cell r="R222" t="str">
            <v>石垣メンテナンス(株)</v>
          </cell>
          <cell r="S222" t="str">
            <v>日本メンテナスエンジニヤリング（株）</v>
          </cell>
          <cell r="T222" t="str">
            <v/>
          </cell>
          <cell r="U222" t="str">
            <v/>
          </cell>
          <cell r="V222" t="str">
            <v/>
          </cell>
          <cell r="W222" t="str">
            <v/>
          </cell>
          <cell r="X222" t="str">
            <v/>
          </cell>
          <cell r="Y222" t="str">
            <v/>
          </cell>
          <cell r="Z222" t="str">
            <v/>
          </cell>
          <cell r="AA222" t="str">
            <v/>
          </cell>
          <cell r="AB222" t="str">
            <v/>
          </cell>
          <cell r="AC222" t="str">
            <v/>
          </cell>
          <cell r="AD222" t="str">
            <v/>
          </cell>
          <cell r="AE222" t="str">
            <v/>
          </cell>
          <cell r="AF222" t="str">
            <v/>
          </cell>
          <cell r="AG222" t="str">
            <v/>
          </cell>
          <cell r="AH222" t="str">
            <v/>
          </cell>
          <cell r="AI222" t="str">
            <v/>
          </cell>
          <cell r="AJ222" t="str">
            <v/>
          </cell>
          <cell r="AK222" t="str">
            <v/>
          </cell>
          <cell r="AL222" t="str">
            <v/>
          </cell>
          <cell r="AM222" t="str">
            <v/>
          </cell>
          <cell r="AN222" t="str">
            <v/>
          </cell>
          <cell r="AO222" t="str">
            <v/>
          </cell>
          <cell r="AP222" t="str">
            <v/>
          </cell>
          <cell r="AQ222" t="str">
            <v/>
          </cell>
          <cell r="AR222" t="str">
            <v/>
          </cell>
          <cell r="AS222" t="str">
            <v/>
          </cell>
          <cell r="AT222" t="str">
            <v/>
          </cell>
          <cell r="AU222" t="str">
            <v/>
          </cell>
          <cell r="AV222" t="str">
            <v/>
          </cell>
          <cell r="AW222" t="str">
            <v/>
          </cell>
          <cell r="AX222" t="str">
            <v/>
          </cell>
          <cell r="AY222" t="str">
            <v/>
          </cell>
          <cell r="AZ222" t="str">
            <v/>
          </cell>
          <cell r="BA222" t="str">
            <v/>
          </cell>
          <cell r="BB222" t="str">
            <v/>
          </cell>
          <cell r="BC222" t="str">
            <v/>
          </cell>
          <cell r="BD222" t="str">
            <v/>
          </cell>
          <cell r="BE222" t="str">
            <v/>
          </cell>
          <cell r="BF222" t="str">
            <v/>
          </cell>
          <cell r="BG222" t="str">
            <v/>
          </cell>
          <cell r="BH222" t="str">
            <v/>
          </cell>
          <cell r="BI222" t="str">
            <v/>
          </cell>
          <cell r="BJ222" t="str">
            <v/>
          </cell>
          <cell r="BK222" t="str">
            <v/>
          </cell>
          <cell r="BL222" t="str">
            <v/>
          </cell>
          <cell r="BM222" t="str">
            <v/>
          </cell>
          <cell r="BN222" t="str">
            <v/>
          </cell>
          <cell r="BO222" t="str">
            <v/>
          </cell>
          <cell r="BP222">
            <v>2111</v>
          </cell>
          <cell r="BQ222">
            <v>6058</v>
          </cell>
        </row>
        <row r="223">
          <cell r="E223">
            <v>219</v>
          </cell>
          <cell r="G223">
            <v>4</v>
          </cell>
          <cell r="H223">
            <v>43676</v>
          </cell>
          <cell r="I223" t="str">
            <v>第2.2(3)</v>
          </cell>
          <cell r="J223">
            <v>0</v>
          </cell>
          <cell r="K223">
            <v>4</v>
          </cell>
          <cell r="L223" t="str">
            <v>世紀東急工業(株)　他２社</v>
          </cell>
          <cell r="M223" t="str">
            <v/>
          </cell>
          <cell r="N223" t="str">
            <v/>
          </cell>
          <cell r="O223" t="str">
            <v/>
          </cell>
          <cell r="P223">
            <v>0</v>
          </cell>
          <cell r="Q223">
            <v>3</v>
          </cell>
          <cell r="R223" t="str">
            <v>世紀東急工業(株)</v>
          </cell>
          <cell r="S223" t="str">
            <v>東亜道路工業(株)</v>
          </cell>
          <cell r="T223" t="str">
            <v>(株)ガイアート</v>
          </cell>
          <cell r="U223" t="str">
            <v/>
          </cell>
          <cell r="V223" t="str">
            <v/>
          </cell>
          <cell r="W223" t="str">
            <v/>
          </cell>
          <cell r="X223" t="str">
            <v/>
          </cell>
          <cell r="Y223" t="str">
            <v/>
          </cell>
          <cell r="Z223" t="str">
            <v/>
          </cell>
          <cell r="AA223" t="str">
            <v/>
          </cell>
          <cell r="AB223" t="str">
            <v/>
          </cell>
          <cell r="AC223" t="str">
            <v/>
          </cell>
          <cell r="AD223" t="str">
            <v/>
          </cell>
          <cell r="AE223" t="str">
            <v/>
          </cell>
          <cell r="AF223" t="str">
            <v/>
          </cell>
          <cell r="AG223" t="str">
            <v/>
          </cell>
          <cell r="AH223" t="str">
            <v/>
          </cell>
          <cell r="AI223" t="str">
            <v/>
          </cell>
          <cell r="AJ223" t="str">
            <v/>
          </cell>
          <cell r="AK223" t="str">
            <v/>
          </cell>
          <cell r="AL223" t="str">
            <v/>
          </cell>
          <cell r="AM223" t="str">
            <v/>
          </cell>
          <cell r="AN223" t="str">
            <v/>
          </cell>
          <cell r="AO223" t="str">
            <v/>
          </cell>
          <cell r="AP223" t="str">
            <v/>
          </cell>
          <cell r="AQ223" t="str">
            <v/>
          </cell>
          <cell r="AR223" t="str">
            <v/>
          </cell>
          <cell r="AS223" t="str">
            <v/>
          </cell>
          <cell r="AT223" t="str">
            <v/>
          </cell>
          <cell r="AU223" t="str">
            <v/>
          </cell>
          <cell r="AV223" t="str">
            <v/>
          </cell>
          <cell r="AW223" t="str">
            <v/>
          </cell>
          <cell r="AX223" t="str">
            <v/>
          </cell>
          <cell r="AY223" t="str">
            <v/>
          </cell>
          <cell r="AZ223" t="str">
            <v/>
          </cell>
          <cell r="BA223" t="str">
            <v/>
          </cell>
          <cell r="BB223" t="str">
            <v/>
          </cell>
          <cell r="BC223" t="str">
            <v/>
          </cell>
          <cell r="BD223" t="str">
            <v/>
          </cell>
          <cell r="BE223" t="str">
            <v/>
          </cell>
          <cell r="BF223" t="str">
            <v/>
          </cell>
          <cell r="BG223" t="str">
            <v/>
          </cell>
          <cell r="BH223" t="str">
            <v/>
          </cell>
          <cell r="BI223" t="str">
            <v/>
          </cell>
          <cell r="BJ223" t="str">
            <v/>
          </cell>
          <cell r="BK223" t="str">
            <v/>
          </cell>
          <cell r="BL223" t="str">
            <v/>
          </cell>
          <cell r="BM223" t="str">
            <v/>
          </cell>
          <cell r="BN223" t="str">
            <v/>
          </cell>
          <cell r="BO223" t="str">
            <v/>
          </cell>
          <cell r="BP223">
            <v>3021</v>
          </cell>
          <cell r="BQ223">
            <v>3366</v>
          </cell>
          <cell r="BR223">
            <v>2381</v>
          </cell>
        </row>
        <row r="224">
          <cell r="E224">
            <v>220</v>
          </cell>
          <cell r="G224">
            <v>5</v>
          </cell>
          <cell r="H224">
            <v>43791</v>
          </cell>
          <cell r="I224" t="str">
            <v>第2.2(2)</v>
          </cell>
          <cell r="J224" t="str">
            <v>当該業者が、当該業者を含む複数の特定活性炭又は特定粒状活性炭（以下「特定活性炭等」という。）の販売業者と、特定の供給予定者が供給できるように協力等する旨の合意の下に、入札物件ごとに供給予定者となる順番をあらかじめ定め、供給予定者を決定するなどし、もって公共の利益に反して、特定活性炭等の取引分野における競争を実質的に制限していたとして、公正取引委員会から私的独占の禁止及び公正取引の確保に関する法律（昭和22年法律第54号）第３条違反により、排除措置命令及び課徴金納付命令を受けたため。</v>
          </cell>
          <cell r="K224">
            <v>8</v>
          </cell>
          <cell r="L224" t="str">
            <v>本町化学工業(株)</v>
          </cell>
          <cell r="M224" t="str">
            <v/>
          </cell>
          <cell r="N224" t="str">
            <v/>
          </cell>
          <cell r="O224" t="str">
            <v/>
          </cell>
          <cell r="P224">
            <v>0</v>
          </cell>
          <cell r="Q224">
            <v>1</v>
          </cell>
          <cell r="R224" t="str">
            <v>本町化学工業(株)</v>
          </cell>
          <cell r="S224" t="str">
            <v/>
          </cell>
          <cell r="T224" t="str">
            <v/>
          </cell>
          <cell r="U224" t="str">
            <v/>
          </cell>
          <cell r="V224" t="str">
            <v/>
          </cell>
          <cell r="W224" t="str">
            <v/>
          </cell>
          <cell r="X224" t="str">
            <v/>
          </cell>
          <cell r="Y224" t="str">
            <v/>
          </cell>
          <cell r="Z224" t="str">
            <v/>
          </cell>
          <cell r="AA224" t="str">
            <v/>
          </cell>
          <cell r="AB224" t="str">
            <v/>
          </cell>
          <cell r="AC224" t="str">
            <v/>
          </cell>
          <cell r="AD224" t="str">
            <v/>
          </cell>
          <cell r="AE224" t="str">
            <v/>
          </cell>
          <cell r="AF224" t="str">
            <v/>
          </cell>
          <cell r="AG224" t="str">
            <v/>
          </cell>
          <cell r="AH224" t="str">
            <v/>
          </cell>
          <cell r="AI224" t="str">
            <v/>
          </cell>
          <cell r="AJ224" t="str">
            <v/>
          </cell>
          <cell r="AK224" t="str">
            <v/>
          </cell>
          <cell r="AL224" t="str">
            <v/>
          </cell>
          <cell r="AM224" t="str">
            <v/>
          </cell>
          <cell r="AN224" t="str">
            <v/>
          </cell>
          <cell r="AO224" t="str">
            <v/>
          </cell>
          <cell r="AP224" t="str">
            <v/>
          </cell>
          <cell r="AQ224" t="str">
            <v/>
          </cell>
          <cell r="AR224" t="str">
            <v/>
          </cell>
          <cell r="AS224" t="str">
            <v/>
          </cell>
          <cell r="AT224" t="str">
            <v/>
          </cell>
          <cell r="AU224" t="str">
            <v/>
          </cell>
          <cell r="AV224" t="str">
            <v/>
          </cell>
          <cell r="AW224" t="str">
            <v/>
          </cell>
          <cell r="AX224" t="str">
            <v/>
          </cell>
          <cell r="AY224" t="str">
            <v/>
          </cell>
          <cell r="AZ224" t="str">
            <v/>
          </cell>
          <cell r="BA224" t="str">
            <v/>
          </cell>
          <cell r="BB224" t="str">
            <v/>
          </cell>
          <cell r="BC224" t="str">
            <v/>
          </cell>
          <cell r="BD224" t="str">
            <v/>
          </cell>
          <cell r="BE224" t="str">
            <v/>
          </cell>
          <cell r="BF224" t="str">
            <v/>
          </cell>
          <cell r="BG224" t="str">
            <v/>
          </cell>
          <cell r="BH224" t="str">
            <v/>
          </cell>
          <cell r="BI224" t="str">
            <v/>
          </cell>
          <cell r="BJ224" t="str">
            <v/>
          </cell>
          <cell r="BK224" t="str">
            <v/>
          </cell>
          <cell r="BL224" t="str">
            <v/>
          </cell>
          <cell r="BM224" t="str">
            <v/>
          </cell>
          <cell r="BN224" t="str">
            <v/>
          </cell>
          <cell r="BO224" t="str">
            <v/>
          </cell>
          <cell r="BP224">
            <v>10987</v>
          </cell>
        </row>
        <row r="225">
          <cell r="E225">
            <v>221</v>
          </cell>
          <cell r="G225">
            <v>6</v>
          </cell>
          <cell r="H225">
            <v>43858</v>
          </cell>
          <cell r="I225" t="str">
            <v>第2.3(2)</v>
          </cell>
          <cell r="J225" t="str">
            <v>当該業者の役員が、兵庫県丹波市発注の公共工事を巡り、公契約関係競売等妨害容疑で逮捕されたため。</v>
          </cell>
          <cell r="K225">
            <v>12</v>
          </cell>
          <cell r="L225" t="str">
            <v>前田建設(株)</v>
          </cell>
          <cell r="M225" t="str">
            <v/>
          </cell>
          <cell r="N225" t="str">
            <v/>
          </cell>
          <cell r="O225" t="str">
            <v/>
          </cell>
          <cell r="P225">
            <v>0</v>
          </cell>
          <cell r="Q225">
            <v>1</v>
          </cell>
          <cell r="R225" t="str">
            <v>前田建設(株)</v>
          </cell>
          <cell r="S225" t="str">
            <v/>
          </cell>
          <cell r="T225" t="str">
            <v/>
          </cell>
          <cell r="U225" t="str">
            <v/>
          </cell>
          <cell r="V225" t="str">
            <v/>
          </cell>
          <cell r="W225" t="str">
            <v/>
          </cell>
          <cell r="X225" t="str">
            <v/>
          </cell>
          <cell r="Y225" t="str">
            <v/>
          </cell>
          <cell r="Z225" t="str">
            <v/>
          </cell>
          <cell r="AA225" t="str">
            <v/>
          </cell>
          <cell r="AB225" t="str">
            <v/>
          </cell>
          <cell r="AC225" t="str">
            <v/>
          </cell>
          <cell r="AD225" t="str">
            <v/>
          </cell>
          <cell r="AE225" t="str">
            <v/>
          </cell>
          <cell r="AF225" t="str">
            <v/>
          </cell>
          <cell r="AG225" t="str">
            <v/>
          </cell>
          <cell r="AH225" t="str">
            <v/>
          </cell>
          <cell r="AI225" t="str">
            <v/>
          </cell>
          <cell r="AJ225" t="str">
            <v/>
          </cell>
          <cell r="AK225" t="str">
            <v/>
          </cell>
          <cell r="AL225" t="str">
            <v/>
          </cell>
          <cell r="AM225" t="str">
            <v/>
          </cell>
          <cell r="AN225" t="str">
            <v/>
          </cell>
          <cell r="AO225" t="str">
            <v/>
          </cell>
          <cell r="AP225" t="str">
            <v/>
          </cell>
          <cell r="AQ225" t="str">
            <v/>
          </cell>
          <cell r="AR225" t="str">
            <v/>
          </cell>
          <cell r="AS225" t="str">
            <v/>
          </cell>
          <cell r="AT225" t="str">
            <v/>
          </cell>
          <cell r="AU225" t="str">
            <v/>
          </cell>
          <cell r="AV225" t="str">
            <v/>
          </cell>
          <cell r="AW225" t="str">
            <v/>
          </cell>
          <cell r="AX225" t="str">
            <v/>
          </cell>
          <cell r="AY225" t="str">
            <v/>
          </cell>
          <cell r="AZ225" t="str">
            <v/>
          </cell>
          <cell r="BA225" t="str">
            <v/>
          </cell>
          <cell r="BB225" t="str">
            <v/>
          </cell>
          <cell r="BC225" t="str">
            <v/>
          </cell>
          <cell r="BD225" t="str">
            <v/>
          </cell>
          <cell r="BE225" t="str">
            <v/>
          </cell>
          <cell r="BF225" t="str">
            <v/>
          </cell>
          <cell r="BG225" t="str">
            <v/>
          </cell>
          <cell r="BH225" t="str">
            <v/>
          </cell>
          <cell r="BI225" t="str">
            <v/>
          </cell>
          <cell r="BJ225" t="str">
            <v/>
          </cell>
          <cell r="BK225" t="str">
            <v/>
          </cell>
          <cell r="BL225" t="str">
            <v/>
          </cell>
          <cell r="BM225" t="str">
            <v/>
          </cell>
          <cell r="BN225" t="str">
            <v/>
          </cell>
          <cell r="BO225" t="str">
            <v/>
          </cell>
          <cell r="BP225">
            <v>4066</v>
          </cell>
        </row>
        <row r="226">
          <cell r="E226">
            <v>222</v>
          </cell>
          <cell r="G226">
            <v>7</v>
          </cell>
          <cell r="H226">
            <v>43909</v>
          </cell>
          <cell r="I226" t="str">
            <v>第2.3(2)</v>
          </cell>
          <cell r="J226" t="str">
            <v>当該業者の役員が、兵庫県美方郡新温泉町発注の公共工事を巡り、公契約関係競売等妨害容疑で逮捕されたため。</v>
          </cell>
          <cell r="K226">
            <v>12</v>
          </cell>
          <cell r="L226" t="str">
            <v>株本建設工業(株)</v>
          </cell>
          <cell r="M226" t="str">
            <v/>
          </cell>
          <cell r="N226" t="str">
            <v/>
          </cell>
          <cell r="O226" t="str">
            <v/>
          </cell>
          <cell r="P226">
            <v>0</v>
          </cell>
          <cell r="Q226">
            <v>1</v>
          </cell>
          <cell r="R226" t="str">
            <v>株本建設工業(株)</v>
          </cell>
          <cell r="S226" t="str">
            <v/>
          </cell>
          <cell r="T226" t="str">
            <v/>
          </cell>
          <cell r="U226" t="str">
            <v/>
          </cell>
          <cell r="V226" t="str">
            <v/>
          </cell>
          <cell r="W226" t="str">
            <v/>
          </cell>
          <cell r="X226" t="str">
            <v/>
          </cell>
          <cell r="Y226" t="str">
            <v/>
          </cell>
          <cell r="Z226" t="str">
            <v/>
          </cell>
          <cell r="AA226" t="str">
            <v/>
          </cell>
          <cell r="AB226" t="str">
            <v/>
          </cell>
          <cell r="AC226" t="str">
            <v/>
          </cell>
          <cell r="AD226" t="str">
            <v/>
          </cell>
          <cell r="AE226" t="str">
            <v/>
          </cell>
          <cell r="AF226" t="str">
            <v/>
          </cell>
          <cell r="AG226" t="str">
            <v/>
          </cell>
          <cell r="AH226" t="str">
            <v/>
          </cell>
          <cell r="AI226" t="str">
            <v/>
          </cell>
          <cell r="AJ226" t="str">
            <v/>
          </cell>
          <cell r="AK226" t="str">
            <v/>
          </cell>
          <cell r="AL226" t="str">
            <v/>
          </cell>
          <cell r="AM226" t="str">
            <v/>
          </cell>
          <cell r="AN226" t="str">
            <v/>
          </cell>
          <cell r="AO226" t="str">
            <v/>
          </cell>
          <cell r="AP226" t="str">
            <v/>
          </cell>
          <cell r="AQ226" t="str">
            <v/>
          </cell>
          <cell r="AR226" t="str">
            <v/>
          </cell>
          <cell r="AS226" t="str">
            <v/>
          </cell>
          <cell r="AT226" t="str">
            <v/>
          </cell>
          <cell r="AU226" t="str">
            <v/>
          </cell>
          <cell r="AV226" t="str">
            <v/>
          </cell>
          <cell r="AW226" t="str">
            <v/>
          </cell>
          <cell r="AX226" t="str">
            <v/>
          </cell>
          <cell r="AY226" t="str">
            <v/>
          </cell>
          <cell r="AZ226" t="str">
            <v/>
          </cell>
          <cell r="BA226" t="str">
            <v/>
          </cell>
          <cell r="BB226" t="str">
            <v/>
          </cell>
          <cell r="BC226" t="str">
            <v/>
          </cell>
          <cell r="BD226" t="str">
            <v/>
          </cell>
          <cell r="BE226" t="str">
            <v/>
          </cell>
          <cell r="BF226" t="str">
            <v/>
          </cell>
          <cell r="BG226" t="str">
            <v/>
          </cell>
          <cell r="BH226" t="str">
            <v/>
          </cell>
          <cell r="BI226" t="str">
            <v/>
          </cell>
          <cell r="BJ226" t="str">
            <v/>
          </cell>
          <cell r="BK226" t="str">
            <v/>
          </cell>
          <cell r="BL226" t="str">
            <v/>
          </cell>
          <cell r="BM226" t="str">
            <v/>
          </cell>
          <cell r="BN226" t="str">
            <v/>
          </cell>
          <cell r="BO226" t="str">
            <v/>
          </cell>
          <cell r="BP226">
            <v>2402</v>
          </cell>
        </row>
        <row r="227">
          <cell r="E227">
            <v>223</v>
          </cell>
          <cell r="G227">
            <v>8</v>
          </cell>
          <cell r="H227">
            <v>43902</v>
          </cell>
          <cell r="I227" t="str">
            <v>第1.4</v>
          </cell>
          <cell r="J227" t="str">
            <v>本市発注の「平成３１年度伊丹市立有岡小学校コンクリートブロック塀他改修工事」における工事成績が不良であったため。</v>
          </cell>
          <cell r="K227">
            <v>2</v>
          </cell>
          <cell r="L227" t="str">
            <v>(株)金山組</v>
          </cell>
          <cell r="M227" t="str">
            <v/>
          </cell>
          <cell r="N227" t="str">
            <v/>
          </cell>
          <cell r="O227" t="str">
            <v/>
          </cell>
          <cell r="P227">
            <v>0</v>
          </cell>
          <cell r="Q227">
            <v>1</v>
          </cell>
          <cell r="R227" t="str">
            <v>(株)金山組</v>
          </cell>
          <cell r="S227" t="str">
            <v/>
          </cell>
          <cell r="T227" t="str">
            <v/>
          </cell>
          <cell r="U227" t="str">
            <v/>
          </cell>
          <cell r="V227" t="str">
            <v/>
          </cell>
          <cell r="W227" t="str">
            <v/>
          </cell>
          <cell r="X227" t="str">
            <v/>
          </cell>
          <cell r="Y227" t="str">
            <v/>
          </cell>
          <cell r="Z227" t="str">
            <v/>
          </cell>
          <cell r="AA227" t="str">
            <v/>
          </cell>
          <cell r="AB227" t="str">
            <v/>
          </cell>
          <cell r="AC227" t="str">
            <v/>
          </cell>
          <cell r="AD227" t="str">
            <v/>
          </cell>
          <cell r="AE227" t="str">
            <v/>
          </cell>
          <cell r="AF227" t="str">
            <v/>
          </cell>
          <cell r="AG227" t="str">
            <v/>
          </cell>
          <cell r="AH227" t="str">
            <v/>
          </cell>
          <cell r="AI227" t="str">
            <v/>
          </cell>
          <cell r="AJ227" t="str">
            <v/>
          </cell>
          <cell r="AK227" t="str">
            <v/>
          </cell>
          <cell r="AL227" t="str">
            <v/>
          </cell>
          <cell r="AM227" t="str">
            <v/>
          </cell>
          <cell r="AN227" t="str">
            <v/>
          </cell>
          <cell r="AO227" t="str">
            <v/>
          </cell>
          <cell r="AP227" t="str">
            <v/>
          </cell>
          <cell r="AQ227" t="str">
            <v/>
          </cell>
          <cell r="AR227" t="str">
            <v/>
          </cell>
          <cell r="AS227" t="str">
            <v/>
          </cell>
          <cell r="AT227" t="str">
            <v/>
          </cell>
          <cell r="AU227" t="str">
            <v/>
          </cell>
          <cell r="AV227" t="str">
            <v/>
          </cell>
          <cell r="AW227" t="str">
            <v/>
          </cell>
          <cell r="AX227" t="str">
            <v/>
          </cell>
          <cell r="AY227" t="str">
            <v/>
          </cell>
          <cell r="AZ227" t="str">
            <v/>
          </cell>
          <cell r="BA227" t="str">
            <v/>
          </cell>
          <cell r="BB227" t="str">
            <v/>
          </cell>
          <cell r="BC227" t="str">
            <v/>
          </cell>
          <cell r="BD227" t="str">
            <v/>
          </cell>
          <cell r="BE227" t="str">
            <v/>
          </cell>
          <cell r="BF227" t="str">
            <v/>
          </cell>
          <cell r="BG227" t="str">
            <v/>
          </cell>
          <cell r="BH227" t="str">
            <v/>
          </cell>
          <cell r="BI227" t="str">
            <v/>
          </cell>
          <cell r="BJ227" t="str">
            <v/>
          </cell>
          <cell r="BK227" t="str">
            <v/>
          </cell>
          <cell r="BL227" t="str">
            <v/>
          </cell>
          <cell r="BM227" t="str">
            <v/>
          </cell>
          <cell r="BN227" t="str">
            <v/>
          </cell>
          <cell r="BO227" t="str">
            <v/>
          </cell>
          <cell r="BP227">
            <v>176</v>
          </cell>
        </row>
        <row r="228">
          <cell r="E228">
            <v>224</v>
          </cell>
          <cell r="G228">
            <v>9</v>
          </cell>
          <cell r="H228">
            <v>43921</v>
          </cell>
          <cell r="I228" t="str">
            <v>第1.4</v>
          </cell>
          <cell r="J228" t="str">
            <v>本市発注の「平成３１年度伊丹市共同利用施設池尻文化センター屋根及び外壁改修工事」における工事成績が不良であったため。</v>
          </cell>
          <cell r="K228">
            <v>4</v>
          </cell>
          <cell r="L228" t="str">
            <v>(株)金山組</v>
          </cell>
          <cell r="M228" t="str">
            <v/>
          </cell>
          <cell r="N228" t="str">
            <v/>
          </cell>
          <cell r="O228">
            <v>2</v>
          </cell>
          <cell r="P228">
            <v>2</v>
          </cell>
          <cell r="Q228">
            <v>1</v>
          </cell>
          <cell r="R228" t="str">
            <v>(株)金山組</v>
          </cell>
          <cell r="S228" t="str">
            <v/>
          </cell>
          <cell r="T228" t="str">
            <v/>
          </cell>
          <cell r="U228" t="str">
            <v/>
          </cell>
          <cell r="V228" t="str">
            <v/>
          </cell>
          <cell r="W228" t="str">
            <v/>
          </cell>
          <cell r="X228" t="str">
            <v/>
          </cell>
          <cell r="Y228" t="str">
            <v/>
          </cell>
          <cell r="Z228" t="str">
            <v/>
          </cell>
          <cell r="AA228" t="str">
            <v/>
          </cell>
          <cell r="AB228" t="str">
            <v/>
          </cell>
          <cell r="AC228" t="str">
            <v/>
          </cell>
          <cell r="AD228" t="str">
            <v/>
          </cell>
          <cell r="AE228" t="str">
            <v/>
          </cell>
          <cell r="AF228" t="str">
            <v/>
          </cell>
          <cell r="AG228" t="str">
            <v/>
          </cell>
          <cell r="AH228" t="str">
            <v/>
          </cell>
          <cell r="AI228" t="str">
            <v/>
          </cell>
          <cell r="AJ228" t="str">
            <v/>
          </cell>
          <cell r="AK228" t="str">
            <v/>
          </cell>
          <cell r="AL228" t="str">
            <v/>
          </cell>
          <cell r="AM228" t="str">
            <v/>
          </cell>
          <cell r="AN228" t="str">
            <v/>
          </cell>
          <cell r="AO228" t="str">
            <v/>
          </cell>
          <cell r="AP228" t="str">
            <v/>
          </cell>
          <cell r="AQ228" t="str">
            <v/>
          </cell>
          <cell r="AR228" t="str">
            <v/>
          </cell>
          <cell r="AS228" t="str">
            <v/>
          </cell>
          <cell r="AT228" t="str">
            <v/>
          </cell>
          <cell r="AU228" t="str">
            <v/>
          </cell>
          <cell r="AV228" t="str">
            <v/>
          </cell>
          <cell r="AW228" t="str">
            <v/>
          </cell>
          <cell r="AX228" t="str">
            <v/>
          </cell>
          <cell r="AY228" t="str">
            <v/>
          </cell>
          <cell r="AZ228" t="str">
            <v/>
          </cell>
          <cell r="BA228" t="str">
            <v/>
          </cell>
          <cell r="BB228" t="str">
            <v/>
          </cell>
          <cell r="BC228" t="str">
            <v/>
          </cell>
          <cell r="BD228" t="str">
            <v/>
          </cell>
          <cell r="BE228" t="str">
            <v/>
          </cell>
          <cell r="BF228" t="str">
            <v/>
          </cell>
          <cell r="BG228" t="str">
            <v/>
          </cell>
          <cell r="BH228" t="str">
            <v/>
          </cell>
          <cell r="BI228" t="str">
            <v/>
          </cell>
          <cell r="BJ228" t="str">
            <v/>
          </cell>
          <cell r="BK228" t="str">
            <v/>
          </cell>
          <cell r="BL228" t="str">
            <v/>
          </cell>
          <cell r="BM228" t="str">
            <v/>
          </cell>
          <cell r="BN228" t="str">
            <v/>
          </cell>
          <cell r="BO228" t="str">
            <v/>
          </cell>
          <cell r="BP228">
            <v>176</v>
          </cell>
        </row>
        <row r="229">
          <cell r="E229">
            <v>225</v>
          </cell>
          <cell r="F229">
            <v>2</v>
          </cell>
          <cell r="G229">
            <v>1</v>
          </cell>
          <cell r="H229">
            <v>43965</v>
          </cell>
          <cell r="I229" t="str">
            <v>第1.5(1)</v>
          </cell>
          <cell r="J229" t="str">
            <v>本市発注の「平成３１年度伊丹市立花里小学校大規模改造及び空調設備改修工事設計委託業務」他３件において、履行期間内に業務を完了させず、２カ月以上の履行遅滞を生じさせたため。</v>
          </cell>
          <cell r="K229">
            <v>6</v>
          </cell>
          <cell r="L229" t="str">
            <v>(株)上坂設計</v>
          </cell>
          <cell r="M229" t="str">
            <v/>
          </cell>
          <cell r="N229" t="str">
            <v/>
          </cell>
          <cell r="O229" t="str">
            <v>一部</v>
          </cell>
          <cell r="P229" t="str">
            <v>２倍は[ .2]</v>
          </cell>
          <cell r="Q229">
            <v>1</v>
          </cell>
          <cell r="R229" t="str">
            <v>(株)上坂設計</v>
          </cell>
          <cell r="S229" t="str">
            <v/>
          </cell>
          <cell r="T229" t="str">
            <v/>
          </cell>
          <cell r="U229" t="str">
            <v/>
          </cell>
          <cell r="V229" t="str">
            <v/>
          </cell>
          <cell r="W229" t="str">
            <v/>
          </cell>
          <cell r="X229" t="str">
            <v/>
          </cell>
          <cell r="Y229" t="str">
            <v/>
          </cell>
          <cell r="Z229" t="str">
            <v/>
          </cell>
          <cell r="AA229" t="str">
            <v/>
          </cell>
          <cell r="AB229" t="str">
            <v/>
          </cell>
          <cell r="AC229" t="str">
            <v/>
          </cell>
          <cell r="AD229" t="str">
            <v/>
          </cell>
          <cell r="AE229" t="str">
            <v/>
          </cell>
          <cell r="AF229" t="str">
            <v/>
          </cell>
          <cell r="AG229" t="str">
            <v/>
          </cell>
          <cell r="AH229" t="str">
            <v/>
          </cell>
          <cell r="AI229" t="str">
            <v/>
          </cell>
          <cell r="AJ229" t="str">
            <v/>
          </cell>
          <cell r="AK229" t="str">
            <v/>
          </cell>
          <cell r="AL229" t="str">
            <v/>
          </cell>
          <cell r="AM229" t="str">
            <v/>
          </cell>
          <cell r="AN229" t="str">
            <v/>
          </cell>
          <cell r="AO229" t="str">
            <v/>
          </cell>
          <cell r="AP229" t="str">
            <v/>
          </cell>
          <cell r="AQ229" t="str">
            <v/>
          </cell>
          <cell r="AR229" t="str">
            <v/>
          </cell>
          <cell r="AS229" t="str">
            <v/>
          </cell>
          <cell r="AT229" t="str">
            <v/>
          </cell>
          <cell r="AU229" t="str">
            <v/>
          </cell>
          <cell r="AV229" t="str">
            <v/>
          </cell>
          <cell r="AW229" t="str">
            <v/>
          </cell>
          <cell r="AX229" t="str">
            <v/>
          </cell>
          <cell r="AY229" t="str">
            <v/>
          </cell>
          <cell r="AZ229" t="str">
            <v/>
          </cell>
          <cell r="BA229" t="str">
            <v/>
          </cell>
          <cell r="BB229" t="str">
            <v/>
          </cell>
          <cell r="BC229" t="str">
            <v/>
          </cell>
          <cell r="BD229" t="str">
            <v/>
          </cell>
          <cell r="BE229" t="str">
            <v/>
          </cell>
          <cell r="BF229" t="str">
            <v/>
          </cell>
          <cell r="BG229" t="str">
            <v/>
          </cell>
          <cell r="BH229" t="str">
            <v/>
          </cell>
          <cell r="BI229" t="str">
            <v/>
          </cell>
          <cell r="BJ229" t="str">
            <v/>
          </cell>
          <cell r="BK229" t="str">
            <v/>
          </cell>
          <cell r="BL229" t="str">
            <v/>
          </cell>
          <cell r="BM229" t="str">
            <v/>
          </cell>
          <cell r="BN229" t="str">
            <v/>
          </cell>
          <cell r="BO229" t="str">
            <v/>
          </cell>
          <cell r="BP229">
            <v>5452</v>
          </cell>
        </row>
        <row r="230">
          <cell r="E230">
            <v>226</v>
          </cell>
          <cell r="G230">
            <v>2</v>
          </cell>
          <cell r="H230">
            <v>44174</v>
          </cell>
          <cell r="I230" t="str">
            <v>第2.2(5)</v>
          </cell>
          <cell r="J230" t="str">
            <v>独立行政法人地域医療機能推進機構が発注する医薬品の入札を巡り、公正取引委員会から私的独占の禁止及び公正取引の確保に関する法律（昭和22年法律第54号）に基づき、刑事告発を受けたため。</v>
          </cell>
          <cell r="K230">
            <v>12</v>
          </cell>
          <cell r="L230" t="str">
            <v>アルフレッサ(株)　他２社</v>
          </cell>
          <cell r="M230" t="str">
            <v/>
          </cell>
          <cell r="N230" t="str">
            <v/>
          </cell>
          <cell r="Q230">
            <v>3</v>
          </cell>
          <cell r="R230" t="str">
            <v>アルフレッサ(株)</v>
          </cell>
          <cell r="S230" t="str">
            <v>(株)スズケン</v>
          </cell>
          <cell r="T230" t="str">
            <v>東邦薬品(株)</v>
          </cell>
          <cell r="U230" t="str">
            <v/>
          </cell>
          <cell r="V230" t="str">
            <v/>
          </cell>
          <cell r="W230" t="str">
            <v/>
          </cell>
          <cell r="X230" t="str">
            <v/>
          </cell>
          <cell r="Y230" t="str">
            <v/>
          </cell>
          <cell r="Z230" t="str">
            <v/>
          </cell>
          <cell r="AA230" t="str">
            <v/>
          </cell>
          <cell r="AB230" t="str">
            <v/>
          </cell>
          <cell r="AC230" t="str">
            <v/>
          </cell>
          <cell r="AD230" t="str">
            <v/>
          </cell>
          <cell r="AE230" t="str">
            <v/>
          </cell>
          <cell r="AF230" t="str">
            <v/>
          </cell>
          <cell r="AG230" t="str">
            <v/>
          </cell>
          <cell r="AH230" t="str">
            <v/>
          </cell>
          <cell r="AI230" t="str">
            <v/>
          </cell>
          <cell r="AJ230" t="str">
            <v/>
          </cell>
          <cell r="AK230" t="str">
            <v/>
          </cell>
          <cell r="AL230" t="str">
            <v/>
          </cell>
          <cell r="AM230" t="str">
            <v/>
          </cell>
          <cell r="AN230" t="str">
            <v/>
          </cell>
          <cell r="AO230" t="str">
            <v/>
          </cell>
          <cell r="AP230" t="str">
            <v/>
          </cell>
          <cell r="AQ230" t="str">
            <v/>
          </cell>
          <cell r="AR230" t="str">
            <v/>
          </cell>
          <cell r="AS230" t="str">
            <v/>
          </cell>
          <cell r="AT230" t="str">
            <v/>
          </cell>
          <cell r="AU230" t="str">
            <v/>
          </cell>
          <cell r="AV230" t="str">
            <v/>
          </cell>
          <cell r="AW230" t="str">
            <v/>
          </cell>
          <cell r="AX230" t="str">
            <v/>
          </cell>
          <cell r="AY230" t="str">
            <v/>
          </cell>
          <cell r="AZ230" t="str">
            <v/>
          </cell>
          <cell r="BA230" t="str">
            <v/>
          </cell>
          <cell r="BB230" t="str">
            <v/>
          </cell>
          <cell r="BC230" t="str">
            <v/>
          </cell>
          <cell r="BD230" t="str">
            <v/>
          </cell>
          <cell r="BE230" t="str">
            <v/>
          </cell>
          <cell r="BF230" t="str">
            <v/>
          </cell>
          <cell r="BG230" t="str">
            <v/>
          </cell>
          <cell r="BH230" t="str">
            <v/>
          </cell>
          <cell r="BI230" t="str">
            <v/>
          </cell>
          <cell r="BJ230" t="str">
            <v/>
          </cell>
          <cell r="BK230" t="str">
            <v/>
          </cell>
          <cell r="BL230" t="str">
            <v/>
          </cell>
          <cell r="BM230" t="str">
            <v/>
          </cell>
          <cell r="BN230" t="str">
            <v/>
          </cell>
          <cell r="BO230" t="str">
            <v/>
          </cell>
          <cell r="BP230">
            <v>11220</v>
          </cell>
          <cell r="BQ230">
            <v>11024</v>
          </cell>
          <cell r="BR230">
            <v>10108</v>
          </cell>
        </row>
        <row r="231">
          <cell r="E231">
            <v>227</v>
          </cell>
          <cell r="G231">
            <v>3</v>
          </cell>
          <cell r="H231">
            <v>44189</v>
          </cell>
          <cell r="I231" t="str">
            <v>第2.6(3)①</v>
          </cell>
          <cell r="J231" t="str">
            <v>兵庫県県土整備部県土企画局建設業室から、建設業法（昭和24年法律第100号）第28条第1項の規定に基づく指示処分を受けたため。</v>
          </cell>
          <cell r="K231">
            <v>3</v>
          </cell>
          <cell r="L231" t="str">
            <v>(株)毎日建設工業</v>
          </cell>
          <cell r="M231" t="str">
            <v/>
          </cell>
          <cell r="N231" t="str">
            <v/>
          </cell>
          <cell r="O231">
            <v>0</v>
          </cell>
          <cell r="P231">
            <v>0</v>
          </cell>
          <cell r="Q231">
            <v>1</v>
          </cell>
          <cell r="R231" t="str">
            <v>(株)毎日建設工業</v>
          </cell>
          <cell r="S231" t="str">
            <v/>
          </cell>
          <cell r="T231" t="str">
            <v/>
          </cell>
          <cell r="U231" t="str">
            <v/>
          </cell>
          <cell r="V231" t="str">
            <v/>
          </cell>
          <cell r="W231" t="str">
            <v/>
          </cell>
          <cell r="X231" t="str">
            <v/>
          </cell>
          <cell r="Y231" t="str">
            <v/>
          </cell>
          <cell r="Z231" t="str">
            <v/>
          </cell>
          <cell r="AA231" t="str">
            <v/>
          </cell>
          <cell r="AB231" t="str">
            <v/>
          </cell>
          <cell r="AC231" t="str">
            <v/>
          </cell>
          <cell r="AD231" t="str">
            <v/>
          </cell>
          <cell r="AE231" t="str">
            <v/>
          </cell>
          <cell r="AF231" t="str">
            <v/>
          </cell>
          <cell r="AG231" t="str">
            <v/>
          </cell>
          <cell r="AH231" t="str">
            <v/>
          </cell>
          <cell r="AI231" t="str">
            <v/>
          </cell>
          <cell r="AJ231" t="str">
            <v/>
          </cell>
          <cell r="AK231" t="str">
            <v/>
          </cell>
          <cell r="AL231" t="str">
            <v/>
          </cell>
          <cell r="AM231" t="str">
            <v/>
          </cell>
          <cell r="AN231" t="str">
            <v/>
          </cell>
          <cell r="AO231" t="str">
            <v/>
          </cell>
          <cell r="AP231" t="str">
            <v/>
          </cell>
          <cell r="AQ231" t="str">
            <v/>
          </cell>
          <cell r="AR231" t="str">
            <v/>
          </cell>
          <cell r="AS231" t="str">
            <v/>
          </cell>
          <cell r="AT231" t="str">
            <v/>
          </cell>
          <cell r="AU231" t="str">
            <v/>
          </cell>
          <cell r="AV231" t="str">
            <v/>
          </cell>
          <cell r="AW231" t="str">
            <v/>
          </cell>
          <cell r="AX231" t="str">
            <v/>
          </cell>
          <cell r="AY231" t="str">
            <v/>
          </cell>
          <cell r="AZ231" t="str">
            <v/>
          </cell>
          <cell r="BA231" t="str">
            <v/>
          </cell>
          <cell r="BB231" t="str">
            <v/>
          </cell>
          <cell r="BC231" t="str">
            <v/>
          </cell>
          <cell r="BD231" t="str">
            <v/>
          </cell>
          <cell r="BE231" t="str">
            <v/>
          </cell>
          <cell r="BF231" t="str">
            <v/>
          </cell>
          <cell r="BG231" t="str">
            <v/>
          </cell>
          <cell r="BH231" t="str">
            <v/>
          </cell>
          <cell r="BI231" t="str">
            <v/>
          </cell>
          <cell r="BJ231" t="str">
            <v/>
          </cell>
          <cell r="BK231" t="str">
            <v/>
          </cell>
          <cell r="BL231" t="str">
            <v/>
          </cell>
          <cell r="BM231" t="str">
            <v/>
          </cell>
          <cell r="BN231" t="str">
            <v/>
          </cell>
          <cell r="BO231" t="str">
            <v/>
          </cell>
          <cell r="BP231">
            <v>48</v>
          </cell>
        </row>
        <row r="232">
          <cell r="E232">
            <v>228</v>
          </cell>
          <cell r="G232">
            <v>4</v>
          </cell>
          <cell r="H232">
            <v>44204</v>
          </cell>
          <cell r="I232" t="str">
            <v>第2.1(3)</v>
          </cell>
          <cell r="J232" t="str">
            <v>当該事業者の社員が、国立大学法人三重大学医学部附属病院が発注する医療機器の調達を巡り、贈賄容疑で逮捕されたため。</v>
          </cell>
          <cell r="K232">
            <v>6</v>
          </cell>
          <cell r="L232" t="str">
            <v>日本光電工業(株)</v>
          </cell>
          <cell r="M232" t="str">
            <v/>
          </cell>
          <cell r="N232" t="str">
            <v/>
          </cell>
          <cell r="O232">
            <v>0</v>
          </cell>
          <cell r="P232">
            <v>0</v>
          </cell>
          <cell r="Q232">
            <v>1</v>
          </cell>
          <cell r="R232" t="str">
            <v>日本光電工業(株)</v>
          </cell>
          <cell r="S232" t="str">
            <v/>
          </cell>
          <cell r="T232" t="str">
            <v/>
          </cell>
          <cell r="U232" t="str">
            <v/>
          </cell>
          <cell r="V232" t="str">
            <v/>
          </cell>
          <cell r="W232" t="str">
            <v/>
          </cell>
          <cell r="X232" t="str">
            <v/>
          </cell>
          <cell r="Y232" t="str">
            <v/>
          </cell>
          <cell r="Z232" t="str">
            <v/>
          </cell>
          <cell r="AA232" t="str">
            <v/>
          </cell>
          <cell r="AB232" t="str">
            <v/>
          </cell>
          <cell r="AC232" t="str">
            <v/>
          </cell>
          <cell r="AD232" t="str">
            <v/>
          </cell>
          <cell r="AE232" t="str">
            <v/>
          </cell>
          <cell r="AF232" t="str">
            <v/>
          </cell>
          <cell r="AG232" t="str">
            <v/>
          </cell>
          <cell r="AH232" t="str">
            <v/>
          </cell>
          <cell r="AI232" t="str">
            <v/>
          </cell>
          <cell r="AJ232" t="str">
            <v/>
          </cell>
          <cell r="AK232" t="str">
            <v/>
          </cell>
          <cell r="AL232" t="str">
            <v/>
          </cell>
          <cell r="AM232" t="str">
            <v/>
          </cell>
          <cell r="AN232" t="str">
            <v/>
          </cell>
          <cell r="AO232" t="str">
            <v/>
          </cell>
          <cell r="AP232" t="str">
            <v/>
          </cell>
          <cell r="AQ232" t="str">
            <v/>
          </cell>
          <cell r="AR232" t="str">
            <v/>
          </cell>
          <cell r="AS232" t="str">
            <v/>
          </cell>
          <cell r="AT232" t="str">
            <v/>
          </cell>
          <cell r="AU232" t="str">
            <v/>
          </cell>
          <cell r="AV232" t="str">
            <v/>
          </cell>
          <cell r="AW232" t="str">
            <v/>
          </cell>
          <cell r="AX232" t="str">
            <v/>
          </cell>
          <cell r="AY232" t="str">
            <v/>
          </cell>
          <cell r="AZ232" t="str">
            <v/>
          </cell>
          <cell r="BA232" t="str">
            <v/>
          </cell>
          <cell r="BB232" t="str">
            <v/>
          </cell>
          <cell r="BC232" t="str">
            <v/>
          </cell>
          <cell r="BD232" t="str">
            <v/>
          </cell>
          <cell r="BE232" t="str">
            <v/>
          </cell>
          <cell r="BF232" t="str">
            <v/>
          </cell>
          <cell r="BG232" t="str">
            <v/>
          </cell>
          <cell r="BH232" t="str">
            <v/>
          </cell>
          <cell r="BI232" t="str">
            <v/>
          </cell>
          <cell r="BJ232" t="str">
            <v/>
          </cell>
          <cell r="BK232" t="str">
            <v/>
          </cell>
          <cell r="BL232" t="str">
            <v/>
          </cell>
          <cell r="BM232" t="str">
            <v/>
          </cell>
          <cell r="BN232" t="str">
            <v/>
          </cell>
          <cell r="BO232" t="str">
            <v/>
          </cell>
          <cell r="BP232">
            <v>10175</v>
          </cell>
        </row>
        <row r="233">
          <cell r="E233">
            <v>229</v>
          </cell>
          <cell r="G233">
            <v>5</v>
          </cell>
          <cell r="H233">
            <v>44221</v>
          </cell>
          <cell r="I233" t="str">
            <v>第2.1(2)</v>
          </cell>
          <cell r="J233" t="str">
            <v>当該事業者の社員が、赤穂市が発注する浄水施設の整備工事を巡り、贈賄容疑で逮捕されたため。</v>
          </cell>
          <cell r="K233">
            <v>9</v>
          </cell>
          <cell r="L233" t="str">
            <v>森松工業(株)</v>
          </cell>
          <cell r="M233" t="str">
            <v/>
          </cell>
          <cell r="N233" t="str">
            <v/>
          </cell>
          <cell r="O233">
            <v>0</v>
          </cell>
          <cell r="P233">
            <v>0</v>
          </cell>
          <cell r="Q233">
            <v>1</v>
          </cell>
          <cell r="R233" t="str">
            <v>森松工業(株)</v>
          </cell>
          <cell r="S233" t="str">
            <v/>
          </cell>
          <cell r="T233" t="str">
            <v/>
          </cell>
          <cell r="U233" t="str">
            <v/>
          </cell>
          <cell r="V233" t="str">
            <v/>
          </cell>
          <cell r="W233" t="str">
            <v/>
          </cell>
          <cell r="X233" t="str">
            <v/>
          </cell>
          <cell r="Y233" t="str">
            <v/>
          </cell>
          <cell r="Z233" t="str">
            <v/>
          </cell>
          <cell r="AA233" t="str">
            <v/>
          </cell>
          <cell r="AB233" t="str">
            <v/>
          </cell>
          <cell r="AC233" t="str">
            <v/>
          </cell>
          <cell r="AD233" t="str">
            <v/>
          </cell>
          <cell r="AE233" t="str">
            <v/>
          </cell>
          <cell r="AF233" t="str">
            <v/>
          </cell>
          <cell r="AG233" t="str">
            <v/>
          </cell>
          <cell r="AH233" t="str">
            <v/>
          </cell>
          <cell r="AI233" t="str">
            <v/>
          </cell>
          <cell r="AJ233" t="str">
            <v/>
          </cell>
          <cell r="AK233" t="str">
            <v/>
          </cell>
          <cell r="AL233" t="str">
            <v/>
          </cell>
          <cell r="AM233" t="str">
            <v/>
          </cell>
          <cell r="AN233" t="str">
            <v/>
          </cell>
          <cell r="AO233" t="str">
            <v/>
          </cell>
          <cell r="AP233" t="str">
            <v/>
          </cell>
          <cell r="AQ233" t="str">
            <v/>
          </cell>
          <cell r="AR233" t="str">
            <v/>
          </cell>
          <cell r="AS233" t="str">
            <v/>
          </cell>
          <cell r="AT233" t="str">
            <v/>
          </cell>
          <cell r="AU233" t="str">
            <v/>
          </cell>
          <cell r="AV233" t="str">
            <v/>
          </cell>
          <cell r="AW233" t="str">
            <v/>
          </cell>
          <cell r="AX233" t="str">
            <v/>
          </cell>
          <cell r="AY233" t="str">
            <v/>
          </cell>
          <cell r="AZ233" t="str">
            <v/>
          </cell>
          <cell r="BA233" t="str">
            <v/>
          </cell>
          <cell r="BB233" t="str">
            <v/>
          </cell>
          <cell r="BC233" t="str">
            <v/>
          </cell>
          <cell r="BD233" t="str">
            <v/>
          </cell>
          <cell r="BE233" t="str">
            <v/>
          </cell>
          <cell r="BF233" t="str">
            <v/>
          </cell>
          <cell r="BG233" t="str">
            <v/>
          </cell>
          <cell r="BH233" t="str">
            <v/>
          </cell>
          <cell r="BI233" t="str">
            <v/>
          </cell>
          <cell r="BJ233" t="str">
            <v/>
          </cell>
          <cell r="BK233" t="str">
            <v/>
          </cell>
          <cell r="BL233" t="str">
            <v/>
          </cell>
          <cell r="BM233" t="str">
            <v/>
          </cell>
          <cell r="BN233" t="str">
            <v/>
          </cell>
          <cell r="BO233" t="str">
            <v/>
          </cell>
          <cell r="BP233">
            <v>4261</v>
          </cell>
        </row>
        <row r="234">
          <cell r="E234">
            <v>230</v>
          </cell>
          <cell r="G234">
            <v>6</v>
          </cell>
          <cell r="H234">
            <v>44222</v>
          </cell>
          <cell r="I234" t="str">
            <v>第2.7(4)②</v>
          </cell>
          <cell r="J234" t="str">
            <v>当該業者及び同業者の社員が、労働安全衛生法（昭和47年法律第57号）違反の容疑により書類送検されたため。</v>
          </cell>
          <cell r="K234">
            <v>2</v>
          </cell>
          <cell r="L234" t="str">
            <v>毎美エンジニアリング(株)</v>
          </cell>
          <cell r="M234" t="str">
            <v/>
          </cell>
          <cell r="N234" t="str">
            <v/>
          </cell>
          <cell r="O234">
            <v>0</v>
          </cell>
          <cell r="P234">
            <v>0</v>
          </cell>
          <cell r="Q234">
            <v>1</v>
          </cell>
          <cell r="R234" t="str">
            <v>毎美エンジニアリング(株)</v>
          </cell>
          <cell r="S234" t="str">
            <v/>
          </cell>
          <cell r="T234" t="str">
            <v/>
          </cell>
          <cell r="U234" t="str">
            <v/>
          </cell>
          <cell r="V234" t="str">
            <v/>
          </cell>
          <cell r="W234" t="str">
            <v/>
          </cell>
          <cell r="X234" t="str">
            <v/>
          </cell>
          <cell r="Y234" t="str">
            <v/>
          </cell>
          <cell r="Z234" t="str">
            <v/>
          </cell>
          <cell r="AA234" t="str">
            <v/>
          </cell>
          <cell r="AB234" t="str">
            <v/>
          </cell>
          <cell r="AC234" t="str">
            <v/>
          </cell>
          <cell r="AD234" t="str">
            <v/>
          </cell>
          <cell r="AE234" t="str">
            <v/>
          </cell>
          <cell r="AF234" t="str">
            <v/>
          </cell>
          <cell r="AG234" t="str">
            <v/>
          </cell>
          <cell r="AH234" t="str">
            <v/>
          </cell>
          <cell r="AI234" t="str">
            <v/>
          </cell>
          <cell r="AJ234" t="str">
            <v/>
          </cell>
          <cell r="AK234" t="str">
            <v/>
          </cell>
          <cell r="AL234" t="str">
            <v/>
          </cell>
          <cell r="AM234" t="str">
            <v/>
          </cell>
          <cell r="AN234" t="str">
            <v/>
          </cell>
          <cell r="AO234" t="str">
            <v/>
          </cell>
          <cell r="AP234" t="str">
            <v/>
          </cell>
          <cell r="AQ234" t="str">
            <v/>
          </cell>
          <cell r="AR234" t="str">
            <v/>
          </cell>
          <cell r="AS234" t="str">
            <v/>
          </cell>
          <cell r="AT234" t="str">
            <v/>
          </cell>
          <cell r="AU234" t="str">
            <v/>
          </cell>
          <cell r="AV234" t="str">
            <v/>
          </cell>
          <cell r="AW234" t="str">
            <v/>
          </cell>
          <cell r="AX234" t="str">
            <v/>
          </cell>
          <cell r="AY234" t="str">
            <v/>
          </cell>
          <cell r="AZ234" t="str">
            <v/>
          </cell>
          <cell r="BA234" t="str">
            <v/>
          </cell>
          <cell r="BB234" t="str">
            <v/>
          </cell>
          <cell r="BC234" t="str">
            <v/>
          </cell>
          <cell r="BD234" t="str">
            <v/>
          </cell>
          <cell r="BE234" t="str">
            <v/>
          </cell>
          <cell r="BF234" t="str">
            <v/>
          </cell>
          <cell r="BG234" t="str">
            <v/>
          </cell>
          <cell r="BH234" t="str">
            <v/>
          </cell>
          <cell r="BI234" t="str">
            <v/>
          </cell>
          <cell r="BJ234" t="str">
            <v/>
          </cell>
          <cell r="BK234" t="str">
            <v/>
          </cell>
          <cell r="BL234" t="str">
            <v/>
          </cell>
          <cell r="BM234" t="str">
            <v/>
          </cell>
          <cell r="BN234" t="str">
            <v/>
          </cell>
          <cell r="BO234" t="str">
            <v/>
          </cell>
          <cell r="BP234">
            <v>10414</v>
          </cell>
        </row>
        <row r="235">
          <cell r="E235">
            <v>231</v>
          </cell>
        </row>
        <row r="236">
          <cell r="E236">
            <v>232</v>
          </cell>
        </row>
        <row r="237">
          <cell r="E237">
            <v>233</v>
          </cell>
        </row>
        <row r="238">
          <cell r="E238">
            <v>234</v>
          </cell>
        </row>
        <row r="239">
          <cell r="E239">
            <v>235</v>
          </cell>
        </row>
        <row r="240">
          <cell r="E240">
            <v>236</v>
          </cell>
        </row>
        <row r="241">
          <cell r="E241">
            <v>237</v>
          </cell>
        </row>
        <row r="242">
          <cell r="E242">
            <v>238</v>
          </cell>
        </row>
        <row r="243">
          <cell r="E243">
            <v>239</v>
          </cell>
        </row>
        <row r="244">
          <cell r="E244">
            <v>240</v>
          </cell>
        </row>
        <row r="245">
          <cell r="E245">
            <v>241</v>
          </cell>
        </row>
        <row r="246">
          <cell r="E246">
            <v>242</v>
          </cell>
        </row>
        <row r="247">
          <cell r="E247">
            <v>243</v>
          </cell>
        </row>
        <row r="248">
          <cell r="E248">
            <v>244</v>
          </cell>
        </row>
        <row r="249">
          <cell r="E249">
            <v>245</v>
          </cell>
        </row>
        <row r="250">
          <cell r="E250">
            <v>246</v>
          </cell>
        </row>
        <row r="251">
          <cell r="E251">
            <v>247</v>
          </cell>
        </row>
        <row r="252">
          <cell r="E252">
            <v>248</v>
          </cell>
        </row>
        <row r="253">
          <cell r="E253">
            <v>249</v>
          </cell>
        </row>
        <row r="254">
          <cell r="E254">
            <v>250</v>
          </cell>
        </row>
        <row r="255">
          <cell r="E255">
            <v>251</v>
          </cell>
        </row>
        <row r="256">
          <cell r="E256">
            <v>252</v>
          </cell>
        </row>
        <row r="257">
          <cell r="E257">
            <v>253</v>
          </cell>
        </row>
        <row r="258">
          <cell r="E258">
            <v>254</v>
          </cell>
        </row>
        <row r="259">
          <cell r="E259">
            <v>255</v>
          </cell>
        </row>
        <row r="260">
          <cell r="E260">
            <v>256</v>
          </cell>
        </row>
        <row r="261">
          <cell r="E261">
            <v>257</v>
          </cell>
        </row>
        <row r="262">
          <cell r="E262">
            <v>258</v>
          </cell>
        </row>
        <row r="263">
          <cell r="E263">
            <v>259</v>
          </cell>
        </row>
        <row r="264">
          <cell r="E264">
            <v>260</v>
          </cell>
        </row>
        <row r="265">
          <cell r="E265">
            <v>261</v>
          </cell>
        </row>
        <row r="266">
          <cell r="E266">
            <v>262</v>
          </cell>
        </row>
        <row r="267">
          <cell r="E267">
            <v>263</v>
          </cell>
        </row>
        <row r="268">
          <cell r="E268">
            <v>264</v>
          </cell>
        </row>
        <row r="269">
          <cell r="E269">
            <v>265</v>
          </cell>
        </row>
        <row r="270">
          <cell r="E270">
            <v>266</v>
          </cell>
        </row>
        <row r="271">
          <cell r="E271">
            <v>267</v>
          </cell>
        </row>
        <row r="272">
          <cell r="E272">
            <v>268</v>
          </cell>
        </row>
        <row r="273">
          <cell r="E273">
            <v>269</v>
          </cell>
        </row>
        <row r="274">
          <cell r="E274">
            <v>270</v>
          </cell>
        </row>
        <row r="275">
          <cell r="E275">
            <v>271</v>
          </cell>
        </row>
        <row r="276">
          <cell r="E276">
            <v>272</v>
          </cell>
        </row>
        <row r="277">
          <cell r="E277">
            <v>273</v>
          </cell>
        </row>
        <row r="278">
          <cell r="E278">
            <v>274</v>
          </cell>
        </row>
        <row r="279">
          <cell r="E279">
            <v>275</v>
          </cell>
        </row>
        <row r="280">
          <cell r="E280">
            <v>276</v>
          </cell>
        </row>
        <row r="281">
          <cell r="E281">
            <v>277</v>
          </cell>
        </row>
        <row r="282">
          <cell r="E282">
            <v>278</v>
          </cell>
        </row>
        <row r="283">
          <cell r="E283">
            <v>279</v>
          </cell>
        </row>
        <row r="284">
          <cell r="E284">
            <v>280</v>
          </cell>
        </row>
        <row r="285">
          <cell r="E285">
            <v>281</v>
          </cell>
        </row>
        <row r="286">
          <cell r="E286">
            <v>282</v>
          </cell>
        </row>
        <row r="287">
          <cell r="E287">
            <v>283</v>
          </cell>
        </row>
        <row r="288">
          <cell r="E288">
            <v>284</v>
          </cell>
        </row>
        <row r="289">
          <cell r="E289">
            <v>285</v>
          </cell>
        </row>
        <row r="290">
          <cell r="E290">
            <v>286</v>
          </cell>
        </row>
        <row r="291">
          <cell r="E291">
            <v>287</v>
          </cell>
        </row>
        <row r="292">
          <cell r="E292">
            <v>288</v>
          </cell>
        </row>
        <row r="293">
          <cell r="E293">
            <v>289</v>
          </cell>
        </row>
        <row r="294">
          <cell r="E294">
            <v>290</v>
          </cell>
        </row>
        <row r="295">
          <cell r="E295">
            <v>291</v>
          </cell>
        </row>
        <row r="296">
          <cell r="E296">
            <v>292</v>
          </cell>
        </row>
        <row r="297">
          <cell r="E297">
            <v>293</v>
          </cell>
        </row>
        <row r="298">
          <cell r="E298">
            <v>294</v>
          </cell>
        </row>
        <row r="299">
          <cell r="E299">
            <v>295</v>
          </cell>
        </row>
        <row r="300">
          <cell r="E300">
            <v>296</v>
          </cell>
        </row>
        <row r="301">
          <cell r="E301">
            <v>297</v>
          </cell>
        </row>
        <row r="302">
          <cell r="E302">
            <v>298</v>
          </cell>
        </row>
        <row r="303">
          <cell r="E303">
            <v>299</v>
          </cell>
        </row>
        <row r="304">
          <cell r="E304">
            <v>300</v>
          </cell>
        </row>
        <row r="305">
          <cell r="E305">
            <v>301</v>
          </cell>
        </row>
        <row r="306">
          <cell r="E306">
            <v>302</v>
          </cell>
        </row>
        <row r="307">
          <cell r="E307">
            <v>303</v>
          </cell>
        </row>
        <row r="308">
          <cell r="E308">
            <v>304</v>
          </cell>
        </row>
        <row r="309">
          <cell r="E309">
            <v>305</v>
          </cell>
        </row>
        <row r="310">
          <cell r="E310">
            <v>306</v>
          </cell>
        </row>
        <row r="311">
          <cell r="E311">
            <v>307</v>
          </cell>
        </row>
        <row r="312">
          <cell r="E312">
            <v>308</v>
          </cell>
        </row>
        <row r="313">
          <cell r="E313">
            <v>309</v>
          </cell>
        </row>
        <row r="314">
          <cell r="E314">
            <v>310</v>
          </cell>
        </row>
        <row r="315">
          <cell r="E315">
            <v>311</v>
          </cell>
        </row>
        <row r="316">
          <cell r="E316">
            <v>312</v>
          </cell>
        </row>
        <row r="317">
          <cell r="E317">
            <v>313</v>
          </cell>
        </row>
        <row r="318">
          <cell r="E318">
            <v>314</v>
          </cell>
        </row>
        <row r="319">
          <cell r="E319">
            <v>315</v>
          </cell>
        </row>
        <row r="320">
          <cell r="E320">
            <v>316</v>
          </cell>
        </row>
        <row r="321">
          <cell r="E321">
            <v>317</v>
          </cell>
        </row>
        <row r="322">
          <cell r="E322">
            <v>318</v>
          </cell>
        </row>
        <row r="323">
          <cell r="E323">
            <v>319</v>
          </cell>
        </row>
        <row r="324">
          <cell r="E324">
            <v>320</v>
          </cell>
        </row>
        <row r="325">
          <cell r="E325">
            <v>321</v>
          </cell>
        </row>
        <row r="326">
          <cell r="E326">
            <v>322</v>
          </cell>
        </row>
        <row r="327">
          <cell r="E327">
            <v>323</v>
          </cell>
        </row>
        <row r="328">
          <cell r="E328">
            <v>324</v>
          </cell>
        </row>
        <row r="329">
          <cell r="E329">
            <v>325</v>
          </cell>
        </row>
        <row r="330">
          <cell r="E330">
            <v>326</v>
          </cell>
        </row>
        <row r="331">
          <cell r="E331">
            <v>327</v>
          </cell>
        </row>
        <row r="332">
          <cell r="E332">
            <v>328</v>
          </cell>
        </row>
        <row r="333">
          <cell r="E333">
            <v>329</v>
          </cell>
        </row>
        <row r="334">
          <cell r="E334">
            <v>330</v>
          </cell>
        </row>
        <row r="335">
          <cell r="E335">
            <v>331</v>
          </cell>
        </row>
        <row r="336">
          <cell r="E336">
            <v>332</v>
          </cell>
        </row>
        <row r="337">
          <cell r="E337">
            <v>333</v>
          </cell>
        </row>
        <row r="338">
          <cell r="E338">
            <v>334</v>
          </cell>
        </row>
        <row r="339">
          <cell r="E339">
            <v>335</v>
          </cell>
        </row>
        <row r="340">
          <cell r="E340">
            <v>336</v>
          </cell>
        </row>
        <row r="341">
          <cell r="E341">
            <v>337</v>
          </cell>
        </row>
        <row r="342">
          <cell r="E342">
            <v>338</v>
          </cell>
        </row>
        <row r="343">
          <cell r="E343">
            <v>339</v>
          </cell>
        </row>
        <row r="344">
          <cell r="E344">
            <v>340</v>
          </cell>
        </row>
        <row r="345">
          <cell r="E345">
            <v>341</v>
          </cell>
        </row>
        <row r="346">
          <cell r="E346">
            <v>342</v>
          </cell>
        </row>
        <row r="347">
          <cell r="E347">
            <v>343</v>
          </cell>
        </row>
        <row r="348">
          <cell r="E348">
            <v>344</v>
          </cell>
        </row>
        <row r="349">
          <cell r="E349">
            <v>345</v>
          </cell>
        </row>
        <row r="350">
          <cell r="E350">
            <v>346</v>
          </cell>
        </row>
        <row r="351">
          <cell r="E351">
            <v>347</v>
          </cell>
        </row>
        <row r="352">
          <cell r="E352">
            <v>348</v>
          </cell>
        </row>
        <row r="353">
          <cell r="E353">
            <v>349</v>
          </cell>
        </row>
        <row r="354">
          <cell r="E354">
            <v>350</v>
          </cell>
        </row>
        <row r="355">
          <cell r="E355">
            <v>351</v>
          </cell>
        </row>
        <row r="356">
          <cell r="E356">
            <v>352</v>
          </cell>
        </row>
        <row r="357">
          <cell r="E357">
            <v>353</v>
          </cell>
        </row>
        <row r="358">
          <cell r="E358">
            <v>354</v>
          </cell>
        </row>
        <row r="359">
          <cell r="E359">
            <v>355</v>
          </cell>
        </row>
        <row r="360">
          <cell r="E360">
            <v>356</v>
          </cell>
        </row>
        <row r="361">
          <cell r="E361">
            <v>357</v>
          </cell>
        </row>
        <row r="362">
          <cell r="E362">
            <v>358</v>
          </cell>
        </row>
        <row r="363">
          <cell r="E363">
            <v>359</v>
          </cell>
        </row>
        <row r="364">
          <cell r="E364">
            <v>360</v>
          </cell>
        </row>
        <row r="365">
          <cell r="E365">
            <v>361</v>
          </cell>
        </row>
        <row r="366">
          <cell r="E366">
            <v>362</v>
          </cell>
        </row>
        <row r="367">
          <cell r="E367">
            <v>363</v>
          </cell>
        </row>
        <row r="368">
          <cell r="E368">
            <v>364</v>
          </cell>
        </row>
        <row r="369">
          <cell r="E369">
            <v>365</v>
          </cell>
        </row>
        <row r="370">
          <cell r="E370">
            <v>366</v>
          </cell>
        </row>
        <row r="371">
          <cell r="E371">
            <v>367</v>
          </cell>
        </row>
        <row r="372">
          <cell r="E372">
            <v>368</v>
          </cell>
        </row>
        <row r="373">
          <cell r="E373">
            <v>369</v>
          </cell>
        </row>
        <row r="374">
          <cell r="E374">
            <v>370</v>
          </cell>
        </row>
        <row r="375">
          <cell r="E375">
            <v>371</v>
          </cell>
        </row>
        <row r="376">
          <cell r="E376">
            <v>372</v>
          </cell>
        </row>
        <row r="377">
          <cell r="E377">
            <v>373</v>
          </cell>
        </row>
        <row r="378">
          <cell r="E378">
            <v>374</v>
          </cell>
        </row>
        <row r="379">
          <cell r="E379">
            <v>375</v>
          </cell>
        </row>
        <row r="380">
          <cell r="E380">
            <v>376</v>
          </cell>
        </row>
        <row r="381">
          <cell r="E381">
            <v>377</v>
          </cell>
        </row>
        <row r="382">
          <cell r="E382">
            <v>378</v>
          </cell>
        </row>
        <row r="383">
          <cell r="E383">
            <v>379</v>
          </cell>
        </row>
        <row r="384">
          <cell r="E384">
            <v>380</v>
          </cell>
        </row>
        <row r="385">
          <cell r="E385">
            <v>381</v>
          </cell>
        </row>
        <row r="386">
          <cell r="E386">
            <v>382</v>
          </cell>
        </row>
        <row r="387">
          <cell r="E387">
            <v>383</v>
          </cell>
        </row>
        <row r="388">
          <cell r="E388">
            <v>384</v>
          </cell>
        </row>
        <row r="389">
          <cell r="E389">
            <v>385</v>
          </cell>
        </row>
        <row r="390">
          <cell r="E390">
            <v>386</v>
          </cell>
        </row>
        <row r="391">
          <cell r="E391">
            <v>387</v>
          </cell>
        </row>
        <row r="392">
          <cell r="E392">
            <v>388</v>
          </cell>
        </row>
        <row r="393">
          <cell r="E393">
            <v>389</v>
          </cell>
        </row>
        <row r="394">
          <cell r="E394">
            <v>390</v>
          </cell>
        </row>
        <row r="395">
          <cell r="E395">
            <v>391</v>
          </cell>
        </row>
        <row r="396">
          <cell r="E396">
            <v>392</v>
          </cell>
        </row>
        <row r="397">
          <cell r="E397">
            <v>393</v>
          </cell>
        </row>
        <row r="398">
          <cell r="E398">
            <v>394</v>
          </cell>
        </row>
        <row r="399">
          <cell r="E399">
            <v>395</v>
          </cell>
        </row>
        <row r="400">
          <cell r="E400">
            <v>396</v>
          </cell>
        </row>
        <row r="401">
          <cell r="E401">
            <v>397</v>
          </cell>
        </row>
        <row r="402">
          <cell r="E402">
            <v>398</v>
          </cell>
        </row>
        <row r="403">
          <cell r="E403">
            <v>399</v>
          </cell>
        </row>
        <row r="404">
          <cell r="E404">
            <v>400</v>
          </cell>
        </row>
        <row r="405">
          <cell r="E405">
            <v>401</v>
          </cell>
        </row>
        <row r="406">
          <cell r="E406">
            <v>402</v>
          </cell>
        </row>
        <row r="407">
          <cell r="E407">
            <v>403</v>
          </cell>
        </row>
        <row r="408">
          <cell r="E408">
            <v>404</v>
          </cell>
        </row>
        <row r="409">
          <cell r="E409">
            <v>405</v>
          </cell>
        </row>
        <row r="410">
          <cell r="E410">
            <v>406</v>
          </cell>
        </row>
        <row r="411">
          <cell r="E411">
            <v>407</v>
          </cell>
        </row>
        <row r="412">
          <cell r="E412">
            <v>408</v>
          </cell>
        </row>
        <row r="413">
          <cell r="E413">
            <v>409</v>
          </cell>
        </row>
        <row r="414">
          <cell r="E414">
            <v>410</v>
          </cell>
        </row>
        <row r="415">
          <cell r="E415">
            <v>411</v>
          </cell>
        </row>
        <row r="416">
          <cell r="E416">
            <v>412</v>
          </cell>
        </row>
        <row r="417">
          <cell r="E417">
            <v>413</v>
          </cell>
        </row>
        <row r="418">
          <cell r="E418">
            <v>414</v>
          </cell>
        </row>
        <row r="419">
          <cell r="E419">
            <v>415</v>
          </cell>
        </row>
        <row r="420">
          <cell r="E420">
            <v>416</v>
          </cell>
        </row>
        <row r="421">
          <cell r="E421">
            <v>417</v>
          </cell>
        </row>
        <row r="422">
          <cell r="E422">
            <v>418</v>
          </cell>
        </row>
        <row r="423">
          <cell r="E423">
            <v>419</v>
          </cell>
        </row>
        <row r="424">
          <cell r="E424">
            <v>420</v>
          </cell>
        </row>
        <row r="425">
          <cell r="E425">
            <v>421</v>
          </cell>
        </row>
        <row r="426">
          <cell r="E426">
            <v>422</v>
          </cell>
        </row>
        <row r="427">
          <cell r="E427">
            <v>423</v>
          </cell>
        </row>
        <row r="428">
          <cell r="E428">
            <v>424</v>
          </cell>
        </row>
        <row r="429">
          <cell r="E429">
            <v>425</v>
          </cell>
        </row>
        <row r="430">
          <cell r="E430">
            <v>426</v>
          </cell>
        </row>
        <row r="431">
          <cell r="E431">
            <v>427</v>
          </cell>
        </row>
        <row r="432">
          <cell r="E432">
            <v>428</v>
          </cell>
        </row>
        <row r="433">
          <cell r="E433">
            <v>429</v>
          </cell>
        </row>
        <row r="434">
          <cell r="E434">
            <v>430</v>
          </cell>
        </row>
        <row r="435">
          <cell r="E435">
            <v>431</v>
          </cell>
        </row>
        <row r="436">
          <cell r="E436">
            <v>432</v>
          </cell>
        </row>
        <row r="437">
          <cell r="E437">
            <v>433</v>
          </cell>
        </row>
        <row r="438">
          <cell r="E438">
            <v>434</v>
          </cell>
        </row>
        <row r="439">
          <cell r="E439">
            <v>435</v>
          </cell>
        </row>
        <row r="440">
          <cell r="E440">
            <v>436</v>
          </cell>
        </row>
        <row r="441">
          <cell r="E441">
            <v>437</v>
          </cell>
        </row>
        <row r="442">
          <cell r="E442">
            <v>438</v>
          </cell>
        </row>
        <row r="443">
          <cell r="E443">
            <v>439</v>
          </cell>
        </row>
        <row r="444">
          <cell r="E444">
            <v>440</v>
          </cell>
        </row>
        <row r="445">
          <cell r="E445">
            <v>441</v>
          </cell>
        </row>
        <row r="446">
          <cell r="E446">
            <v>442</v>
          </cell>
        </row>
        <row r="447">
          <cell r="E447">
            <v>443</v>
          </cell>
        </row>
        <row r="448">
          <cell r="E448">
            <v>444</v>
          </cell>
        </row>
        <row r="449">
          <cell r="E449">
            <v>445</v>
          </cell>
        </row>
        <row r="450">
          <cell r="E450">
            <v>446</v>
          </cell>
        </row>
        <row r="451">
          <cell r="E451">
            <v>447</v>
          </cell>
        </row>
        <row r="452">
          <cell r="E452">
            <v>448</v>
          </cell>
        </row>
        <row r="453">
          <cell r="E453">
            <v>449</v>
          </cell>
        </row>
        <row r="454">
          <cell r="E454">
            <v>450</v>
          </cell>
        </row>
        <row r="455">
          <cell r="E455">
            <v>451</v>
          </cell>
        </row>
        <row r="456">
          <cell r="E456">
            <v>452</v>
          </cell>
        </row>
        <row r="457">
          <cell r="E457">
            <v>453</v>
          </cell>
        </row>
        <row r="458">
          <cell r="E458">
            <v>454</v>
          </cell>
        </row>
        <row r="459">
          <cell r="E459">
            <v>455</v>
          </cell>
        </row>
        <row r="460">
          <cell r="E460">
            <v>456</v>
          </cell>
        </row>
        <row r="461">
          <cell r="E461">
            <v>457</v>
          </cell>
        </row>
        <row r="462">
          <cell r="E462">
            <v>458</v>
          </cell>
        </row>
        <row r="463">
          <cell r="E463">
            <v>459</v>
          </cell>
        </row>
        <row r="464">
          <cell r="E464">
            <v>460</v>
          </cell>
        </row>
        <row r="465">
          <cell r="E465">
            <v>461</v>
          </cell>
        </row>
        <row r="466">
          <cell r="E466">
            <v>462</v>
          </cell>
        </row>
        <row r="467">
          <cell r="E467">
            <v>463</v>
          </cell>
        </row>
        <row r="468">
          <cell r="E468">
            <v>464</v>
          </cell>
        </row>
        <row r="469">
          <cell r="E469">
            <v>465</v>
          </cell>
        </row>
        <row r="470">
          <cell r="E470">
            <v>466</v>
          </cell>
        </row>
        <row r="471">
          <cell r="E471">
            <v>467</v>
          </cell>
        </row>
        <row r="472">
          <cell r="E472">
            <v>468</v>
          </cell>
        </row>
        <row r="473">
          <cell r="E473">
            <v>469</v>
          </cell>
        </row>
        <row r="474">
          <cell r="E474">
            <v>470</v>
          </cell>
        </row>
        <row r="475">
          <cell r="E475">
            <v>471</v>
          </cell>
        </row>
        <row r="476">
          <cell r="E476">
            <v>472</v>
          </cell>
        </row>
        <row r="477">
          <cell r="E477">
            <v>473</v>
          </cell>
        </row>
        <row r="478">
          <cell r="E478">
            <v>474</v>
          </cell>
        </row>
        <row r="479">
          <cell r="E479">
            <v>475</v>
          </cell>
        </row>
        <row r="480">
          <cell r="E480">
            <v>476</v>
          </cell>
        </row>
        <row r="481">
          <cell r="E481">
            <v>477</v>
          </cell>
        </row>
        <row r="482">
          <cell r="E482">
            <v>478</v>
          </cell>
        </row>
        <row r="483">
          <cell r="E483">
            <v>479</v>
          </cell>
        </row>
        <row r="484">
          <cell r="E484">
            <v>480</v>
          </cell>
        </row>
        <row r="485">
          <cell r="E485">
            <v>481</v>
          </cell>
        </row>
        <row r="486">
          <cell r="E486">
            <v>482</v>
          </cell>
        </row>
        <row r="487">
          <cell r="E487">
            <v>483</v>
          </cell>
        </row>
        <row r="488">
          <cell r="E488">
            <v>484</v>
          </cell>
        </row>
        <row r="489">
          <cell r="E489">
            <v>485</v>
          </cell>
        </row>
        <row r="490">
          <cell r="E490">
            <v>486</v>
          </cell>
        </row>
        <row r="491">
          <cell r="E491">
            <v>487</v>
          </cell>
        </row>
        <row r="492">
          <cell r="E492">
            <v>488</v>
          </cell>
        </row>
        <row r="493">
          <cell r="E493">
            <v>489</v>
          </cell>
        </row>
        <row r="494">
          <cell r="E494">
            <v>490</v>
          </cell>
        </row>
        <row r="495">
          <cell r="E495">
            <v>491</v>
          </cell>
        </row>
        <row r="496">
          <cell r="E496">
            <v>492</v>
          </cell>
        </row>
        <row r="497">
          <cell r="E497">
            <v>493</v>
          </cell>
        </row>
        <row r="498">
          <cell r="E498">
            <v>494</v>
          </cell>
        </row>
        <row r="499">
          <cell r="E499">
            <v>495</v>
          </cell>
        </row>
        <row r="500">
          <cell r="E500">
            <v>496</v>
          </cell>
        </row>
        <row r="501">
          <cell r="E501">
            <v>497</v>
          </cell>
        </row>
        <row r="502">
          <cell r="E502">
            <v>498</v>
          </cell>
        </row>
        <row r="503">
          <cell r="E503">
            <v>499</v>
          </cell>
        </row>
      </sheetData>
      <sheetData sheetId="55"/>
      <sheetData sheetId="56">
        <row r="6">
          <cell r="O6" t="str">
            <v>第1.1</v>
          </cell>
          <cell r="P6" t="str">
            <v>＊　別表第１・１　（虚偽記載）
１　市が発注する工事等の契約に係る一般競争入札及び指名競争入札において、競争入札
　参加資格審査申請書、資格確認資料その他の入札前の調査資料に虚偽の記載をし、工事
　等の契約の相手方として不適当であると認められるとき。
　当該認定をした日から６カ月</v>
          </cell>
          <cell r="Q6" t="str">
            <v>虚偽記載</v>
          </cell>
          <cell r="R6" t="str">
            <v>６カ月</v>
          </cell>
          <cell r="S6">
            <v>6</v>
          </cell>
          <cell r="U6" t="str">
            <v>第1.1</v>
          </cell>
          <cell r="V6" t="str">
            <v>＊　別表第１・１　（虚偽記載）
１　市が発注する工事等の契約に係る一般競争入札及び指名競争入札において、競争入札
　参加資格審査申請書、資格確認資料その他の入札前の調査資料に虚偽の記載をし、工事
　等の契約の相手方として不適当であると認められるとき。
　当該認定をした日から６カ月</v>
          </cell>
          <cell r="W6" t="str">
            <v>虚偽記載</v>
          </cell>
          <cell r="X6" t="str">
            <v>６カ月</v>
          </cell>
          <cell r="Y6">
            <v>6</v>
          </cell>
          <cell r="AA6" t="str">
            <v>第1.1</v>
          </cell>
          <cell r="AB6" t="str">
            <v>【旧指名停止基準】
＊　別表第１・１　（虚偽記載）
１　市の発注する工事等の契約に係る一般競争及び指名競争において，競争参加資格審査申請書，競争参加資格審査資料及びその他の入札前の調査資料に虚偽の記載をし，工事等の契約の相手方として不適当であると認められるとき。　６カ月</v>
          </cell>
          <cell r="AC6" t="str">
            <v>虚偽記載</v>
          </cell>
          <cell r="AD6" t="str">
            <v>６カ月間</v>
          </cell>
          <cell r="AE6">
            <v>6</v>
          </cell>
        </row>
        <row r="7">
          <cell r="O7" t="str">
            <v>第1.10</v>
          </cell>
          <cell r="P7" t="str">
            <v>＊　別表第１・１０　（安全管理措置の不適切により生じた工事等関係者事故）
10　近畿内の公共工事等の施工等に当たり、安全管理の措置が不適切であったため、工事
　等関係者に多数の死亡者を出し、当該事故が重大であると認められるとき。
　当該認定をした日から１カ月</v>
          </cell>
          <cell r="Q7" t="str">
            <v>安全管理措置の不適切により生じた工事等関係者事故</v>
          </cell>
          <cell r="R7" t="str">
            <v>１カ月</v>
          </cell>
          <cell r="S7">
            <v>1</v>
          </cell>
          <cell r="U7" t="str">
            <v>第1.10</v>
          </cell>
          <cell r="V7" t="str">
            <v>＊　別表第１・１０　（安全管理措置の不適切により生じた工事等関係者事故）
10　近畿内の公共工事等の施工等に当たり、安全管理の措置が不適切であったため、工事
　等関係者に多数の死亡者を出し、当該事故が重大であると認められるとき。
　当該認定をした日から１カ月</v>
          </cell>
          <cell r="W7" t="str">
            <v>安全管理措置の不適切により生じた工事等関係者事故</v>
          </cell>
          <cell r="X7" t="str">
            <v>１カ月</v>
          </cell>
          <cell r="Y7">
            <v>1</v>
          </cell>
          <cell r="AA7" t="str">
            <v>第1.2(1)ｱ</v>
          </cell>
          <cell r="AB7" t="str">
            <v>【旧指名停止基準】
＊　別表第１・２（１）ア　（過失による粗雑工事等）
２　工事等の施工等に当たり，過失により工事等を粗雑にしたと認められるとき。（かしが軽微であると認められるときを除く。）
(1) 会計検査院又は監査委員に文書指摘されたとき。　ア　市発注工事等　３カ月</v>
          </cell>
          <cell r="AC7" t="str">
            <v>粗雑工事</v>
          </cell>
          <cell r="AD7" t="str">
            <v>３カ月間</v>
          </cell>
          <cell r="AE7">
            <v>3</v>
          </cell>
        </row>
        <row r="8">
          <cell r="O8" t="str">
            <v>第1.2(1)</v>
          </cell>
          <cell r="P8" t="str">
            <v>＊　別表第１・２（１）　（過失による粗雑工事等）
２　市が発注する工事等の施工等に当たり、過失により工事等を粗雑にしたと認められる
　とき。（かしが軽微であると認められるときを除く。）
⑴　会計検査院又は監査委員に文書指摘されたとき。
　当該認定をした日から３カ月</v>
          </cell>
          <cell r="Q8" t="str">
            <v>過失による粗雑工事等</v>
          </cell>
          <cell r="R8" t="str">
            <v>３カ月</v>
          </cell>
          <cell r="S8">
            <v>3</v>
          </cell>
          <cell r="U8" t="str">
            <v>第1.2(1)</v>
          </cell>
          <cell r="V8" t="str">
            <v>＊　別表第１・２（１）　（過失による粗雑工事等）
２　市が発注する工事等の施工等に当たり、過失により工事等を粗雑にしたと認められる
　とき。（かしが軽微であると認められるときを除く。）
⑴　会計検査院又は監査委員に文書指摘されたとき。
　当該認定をした日から３カ月</v>
          </cell>
          <cell r="W8" t="str">
            <v>過失による粗雑工事等</v>
          </cell>
          <cell r="X8" t="str">
            <v>３カ月</v>
          </cell>
          <cell r="Y8">
            <v>3</v>
          </cell>
          <cell r="AA8" t="str">
            <v>第1.2(1)ｲ</v>
          </cell>
          <cell r="AB8" t="str">
            <v>【旧指名停止基準】
＊　別表第１・２（１）イ　（過失による粗雑工事等）
２　工事等の施工等に当たり，過失により工事等を粗雑にしたと認められるとき。（かしが軽微であると認められるときを除く。）
(1) 会計検査院又は監査委員に文書指摘されたとき。　イ　市発注以外の県内公共工事等　２カ月</v>
          </cell>
          <cell r="AC8" t="str">
            <v>粗雑工事</v>
          </cell>
          <cell r="AD8" t="str">
            <v>２カ月間</v>
          </cell>
          <cell r="AE8">
            <v>2</v>
          </cell>
        </row>
        <row r="9">
          <cell r="O9" t="str">
            <v>第1.2(2)</v>
          </cell>
          <cell r="P9" t="str">
            <v>＊　別表第１・２（２）　（過失による粗雑工事等）
２　市が発注する工事等の施工等に当たり、過失により工事等を粗雑にしたと認められる
　とき。（かしが軽微であると認められるときを除く。）
⑵　会計検査院又は監査委員に指摘され議会に報告されたとき（注３）。
　当該認定をした日から３カ月
（注３）会計検査院又は監査委員に文書で指摘された後に､議会に報告された場合は､別件
　として指名停止を行う。</v>
          </cell>
          <cell r="Q9" t="str">
            <v>過失による粗雑工事等</v>
          </cell>
          <cell r="R9" t="str">
            <v>３カ月</v>
          </cell>
          <cell r="S9">
            <v>3</v>
          </cell>
          <cell r="U9" t="str">
            <v>第1.2(2)</v>
          </cell>
          <cell r="V9" t="str">
            <v>＊　別表第１・２（２）　（過失による粗雑工事等）
２　市が発注する工事等の施工等に当たり、過失により工事等を粗雑にしたと認められる
　とき。（かしが軽微であると認められるときを除く。）
⑵　会計検査院又は監査委員に指摘され議会に報告されたとき（注３）。
　当該認定をした日から３カ月
（注３）会計検査院又は監査委員に文書で指摘された後に､議会に報告された場合は､別件
　として指名停止を行う。</v>
          </cell>
          <cell r="W9" t="str">
            <v>過失による粗雑工事等</v>
          </cell>
          <cell r="X9" t="str">
            <v>３カ月</v>
          </cell>
          <cell r="Y9">
            <v>3</v>
          </cell>
          <cell r="AA9" t="str">
            <v>第1.2(2)ｱ</v>
          </cell>
          <cell r="AB9" t="str">
            <v>【旧指名停止基準】
＊　別表第１・２（２）ア　（過失による粗雑工事等）
２　工事等の施工等に当たり，過失により工事等を粗雑にしたと認められるとき。（かしが軽微であると認められるときを除く。）
(2) 会計検査院に指摘され国会報告されたとき，又は監査委員に指摘され議会に報告されたとき。
ア　市発注工事等　３カ月</v>
          </cell>
          <cell r="AC9" t="str">
            <v>粗雑工事</v>
          </cell>
          <cell r="AD9" t="str">
            <v>３カ月間</v>
          </cell>
          <cell r="AE9">
            <v>3</v>
          </cell>
        </row>
        <row r="10">
          <cell r="O10" t="str">
            <v>第1.2(3)</v>
          </cell>
          <cell r="P10" t="str">
            <v>＊　別表第１・２（３）　（過失による粗雑工事等）
２　市が発注する工事等の施工等に当たり、過失により工事等を粗雑にしたと認められる
　とき。（かしが軽微であると認められるときを除く。）
⑶　工事成績が不良なとき。
　当該認定をした日から１カ月</v>
          </cell>
          <cell r="Q10" t="str">
            <v>過失による粗雑工事等</v>
          </cell>
          <cell r="R10" t="str">
            <v>１カ月</v>
          </cell>
          <cell r="S10">
            <v>1</v>
          </cell>
          <cell r="U10" t="str">
            <v>第1.2(3)</v>
          </cell>
          <cell r="V10" t="str">
            <v>＊　別表第１・２（３）　（過失による粗雑工事等）
２　市が発注する工事等の施工等に当たり、過失により工事等を粗雑にしたと認められる
　とき。（かしが軽微であると認められるときを除く。）
⑶　工事成績が不良なとき。
　当該認定をした日から１カ月</v>
          </cell>
          <cell r="W10" t="str">
            <v>過失による粗雑工事等</v>
          </cell>
          <cell r="X10" t="str">
            <v>１カ月</v>
          </cell>
          <cell r="Y10">
            <v>1</v>
          </cell>
          <cell r="AA10" t="str">
            <v>第1.2(2)ｲ</v>
          </cell>
          <cell r="AB10" t="str">
            <v>【旧指名停止基準】
＊　別表第１・２（２）イ　（過失による粗雑工事等）
２　工事等の施工等に当たり，過失により工事等を粗雑にしたと認められるとき。（かしが軽微であると認められるときを除く。）
(2) 会計検査院に指摘され国会報告されたとき，又は監査委員に指摘され議会に報告されたとき。
イ  市発注以外の県内公共工事等　２カ月</v>
          </cell>
          <cell r="AC10" t="str">
            <v>粗雑工事</v>
          </cell>
          <cell r="AD10" t="str">
            <v>２カ月間</v>
          </cell>
          <cell r="AE10">
            <v>2</v>
          </cell>
        </row>
        <row r="11">
          <cell r="O11" t="str">
            <v>第1.3(1)</v>
          </cell>
          <cell r="P11" t="str">
            <v>＊　別表第１・３（１）　（過失による粗雑工事等）
３　市が発注する工事等以外の県内（兵庫県内をいう。以下同じ。）公共工事等（注４）
　の施工等に当たり、過失により工事等を粗雑にしたと認められるとき。
⑴　会計検査院又は監査委員に文書指摘されたとき。
　当該認定をした日から２カ月
(注４)公共工事等とは､国､地方公共団体及びこれらの外郭団体の発注する工事等をいう。</v>
          </cell>
          <cell r="Q11" t="str">
            <v>過失による粗雑工事等</v>
          </cell>
          <cell r="R11" t="str">
            <v>２カ月</v>
          </cell>
          <cell r="S11">
            <v>2</v>
          </cell>
          <cell r="U11" t="str">
            <v>第1.3(1)</v>
          </cell>
          <cell r="V11" t="str">
            <v>＊　別表第１・３（１）　（過失による粗雑工事等）
３　市が発注する工事等以外の県内（兵庫県内をいう。以下同じ。）公共工事等（注４）
　の施工等に当たり、過失により工事等を粗雑にしたと認められるとき。
⑴　会計検査院又は監査委員に文書指摘されたとき。
　当該認定をした日から２カ月
(注４)公共工事等とは､国､地方公共団体及びこれらの外郭団体の発注する工事等をいう。</v>
          </cell>
          <cell r="W11" t="str">
            <v>過失による粗雑工事等</v>
          </cell>
          <cell r="X11" t="str">
            <v>２カ月</v>
          </cell>
          <cell r="Y11">
            <v>2</v>
          </cell>
          <cell r="AA11" t="str">
            <v>第1.2(3)</v>
          </cell>
          <cell r="AB11" t="str">
            <v>【旧指名停止基準】
＊　別表第１・２（３）　（過失による粗雑工事等）
２　工事等の施工等に当たり，過失により工事等を粗雑にしたと認められるとき。（かしが軽微であると認められるときを除く。）
(3) 工事成績が不良なとき。　１カ月</v>
          </cell>
          <cell r="AC11" t="str">
            <v>粗雑工事</v>
          </cell>
          <cell r="AD11" t="str">
            <v>１カ月間</v>
          </cell>
          <cell r="AE11">
            <v>1</v>
          </cell>
        </row>
        <row r="12">
          <cell r="O12" t="str">
            <v>第1.3(2)</v>
          </cell>
          <cell r="P12" t="str">
            <v>＊　別表第１・３（２）　（過失による粗雑工事等）
３　市が発注する工事等以外の県内（兵庫県内をいう。以下同じ。）公共工事等（注４）
　の施工等に当たり、過失により工事等を粗雑にしたと認められるとき。
⑵　会計検査院又は監査委員に指摘され、議会に報告されたとき。
　当該認定をした日から２カ月
(注４)公共工事等とは､国､地方公共団体及びこれらの外郭団体の発注する工事等をいう。</v>
          </cell>
          <cell r="Q12" t="str">
            <v>過失による粗雑工事等</v>
          </cell>
          <cell r="R12" t="str">
            <v>２カ月</v>
          </cell>
          <cell r="S12">
            <v>2</v>
          </cell>
          <cell r="U12" t="str">
            <v>第1.3(2)</v>
          </cell>
          <cell r="V12" t="str">
            <v>＊　別表第１・３（２）　（過失による粗雑工事等）
３　市が発注する工事等以外の県内（兵庫県内をいう。以下同じ。）公共工事等（注４）
　の施工等に当たり、過失により工事等を粗雑にしたと認められるとき。
⑵　会計検査院又は監査委員に指摘され、議会に報告されたとき。
　当該認定をした日から２カ月
(注４)公共工事等とは､国､地方公共団体及びこれらの外郭団体の発注する工事等をいう。</v>
          </cell>
          <cell r="W12" t="str">
            <v>過失による粗雑工事等</v>
          </cell>
          <cell r="X12" t="str">
            <v>２カ月</v>
          </cell>
          <cell r="Y12">
            <v>2</v>
          </cell>
          <cell r="AA12" t="str">
            <v>第1.3(1)</v>
          </cell>
          <cell r="AB12" t="str">
            <v>【旧指名停止基準】
＊　別表第１・３（１）　（契約違反）
３　市発注工事等の施工等に当たり，第２号に掲げる場合のほか，契約に違反し工事等の契約の相手方として不適当であると認められるとき。
(1) ２カ月以上の履行遅滞があったとき。　３カ月</v>
          </cell>
          <cell r="AC12" t="str">
            <v>契約違反</v>
          </cell>
          <cell r="AD12" t="str">
            <v>３カ月間</v>
          </cell>
          <cell r="AE12">
            <v>3</v>
          </cell>
        </row>
        <row r="13">
          <cell r="O13" t="str">
            <v>第1.4(1)</v>
          </cell>
          <cell r="P13" t="str">
            <v>＊　別表第１・４（１）　（契約違反）
４　市が発注する工事等の施工等に当たり、第２号に掲げる場合のほか、契約に違反し工
　事等の契約の相手方として不適当であると認められるとき。
⑴　２カ月以上の履行遅滞があったとき。
　当該認定をした日から３カ月</v>
          </cell>
          <cell r="Q13" t="str">
            <v>契約違反</v>
          </cell>
          <cell r="R13" t="str">
            <v>３カ月</v>
          </cell>
          <cell r="S13">
            <v>3</v>
          </cell>
          <cell r="U13" t="str">
            <v>第1.4</v>
          </cell>
          <cell r="V13" t="str">
            <v>＊　別表第１・４　（工事成績不良）
４　市が発注する建設工事に係る工事成績評定点が５５点未満のとき。
　当該認定をした日から２カ月</v>
          </cell>
          <cell r="W13" t="str">
            <v>契約違反</v>
          </cell>
          <cell r="X13" t="str">
            <v>３カ月</v>
          </cell>
          <cell r="Y13">
            <v>3</v>
          </cell>
          <cell r="AA13" t="str">
            <v>第1.3(2)</v>
          </cell>
          <cell r="AB13" t="str">
            <v>【旧指名停止基準】
＊　別表第１・３（２）　（契約違反）
３　市発注工事等の施工等に当たり，第２号に掲げる場合のほか，契約に違反し工事等の契約の相手方として不適当であると認められるとき。
(2) １カ月以上２カ月未満の履行遅滞があったとき。　２カ月</v>
          </cell>
          <cell r="AC13" t="str">
            <v>契約違反</v>
          </cell>
          <cell r="AD13" t="str">
            <v>２カ月間</v>
          </cell>
          <cell r="AE13">
            <v>2</v>
          </cell>
        </row>
        <row r="14">
          <cell r="O14" t="str">
            <v>第1.4(2)</v>
          </cell>
          <cell r="P14" t="str">
            <v>＊　別表第１・４（２）　（契約違反）
４　市が発注する工事等の施工等に当たり、第２号に掲げる場合のほか、契約に違反し工
　事等の契約の相手方として不適当であると認められるとき。
⑵　１カ月以上２カ月未満の履行遅滞があったとき。
　当該認定をした日から２カ月</v>
          </cell>
          <cell r="Q14" t="str">
            <v>契約違反</v>
          </cell>
          <cell r="R14" t="str">
            <v>２カ月</v>
          </cell>
          <cell r="S14">
            <v>2</v>
          </cell>
          <cell r="U14" t="str">
            <v>第1.5(1)</v>
          </cell>
          <cell r="V14" t="str">
            <v>＊　別表第１・４　（工事成績不良）
４　市が発注する建設工事に係る工事成績評定点が５５点未満のとき。
　当該認定をした日から２カ月</v>
          </cell>
          <cell r="W14" t="str">
            <v>契約違反</v>
          </cell>
          <cell r="X14" t="str">
            <v>３カ月</v>
          </cell>
          <cell r="Y14">
            <v>3</v>
          </cell>
          <cell r="AA14" t="str">
            <v>第1.3(3)</v>
          </cell>
          <cell r="AB14" t="str">
            <v>【旧指名停止基準】
＊　別表第１・３（３）　（契約違反）
３　市発注工事等の施工等に当たり，第２号に掲げる場合のほか，契約に違反し工事等の契約の相手方として不適当であると認められるとき。
(3) １カ月未満の履行遅滞があったとき。　１カ月</v>
          </cell>
          <cell r="AC14" t="str">
            <v>契約違反</v>
          </cell>
          <cell r="AD14" t="str">
            <v>１カ月間</v>
          </cell>
          <cell r="AE14">
            <v>1</v>
          </cell>
        </row>
        <row r="15">
          <cell r="O15" t="str">
            <v>第1.4(3)</v>
          </cell>
          <cell r="P15" t="str">
            <v>＊　別表第１・４（３）　（契約違反）
４　市が発注する工事等の施工等に当たり、第２号に掲げる場合のほか、契約に違反し工
　事等の契約の相手方として不適当であると認められるとき。
⑶　１カ月未満の履行遅滞があったとき。
　当該認定をした日から１カ月</v>
          </cell>
          <cell r="Q15" t="str">
            <v>契約違反</v>
          </cell>
          <cell r="R15" t="str">
            <v>１カ月</v>
          </cell>
          <cell r="S15">
            <v>1</v>
          </cell>
          <cell r="U15" t="str">
            <v>第1.5(2)</v>
          </cell>
          <cell r="V15" t="str">
            <v>＊　別表第１・４（２）　（契約違反）
４　市が発注する工事等の施工等に当たり、第２号に掲げる場合のほか、契約に違反し工
　事等の契約の相手方として不適当であると認められるとき。
⑵　１カ月以上２カ月未満の履行遅滞があったとき。
　当該認定をした日から２カ月</v>
          </cell>
          <cell r="W15" t="str">
            <v>契約違反</v>
          </cell>
          <cell r="X15" t="str">
            <v>２カ月</v>
          </cell>
          <cell r="Y15">
            <v>2</v>
          </cell>
          <cell r="AA15" t="str">
            <v>第1.3(4)ｱ</v>
          </cell>
          <cell r="AB15" t="str">
            <v>【旧指名停止基準】
＊　別表第１・３（４）ア　（契約違反）
３　市発注工事等の施工等に当たり，第２号に掲げる場合のほか，契約に違反し工事等の契約の相手方として不適当であると認められるとき。
(4) 工事の施工管理が不良で，再三指摘しても改善しないとき。
ア　公害及び危険防止対策が不良のとき。　３カ月</v>
          </cell>
          <cell r="AC15" t="str">
            <v>契約違反</v>
          </cell>
          <cell r="AD15" t="str">
            <v>３カ月間</v>
          </cell>
          <cell r="AE15">
            <v>3</v>
          </cell>
        </row>
        <row r="16">
          <cell r="O16" t="str">
            <v>第1.4(4)①</v>
          </cell>
          <cell r="P16" t="str">
            <v>＊　別表第１・４（４）①　（契約違反）
４　市が発注する工事等の施工等に当たり、第２号に掲げる場合のほか、契約に違反し工
　事等の契約の相手方として不適当であると認められるとき。
⑷　工事等の施工管理が不良で再三指摘しても改善しないとき。
①公害及び危険防止対策が不良のとき。
　当該認定をした日から３カ月</v>
          </cell>
          <cell r="Q16" t="str">
            <v>契約違反</v>
          </cell>
          <cell r="R16" t="str">
            <v>３カ月</v>
          </cell>
          <cell r="S16">
            <v>3</v>
          </cell>
          <cell r="U16" t="str">
            <v>第1.5(3)</v>
          </cell>
          <cell r="V16" t="str">
            <v>＊　別表第１・４（３）　（契約違反）
４　市が発注する工事等の施工等に当たり、第２号に掲げる場合のほか、契約に違反し工
　事等の契約の相手方として不適当であると認められるとき。
⑶　１カ月未満の履行遅滞があったとき。
　当該認定をした日から１カ月</v>
          </cell>
          <cell r="W16" t="str">
            <v>契約違反</v>
          </cell>
          <cell r="X16" t="str">
            <v>１カ月</v>
          </cell>
          <cell r="Y16">
            <v>1</v>
          </cell>
          <cell r="AA16" t="str">
            <v>第1.3(4)ｲ</v>
          </cell>
          <cell r="AB16" t="str">
            <v>【旧指名停止基準】
＊　別表第１・３（４）イ　（契約違反）
３　市発注工事等の施工等に当たり，第２号に掲げる場合のほか，契約に違反し工事等の契約の相手方として不適当であると認められるとき。　(4) 工事の施工管理が不良で，再三指摘しても改善しないとき。
イ　工程管理，資材管理若しくは労務管理が不良であるとき，又は監督員若しくは検査員の指示に従わないとき。　１カ月</v>
          </cell>
          <cell r="AC16" t="str">
            <v>契約違反</v>
          </cell>
          <cell r="AD16" t="str">
            <v>１カ月間</v>
          </cell>
          <cell r="AE16">
            <v>1</v>
          </cell>
        </row>
        <row r="17">
          <cell r="O17" t="str">
            <v>第1.4(4)②</v>
          </cell>
          <cell r="P17" t="str">
            <v>＊　別表第１・４（４）②　（契約違反）
４　市が発注する工事等の施工等に当たり、第２号に掲げる場合のほか、契約に違反し工
　事等の契約の相手方として不適当であると認められるとき。
⑷　工事等の施工管理が不良で再三指摘しても改善しないとき。
②工程管理、資材管理若しくは労務管理が不良であるとき、又は監督員若しくは検査員の
　指示に従わないとき。
　当該認定をした日から１カ月</v>
          </cell>
          <cell r="Q17" t="str">
            <v>契約違反</v>
          </cell>
          <cell r="R17" t="str">
            <v>１カ月</v>
          </cell>
          <cell r="S17">
            <v>1</v>
          </cell>
          <cell r="U17" t="str">
            <v>第1.5(4)①</v>
          </cell>
          <cell r="V17" t="str">
            <v>＊　別表第１・４（４）①　（契約違反）
４　市が発注する工事等の施工等に当たり、第２号に掲げる場合のほか、契約に違反し工
　事等の契約の相手方として不適当であると認められるとき。
⑷　工事等の施工管理が不良で再三指摘しても改善しないとき。
①公害及び危険防止対策が不良のとき。
　当該認定をした日から３カ月</v>
          </cell>
          <cell r="W17" t="str">
            <v>契約違反</v>
          </cell>
          <cell r="X17" t="str">
            <v>３カ月</v>
          </cell>
          <cell r="Y17">
            <v>3</v>
          </cell>
          <cell r="AA17" t="str">
            <v>第1.4(1)ｱ</v>
          </cell>
          <cell r="AB17" t="str">
            <v>【旧指名停止基準】
＊　別表第１・４（１）ア　（安全管理の不適切により生じた公衆損害事故）
４　工事等の施工等に当たり，安全管理の措置が不適切であったため，公衆に死亡者若しくは負傷者を生じさせ，又は損害（軽微なものを除く。）を与えたと認められるとき。
(1) 死亡者を生じさせたとき。　ア　市発注工事等　６カ月</v>
          </cell>
          <cell r="AC17" t="str">
            <v>公衆損害事故</v>
          </cell>
          <cell r="AD17" t="str">
            <v>６カ月間</v>
          </cell>
          <cell r="AE17">
            <v>6</v>
          </cell>
        </row>
        <row r="18">
          <cell r="O18" t="str">
            <v>第1.5(1)</v>
          </cell>
          <cell r="P18" t="str">
            <v>＊　別表第１・５（１）　（安全管理措置の不適切により生じた公衆損害事故）
５　市が発注する工事等の施工等に当たり、安全管理の措置が不適切であったため、公衆
　に死亡者若しくは負傷者を生じさせ、又は損害（軽微なものを除く。）を与えたと認め
　られるとき。
⑴　死亡者を生じさせたとき。
　当該認定をした日から６カ月</v>
          </cell>
          <cell r="Q18" t="str">
            <v>安全管理措置の不適切により生じた公衆損害事故</v>
          </cell>
          <cell r="R18" t="str">
            <v>６カ月</v>
          </cell>
          <cell r="S18">
            <v>3</v>
          </cell>
          <cell r="U18" t="str">
            <v>第1.5(4)②</v>
          </cell>
          <cell r="V18" t="str">
            <v>＊　別表第１・４（４）②　（契約違反）
４　市が発注する工事等の施工等に当たり、第２号に掲げる場合のほか、契約に違反し工
　事等の契約の相手方として不適当であると認められるとき。
⑷　工事等の施工管理が不良で再三指摘しても改善しないとき。
②工程管理、資材管理若しくは労務管理が不良であるとき、又は監督員若しくは検査員の
　指示に従わないとき。
　当該認定をした日から１カ月</v>
          </cell>
          <cell r="W18" t="str">
            <v>契約違反</v>
          </cell>
          <cell r="X18" t="str">
            <v>１カ月</v>
          </cell>
          <cell r="Y18">
            <v>1</v>
          </cell>
          <cell r="AA18" t="str">
            <v>第1.4(1)ｲ</v>
          </cell>
          <cell r="AB18" t="str">
            <v>【旧指名停止基準】
＊　別表第１・４（１）イ　（安全管理の不適切により生じた公衆損害事故）
４　工事等の施工等に当たり，安全管理の措置が不適切であったため，公衆に死亡者若しくは負傷者を生じさせ，又は損害（軽微なものを除く。）を与えたと認められるとき。
(1) 死亡者を生じさせたとき。 
イ  県内の工事等で市発注 工事等以外の工事等（以下「一般工事等」という。）　３カ月</v>
          </cell>
          <cell r="AC18" t="str">
            <v>公衆損害事故</v>
          </cell>
          <cell r="AD18" t="str">
            <v>３カ月間</v>
          </cell>
          <cell r="AE18">
            <v>3</v>
          </cell>
        </row>
        <row r="19">
          <cell r="O19" t="str">
            <v>第1.5(2)</v>
          </cell>
          <cell r="P19" t="str">
            <v>＊　別表第１・５（２）　（安全管理措置の不適切により生じた公衆損害事故）
５　市が発注する工事等の施工等に当たり、安全管理の措置が不適切であったため、公衆
　に死亡者若しくは負傷者を生じさせ、又は損害（軽微なものを除く。）を与えたと認め
　られるとき。
⑵　負傷者を生じさせ又は損害を与えたとき。
　当該認定をした日から３カ月</v>
          </cell>
          <cell r="Q19" t="str">
            <v>安全管理措置の不適切により生じた公衆損害事故</v>
          </cell>
          <cell r="R19" t="str">
            <v>３カ月</v>
          </cell>
          <cell r="S19">
            <v>3</v>
          </cell>
          <cell r="U19" t="str">
            <v>第1.6(1)</v>
          </cell>
          <cell r="V19" t="str">
            <v>＊　別表第１・５（１）　（安全管理措置の不適切により生じた公衆損害事故）
５　市が発注する工事等の施工等に当たり、安全管理の措置が不適切であったため、公衆
　に死亡者若しくは負傷者を生じさせ、又は損害（軽微なものを除く。）を与えたと認め
　られるとき。
⑴　死亡者を生じさせたとき。
　当該認定をした日から６カ月</v>
          </cell>
          <cell r="W19" t="str">
            <v>安全管理措置の不適切により生じた公衆損害事故</v>
          </cell>
          <cell r="X19" t="str">
            <v>６カ月</v>
          </cell>
          <cell r="Y19">
            <v>6</v>
          </cell>
          <cell r="AA19" t="str">
            <v>第1.4(1)ｳ</v>
          </cell>
          <cell r="AB19" t="str">
            <v>【旧指名停止基準】
＊　別表第１・４（１）ウ　（安全管理の不適切により生じた公衆損害事故）
４　工事等の施工等に当たり，安全管理の措置が不適切であったため，公衆に死亡者若しくは負傷者を生じさせ，又は損害（軽微なものを除く。）を与えたと認められるとき。
(1) 死亡者を生じさせたとき。ウ　近畿内一般工事　２カ月</v>
          </cell>
          <cell r="AC19" t="str">
            <v>公衆損害事故</v>
          </cell>
          <cell r="AD19" t="str">
            <v>２カ月間</v>
          </cell>
          <cell r="AE19">
            <v>2</v>
          </cell>
        </row>
        <row r="20">
          <cell r="O20" t="str">
            <v>第1.5(3)</v>
          </cell>
          <cell r="P20" t="str">
            <v>＊　別表第１・５（３）　（安全管理措置の不適切により生じた公衆損害事故）
５　市が発注する工事等の施工等に当たり、安全管理の措置が不適切であったため、公衆
　に死亡者若しくは負傷者を生じさせ、又は損害（軽微なものを除く。）を与えたと認め
　られるとき。
⑶　火災、水害その他重大な事故を生じさせたとき。
　当該認定をした日から６カ月</v>
          </cell>
          <cell r="Q20" t="str">
            <v>安全管理措置の不適切により生じた公衆損害事故</v>
          </cell>
          <cell r="R20" t="str">
            <v>６カ月</v>
          </cell>
          <cell r="S20">
            <v>6</v>
          </cell>
          <cell r="U20" t="str">
            <v>第1.6(2)</v>
          </cell>
          <cell r="V20" t="str">
            <v>＊　別表第１・５（２）　（安全管理措置の不適切により生じた公衆損害事故）
５　市が発注する工事等の施工等に当たり、安全管理の措置が不適切であったため、公衆
　に死亡者若しくは負傷者を生じさせ、又は損害（軽微なものを除く。）を与えたと認め
　られるとき。
⑵　負傷者を生じさせ又は損害を与えたとき。
　当該認定をした日から３カ月</v>
          </cell>
          <cell r="W20" t="str">
            <v>安全管理措置の不適切により生じた公衆損害事故</v>
          </cell>
          <cell r="X20" t="str">
            <v>３カ月</v>
          </cell>
          <cell r="Y20">
            <v>3</v>
          </cell>
          <cell r="AA20" t="str">
            <v>第1.4(2)ｱ</v>
          </cell>
          <cell r="AB20" t="str">
            <v>【旧指名停止基準】
＊　別表第１・４（２）ア　（安全管理の不適切により生じた公衆損害事故）
４　工事等の施工等に当たり，安全管理の措置が不適切であったため，公衆に死亡者若しくは負傷者を生じさせ，又は損害（軽微なものを除く。）を与えたと認められるとき。
(2) 負傷者を生じさせ，又は損害を与えたとき。ア　市発注工事等　３カ月</v>
          </cell>
          <cell r="AC20" t="str">
            <v>公衆損害事故</v>
          </cell>
          <cell r="AD20" t="str">
            <v>３カ月間</v>
          </cell>
          <cell r="AE20">
            <v>3</v>
          </cell>
        </row>
        <row r="21">
          <cell r="O21" t="str">
            <v>第1.6(1)</v>
          </cell>
          <cell r="P21" t="str">
            <v>＊　別表第１・６（１）　（安全管理措置の不適切により生じた公衆損害事故）
６　県内の工事等で市が発注する工事等以外の工事等（以下「一般工事等」という。）
　（注５）の施工等に当たり安全管理の措置が不適切であったため、公衆に死亡者若しく
　は負傷者を生じさせ又は損害を与えた場合において、当該事故が重大であると認められ
　るとき。
⑴　死亡者を生じさせたとき。
　当該認定をした日から３カ月
（注５）一般工事等とは、当該地方公共団体発注以外の公共工事及び民間工事等をいう。</v>
          </cell>
          <cell r="Q21" t="str">
            <v>安全管理措置の不適切により生じた公衆損害事故</v>
          </cell>
          <cell r="R21" t="str">
            <v>３カ月</v>
          </cell>
          <cell r="S21">
            <v>3</v>
          </cell>
          <cell r="U21" t="str">
            <v>第1.6(3)</v>
          </cell>
          <cell r="V21" t="str">
            <v>＊　別表第１・５（３）　（安全管理措置の不適切により生じた公衆損害事故）
５　市が発注する工事等の施工等に当たり、安全管理の措置が不適切であったため、公衆
　に死亡者若しくは負傷者を生じさせ、又は損害（軽微なものを除く。）を与えたと認め
　られるとき。
⑶　火災、水害その他重大な事故を生じさせたとき。
　当該認定をした日から６カ月</v>
          </cell>
          <cell r="W21" t="str">
            <v>安全管理措置の不適切により生じた公衆損害事故</v>
          </cell>
          <cell r="X21" t="str">
            <v>６カ月</v>
          </cell>
          <cell r="Y21">
            <v>6</v>
          </cell>
          <cell r="AA21" t="str">
            <v>第1.4(2)ｲ</v>
          </cell>
          <cell r="AB21" t="str">
            <v>【旧指名停止基準】
＊　別表第１・４（２）イ　（安全管理の不適切により生じた公衆損害事故）
４　工事等の施工等に当たり，安全管理の措置が不適切であったため，公衆に死亡者若しくは負傷者を生じさせ，又は損害（軽微なものを除く。）を与えたと認められるとき。
(2) 負傷者を生じさせ，又は損害を与えたとき。イ  県内一般工事等　２カ月</v>
          </cell>
          <cell r="AC21" t="str">
            <v>公衆損害事故</v>
          </cell>
          <cell r="AD21" t="str">
            <v>２カ月間</v>
          </cell>
          <cell r="AE21">
            <v>2</v>
          </cell>
        </row>
        <row r="22">
          <cell r="O22" t="str">
            <v>第1.6(2)</v>
          </cell>
          <cell r="P22" t="str">
            <v>＊　別表第１・６（２）　（安全管理措置の不適切により生じた公衆損害事故）
６　県内の工事等で市が発注する工事等以外の工事等（以下「一般工事等」という。）
　（注５）の施工等に当たり安全管理の措置が不適切であったため、公衆に死亡者若しく
　は負傷者を生じさせ又は損害を与えた場合において、当該事故が重大であると認められ
　るとき。
⑵　負傷者を生じさせ又は損害を与えたとき。
　当該認定をした日から２カ月
（注５）一般工事等とは、当該地方公共団体発注以外の公共工事及び民間工事等をいう。</v>
          </cell>
          <cell r="Q22" t="str">
            <v>安全管理措置の不適切により生じた公衆損害事故</v>
          </cell>
          <cell r="R22" t="str">
            <v>２カ月</v>
          </cell>
          <cell r="S22">
            <v>2</v>
          </cell>
          <cell r="U22" t="str">
            <v>第1.7(1)</v>
          </cell>
          <cell r="V22" t="str">
            <v>＊　別表第１・６（１）　（安全管理措置の不適切により生じた公衆損害事故）
６　県内の工事等で市が発注する工事等以外の工事等（以下「一般工事等」という。）
　（注５）の施工等に当たり安全管理の措置が不適切であったため、公衆に死亡者若しく
　は負傷者を生じさせ又は損害を与えた場合において、当該事故が重大であると認められ
　るとき。
⑴　死亡者を生じさせたとき。
　当該認定をした日から３カ月
（注５）一般工事等とは、当該地方公共団体発注以外の公共工事及び民間工事等をいう。</v>
          </cell>
          <cell r="W22" t="str">
            <v>安全管理措置の不適切により生じた公衆損害事故</v>
          </cell>
          <cell r="X22" t="str">
            <v>３カ月</v>
          </cell>
          <cell r="Y22">
            <v>3</v>
          </cell>
          <cell r="AA22" t="str">
            <v>第1.4(2)ｳ</v>
          </cell>
          <cell r="AB22" t="str">
            <v>【旧指名停止基準】
＊　別表第１・４（２）ウ　（安全管理の不適切により生じた公衆損害事故）
４　工事等の施工等に当たり，安全管理の措置が不適切であったため，公衆に死亡者若しくは負傷者を生じさせ，又は損害（軽微なものを除く。）を与えたと認められるとき。
(2) 負傷者を生じさせ，又は損害を与えたとき。ウ　近畿内一般工事等　１カ月</v>
          </cell>
          <cell r="AC22" t="str">
            <v>公衆損害事故</v>
          </cell>
          <cell r="AD22" t="str">
            <v>１カ月間</v>
          </cell>
          <cell r="AE22">
            <v>1</v>
          </cell>
        </row>
        <row r="23">
          <cell r="O23" t="str">
            <v>第1.6(3)</v>
          </cell>
          <cell r="P23" t="str">
            <v>＊　別表第１・６（３）　（安全管理措置の不適切により生じた公衆損害事故）
６　県内の工事等で市が発注する工事等以外の工事等（以下「一般工事等」という。）
　（注５）の施工等に当たり安全管理の措置が不適切であったため、公衆に死亡者若しく
　は負傷者を生じさせ又は損害を与えた場合において、当該事故が重大であると認められ
　るとき。
⑶　火災、水害その他重大な事故を生じさせたとき。
　当該認定をした日から３カ月
（注５）一般工事等とは、当該地方公共団体発注以外の公共工事及び民間工事等をいう。</v>
          </cell>
          <cell r="Q23" t="str">
            <v>安全管理措置の不適切により生じた公衆損害事故</v>
          </cell>
          <cell r="R23" t="str">
            <v>３カ月</v>
          </cell>
          <cell r="S23">
            <v>3</v>
          </cell>
          <cell r="U23" t="str">
            <v>第1.7(2)</v>
          </cell>
          <cell r="V23" t="str">
            <v>＊　別表第１・６（２）　（安全管理措置の不適切により生じた公衆損害事故）
６　県内の工事等で市が発注する工事等以外の工事等（以下「一般工事等」という。）
　（注５）の施工等に当たり安全管理の措置が不適切であったため、公衆に死亡者若しく
　は負傷者を生じさせ又は損害を与えた場合において、当該事故が重大であると認められ
　るとき。
⑵　負傷者を生じさせ又は損害を与えたとき。
　当該認定をした日から２カ月
（注５）一般工事等とは、当該地方公共団体発注以外の公共工事及び民間工事等をいう。</v>
          </cell>
          <cell r="W23" t="str">
            <v>安全管理措置の不適切により生じた公衆損害事故</v>
          </cell>
          <cell r="X23" t="str">
            <v>２カ月</v>
          </cell>
          <cell r="Y23">
            <v>2</v>
          </cell>
          <cell r="AA23" t="str">
            <v>第1.4(3)ｱ</v>
          </cell>
          <cell r="AB23" t="str">
            <v>【旧指名停止基準】
＊　別表第１・４（３）ア　（安全管理の不適切により生じた公衆損害事故）
４　工事等の施工等に当たり，安全管理の措置が不適切であったため，公衆に死亡者若しくは負傷者を生じさせ，又は損害（軽微なものを除く。）を与えたと認められるとき。
(3) 火災，水害その他重大な事故を生じさせたとき。ア　市発注工事等　６カ月</v>
          </cell>
          <cell r="AC23" t="str">
            <v>公衆損害事故</v>
          </cell>
          <cell r="AD23" t="str">
            <v>６カ月間</v>
          </cell>
          <cell r="AE23">
            <v>6</v>
          </cell>
        </row>
        <row r="24">
          <cell r="O24" t="str">
            <v>第1.7(1)</v>
          </cell>
          <cell r="P24" t="str">
            <v>＊　別表第１・７（１）　（安全管理措置の不適切により生じた公衆損害事故）
７　近畿（滋賀県、京都府、大阪府、奈良県及び和歌山県の区域をいう。以下同じ。）内
　の一般工事等の施工等に当たり安全管理の措置が不適切であったため、公衆に死亡者若
　しくは負傷者を生じさせ、又は損害を与えた場合において、当該事故が重大であると認
　められるとき。
⑴　死亡者を生じさせたとき。
　当該認定をした日から２カ月</v>
          </cell>
          <cell r="Q24" t="str">
            <v>安全管理措置の不適切により生じた公衆損害事故</v>
          </cell>
          <cell r="R24" t="str">
            <v>２カ月</v>
          </cell>
          <cell r="S24">
            <v>2</v>
          </cell>
          <cell r="U24" t="str">
            <v>第1.7(3)</v>
          </cell>
          <cell r="V24" t="str">
            <v>＊　別表第１・６（３）　（安全管理措置の不適切により生じた公衆損害事故）
６　県内の工事等で市が発注する工事等以外の工事等（以下「一般工事等」という。）
　（注５）の施工等に当たり安全管理の措置が不適切であったため、公衆に死亡者若しく
　は負傷者を生じさせ又は損害を与えた場合において、当該事故が重大であると認められ
　るとき。
⑶　火災、水害その他重大な事故を生じさせたとき。
　当該認定をした日から３カ月
（注５）一般工事等とは、当該地方公共団体発注以外の公共工事及び民間工事等をいう。</v>
          </cell>
          <cell r="W24" t="str">
            <v>安全管理措置の不適切により生じた公衆損害事故</v>
          </cell>
          <cell r="X24" t="str">
            <v>３カ月</v>
          </cell>
          <cell r="Y24">
            <v>3</v>
          </cell>
          <cell r="AA24" t="str">
            <v>第1.4(3)ｲ</v>
          </cell>
          <cell r="AB24" t="str">
            <v>【旧指名停止基準】
＊　別表第１・４（３）イ　（安全管理の不適切により生じた公衆損害事故）
４　工事等の施工等に当たり，安全管理の措置が不適切であったため，公衆に死亡者若しくは負傷者を生じさせ，又は損害（軽微なものを除く。）を与えたと認められるとき。
(3) 火災，水害その他重大な事故を生じさせたとき。イ  県内一般工事等　３カ月</v>
          </cell>
          <cell r="AC24" t="str">
            <v>公衆損害事故</v>
          </cell>
          <cell r="AD24" t="str">
            <v>３カ月間</v>
          </cell>
          <cell r="AE24">
            <v>3</v>
          </cell>
        </row>
        <row r="25">
          <cell r="O25" t="str">
            <v>第1.7(2)</v>
          </cell>
          <cell r="P25" t="str">
            <v>＊　別表第１・７（２）　（安全管理措置の不適切により生じた公衆損害事故）
７　近畿（滋賀県、京都府、大阪府、奈良県及び和歌山県の区域をいう。以下同じ。）内
　の一般工事等の施工等に当たり安全管理の措置が不適切であったため、公衆に死亡者若
　しくは負傷者を生じさせ、又は損害を与えた場合において、当該事故が重大であると認
　められるとき。
⑵　負傷者を生じさせ、又は損害を与えたとき。
　当該認定をした日から１カ月</v>
          </cell>
          <cell r="Q25" t="str">
            <v>安全管理措置の不適切により生じた公衆損害事故</v>
          </cell>
          <cell r="R25" t="str">
            <v>１カ月</v>
          </cell>
          <cell r="S25">
            <v>1</v>
          </cell>
          <cell r="U25" t="str">
            <v>第1.8(1)</v>
          </cell>
          <cell r="V25" t="str">
            <v>＊　別表第１・７（１）　（安全管理措置の不適切により生じた公衆損害事故）
７　近畿（滋賀県、京都府、大阪府、奈良県及び和歌山県の区域をいう。以下同じ。）内
　の一般工事等の施工等に当たり安全管理の措置が不適切であったため、公衆に死亡者若
　しくは負傷者を生じさせ、又は損害を与えた場合において、当該事故が重大であると認
　められるとき。
⑴　死亡者を生じさせたとき。
　当該認定をした日から２カ月</v>
          </cell>
          <cell r="W25" t="str">
            <v>安全管理措置の不適切により生じた公衆損害事故</v>
          </cell>
          <cell r="X25" t="str">
            <v>２カ月</v>
          </cell>
          <cell r="Y25">
            <v>2</v>
          </cell>
          <cell r="AA25" t="str">
            <v>第1.4(3)ｳ</v>
          </cell>
          <cell r="AB25" t="str">
            <v>【旧指名停止基準】
＊　別表第１・４（３）ウ　（安全管理の不適切により生じた公衆損害事故）
４　工事等の施工等に当たり，安全管理の措置が不適切であったため，公衆に死亡者若しくは負傷者を生じさせ，又は損害（軽微なものを除く。）を与えたと認められるとき。
(3) 火災，水害その他重大な事故を生じさせたとき。ウ　近畿内一般工事等　　２カ月</v>
          </cell>
          <cell r="AC25" t="str">
            <v>公衆損害事故</v>
          </cell>
          <cell r="AD25" t="str">
            <v>２カ月間</v>
          </cell>
          <cell r="AE25">
            <v>2</v>
          </cell>
        </row>
        <row r="26">
          <cell r="O26" t="str">
            <v>第1.7(3)</v>
          </cell>
          <cell r="P26" t="str">
            <v>＊　別表第１・７（３）　（安全管理措置の不適切により生じた公衆損害事故）
７　近畿（滋賀県、京都府、大阪府、奈良県及び和歌山県の区域をいう。以下同じ。）内
　の一般工事等の施工等に当たり安全管理の措置が不適切であったため、公衆に死亡者若
　しくは負傷者を生じさせ、又は損害を与えた場合において、当該事故が重大であると認
　められるとき。
⑶　火災、水害その他重大な事故を生じさせたとき。
　当該認定をした日から２カ月</v>
          </cell>
          <cell r="Q26" t="str">
            <v>安全管理措置の不適切により生じた公衆損害事故</v>
          </cell>
          <cell r="R26" t="str">
            <v>２カ月</v>
          </cell>
          <cell r="S26">
            <v>2</v>
          </cell>
          <cell r="U26" t="str">
            <v>第1.8(2)</v>
          </cell>
          <cell r="V26" t="str">
            <v>＊　別表第１・７（２）　（安全管理措置の不適切により生じた公衆損害事故）
７　近畿（滋賀県、京都府、大阪府、奈良県及び和歌山県の区域をいう。以下同じ。）内
　の一般工事等の施工等に当たり安全管理の措置が不適切であったため、公衆に死亡者若
　しくは負傷者を生じさせ、又は損害を与えた場合において、当該事故が重大であると認
　められるとき。
⑵　負傷者を生じさせ、又は損害を与えたとき。
　当該認定をした日から１カ月</v>
          </cell>
          <cell r="W26" t="str">
            <v>安全管理措置の不適切により生じた公衆損害事故</v>
          </cell>
          <cell r="X26" t="str">
            <v>１カ月</v>
          </cell>
          <cell r="Y26">
            <v>1</v>
          </cell>
          <cell r="AA26" t="str">
            <v>第1.5(1)ｱ</v>
          </cell>
          <cell r="AB26" t="str">
            <v>【旧指名停止基準】
＊　別表第１・５（１）ア　（安全管理の不適切により生じた工事等関係者事故）
５　工事等の施工等に当たり，安全管理の措置が不適切であったため，工事等関係者に死亡者又は重傷者を生じさせたと認められるとき。
(1) 死亡者を生じさせたとき。ア　市発注工事等　２カ月</v>
          </cell>
          <cell r="AC26" t="str">
            <v>工事関係者事故</v>
          </cell>
          <cell r="AD26" t="str">
            <v>２カ月間</v>
          </cell>
          <cell r="AE26">
            <v>2</v>
          </cell>
        </row>
        <row r="27">
          <cell r="O27" t="str">
            <v>第1.8(1)</v>
          </cell>
          <cell r="P27" t="str">
            <v>＊　別表第１・８（１）　（安全管理措置の不適切により生じた工事等関係者事故）
８　市が発注する工事等の施工等に当たり、安全管理の措置が不適切であったため、工事
　等関係者に死亡者又は重傷者を生じさせたと認められるとき。
⑴　死亡者を生じさせたとき。
　当該認定をした日から２カ月</v>
          </cell>
          <cell r="Q27" t="str">
            <v>安全管理措置の不適切により生じた工事等関係者事故</v>
          </cell>
          <cell r="R27" t="str">
            <v>２カ月</v>
          </cell>
          <cell r="S27">
            <v>2</v>
          </cell>
          <cell r="U27" t="str">
            <v>第1.9(1)</v>
          </cell>
          <cell r="V27" t="str">
            <v>＊　別表第１・９（１）　（安全管理措置の不適切により生じた工事等関係者事故）
９　県内の一般工事等の施工等に当たり、安全管理の措置が不適切であったため、工事等
　関係者に死亡者又は重傷者を生じさせたと認められるとき。
⑴　死亡者を生じさせたとき。
　当該認定をした日から１カ月</v>
          </cell>
          <cell r="W27" t="str">
            <v>安全管理措置の不適切により生じた工事等関係者事故</v>
          </cell>
          <cell r="X27" t="str">
            <v>１カ月</v>
          </cell>
          <cell r="Y27">
            <v>1</v>
          </cell>
          <cell r="AA27" t="str">
            <v>第1.5(1)ｲ</v>
          </cell>
          <cell r="AB27" t="str">
            <v>【旧指名停止基準】
＊　別表第１・５（１）イ　（安全管理の不適切により生じた工事等関係者事故）
５　工事等の施工等に当たり，安全管理の措置が不適切であったため，工事等関係者に死亡者又は重傷者を生じさせたと認められるとき。
(1) 死亡者を生じさせたとき。イ  県内一般工事等　１カ月</v>
          </cell>
          <cell r="AC27" t="str">
            <v>工事関係者事故</v>
          </cell>
          <cell r="AD27" t="str">
            <v>１カ月間</v>
          </cell>
          <cell r="AE27">
            <v>1</v>
          </cell>
        </row>
        <row r="28">
          <cell r="O28" t="str">
            <v>第1.8(2)</v>
          </cell>
          <cell r="P28" t="str">
            <v>＊　別表第１・８（２）　（安全管理措置の不適切により生じた工事等関係者事故）
８　市が発注する工事等の施工等に当たり、安全管理の措置が不適切であったため、工事
　等関係者に死亡者又は重傷者を生じさせたと認められるとき。
⑵　重傷者（注６）を生じさせたとき。
　当該認定をした日から１カ月
（注６）重傷者とは、治療３０日以上の傷害をいう。</v>
          </cell>
          <cell r="Q28" t="str">
            <v>安全管理措置の不適切により生じた工事等関係者事故</v>
          </cell>
          <cell r="R28" t="str">
            <v>１カ月</v>
          </cell>
          <cell r="S28">
            <v>1</v>
          </cell>
          <cell r="U28" t="str">
            <v>第1.9(2)</v>
          </cell>
          <cell r="V28" t="str">
            <v>＊　別表第１・９（２）　（安全管理措置の不適切により生じた工事等関係者事故）
９　県内の一般工事等の施工等に当たり、安全管理の措置が不適切であったため、工事等
　関係者に死亡者又は重傷者を生じさせたと認められるとき。
⑵　重傷者を生じさせたとき。
　当該認定をした日から１カ月</v>
          </cell>
          <cell r="W28" t="str">
            <v>安全管理措置の不適切により生じた工事等関係者事故</v>
          </cell>
          <cell r="X28" t="str">
            <v>１カ月</v>
          </cell>
          <cell r="Y28">
            <v>1</v>
          </cell>
          <cell r="AA28" t="str">
            <v>第1.5(2)ｱ</v>
          </cell>
          <cell r="AB28" t="str">
            <v>【旧指名停止基準】
＊　別表第１・５（２）ア　（安全管理の不適切により生じた工事等関係者事故）
５　工事等の施工等に当たり，安全管理の措置が不適切であったため，工事等関係者に死亡者又は重傷者を生じさせたと認められるとき。
(2) 負傷者を生じさせ，又は損害を与えたとき。ア　市発注工事等　１カ月</v>
          </cell>
          <cell r="AC28" t="str">
            <v>工事関係者事故</v>
          </cell>
          <cell r="AD28" t="str">
            <v>１カ月間</v>
          </cell>
          <cell r="AE28">
            <v>1</v>
          </cell>
        </row>
        <row r="29">
          <cell r="O29" t="str">
            <v>第1.9(1)</v>
          </cell>
          <cell r="P29" t="str">
            <v>＊　別表第１・９（１）　（安全管理措置の不適切により生じた工事等関係者事故）
９　県内の一般工事等の施工等に当たり、安全管理の措置が不適切であったため、工事等
　関係者に死亡者又は重傷者を生じさせたと認められるとき。
⑴　死亡者を生じさせたとき。
　当該認定をした日から１カ月</v>
          </cell>
          <cell r="Q29" t="str">
            <v>安全管理措置の不適切により生じた工事等関係者事故</v>
          </cell>
          <cell r="R29" t="str">
            <v>１カ月</v>
          </cell>
          <cell r="S29">
            <v>1</v>
          </cell>
          <cell r="U29" t="str">
            <v>第2.1(1)</v>
          </cell>
          <cell r="V29" t="str">
            <v>＊　別表第２・１（１）　（贈賄）
１　入札参加資格者等が、贈賄の容疑により逮捕、書類送検又は起訴されたとき。
⑴　入札参加資格者等が、市の職員に対して行った贈賄の容疑により逮捕、書類送検又は
　起訴されたとき。
　逮捕、書類送検又は起訴を知った日から１２カ月</v>
          </cell>
          <cell r="W29" t="str">
            <v>贈賄</v>
          </cell>
          <cell r="X29" t="str">
            <v>１２カ月</v>
          </cell>
          <cell r="Y29">
            <v>12</v>
          </cell>
          <cell r="AA29" t="str">
            <v>第1.5(2)ｲ</v>
          </cell>
          <cell r="AB29" t="str">
            <v>【旧指名停止基準】
＊　別表第１・５（２）イ　（安全管理の不適切により生じた工事等関係者事故）
５　工事等の施工等に当たり，安全管理の措置が不適切であったため，工事等関係者に死亡者又は重傷者を生じさせたと認められるとき。
(2) 負傷者を生じさせ，又は損害を与えたとき。イ  県内一般工事等　１カ月</v>
          </cell>
          <cell r="AC29" t="str">
            <v>工事関係者事故</v>
          </cell>
          <cell r="AD29" t="str">
            <v>１カ月間</v>
          </cell>
          <cell r="AE29">
            <v>1</v>
          </cell>
        </row>
        <row r="30">
          <cell r="O30" t="str">
            <v>第1.9(2)</v>
          </cell>
          <cell r="P30" t="str">
            <v>＊　別表第１・９（２）　（安全管理措置の不適切により生じた工事等関係者事故）
９　県内の一般工事等の施工等に当たり、安全管理の措置が不適切であったため、工事等
　関係者に死亡者又は重傷者を生じさせたと認められるとき。
⑵　重傷者を生じさせたとき。
　当該認定をした日から１カ月</v>
          </cell>
          <cell r="Q30" t="str">
            <v>安全管理措置の不適切により生じた工事等関係者事故</v>
          </cell>
          <cell r="R30" t="str">
            <v>１カ月</v>
          </cell>
          <cell r="S30">
            <v>1</v>
          </cell>
          <cell r="U30" t="str">
            <v>第2.1(2)</v>
          </cell>
          <cell r="V30" t="str">
            <v>＊　別表第２・１（２）　（贈賄）
１　入札参加資格者等が、贈賄の容疑により逮捕、書類送検又は起訴されたとき。
⑵　入札参加資格者等が、県内の他の公共機関（注）の職員に対して行った贈賄の容疑
　により逮捕、書類送検又は起訴されたとき。
　逮捕、書類送検又は起訴を知った日から９カ月
（注）公共機関とは、贈賄罪が成立する全ての機関（国の機関、地方公共団体、公社、
　公団等）をいう。</v>
          </cell>
          <cell r="W30" t="str">
            <v>贈賄</v>
          </cell>
          <cell r="X30" t="str">
            <v>９カ月</v>
          </cell>
          <cell r="Y30">
            <v>9</v>
          </cell>
          <cell r="AA30" t="str">
            <v>第1.5(3)</v>
          </cell>
          <cell r="AB30" t="str">
            <v>【旧指名停止基準】
＊　別表第１・５（３）　（安全管理の不適切により生じた工事等関係者事故）
５　工事等の施工等に当たり，安全管理の措置が不適切であったため，工事等関係者に死亡者又は重傷者を生じさせたと認められるとき。
(3) 近畿内公共工事等で多数の死亡者を生じさせ，当該事故が重大であると認められるとき。　１カ月</v>
          </cell>
          <cell r="AC30" t="str">
            <v>工事関係者事故</v>
          </cell>
          <cell r="AD30" t="str">
            <v>１カ月間</v>
          </cell>
          <cell r="AE30">
            <v>1</v>
          </cell>
        </row>
        <row r="31">
          <cell r="O31" t="str">
            <v>第2.1(1)</v>
          </cell>
          <cell r="P31" t="str">
            <v>＊　別表第２・１（１）　（贈賄）
１　入札参加資格者等が、贈賄の容疑により逮捕、書類送検又は起訴されたとき。
⑴　入札参加資格者等が、市の職員に対して行った贈賄の容疑により逮捕、書類送検又は
　起訴されたとき。
　逮捕、書類送検又は起訴を知った日から１２カ月</v>
          </cell>
          <cell r="Q31" t="str">
            <v>贈賄</v>
          </cell>
          <cell r="R31" t="str">
            <v>１２カ月</v>
          </cell>
          <cell r="S31">
            <v>12</v>
          </cell>
          <cell r="U31" t="str">
            <v>第2.1(3)</v>
          </cell>
          <cell r="V31" t="str">
            <v>＊　別表第２・１（３）　（贈賄）
１　入札参加資格者等が、贈賄の容疑により逮捕、書類送検又は起訴されたとき。
⑶　入札参加資格者等が、県外の他の公共機関（注）の職員に対して行った贈賄の容疑により
　逮捕、書類送検又は起訴されたとき。
　逮捕、書類送検又は起訴を知った日から６カ月
（注）公共機関とは、贈賄罪が成立する全ての機関（国の機関、地方公共団体、公社、
　公団等）をいう。</v>
          </cell>
          <cell r="W31" t="str">
            <v>贈賄</v>
          </cell>
          <cell r="X31" t="str">
            <v>６カ月</v>
          </cell>
          <cell r="Y31">
            <v>6</v>
          </cell>
          <cell r="AA31" t="str">
            <v>第2.1ｱ</v>
          </cell>
          <cell r="AB31" t="str">
            <v>【旧指名停止基準】
＊　別表第２・１ア　（贈賄）
１　入札参加資格者又はその使用人が公共機関の職員等に対して行った贈賄の容疑により逮捕，書類送検又は起訴されたとき。　ア　市職員等に対するもの　１２カ月</v>
          </cell>
          <cell r="AC31" t="str">
            <v>贈賄</v>
          </cell>
          <cell r="AD31" t="str">
            <v>１２カ月間</v>
          </cell>
          <cell r="AE31">
            <v>12</v>
          </cell>
        </row>
        <row r="32">
          <cell r="O32" t="str">
            <v>第2.1(2)</v>
          </cell>
          <cell r="P32" t="str">
            <v>＊　別表第２・１（２）　（贈賄）
１　入札参加資格者等が、贈賄の容疑により逮捕、書類送検又は起訴されたとき。
⑵　入札参加資格者等が、県内の他の公共機関（注）の職員に対して行った贈賄の容疑
　により逮捕、書類送検又は起訴されたとき。
　逮捕、書類送検又は起訴を知った日から９カ月
（注）公共機関とは、贈賄罪が成立する全ての機関（国の機関、地方公共団体、公社、
　公団等）をいう。</v>
          </cell>
          <cell r="Q32" t="str">
            <v>贈賄</v>
          </cell>
          <cell r="R32" t="str">
            <v>９カ月</v>
          </cell>
          <cell r="S32">
            <v>9</v>
          </cell>
          <cell r="U32" t="str">
            <v>第2.1(4)</v>
          </cell>
          <cell r="V32" t="str">
            <v>＊　別表第２・１（４）　（贈賄）
１　入札参加資格者等が、贈賄の容疑により逮捕、書類送検又は起訴されたとき。
⑷　入札参加資格者等が、近畿以外の他の公共機関の職員に対して行った贈賄の容疑によ
　り逮捕、書類送検又は起訴されたとき。
　逮捕、書類送検又は起訴を知った日から６カ月</v>
          </cell>
          <cell r="W32" t="str">
            <v>贈賄</v>
          </cell>
          <cell r="X32" t="str">
            <v>６カ月</v>
          </cell>
          <cell r="Y32">
            <v>6</v>
          </cell>
          <cell r="AA32" t="str">
            <v>第2.1ｲ</v>
          </cell>
          <cell r="AB32" t="str">
            <v>【旧指名停止基準】
＊　別表第２・１イ　（贈賄）
１　入札参加資格者又はその使用人が公共機関の職員等に対して行った贈賄の容疑により逮捕，書類送検又は起訴されたとき。　イ　県内公共機関の職員等に対するもの　９カ月</v>
          </cell>
          <cell r="AC32" t="str">
            <v>贈賄</v>
          </cell>
          <cell r="AD32" t="str">
            <v>９カ月間</v>
          </cell>
          <cell r="AE32">
            <v>9</v>
          </cell>
        </row>
        <row r="33">
          <cell r="O33" t="str">
            <v>第2.1(3)</v>
          </cell>
          <cell r="P33" t="str">
            <v>＊　別表第２・１（３）　（贈賄）
１　入札参加資格者等が、贈賄の容疑により逮捕、書類送検又は起訴されたとき。
⑶　入札参加資格者等が、近畿内の他の公共機関の職員に対して行った贈賄の容疑により
　逮捕、書類送検又は起訴されたとき。
　逮捕、書類送検又は起訴を知った日から６カ月</v>
          </cell>
          <cell r="Q33" t="str">
            <v>贈賄</v>
          </cell>
          <cell r="R33" t="str">
            <v>６カ月</v>
          </cell>
          <cell r="S33">
            <v>6</v>
          </cell>
          <cell r="U33" t="str">
            <v>第2.2(1)</v>
          </cell>
          <cell r="V33" t="str">
            <v>＊　別表第２・２（１）　（独占禁止法違反行為）
２　業務に関し、入札参加資格者が、独占禁止法第３条又は第８条第1項第1号に違反し、
　工事等の契約の相手方として不適当であると認められるとき。
⑴　市が発注する工事等に関する違反行為について、公正取引委員会から排除措置命令又
　は課徴金納付命令を受けたとき。
　当該認定をした日から１２カ月</v>
          </cell>
          <cell r="W33" t="str">
            <v>独占禁止法違反行為</v>
          </cell>
          <cell r="X33" t="str">
            <v>１２カ月</v>
          </cell>
          <cell r="Y33">
            <v>12</v>
          </cell>
          <cell r="AA33" t="str">
            <v>第2.1ｳ</v>
          </cell>
          <cell r="AB33" t="str">
            <v>【旧指名停止基準】
＊　別表第２・１ウ　（贈賄）
１　入札参加資格者又はその使用人が公共機関の職員等に対して行った贈賄の容疑により逮捕，書類送検又は起訴されたとき。　ウ　近畿内公共機関の職員等に対するもの　６カ月</v>
          </cell>
          <cell r="AC33" t="str">
            <v>贈賄</v>
          </cell>
          <cell r="AD33" t="str">
            <v>６カ月間</v>
          </cell>
          <cell r="AE33">
            <v>6</v>
          </cell>
        </row>
        <row r="34">
          <cell r="O34" t="str">
            <v>第2.1(4)</v>
          </cell>
          <cell r="P34" t="str">
            <v>＊　別表第２・１（４）　（贈賄）
１　入札参加資格者等が、贈賄の容疑により逮捕、書類送検又は起訴されたとき。
⑷　入札参加資格者等が、近畿以外の他の公共機関の職員に対して行った贈賄の容疑によ
　り逮捕、書類送検又は起訴されたとき。
　逮捕、書類送検又は起訴を知った日から６カ月</v>
          </cell>
          <cell r="Q34" t="str">
            <v>贈賄</v>
          </cell>
          <cell r="R34" t="str">
            <v>６カ月</v>
          </cell>
          <cell r="S34">
            <v>6</v>
          </cell>
          <cell r="U34" t="str">
            <v>第2.2(2)</v>
          </cell>
          <cell r="V34" t="str">
            <v>＊　別表第２・２（２）　（独占禁止法違反行為）
２　業務に関し、入札参加資格者が、独占禁止法第３条又は第８条第1項第1号に違反し、
　工事等の契約の相手方として不適当であると認められるとき。
⑵　県内の一般工事等に関する違反行為について、公正取引委員会から排除措置命令又は
　課徴金納付命令を受けたとき。
　当該認定をした日から８カ月</v>
          </cell>
          <cell r="W34" t="str">
            <v>独占禁止法違反行為</v>
          </cell>
          <cell r="X34" t="str">
            <v>８カ月</v>
          </cell>
          <cell r="Y34">
            <v>8</v>
          </cell>
          <cell r="AA34" t="str">
            <v>第2.1ｴ</v>
          </cell>
          <cell r="AB34" t="str">
            <v>【旧指名停止基準】
＊　別表第２・１エ　（贈賄）
１　入札参加資格者又はその使用人が公共機関の職員等に対して行った贈賄の容疑により逮捕，書類送検又は起訴されたとき。　エ　近畿以外の公共機関の職員等に対するもの　３カ月</v>
          </cell>
          <cell r="AC34" t="str">
            <v>贈賄</v>
          </cell>
          <cell r="AD34" t="str">
            <v>３カ月間</v>
          </cell>
          <cell r="AE34">
            <v>3</v>
          </cell>
        </row>
        <row r="35">
          <cell r="O35" t="str">
            <v>第2.2(1)</v>
          </cell>
          <cell r="P35" t="str">
            <v>＊　別表第２・２（１）　（独占禁止法違反行為）
２　業務に関し、入札参加資格者が、独占禁止法第３条又は第８条第1項第1号に違反し、
　工事等の契約の相手方として不適当であると認められるとき。
⑴　市が発注する工事等に関する違反行為について、公正取引委員会から排除措置命令又
　は課徴金納付命令を受けたとき。
　当該認定をした日から１２カ月</v>
          </cell>
          <cell r="Q35" t="str">
            <v>独占禁止法違反行為</v>
          </cell>
          <cell r="R35" t="str">
            <v>１２カ月</v>
          </cell>
          <cell r="S35">
            <v>12</v>
          </cell>
          <cell r="U35" t="str">
            <v>第2.2(3)</v>
          </cell>
          <cell r="V35" t="str">
            <v>＊　別表第２・２（３）　（独占禁止法違反行為）
２　業務に関し、入札参加資格者が、独占禁止法第３条又は第８条第1項第1号に違反し、
　工事等の契約の相手方として不適当であると認められるとき。
⑶　県外の一般工事等に関する違反行為について、公正取引委員会から排除措置命令又
　は課徴金納付命令を受けたとき。
　当該認定をした日から４カ月</v>
          </cell>
          <cell r="W35" t="str">
            <v>独占禁止法違反行為</v>
          </cell>
          <cell r="X35" t="str">
            <v>４カ月</v>
          </cell>
          <cell r="Y35">
            <v>4</v>
          </cell>
          <cell r="AA35" t="str">
            <v>第2.2(1)ｱ</v>
          </cell>
          <cell r="AB35" t="str">
            <v>【旧指名停止基準】
＊　別表第２・２（１）ア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1) 公正取引委員会の排除勧告又は審決があったとき　ア　市発注工事等　３カ月</v>
          </cell>
          <cell r="AC35" t="str">
            <v>独占禁止法違反</v>
          </cell>
          <cell r="AD35" t="str">
            <v>３カ月間</v>
          </cell>
          <cell r="AE35">
            <v>3</v>
          </cell>
        </row>
        <row r="36">
          <cell r="O36" t="str">
            <v>第2.2(2)</v>
          </cell>
          <cell r="P36" t="str">
            <v>＊　別表第２・２（２）　（独占禁止法違反行為）
２　業務に関し、入札参加資格者が、独占禁止法第３条又は第８条第1項第1号に違反し、
　工事等の契約の相手方として不適当であると認められるとき。
⑵　県内の一般工事等に関する違反行為について、公正取引委員会から排除措置命令又は
　課徴金納付命令を受けたとき。
　当該認定をした日から８カ月</v>
          </cell>
          <cell r="Q36" t="str">
            <v>独占禁止法違反行為</v>
          </cell>
          <cell r="R36" t="str">
            <v>８カ月</v>
          </cell>
          <cell r="S36">
            <v>8</v>
          </cell>
          <cell r="U36" t="str">
            <v>第2.2(4)</v>
          </cell>
          <cell r="V36" t="str">
            <v>＊　別表第２・２（４）　（独占禁止法違反行為）
２　業務に関し、入札参加資格者が、独占禁止法第３条又は第８条第1項第1号に違反し、
　工事等の契約の相手方として不適当であると認められるとき。
⑷　市が発注する工事等に関する違反行為について、公正取引委員会から刑事告発を受け、
　又はこれにより逮捕されたとき。
　当該認定をした日から１２カ月</v>
          </cell>
          <cell r="W36" t="str">
            <v>独占禁止法違反行為</v>
          </cell>
          <cell r="X36" t="str">
            <v>１８カ月</v>
          </cell>
          <cell r="Y36">
            <v>18</v>
          </cell>
          <cell r="AA36" t="str">
            <v>第2.2(1)ｲ</v>
          </cell>
          <cell r="AB36" t="str">
            <v>【旧指名停止基準】
＊　別表第２・２（１）イ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1) 公正取引委員会の排除勧告又は審決があったとき　イ　県内一般工事等　２カ月</v>
          </cell>
          <cell r="AC36" t="str">
            <v>独占禁止法違反</v>
          </cell>
          <cell r="AD36" t="str">
            <v>２カ月間</v>
          </cell>
          <cell r="AE36">
            <v>2</v>
          </cell>
        </row>
        <row r="37">
          <cell r="O37" t="str">
            <v>第2.2(3)</v>
          </cell>
          <cell r="P37" t="str">
            <v>＊　別表第２・２（３）　（独占禁止法違反行為）
２　業務に関し、入札参加資格者が、独占禁止法第３条又は第８条第1項第1号に違反し、
　工事等の契約の相手方として不適当であると認められるとき。
⑶　近畿内の一般工事等に関する違反行為について、公正取引委員会から排除措置命令又
　は課徴金納付命令を受けたとき。
　当該認定をした日から４カ月</v>
          </cell>
          <cell r="Q37" t="str">
            <v>独占禁止法違反行為</v>
          </cell>
          <cell r="R37" t="str">
            <v>４カ月</v>
          </cell>
          <cell r="S37">
            <v>4</v>
          </cell>
          <cell r="U37" t="str">
            <v>第2.2(5)</v>
          </cell>
          <cell r="V37" t="str">
            <v>＊　別表第２・２（５）　（独占禁止法違反行為）
２　業務に関し、入札参加資格者が、独占禁止法第３条又は第８条第1項第1号に違反し、
　工事等の契約の相手方として不適当であると認められるとき。
⑸　県内の一般工事等に関する違反行為について、公正取引委員会から刑事告発を受け､
　又はこれにより逮捕されたとき。
　当該認定をした日から１２カ月</v>
          </cell>
          <cell r="W37" t="str">
            <v>独占禁止法違反行為</v>
          </cell>
          <cell r="X37" t="str">
            <v>１２カ月</v>
          </cell>
          <cell r="Y37">
            <v>12</v>
          </cell>
          <cell r="AA37" t="str">
            <v>第2.2(1)ｳ</v>
          </cell>
          <cell r="AB37" t="str">
            <v>【旧指名停止基準】
＊　別表第２・２（１）ウ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1) 公正取引委員会の排除勧告又は審決があったとき　ウ　近畿内一般工事等　１カ月</v>
          </cell>
          <cell r="AC37" t="str">
            <v>独占禁止法違反</v>
          </cell>
          <cell r="AD37" t="str">
            <v>１カ月間</v>
          </cell>
          <cell r="AE37">
            <v>1</v>
          </cell>
        </row>
        <row r="38">
          <cell r="O38" t="str">
            <v>第2.2(4)</v>
          </cell>
          <cell r="P38" t="str">
            <v>＊　別表第２・２（４）　（独占禁止法違反行為）
２　業務に関し、入札参加資格者が、独占禁止法第３条又は第８条第1項第1号に違反し、
　工事等の契約の相手方として不適当であると認められるとき。
⑷　近畿外の一般工事等に関する違反行為について、公正取引委員会から排除措置命令又
　は課徴金納付命令を受けたとき。
　当該認定をした日から４カ月</v>
          </cell>
          <cell r="Q38" t="str">
            <v>独占禁止法違反行為</v>
          </cell>
          <cell r="R38" t="str">
            <v>４カ月</v>
          </cell>
          <cell r="S38">
            <v>4</v>
          </cell>
          <cell r="U38" t="str">
            <v>第2.2(6)</v>
          </cell>
          <cell r="V38" t="str">
            <v>＊　別表第２・２（６）　（独占禁止法違反行為）
２　業務に関し、入札参加資格者が、独占禁止法第３条又は第８条第1項第1号に違反し、
　工事等の契約の相手方として不適当であると認められるとき。
⑹　県外の一般工事等に関する違反行為について、公正取引委員会から刑事告発を受け、
　又はこれにより逮捕されたとき。
　当該認定をした日から６カ月</v>
          </cell>
          <cell r="W38" t="str">
            <v>独占禁止法違反行為</v>
          </cell>
          <cell r="X38" t="str">
            <v>６カ月</v>
          </cell>
          <cell r="Y38">
            <v>6</v>
          </cell>
          <cell r="AA38" t="str">
            <v>第2.2(1)ｴ及び第2.2(3)ｴ</v>
          </cell>
          <cell r="AB38" t="str">
            <v>【旧指名停止基準】
＊　別表第２・２（１）エ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1) 公正取引委員会の排除勧告又は審決があったとき　エ　近畿外一般工事等　１カ月
＊　別表第２・２（３）エ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3) 公正取引委員会の課徴金納付命令があったとき　エ　近畿外一般工事等　１カ月</v>
          </cell>
          <cell r="AC38" t="str">
            <v>独占禁止法違反</v>
          </cell>
          <cell r="AD38" t="str">
            <v>１カ月間</v>
          </cell>
          <cell r="AE38">
            <v>1</v>
          </cell>
        </row>
        <row r="39">
          <cell r="O39" t="str">
            <v>第2.2(5)</v>
          </cell>
          <cell r="P39" t="str">
            <v>＊　別表第２・２（５）　（独占禁止法違反行為）
２　業務に関し、入札参加資格者が、独占禁止法第３条又は第８条第1項第1号に違反し、
　工事等の契約の相手方として不適当であると認められるとき。
⑸　市が発注する工事等に関する違反行為について､公正取引委員会から刑事告発を受け､
　又はこれにより逮捕されたとき。
　当該認定をした日から１８カ月</v>
          </cell>
          <cell r="Q39" t="str">
            <v>独占禁止法違反行為</v>
          </cell>
          <cell r="R39" t="str">
            <v>１２カ月</v>
          </cell>
          <cell r="S39">
            <v>12</v>
          </cell>
          <cell r="U39" t="str">
            <v>第2.2(7)</v>
          </cell>
          <cell r="AA39" t="str">
            <v>第2.2(2)ｱ</v>
          </cell>
          <cell r="AB39" t="str">
            <v>【旧指名停止基準】
＊　別表第２・２（２）ア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2) 公正取引委員会の刑事告発があったとき　ア　市発注工事等　６カ月</v>
          </cell>
          <cell r="AC39" t="str">
            <v>独占禁止法違反</v>
          </cell>
          <cell r="AD39" t="str">
            <v>６カ月間</v>
          </cell>
          <cell r="AE39">
            <v>6</v>
          </cell>
        </row>
        <row r="40">
          <cell r="O40" t="str">
            <v>第2.2(6)</v>
          </cell>
          <cell r="P40" t="str">
            <v>＊　別表第２・２（６）　（独占禁止法違反行為）
２　業務に関し、入札参加資格者が、独占禁止法第３条又は第８条第1項第1号に違反し、
　工事等の契約の相手方として不適当であると認められるとき。
⑹　県内の一般工事等に関する違反行為について、公正取引委員会から刑事告発を受け、
　又はこれにより逮捕されたとき。
　当該認定をした日から１２カ月</v>
          </cell>
          <cell r="Q40" t="str">
            <v>独占禁止法違反行為</v>
          </cell>
          <cell r="R40" t="str">
            <v>１２カ月</v>
          </cell>
          <cell r="S40">
            <v>12</v>
          </cell>
          <cell r="U40" t="str">
            <v>第2.2(8)</v>
          </cell>
          <cell r="AA40" t="str">
            <v>第2.2(2)ｲ</v>
          </cell>
          <cell r="AB40" t="str">
            <v>【旧指名停止基準】
＊　別表第２・２（２）イ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2) 公正取引委員会の刑事告発があったとき　イ　県内一般工事等　５カ月</v>
          </cell>
          <cell r="AC40" t="str">
            <v>独占禁止法違反</v>
          </cell>
          <cell r="AD40" t="str">
            <v>５カ月間</v>
          </cell>
          <cell r="AE40">
            <v>5</v>
          </cell>
        </row>
        <row r="41">
          <cell r="O41" t="str">
            <v>第2.2(7)</v>
          </cell>
          <cell r="P41" t="str">
            <v>＊　別表第２・２（７）　（独占禁止法違反行為）
２　業務に関し、入札参加資格者が、独占禁止法第３条又は第８条第1項第1号に違反し、
　工事等の契約の相手方として不適当であると認められるとき。
⑺　近畿内の一般工事等に関する違反行為について､公正取引委員会から刑事告発を受け､
　又はこれにより逮捕されたとき。
　当該認定をした日から６カ月</v>
          </cell>
          <cell r="Q41" t="str">
            <v>独占禁止法違反行為</v>
          </cell>
          <cell r="R41" t="str">
            <v>６カ月</v>
          </cell>
          <cell r="S41">
            <v>6</v>
          </cell>
          <cell r="U41" t="str">
            <v>第2.3(1)</v>
          </cell>
          <cell r="V41" t="str">
            <v>＊　別表第２・３（１）　（競売入札妨害又は談合）
３　入札参加資格者等が、競売入札妨害又は談合の容疑により逮捕、書類送検又は起訴さ
　れたとき。
⑴　市が発注する工事等に関し、競売入札妨害又は談合の容疑により逮捕、書類送検又は
　起訴されたとき。
　逮捕、書類送検又は起訴を知った日から１８カ月</v>
          </cell>
          <cell r="W41" t="str">
            <v>競売入札妨害又は談合</v>
          </cell>
          <cell r="X41" t="str">
            <v>１８カ月</v>
          </cell>
          <cell r="Y41">
            <v>18</v>
          </cell>
          <cell r="AA41" t="str">
            <v>第2.2(2)ｳ</v>
          </cell>
          <cell r="AB41" t="str">
            <v>【旧指名停止基準】
＊　別表第２・２（２）ウ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2) 公正取引委員会の刑事告発があったとき　ウ　近畿内一般工事等　４カ月</v>
          </cell>
          <cell r="AC41" t="str">
            <v>独占禁止法違反</v>
          </cell>
          <cell r="AD41" t="str">
            <v>４カ月間</v>
          </cell>
          <cell r="AE41">
            <v>4</v>
          </cell>
        </row>
        <row r="42">
          <cell r="O42" t="str">
            <v>第2.2(8)</v>
          </cell>
          <cell r="P42" t="str">
            <v>＊　別表第２・２（８）　（独占禁止法違反行為）
２　業務に関し、入札参加資格者が、独占禁止法第３条又は第８条第1項第1号に違反し、
　工事等の契約の相手方として不適当であると認められるとき。
⑻　近畿外の一般工事等に関する違反行為について､公正取引委員会から刑事告発を受け､
　又はこれにより逮捕されたとき。
　当該認定をした日から６カ月</v>
          </cell>
          <cell r="Q42" t="str">
            <v>独占禁止法違反行為</v>
          </cell>
          <cell r="R42" t="str">
            <v>６カ月</v>
          </cell>
          <cell r="S42">
            <v>6</v>
          </cell>
          <cell r="U42" t="str">
            <v>第2.3(2)</v>
          </cell>
          <cell r="V42" t="str">
            <v>＊　別表第２・３（２）　（競売入札妨害又は談合）
３　入札参加資格者等が、競売入札妨害又は談合の容疑により逮捕、書類送検又は起訴さ
　れたとき。
⑵　県内の一般工事等に関し、競売入札妨害又は談合の容疑により逮捕、書類送検又は起
　訴されたとき。
　逮捕、書類送検又は起訴を知った日から１２カ月</v>
          </cell>
          <cell r="W42" t="str">
            <v>競売入札妨害又は談合</v>
          </cell>
          <cell r="X42" t="str">
            <v>１２カ月</v>
          </cell>
          <cell r="Y42">
            <v>12</v>
          </cell>
          <cell r="AA42" t="str">
            <v>第2.2(2)ｴ</v>
          </cell>
          <cell r="AB42" t="str">
            <v>【旧指名停止基準】
＊　別表第２・２（２）エ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2) 公正取引委員会の刑事告発があったとき　エ　近畿外一般工事等　１カ月</v>
          </cell>
          <cell r="AC42" t="str">
            <v>独占禁止法違反</v>
          </cell>
          <cell r="AD42" t="str">
            <v>１カ月間</v>
          </cell>
          <cell r="AE42">
            <v>1</v>
          </cell>
        </row>
        <row r="43">
          <cell r="O43" t="str">
            <v>第2.3(1)</v>
          </cell>
          <cell r="P43" t="str">
            <v>＊　別表第２・３（１）　（競売入札妨害又は談合）
３　入札参加資格者等が、競売入札妨害又は談合の容疑により逮捕、書類送検又は起訴さ
　れたとき。
⑴　市が発注する工事等に関し、競売入札妨害又は談合の容疑により逮捕、書類送検又は
　起訴されたとき。
　逮捕、書類送検又は起訴を知った日から１８カ月</v>
          </cell>
          <cell r="Q43" t="str">
            <v>競売入札妨害又は談合</v>
          </cell>
          <cell r="R43" t="str">
            <v>１８カ月</v>
          </cell>
          <cell r="S43">
            <v>18</v>
          </cell>
          <cell r="U43" t="str">
            <v>第2.3(3)</v>
          </cell>
          <cell r="V43" t="str">
            <v>＊　別表第２・３（３）　（競売入札妨害又は談合）
３　入札参加資格者等が、競売入札妨害又は談合の容疑により逮捕、書類送検又は起訴さ
　れたとき。
⑶　県外の一般工事等に関し、競売入札妨害又は談合の容疑により逮捕、書類送検又は
　起訴されたとき。
　逮捕、書類送検又は起訴を知った日から６カ月</v>
          </cell>
          <cell r="W43" t="str">
            <v>競売入札妨害又は談合</v>
          </cell>
          <cell r="X43" t="str">
            <v>６カ月</v>
          </cell>
          <cell r="Y43">
            <v>6</v>
          </cell>
          <cell r="AA43" t="str">
            <v>第2.2(3)ｱ</v>
          </cell>
          <cell r="AB43" t="str">
            <v>【旧指名停止基準】
＊　別表第２・２（３）ア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3) 公正取引委員会の課徴金納付命令があったとき　ア　市発注工事等　３カ月</v>
          </cell>
          <cell r="AC43" t="str">
            <v>独占禁止法違反</v>
          </cell>
          <cell r="AD43" t="str">
            <v>３カ月間</v>
          </cell>
          <cell r="AE43">
            <v>3</v>
          </cell>
        </row>
        <row r="44">
          <cell r="O44" t="str">
            <v>第2.3(2)</v>
          </cell>
          <cell r="P44" t="str">
            <v>＊　別表第２・３（２）　（競売入札妨害又は談合）
３　入札参加資格者等が、競売入札妨害又は談合の容疑により逮捕、書類送検又は起訴さ
　れたとき。
⑵　県内の一般工事等に関し、競売入札妨害又は談合の容疑により逮捕、書類送検又は起
　訴されたとき。
　逮捕、書類送検又は起訴を知った日から１２カ月</v>
          </cell>
          <cell r="Q44" t="str">
            <v>競売入札妨害又は談合</v>
          </cell>
          <cell r="R44" t="str">
            <v>１２カ月</v>
          </cell>
          <cell r="S44">
            <v>12</v>
          </cell>
          <cell r="U44" t="str">
            <v>第2.3(4)</v>
          </cell>
          <cell r="V44" t="str">
            <v>＊　別表第２・３（４）　（競売入札妨害又は談合）
３　入札参加資格者等が、競売入札妨害又は談合の容疑により逮捕、書類送検又は起訴さ
　れたとき。
⑷　近畿外の一般工事等に関し、競売入札妨害又は談合の容疑により逮捕、書類送検又は
　起訴されたとき。
　逮捕、書類送検又は起訴を知った日から６カ月</v>
          </cell>
          <cell r="W44" t="str">
            <v>競売入札妨害又は談合</v>
          </cell>
          <cell r="X44" t="str">
            <v>６カ月</v>
          </cell>
          <cell r="Y44">
            <v>6</v>
          </cell>
          <cell r="AA44" t="str">
            <v>第2.2(3)ｲ</v>
          </cell>
          <cell r="AB44" t="str">
            <v>【旧指名停止基準】
＊　別表第２・２（３）イ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3) 公正取引委員会の課徴金納付命令があったとき　イ　県内一般工事等　２カ月</v>
          </cell>
          <cell r="AC44" t="str">
            <v>独占禁止法違反</v>
          </cell>
          <cell r="AD44" t="str">
            <v>２カ月間</v>
          </cell>
          <cell r="AE44">
            <v>2</v>
          </cell>
        </row>
        <row r="45">
          <cell r="O45" t="str">
            <v>第2.3(3)</v>
          </cell>
          <cell r="P45" t="str">
            <v>＊　別表第２・３（３）　（競売入札妨害又は談合）
３　入札参加資格者等が、競売入札妨害又は談合の容疑により逮捕、書類送検又は起訴さ
　れたとき。
⑶　近畿内の一般工事等に関し、競売入札妨害又は談合の容疑により逮捕、書類送検又は
　起訴されたとき。
　逮捕、書類送検又は起訴を知った日から６カ月</v>
          </cell>
          <cell r="Q45" t="str">
            <v>競売入札妨害又は談合</v>
          </cell>
          <cell r="R45" t="str">
            <v>６カ月</v>
          </cell>
          <cell r="S45">
            <v>6</v>
          </cell>
          <cell r="U45" t="str">
            <v>第2.4(1)</v>
          </cell>
          <cell r="V45" t="str">
            <v>＊　別表第２・４（１）　（補助金の不正受給を目的とした不正行為）
４　業務に関し、入札参加資格者等が、補助金等（注８）の不正受給を目的とした不正行
　為により、補助金等に係る予算の執行の適正化に関する法律（昭和３０年法律第１７９
　号。以下「補助金等適正化法」という。）第２９条若しくは第３０条又は詐欺（刑法第
　２４６条に規定する罪をいう。以下同じ。）の容疑により、逮捕、書類送検又は起訴さ
　れたとき。
⑴　市の補助事業等（注９）又は間接補助事業等（注１０）（以下「補助事業等」とい
　う。）に関し補助金等適正化法第２９条若しくは第３０条又は詐欺の容疑により逮捕、
　書類送検又は起訴されたとき。
　逮捕、書類送検又は起訴を知った日から１２カ月
（注８）補助金等とは、補助金等適正化法第２条第１項に規定されるもの又は地方自治法
　（昭和２２年法律第６７号）第２３２条の２に基づく現金的給付をいう。
（注９）補助事業等とは、補助金等の交付の対象となる事務又は事業をいう。
（注10）間接補助事業等とは、国以外のものが国から補助金等の交付を受け、それを財源
　として交付する給付金の対象となる事務又は事業をいう。</v>
          </cell>
          <cell r="W45" t="str">
            <v>補助金の不正受給を目的とした不正行為</v>
          </cell>
          <cell r="X45" t="str">
            <v>１２カ月</v>
          </cell>
          <cell r="Y45">
            <v>12</v>
          </cell>
          <cell r="AA45" t="str">
            <v>第2.2(3)ｳ</v>
          </cell>
          <cell r="AB45" t="str">
            <v>【旧指名停止基準】
＊　別表第２・２（３）ウ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3) 公正取引委員会の課徴金納付命令があったとき　ウ　近畿内一般工事等　１カ月</v>
          </cell>
          <cell r="AC45" t="str">
            <v>独占禁止法違反</v>
          </cell>
          <cell r="AD45" t="str">
            <v>１カ月間</v>
          </cell>
          <cell r="AE45">
            <v>1</v>
          </cell>
        </row>
        <row r="46">
          <cell r="O46" t="str">
            <v>第2.3(4)</v>
          </cell>
          <cell r="P46" t="str">
            <v>＊　別表第２・３（４）　（競売入札妨害又は談合）
３　入札参加資格者等が、競売入札妨害又は談合の容疑により逮捕、書類送検又は起訴さ
　れたとき。
⑷　近畿外の一般工事等に関し、競売入札妨害又は談合の容疑により逮捕、書類送検又は
　起訴されたとき。
　逮捕、書類送検又は起訴を知った日から６カ月</v>
          </cell>
          <cell r="Q46" t="str">
            <v>競売入札妨害又は談合</v>
          </cell>
          <cell r="R46" t="str">
            <v>６カ月</v>
          </cell>
          <cell r="S46">
            <v>6</v>
          </cell>
          <cell r="U46" t="str">
            <v>第2.4(2)</v>
          </cell>
          <cell r="V46" t="str">
            <v>＊　別表第２・４（２）　（補助金の不正受給を目的とした不正行為）
４　業務に関し、入札参加資格者等が、補助金等（注８）の不正受給を目的とした不正行
　為により、補助金等に係る予算の執行の適正化に関する法律（昭和３０年法律第１７９
　号。以下「補助金等適正化法」という。）第２９条若しくは第３０条又は詐欺（刑法第
　２４６条に規定する罪をいう。以下同じ。）の容疑により、逮捕、書類送検又は起訴さ
　れたとき。
⑵　県内の市町の補助事業等に関し、補助金等適正化法第２９条若しくは第３０条又は詐
　欺の容疑により逮捕、書類送検又は起訴されたとき。
　逮捕、書類送検又は起訴を知った日から９カ月
（注８）補助金等とは、補助金等適正化法第２条第１項に規定されるもの又は地方自治法
　（昭和２２年法律第６７号）第２３２条の２に基づく現金的給付をいう。</v>
          </cell>
          <cell r="W46" t="str">
            <v>補助金の不正受給を目的とした不正行為</v>
          </cell>
          <cell r="X46" t="str">
            <v>９カ月</v>
          </cell>
          <cell r="Y46">
            <v>9</v>
          </cell>
          <cell r="AA46" t="str">
            <v>第2.2(3)ｴ</v>
          </cell>
          <cell r="AB46" t="str">
            <v>【旧指名停止基準】
＊　別表第２・２（３）エ　（独占禁止法違反行為）
２　業務に関し，私的独占の禁止及び公正取引の確保に関する法律（昭和22年法律第54号。以下「独占禁止法」という。）第３条又は第８条第１項第２号に違反し，工事等の契約の相手方として不適当であると認められるとき。
(3) 公正取引委員会の課徴金納付命令があったとき　エ　近畿外一般工事等　１カ月</v>
          </cell>
          <cell r="AC46" t="str">
            <v>独占禁止法違反</v>
          </cell>
          <cell r="AD46" t="str">
            <v>１カ月間</v>
          </cell>
          <cell r="AE46">
            <v>1</v>
          </cell>
        </row>
        <row r="47">
          <cell r="O47" t="str">
            <v>第2.4(1)</v>
          </cell>
          <cell r="P47" t="str">
            <v>＊　別表第２・４（１）　（補助金の不正受給を目的とした不正行為）
４　業務に関し、入札参加資格者等が、補助金等（注８）の不正受給を目的とした不正行
　為により、補助金等に係る予算の執行の適正化に関する法律（昭和３０年法律第１７９
　号。以下「補助金等適正化法」という。）第２９条若しくは第３０条又は詐欺（刑法第
　２４６条に規定する罪をいう。以下同じ。）の容疑により、逮捕、書類送検又は起訴さ
　れたとき。
⑴　市の補助事業等（注９）又は間接補助事業等（注１０）（以下「補助事業等」とい
　う。）に関し補助金等適正化法第２９条若しくは第３０条又は詐欺の容疑により逮捕、
　書類送検又は起訴されたとき。
　逮捕、書類送検又は起訴を知った日から１２カ月
（注８）補助金等とは、補助金等適正化法第２条第１項に規定されるもの又は地方自治法
　（昭和２２年法律第６７号）第２３２条の２に基づく現金的給付をいう。
（注９）補助事業等とは、補助金等の交付の対象となる事務又は事業をいう。
（注10）間接補助事業等とは、国以外のものが国から補助金等の交付を受け、それを財源
　として交付する給付金の対象となる事務又は事業をいう。</v>
          </cell>
          <cell r="Q47" t="str">
            <v>補助金の不正受給を目的とした不正行為</v>
          </cell>
          <cell r="R47" t="str">
            <v>１２カ月</v>
          </cell>
          <cell r="S47">
            <v>12</v>
          </cell>
          <cell r="U47" t="str">
            <v>第2.4(3)</v>
          </cell>
          <cell r="V47" t="str">
            <v>＊　別表第２・４（３）　（補助金の不正受給を目的とした不正行為）
４　業務に関し、入札参加資格者等が、補助金等（注８）の不正受給を目的とした不正行
　為により、補助金等に係る予算の執行の適正化に関する法律（昭和３０年法律第１７９
　号。以下「補助金等適正化法」という。）第２９条若しくは第３０条又は詐欺（刑法第
　２４６条に規定する罪をいう。以下同じ。）の容疑により、逮捕、書類送検又は起訴さ
　れたとき。
⑶　近畿内の自治体の補助事業等に関し、補助金等適正化法第２９条若しくは第３０条又
　は詐欺の容疑により逮捕、書類送検又は起訴されたとき。
　逮捕、書類送検又は起訴を知った日から６カ月
（注８）補助金等とは、補助金等適正化法第２条第１項に規定されるもの又は地方自治法
　（昭和２２年法律第６７号）第２３２条の２に基づく現金的給付をいう。</v>
          </cell>
          <cell r="W47" t="str">
            <v>補助金の不正受給を目的とした不正行為</v>
          </cell>
          <cell r="X47" t="str">
            <v>６カ月</v>
          </cell>
          <cell r="Y47">
            <v>6</v>
          </cell>
          <cell r="AA47" t="str">
            <v>第2.3ｱ</v>
          </cell>
          <cell r="AB47" t="str">
            <v>【旧指名停止基準】
＊　別表第２・３ア　（談合）
３　入札参加資格者又はその使用人が談合罪又は競争入札妨害罪の容疑で逮捕，書類送検又は起訴されたとき。
ア　市発注工事等　１２カ月</v>
          </cell>
          <cell r="AC47" t="str">
            <v>談合</v>
          </cell>
          <cell r="AD47" t="str">
            <v>１２カ月間</v>
          </cell>
          <cell r="AE47">
            <v>12</v>
          </cell>
        </row>
        <row r="48">
          <cell r="O48" t="str">
            <v>第2.4(2)</v>
          </cell>
          <cell r="P48" t="str">
            <v>＊　別表第２・４（２）　（補助金の不正受給を目的とした不正行為）
４　業務に関し、入札参加資格者等が、補助金等（注８）の不正受給を目的とした不正行
　為により、補助金等に係る予算の執行の適正化に関する法律（昭和３０年法律第１７９
　号。以下「補助金等適正化法」という。）第２９条若しくは第３０条又は詐欺（刑法第
　２４６条に規定する罪をいう。以下同じ。）の容疑により、逮捕、書類送検又は起訴さ
　れたとき。
⑵　県内の市町の補助事業等に関し、補助金等適正化法第２９条若しくは第３０条又は詐
　欺の容疑により逮捕、書類送検又は起訴されたとき。
　逮捕、書類送検又は起訴を知った日から９カ月
（注８）補助金等とは、補助金等適正化法第２条第１項に規定されるもの又は地方自治法
　（昭和２２年法律第６７号）第２３２条の２に基づく現金的給付をいう。</v>
          </cell>
          <cell r="Q48" t="str">
            <v>補助金の不正受給を目的とした不正行為</v>
          </cell>
          <cell r="R48" t="str">
            <v>９カ月</v>
          </cell>
          <cell r="S48">
            <v>9</v>
          </cell>
          <cell r="U48" t="str">
            <v>第2.4(4)</v>
          </cell>
          <cell r="V48" t="str">
            <v>＊　別表第２・４（４）　（補助金の不正受給を目的とした不正行為）
４　業務に関し、入札参加資格者等が、補助金等（注８）の不正受給を目的とした不正行
　為により、補助金等に係る予算の執行の適正化に関する法律（昭和３０年法律第１７９
　号。以下「補助金等適正化法」という。）第２９条若しくは第３０条又は詐欺（刑法第
　２４６条に規定する罪をいう。以下同じ。）の容疑により、逮捕、書類送検又は起訴さ
　れたとき。
⑷　近畿外の自治体の補助事業等に関し、補助金等適正化法第２９条若しくは第３０条又
　は詐欺の容疑により逮捕、書類送検又は起訴されたとき。
　逮捕、書類送検又は起訴を知った日から３カ月
（注８）補助金等とは、補助金等適正化法第２条第１項に規定されるもの又は地方自治法
　（昭和２２年法律第６７号）第２３２条の２に基づく現金的給付をいう。</v>
          </cell>
          <cell r="W48" t="str">
            <v>補助金の不正受給を目的とした不正行為</v>
          </cell>
          <cell r="X48" t="str">
            <v>３カ月</v>
          </cell>
          <cell r="Y48">
            <v>3</v>
          </cell>
          <cell r="AA48" t="str">
            <v>第2.3ｲ</v>
          </cell>
          <cell r="AB48" t="str">
            <v>【旧指名停止基準】
＊　別表第２・３イ　（談合）
３　入札参加資格者又はその使用人が談合罪又は競争入札妨害罪の容疑で逮捕，書類送検又は起訴されたとき。
イ　県内一般工事等　９カ月</v>
          </cell>
          <cell r="AC48" t="str">
            <v>談合</v>
          </cell>
          <cell r="AD48" t="str">
            <v>９カ月間</v>
          </cell>
          <cell r="AE48">
            <v>9</v>
          </cell>
        </row>
        <row r="49">
          <cell r="O49" t="str">
            <v>第2.4(3)</v>
          </cell>
          <cell r="P49" t="str">
            <v>＊　別表第２・４（３）　（補助金の不正受給を目的とした不正行為）
４　業務に関し、入札参加資格者等が、補助金等（注８）の不正受給を目的とした不正行
　為により、補助金等に係る予算の執行の適正化に関する法律（昭和３０年法律第１７９
　号。以下「補助金等適正化法」という。）第２９条若しくは第３０条又は詐欺（刑法第
　２４６条に規定する罪をいう。以下同じ。）の容疑により、逮捕、書類送検又は起訴さ
　れたとき。
⑶　近畿内の自治体の補助事業等に関し、補助金等適正化法第２９条若しくは第３０条又
　は詐欺の容疑により逮捕、書類送検又は起訴されたとき。
　逮捕、書類送検又は起訴を知った日から６カ月
（注８）補助金等とは、補助金等適正化法第２条第１項に規定されるもの又は地方自治法
　（昭和２２年法律第６７号）第２３２条の２に基づく現金的給付をいう。</v>
          </cell>
          <cell r="Q49" t="str">
            <v>補助金の不正受給を目的とした不正行為</v>
          </cell>
          <cell r="R49" t="str">
            <v>６カ月</v>
          </cell>
          <cell r="S49">
            <v>6</v>
          </cell>
          <cell r="U49" t="str">
            <v>第2.5(1)</v>
          </cell>
          <cell r="V49" t="str">
            <v>＊　別表第２・５（１）　（暴力団関係）
５　入札参加資格者に関し、警察からの通報等により、次の該当することが明らかになったとき。
⑴　暴力団員が役員として経営に関与していること｡
　当該認定をした日から２４カ月以上その事実がなくなったと認められるまで</v>
          </cell>
          <cell r="W49" t="str">
            <v>暴力団関係</v>
          </cell>
          <cell r="X49" t="str">
            <v>２４カ月以上その事実がなくなったと認められるまで</v>
          </cell>
          <cell r="Y49">
            <v>24</v>
          </cell>
          <cell r="AA49" t="str">
            <v>第2.3ｳ</v>
          </cell>
          <cell r="AB49" t="str">
            <v>【旧指名停止基準】
＊　別表第２・３ウ　（談合）
３　入札参加資格者又はその使用人が談合罪又は競争入札妨害罪の容疑で逮捕，書類送検又は起訴されたとき。
ウ　近畿内一般工事等　６カ月</v>
          </cell>
          <cell r="AC49" t="str">
            <v>談合</v>
          </cell>
          <cell r="AD49" t="str">
            <v>６カ月間</v>
          </cell>
          <cell r="AE49">
            <v>6</v>
          </cell>
        </row>
        <row r="50">
          <cell r="O50" t="str">
            <v>第2.4(4)</v>
          </cell>
          <cell r="P50" t="str">
            <v>＊　別表第２・４（４）　（補助金の不正受給を目的とした不正行為）
４　業務に関し、入札参加資格者等が、補助金等（注８）の不正受給を目的とした不正行
　為により、補助金等に係る予算の執行の適正化に関する法律（昭和３０年法律第１７９
　号。以下「補助金等適正化法」という。）第２９条若しくは第３０条又は詐欺（刑法第
　２４６条に規定する罪をいう。以下同じ。）の容疑により、逮捕、書類送検又は起訴さ
　れたとき。
⑷　近畿外の自治体の補助事業等に関し、補助金等適正化法第２９条若しくは第３０条又
　は詐欺の容疑により逮捕、書類送検又は起訴されたとき。
　逮捕、書類送検又は起訴を知った日から３カ月
（注８）補助金等とは、補助金等適正化法第２条第１項に規定されるもの又は地方自治法
　（昭和２２年法律第６７号）第２３２条の２に基づく現金的給付をいう。</v>
          </cell>
          <cell r="Q50" t="str">
            <v>補助金の不正受給を目的とした不正行為</v>
          </cell>
          <cell r="R50" t="str">
            <v>３カ月</v>
          </cell>
          <cell r="S50">
            <v>3</v>
          </cell>
          <cell r="U50" t="str">
            <v>第2.5(2)</v>
          </cell>
          <cell r="V50" t="str">
            <v>＊　別表第２・５（２）　（暴力団関係）
５　入札参加資格者に関し、警察からの通報等により、次の該当することが明らかになったとき。
⑵　暴力団員を相当の責任の地位にある者（注９）として使用し、又は代理人として選
　任していること。
　当該認定をした日から２４カ月以上その事実がなくなったと認められるまで
（注11）相当の地位にある者とは、役員以外で業務に関し監督責任を有する使用人のこと
　をいう。</v>
          </cell>
          <cell r="W50" t="str">
            <v>暴力団関係</v>
          </cell>
          <cell r="X50" t="str">
            <v>２４カ月以上その事実がなくなったと認められるまで</v>
          </cell>
          <cell r="Y50">
            <v>24</v>
          </cell>
          <cell r="AA50" t="str">
            <v>第2.3ｴ</v>
          </cell>
          <cell r="AB50" t="str">
            <v>【旧指名停止基準】
＊　別表第２・３エ　（談合）
３　入札参加資格者又はその使用人が談合罪又は競争入札妨害罪の容疑で逮捕，書類送検又は起訴されたとき。
エ　近畿外一般工事等　３カ月</v>
          </cell>
          <cell r="AC50" t="str">
            <v>談合</v>
          </cell>
          <cell r="AD50" t="str">
            <v>３カ月間</v>
          </cell>
          <cell r="AE50">
            <v>3</v>
          </cell>
        </row>
        <row r="51">
          <cell r="O51" t="str">
            <v>第2.5(1)</v>
          </cell>
          <cell r="P51" t="str">
            <v>＊　別表第２・５（１）　（暴力団関係）
５　入札参加資格者に関し、警察より次の通報があったとき。
⑴　暴力団員が役員として経営に関与(実質的に関与している場合を含む｡)しているとき｡
　当該認定をした日から１２カ月以上その事実がなくなったと通報があるまで</v>
          </cell>
          <cell r="Q51" t="str">
            <v>暴力団関係</v>
          </cell>
          <cell r="R51" t="str">
            <v>１２カ月以上その事実がなくなったと通報があるまで</v>
          </cell>
          <cell r="S51">
            <v>12</v>
          </cell>
          <cell r="U51" t="str">
            <v>第2.5(3)</v>
          </cell>
          <cell r="V51" t="str">
            <v>＊　別表第２・５（３）　（暴力団関係）
５　入札参加資格者に関し、警察からの通報等により、次の該当することが明らかになったとき。
⑶　役員その他相当の責任の地位にある者（以下「役員等」という。）が自己若しくは自己の
　関係者の利益を図り、又は特定の者に損害を与えるため、暴力団の威力を利用したこと。
　当該認定をした日から１２カ月以上その事実がなくなったと通報があるまで</v>
          </cell>
          <cell r="W51" t="str">
            <v>暴力団関係</v>
          </cell>
          <cell r="X51" t="str">
            <v>１２カ月以上その事実がなくなったと認められるまで</v>
          </cell>
          <cell r="Y51">
            <v>12</v>
          </cell>
          <cell r="AA51" t="str">
            <v>第2.4(1)</v>
          </cell>
          <cell r="AB51" t="str">
            <v>【旧指名停止基準】
＊　別表第２・４（１）　（暴力団関係）
４　入札参加資格者に関し，警察より次の通報があったとき。
(1) 暴力団員が役員として経営に関与（実質的に関与している場合を含む。）しているとき。
　　１２カ月以上その事実がなくなったと通報があるまで</v>
          </cell>
          <cell r="AC51" t="str">
            <v>暴力団関係</v>
          </cell>
          <cell r="AD51" t="str">
            <v>１２カ月以上その事実がなくなったと通報があるまで</v>
          </cell>
          <cell r="AE51">
            <v>12</v>
          </cell>
        </row>
        <row r="52">
          <cell r="O52" t="str">
            <v>第2.5(2)</v>
          </cell>
          <cell r="P52" t="str">
            <v>＊　別表第２・５（２）　（暴力団関係）
５　入札参加資格者に関し、警察より次の通報があったとき。
⑵　暴力団員を相当の責任の地位にある者（注１１）として使用し、又は代理人として選
　任しているとき。
　当該認定をした日から６カ月以上その事実がなくなったと通報があるまで
（注11）相当の地位にある者とは、役員以外で業務に関し監督責任を有する使用人のこと
　をいう。</v>
          </cell>
          <cell r="Q52" t="str">
            <v>暴力団関係</v>
          </cell>
          <cell r="R52" t="str">
            <v>６カ月以上その事実がなくなったと通報があるまで</v>
          </cell>
          <cell r="S52">
            <v>6</v>
          </cell>
          <cell r="U52" t="str">
            <v>第2.5(4)</v>
          </cell>
          <cell r="V52" t="str">
            <v>＊　別表第２・５（４）　（暴力団関係）
５　入札参加資格者に関し、警察からの通報等により、次の該当することが明らかになったとき。
⑷　役員等が暴力団又は暴力団員（以下「暴力団等」という。）に資金援助等の経済的便宜を
　図ったこと。
　当該認定をした日から１２カ月以上その事実がなくなったと通報があるまで</v>
          </cell>
          <cell r="W52" t="str">
            <v>暴力団関係</v>
          </cell>
          <cell r="X52" t="str">
            <v>１２カ月以上その事実がなくなったと認められるまで</v>
          </cell>
          <cell r="Y52">
            <v>12</v>
          </cell>
          <cell r="AA52" t="str">
            <v>第2.4(2)</v>
          </cell>
          <cell r="AB52" t="str">
            <v>【旧指名停止基準】
＊　別表第２・４（２）　（暴力団関係）
４　入札参加資格者に関し，警察より次の通報があったとき。
(2) 暴力団員を相当の責任の地位にある者として使用し，又は代理人として選任しているとき。
　　６カ月以上その事実がなくなったと通報があるまで</v>
          </cell>
          <cell r="AC52" t="str">
            <v>暴力団関係</v>
          </cell>
          <cell r="AD52" t="str">
            <v>６カ月以上その事実がなくなったと通報があるまで</v>
          </cell>
          <cell r="AE52">
            <v>6</v>
          </cell>
        </row>
        <row r="53">
          <cell r="O53" t="str">
            <v>第2.5(3)</v>
          </cell>
          <cell r="P53" t="str">
            <v>＊　別表第２・５（３）　（暴力団関係）
５　入札参加資格者に関し、警察より次の通報があったとき。
⑶　入札参加資格者又はその役員（以下「役員等」という。）その他相当の責任の地位に
　ある者が、自己若しくは第三者の利益を図り、又は第三者に損害を与えるため、暴力団
　員の威力を利用したことが明らかになったとき。
　当該認定をした日から６カ月以上その事実がなくなったと通報があるまで</v>
          </cell>
          <cell r="Q53" t="str">
            <v>暴力団関係</v>
          </cell>
          <cell r="R53" t="str">
            <v>６カ月以上その事実がなくなったと通報があるまで</v>
          </cell>
          <cell r="S53">
            <v>6</v>
          </cell>
          <cell r="U53" t="str">
            <v>第2.5(5)</v>
          </cell>
          <cell r="V53" t="str">
            <v>＊　別表第２・５（５）　（暴力団関係）
５　入札参加資格者に関し、警察からの通報等により、次の該当することが明らかになったとき。
⑸　役員等に暴力団等と社会的に非難される関係を有していると認められること。
　当該認定をした日から１２カ月以上その事実がなくなったと通報があるまで</v>
          </cell>
          <cell r="W53" t="str">
            <v>暴力団関係</v>
          </cell>
          <cell r="X53" t="str">
            <v>１２カ月以上その事実がなくなったと認められるまで</v>
          </cell>
          <cell r="Y53">
            <v>12</v>
          </cell>
          <cell r="AA53" t="str">
            <v>第2.4(3)</v>
          </cell>
          <cell r="AB53" t="str">
            <v>【旧指名停止基準】
＊　別表第２・４（３）　（暴力団関係）
４　入札参加資格者に関し，警察より次の通報があったとき。
(3) 入札参加資格者又はその役員（以下「役員等」という。）の他相当の責任の地位にある者が，暴力団員に資金援助等の経済的便宜を図ったとき。　３カ月以上その事実がなくなったと通報があるまで</v>
          </cell>
          <cell r="AC53" t="str">
            <v>暴力団関係</v>
          </cell>
          <cell r="AD53" t="str">
            <v>３カ月以上その事実がなくなったと通報があるまで</v>
          </cell>
          <cell r="AE53">
            <v>3</v>
          </cell>
        </row>
        <row r="54">
          <cell r="O54" t="str">
            <v>第2.5(4)</v>
          </cell>
          <cell r="P54" t="str">
            <v>＊　別表第２・５（４）　（暴力団関係）
５　入札参加資格者に関し、警察より次の通報があったとき。
⑷　役員等その他相当の責任の地位にある者が、暴力団員に資金援助等の経済的便宜を図
　ったとき。
　当該認定をした日から３カ月以上その事実がなくなったと通報があるまで</v>
          </cell>
          <cell r="Q54" t="str">
            <v>暴力団関係</v>
          </cell>
          <cell r="R54" t="str">
            <v>３カ月以上その事実がなくなったと通報があるまで</v>
          </cell>
          <cell r="S54">
            <v>3</v>
          </cell>
          <cell r="U54" t="str">
            <v>第2.5(6)</v>
          </cell>
          <cell r="V54" t="str">
            <v>＊　別表第２・５（６）　（暴力団関係）
５　入札参加資格者に関し、警察からの通報等により、次の該当することが明らかになったとき。
⑹　役員等に暴力団と関係する事業者であることを知りながら、入札参加資格の有無に
　かかわらず、当該事業者を下請負等（資材・原材料の購入を含むその他契約行為）で
　利用していること。
　１２カ月以上その事実がなくなったと認められるまで</v>
          </cell>
          <cell r="W54" t="str">
            <v>暴力団関係</v>
          </cell>
          <cell r="X54" t="str">
            <v>１２カ月以上その事実がなくなったと認められるまで</v>
          </cell>
          <cell r="Y54">
            <v>12</v>
          </cell>
          <cell r="AA54" t="str">
            <v>第2.5(1)</v>
          </cell>
          <cell r="AB54" t="str">
            <v>【旧指名停止基準】
＊　別表第２・５（１）　（補助金の不正受給を目的とした不正行為）
５　入札参加資格者等が，補助金等に係る予算の執行の適正化に関する法律（昭和３０年法律第１７９号）違反又は詐欺罪の容疑により逮捕，書類送検又は起訴されたとき。
(1) 市発注工事等又は市の補助金受給に関するもの　１２カ月</v>
          </cell>
          <cell r="AC54" t="str">
            <v>不正行為</v>
          </cell>
          <cell r="AD54" t="str">
            <v>１２カ月間</v>
          </cell>
          <cell r="AE54">
            <v>12</v>
          </cell>
        </row>
        <row r="55">
          <cell r="O55" t="str">
            <v>第2.5(5)</v>
          </cell>
          <cell r="P55" t="str">
            <v>＊　別表第２・５（５）　（暴力団関係）
５　入札参加資格者に関し、警察より次の通報があったとき。
⑸　役員等が、暴力団又は暴力団員と社会的に非難される関係を有していると認められる
　とき。
　当該認定をした日から６カ月以上その事実がなくなったと通報があるまで</v>
          </cell>
          <cell r="Q55" t="str">
            <v>暴力団関係</v>
          </cell>
          <cell r="R55" t="str">
            <v>６カ月以上その事実がなくなったと通報があるまで</v>
          </cell>
          <cell r="S55">
            <v>6</v>
          </cell>
          <cell r="U55" t="str">
            <v>第2.6(1)①</v>
          </cell>
          <cell r="V55" t="str">
            <v>＊　別表第２・６（１）①　（建設業法違反行為）
６　建設業法（昭和２４年法律第１００号）の規定に違反し、建設工事等の契約の相手方
　として不適当であると認められるとき。
⑴　入札参加資格者等が建設業法違反の容疑により逮捕、書類送検又は起訴されたとき。　
①市が発注する建設工事に関し、逮捕、書類送検又は起訴されたとき。
　逮捕、書類送検又は起訴を知った日から９カ月</v>
          </cell>
          <cell r="W55" t="str">
            <v>建設業法違反行為</v>
          </cell>
          <cell r="X55" t="str">
            <v>９カ月</v>
          </cell>
          <cell r="Y55">
            <v>9</v>
          </cell>
          <cell r="AA55" t="str">
            <v>第2.5(2)</v>
          </cell>
          <cell r="AB55" t="str">
            <v>【旧指名停止基準】
＊　別表第２・５（２）　（補助金の不正受給を目的とした不正行為）
５　入札参加資格者等が，補助金等に係る予算の執行の適正化に関する法律（昭和３０年法律第１７９号）違反又は詐欺罪の容疑により逮捕，書類送検又は起訴されたとき。
(2) 県内一般工事等又は県内の自治体からの補助金受給に関するもの　９カ月</v>
          </cell>
          <cell r="AC55" t="str">
            <v>不正行為</v>
          </cell>
          <cell r="AD55" t="str">
            <v>９カ月間</v>
          </cell>
          <cell r="AE55">
            <v>9</v>
          </cell>
        </row>
        <row r="56">
          <cell r="O56" t="str">
            <v>第2.6(1)①</v>
          </cell>
          <cell r="P56" t="str">
            <v>＊　別表第２・６（１）①　（建設業法違反行為）
６　建設業法（昭和２４年法律第１００号）の規定に違反し、建設工事等の契約の相手方
　として不適当であると認められるとき。
⑴　入札参加資格者等が建設業法違反の容疑により逮捕、書類送検又は起訴されたとき。　
①市が発注する建設工事に関し、逮捕、書類送検又は起訴されたとき。
　逮捕、書類送検又は起訴を知った日から９カ月</v>
          </cell>
          <cell r="Q56" t="str">
            <v>建設業法違反行為</v>
          </cell>
          <cell r="R56" t="str">
            <v>９カ月</v>
          </cell>
          <cell r="S56">
            <v>9</v>
          </cell>
          <cell r="U56" t="str">
            <v>第2.6(1)②</v>
          </cell>
          <cell r="V56" t="str">
            <v>＊　別表第２・６（１）②　（建設業法違反行為）
６　建設業法（昭和２４年法律第１００号）の規定に違反し、建設工事等の契約の相手方
　として不適当であると認められるとき。
⑴　入札参加資格者等が建設業法違反の容疑により逮捕、書類送検又は起訴されたとき。
②県内の一般工事等に関し、逮捕、書類送検又は起訴されたとき。
　逮捕、書類送検又は起訴を知った日から８カ月</v>
          </cell>
          <cell r="W56" t="str">
            <v>建設業法違反行為</v>
          </cell>
          <cell r="X56" t="str">
            <v>８カ月</v>
          </cell>
          <cell r="Y56">
            <v>8</v>
          </cell>
          <cell r="AA56" t="str">
            <v>第2.5(3)</v>
          </cell>
          <cell r="AB56" t="str">
            <v>【旧指名停止基準】
＊　別表第２・５（３）　（補助金の不正受給を目的とした不正行為）
５　入札参加資格者等が，補助金等に係る予算の執行の適正化に関する法律（昭和３０年法律第１７９号）違反又は詐欺罪の容疑により逮捕，書類送検又は起訴されたとき。
(3) 近畿内一般工事等又は近畿内の自治体からの補助金受給に関するもの　６カ月</v>
          </cell>
          <cell r="AC56" t="str">
            <v>不正行為</v>
          </cell>
          <cell r="AD56" t="str">
            <v>６カ月間</v>
          </cell>
          <cell r="AE56">
            <v>6</v>
          </cell>
        </row>
        <row r="57">
          <cell r="O57" t="str">
            <v>第2.6(1)②</v>
          </cell>
          <cell r="P57" t="str">
            <v>＊　別表第２・６（１）②　（建設業法違反行為）
６　建設業法（昭和２４年法律第１００号）の規定に違反し、建設工事等の契約の相手方
　として不適当であると認められるとき。
⑴　入札参加資格者等が建設業法違反の容疑により逮捕、書類送検又は起訴されたとき。
②県内の一般工事等に関し、逮捕、書類送検又は起訴されたとき。
　逮捕、書類送検又は起訴を知った日から８カ月</v>
          </cell>
          <cell r="Q57" t="str">
            <v>建設業法違反行為</v>
          </cell>
          <cell r="R57" t="str">
            <v>８カ月</v>
          </cell>
          <cell r="S57">
            <v>8</v>
          </cell>
          <cell r="U57" t="str">
            <v>第2.6(1)③</v>
          </cell>
          <cell r="V57" t="str">
            <v>＊　別表第２・６（１）③　（建設業法違反行為）
６　建設業法（昭和２４年法律第１００号）の規定に違反し、建設工事等の契約の相手方
　として不適当であると認められるとき。
⑴　入札参加資格者等が建設業法違反の容疑により逮捕、書類送検又は起訴されたとき。
③近畿内の一般工事等に関し、逮捕、書類送検又は起訴されたとき。
　逮捕、書類送検又は起訴を知った日から６カ月</v>
          </cell>
          <cell r="W57" t="str">
            <v>建設業法違反行為</v>
          </cell>
          <cell r="X57" t="str">
            <v>６カ月</v>
          </cell>
          <cell r="Y57">
            <v>6</v>
          </cell>
          <cell r="AA57" t="str">
            <v>第2.5(4)</v>
          </cell>
          <cell r="AB57" t="str">
            <v>【旧指名停止基準】
＊　別表第２・５（４）　（補助金の不正受給を目的とした不正行為）
５　入札参加資格者等が，補助金等に係る予算の執行の適正化に関する法律（昭和３０年法律第１７９号）違反又は詐欺罪の容疑により逮捕，書類送検又は起訴されたとき。
(4) 近畿外一般工事等又は近畿外の自治体からの補助金受給に関するもの　３カ月</v>
          </cell>
          <cell r="AC57" t="str">
            <v>不正行為</v>
          </cell>
          <cell r="AD57" t="str">
            <v>３カ月間</v>
          </cell>
          <cell r="AE57">
            <v>3</v>
          </cell>
        </row>
        <row r="58">
          <cell r="O58" t="str">
            <v>第2.6(1)③</v>
          </cell>
          <cell r="P58" t="str">
            <v>＊　別表第２・６（１）③　（建設業法違反行為）
６　建設業法（昭和２４年法律第１００号）の規定に違反し、建設工事等の契約の相手方
　として不適当であると認められるとき。
⑴　入札参加資格者等が建設業法違反の容疑により逮捕、書類送検又は起訴されたとき。
③近畿内の一般工事等に関し、逮捕、書類送検又は起訴されたとき。
　逮捕、書類送検又は起訴を知った日から６カ月</v>
          </cell>
          <cell r="Q58" t="str">
            <v>建設業法違反行為</v>
          </cell>
          <cell r="R58" t="str">
            <v>６カ月</v>
          </cell>
          <cell r="S58">
            <v>6</v>
          </cell>
          <cell r="U58" t="str">
            <v>第2.6(1)④</v>
          </cell>
          <cell r="V58" t="str">
            <v>＊　別表第２・６（１）④　（建設業法違反行為）
６　建設業法（昭和２４年法律第１００号）の規定に違反し、建設工事等の契約の相手方
　として不適当であると認められるとき。
⑴　入札参加資格者等が建設業法違反の容疑により逮捕、書類送検又は起訴されたとき。
④近畿外の一般工事等に関し、逮捕、書類送検又は起訴されたとき。
　逮捕、書類送検又は起訴を知った日から３カ月</v>
          </cell>
          <cell r="W58" t="str">
            <v>建設業法違反行為</v>
          </cell>
          <cell r="X58" t="str">
            <v>３カ月</v>
          </cell>
          <cell r="Y58">
            <v>3</v>
          </cell>
          <cell r="AA58" t="str">
            <v>第2.6(1)ｱ</v>
          </cell>
          <cell r="AB58" t="str">
            <v>【旧指名停止基準】
＊　別表第２・６（１）ア　（建設業法違反行為）
６　建設業法（昭和２４年法律第１００号）の規定に違反し，工事等の契約の相手方として不適当であると認められるとき。
(1) 入札参加資格者等が、建設業法違反の容疑により逮捕，書類送検又は起訴されたとき。
ア　市発注工事等　９カ月</v>
          </cell>
          <cell r="AC58" t="str">
            <v>建設業法違反</v>
          </cell>
          <cell r="AD58" t="str">
            <v>９カ月間</v>
          </cell>
          <cell r="AE58">
            <v>9</v>
          </cell>
        </row>
        <row r="59">
          <cell r="O59" t="str">
            <v>第2.6(1)④</v>
          </cell>
          <cell r="P59" t="str">
            <v>＊　別表第２・６（１）④　（建設業法違反行為）
６　建設業法（昭和２４年法律第１００号）の規定に違反し、建設工事等の契約の相手方
　として不適当であると認められるとき。
⑴　入札参加資格者等が建設業法違反の容疑により逮捕、書類送検又は起訴されたとき。
④近畿外の一般工事等に関し、逮捕、書類送検又は起訴されたとき。
　逮捕、書類送検又は起訴を知った日から３カ月</v>
          </cell>
          <cell r="Q59" t="str">
            <v>建設業法違反行為</v>
          </cell>
          <cell r="R59" t="str">
            <v>３カ月</v>
          </cell>
          <cell r="S59">
            <v>3</v>
          </cell>
          <cell r="U59" t="str">
            <v>第2.6(2)①</v>
          </cell>
          <cell r="V59" t="str">
            <v>＊　別表第２・６（２）①　（建設業法違反行為）
６　建設業法（昭和２４年法律第１００号）の規定に違反し、建設工事等の契約の相手方
　として不適当であると認められるとき。
⑵　入札参加資格者が、建設業法第２８条及び２９条の規定により、建設業許可の取消し
　又は営業の停止処分を受けたとき。
①市が発注する建設工事に関し､建設業許可の取消し又は営業の停止処分を受けたとき｡
　当該認定をした日から６カ月</v>
          </cell>
          <cell r="W59" t="str">
            <v>建設業法違反行為</v>
          </cell>
          <cell r="X59" t="str">
            <v>６カ月</v>
          </cell>
          <cell r="Y59">
            <v>6</v>
          </cell>
          <cell r="AA59" t="str">
            <v>第2.6(1)ｲ</v>
          </cell>
          <cell r="AB59" t="str">
            <v>【旧指名停止基準】
＊　別表第２・６（１）イ　（建設業法違反行為）
６　建設業法（昭和２４年法律第１００号）の規定に違反し，工事等の契約の相手方として不適当であると認められるとき。
(1) 入札参加資格者等が、建設業法違反の容疑により逮捕，書類送検又は起訴されたとき。
イ　県内一般工事等　８カ月</v>
          </cell>
          <cell r="AC59" t="str">
            <v>建設業法違反</v>
          </cell>
          <cell r="AD59" t="str">
            <v>８カ月間</v>
          </cell>
          <cell r="AE59">
            <v>8</v>
          </cell>
        </row>
        <row r="60">
          <cell r="O60" t="str">
            <v>第2.6(2)①</v>
          </cell>
          <cell r="P60" t="str">
            <v>＊　別表第２・６（２）①　（建設業法違反行為）
６　建設業法（昭和２４年法律第１００号）の規定に違反し、建設工事等の契約の相手方
　として不適当であると認められるとき。
⑵　入札参加資格者が、建設業法第２８条及び２９条の規定により、建設業許可の取消し
　又は営業の停止処分を受けたとき。
①市が発注する建設工事に関し､建設業許可の取消し又は営業の停止処分を受けたとき｡
　当該認定をした日から６カ月</v>
          </cell>
          <cell r="Q60" t="str">
            <v>建設業法違反行為</v>
          </cell>
          <cell r="R60" t="str">
            <v>６カ月</v>
          </cell>
          <cell r="S60">
            <v>6</v>
          </cell>
          <cell r="U60" t="str">
            <v>第2.6(2)②</v>
          </cell>
          <cell r="V60" t="str">
            <v>＊　別表第２・６（２）②　（建設業法違反行為）
６　建設業法（昭和２４年法律第１００号）の規定に違反し、建設工事等の契約の相手方
　として不適当であると認められるとき。
⑵　入札参加資格者が、建設業法第２８条及び２９条の規定により、建設業許可の取消し
　又は営業の停止処分を受けたとき。
②県内の一般工事等に関し、建設業許可の取消し又は営業の停止処分を受けたとき。
　当該認定をした日から５カ月</v>
          </cell>
          <cell r="W60" t="str">
            <v>建設業法違反行為</v>
          </cell>
          <cell r="X60" t="str">
            <v>５カ月</v>
          </cell>
          <cell r="Y60">
            <v>5</v>
          </cell>
          <cell r="AA60" t="str">
            <v>第2.6(1)ｳ</v>
          </cell>
          <cell r="AB60" t="str">
            <v>【旧指名停止基準】
＊　別表第２・６（１）ウ　（建設業法違反行為）
６　建設業法（昭和２４年法律第１００号）の規定に違反し，工事等の契約の相手方として不適当であると認められるとき。
(1) 入札参加資格者等が、建設業法違反の容疑により逮捕，書類送検又は起訴されたとき。
ウ　近畿内一般工事等　６カ月</v>
          </cell>
          <cell r="AC60" t="str">
            <v>建設業法違反</v>
          </cell>
          <cell r="AD60" t="str">
            <v>６カ月間</v>
          </cell>
          <cell r="AE60">
            <v>6</v>
          </cell>
        </row>
        <row r="61">
          <cell r="O61" t="str">
            <v>第2.6(2)②</v>
          </cell>
          <cell r="P61" t="str">
            <v>＊　別表第２・６（２）②　（建設業法違反行為）
６　建設業法（昭和２４年法律第１００号）の規定に違反し、建設工事等の契約の相手方
　として不適当であると認められるとき。
⑵　入札参加資格者が、建設業法第２８条及び２９条の規定により、建設業許可の取消し
　又は営業の停止処分を受けたとき。
②県内の一般工事等に関し、建設業許可の取消し又は営業の停止処分を受けたとき。
　当該認定をした日から５カ月</v>
          </cell>
          <cell r="Q61" t="str">
            <v>建設業法違反行為</v>
          </cell>
          <cell r="R61" t="str">
            <v>５カ月</v>
          </cell>
          <cell r="S61">
            <v>5</v>
          </cell>
          <cell r="U61" t="str">
            <v>第2.6(2)③</v>
          </cell>
          <cell r="V61" t="str">
            <v>＊　別表第２・６（２）③　（建設業法違反行為）
６　建設業法（昭和２４年法律第１００号）の規定に違反し、建設工事等の契約の相手方
　として不適当であると認められるとき。
⑵　入札参加資格者が、建設業法第２８条及び２９条の規定により、建設業許可の取消し
　又は営業の停止処分を受けたとき。
③県外の一般工事等に関し、建設業許可の取消し又は営業の停止処分を受けたとき。
　当該認定をした日から３カ月</v>
          </cell>
          <cell r="W61" t="str">
            <v>建設業法違反行為</v>
          </cell>
          <cell r="X61" t="str">
            <v>３カ月</v>
          </cell>
          <cell r="Y61">
            <v>3</v>
          </cell>
          <cell r="AA61" t="str">
            <v>第2.6(1)ｴ</v>
          </cell>
          <cell r="AB61" t="str">
            <v>【旧指名停止基準】
＊　別表第２・６（１）エ　（建設業法違反行為）
６　建設業法（昭和２４年法律第１００号）の規定に違反し，工事等の契約の相手方として不適当であると認められるとき。
(1) 入札参加資格者等が、建設業法違反の容疑により逮捕，書類送検又は起訴されたとき。
エ　近畿外一般工事等　３カ月</v>
          </cell>
          <cell r="AC61" t="str">
            <v>建設業法違反</v>
          </cell>
          <cell r="AD61" t="str">
            <v>３カ月間</v>
          </cell>
          <cell r="AE61">
            <v>3</v>
          </cell>
        </row>
        <row r="62">
          <cell r="O62" t="str">
            <v>第2.6(2)③</v>
          </cell>
          <cell r="P62" t="str">
            <v>＊　別表第２・６（２）③　（建設業法違反行為）
６　建設業法（昭和２４年法律第１００号）の規定に違反し、建設工事等の契約の相手方
　として不適当であると認められるとき。
⑵　入札参加資格者が、建設業法第２８条及び２９条の規定により、建設業許可の取消し
　又は営業の停止処分を受けたとき。
③近畿内の一般工事等に関し、建設業許可の取消し又は営業の停止処分を受けたとき。
　当該認定をした日から３カ月</v>
          </cell>
          <cell r="Q62" t="str">
            <v>建設業法違反行為</v>
          </cell>
          <cell r="R62" t="str">
            <v>３カ月</v>
          </cell>
          <cell r="S62">
            <v>3</v>
          </cell>
          <cell r="U62" t="str">
            <v>第2.6(2)④</v>
          </cell>
          <cell r="V62" t="str">
            <v>＊　別表第２・６（２）④　（建設業法違反行為）
６　建設業法（昭和２４年法律第１００号）の規定に違反し、建設工事等の契約の相手方
　として不適当であると認められるとき。
⑵　入札参加資格者が、建設業法第２８条及び２９条の規定により、建設業許可の取消し
　又は営業の停止処分を受けたとき。
④近畿外の一般工事等に関し、建設業許可の取消し又は営業の停止処分を受けたとき。
　当該認定をした日から３カ月</v>
          </cell>
          <cell r="W62" t="str">
            <v>建設業法違反行為</v>
          </cell>
          <cell r="X62" t="str">
            <v>３カ月</v>
          </cell>
          <cell r="Y62">
            <v>3</v>
          </cell>
          <cell r="AA62" t="str">
            <v>第2.6(2)ｱ</v>
          </cell>
          <cell r="AB62" t="str">
            <v>【旧指名停止基準】
＊　別表第２・６（２）ア　（建設業法違反行為）
６　建設業法（昭和２４年法律第１００号）の規定に違反し，工事等の契約の相手方として不適当であると認められるとき。
(2) 入札参加資格者等が、建設業法第２８条及び第２９条の規定により，建設業許可の取消し又は営業の停止処分を受けたとき。　ア　市発注工事等　６カ月</v>
          </cell>
          <cell r="AC62" t="str">
            <v>建設業法違反</v>
          </cell>
          <cell r="AD62" t="str">
            <v>６カ月間</v>
          </cell>
          <cell r="AE62">
            <v>6</v>
          </cell>
        </row>
        <row r="63">
          <cell r="O63" t="str">
            <v>第2.6(2)④</v>
          </cell>
          <cell r="P63" t="str">
            <v>＊　別表第２・６（２）④　（建設業法違反行為）
６　建設業法（昭和２４年法律第１００号）の規定に違反し、建設工事等の契約の相手方
　として不適当であると認められるとき。
⑵　入札参加資格者が、建設業法第２８条及び２９条の規定により、建設業許可の取消し
　又は営業の停止処分を受けたとき。
④近畿外の一般工事等に関し、建設業許可の取消し又は営業の停止処分を受けたとき。
　当該認定をした日から３カ月</v>
          </cell>
          <cell r="Q63" t="str">
            <v>建設業法違反行為</v>
          </cell>
          <cell r="R63" t="str">
            <v>３カ月</v>
          </cell>
          <cell r="S63">
            <v>3</v>
          </cell>
          <cell r="U63" t="str">
            <v>第2.6(3)①</v>
          </cell>
          <cell r="V63" t="str">
            <v>＊　別表第２・６（３）①　（建設業法違反行為）
６　建設業法（昭和２４年法律第１００号）の規定に違反し、建設工事等の契約の相手方
　として不適当であると認められるとき。
⑶　入札参加資格者が、建設業法２８条の規定により、指示処分を受けたとき。
①市が発注する建設工事に関し、指示処分を受けたとき。
　当該認定をした日から３カ月</v>
          </cell>
          <cell r="W63" t="str">
            <v>建設業法違反行為</v>
          </cell>
          <cell r="X63" t="str">
            <v>３カ月</v>
          </cell>
          <cell r="Y63">
            <v>3</v>
          </cell>
          <cell r="AA63" t="str">
            <v>第2.6(2)ｲ</v>
          </cell>
          <cell r="AB63" t="str">
            <v>【旧指名停止基準】
＊　別表第２・６（２）イ　（建設業法違反行為）
６　建設業法（昭和２４年法律第１００号）の規定に違反し，工事等の契約の相手方として不適当であると認められるとき。
(2) 入札参加資格者等が、建設業法第２８条及び第２９条の規定により，建設業許可の取消し又は営業の停止処分を受けたとき。　イ　県内一般工事等　５カ月</v>
          </cell>
          <cell r="AC63" t="str">
            <v>建設業法違反</v>
          </cell>
          <cell r="AD63" t="str">
            <v>５カ月間</v>
          </cell>
          <cell r="AE63">
            <v>5</v>
          </cell>
        </row>
        <row r="64">
          <cell r="O64" t="str">
            <v>第2.6(3)①</v>
          </cell>
          <cell r="P64" t="str">
            <v>＊　別表第２・６（３）①　（建設業法違反行為）
６　建設業法（昭和２４年法律第１００号）の規定に違反し、建設工事等の契約の相手方
　として不適当であると認められるとき。
⑶　入札参加資格者が、建設業法２８条の規定により、指示処分を受けたとき。
①市が発注する建設工事に関し、指示処分を受けたとき。
　当該認定をした日から３カ月</v>
          </cell>
          <cell r="Q64" t="str">
            <v>建設業法違反行為</v>
          </cell>
          <cell r="R64" t="str">
            <v>３カ月</v>
          </cell>
          <cell r="S64">
            <v>3</v>
          </cell>
          <cell r="U64" t="str">
            <v>第2.6(3)②</v>
          </cell>
          <cell r="V64" t="str">
            <v>＊　別表第２・６（３）②　（建設業法違反行為）
６　建設業法（昭和２４年法律第１００号）の規定に違反し、建設工事等の契約の相手方
　として不適当であると認められるとき。
⑶　入札参加資格者が、建設業法２８条の規定により、指示処分を受けたとき。
②県内の一般工事等に関し、指示処分を受けたとき。
　当該認定をした日から２カ月</v>
          </cell>
          <cell r="W64" t="str">
            <v>建設業法違反行為</v>
          </cell>
          <cell r="X64" t="str">
            <v>２カ月</v>
          </cell>
          <cell r="Y64">
            <v>2</v>
          </cell>
          <cell r="AA64" t="str">
            <v>第2.6(2)ｳ</v>
          </cell>
          <cell r="AB64" t="str">
            <v>【旧指名停止基準】
＊　別表第２・６（２）ウ　（建設業法違反行為）
６　建設業法（昭和２４年法律第１００号）の規定に違反し，工事等の契約の相手方として不適当であると認められるとき。
(2) 入札参加資格者等が、建設業法第２８条及び第２９条の規定により，建設業許可の取消し又は営業の停止処分を受けたとき。　ウ　近畿内一般工事等　３カ月</v>
          </cell>
          <cell r="AC64" t="str">
            <v>建設業法違反</v>
          </cell>
          <cell r="AD64" t="str">
            <v>３カ月間</v>
          </cell>
          <cell r="AE64">
            <v>3</v>
          </cell>
        </row>
        <row r="65">
          <cell r="O65" t="str">
            <v>第2.6(3)②</v>
          </cell>
          <cell r="P65" t="str">
            <v>＊　別表第２・６（３）②　（建設業法違反行為）
６　建設業法（昭和２４年法律第１００号）の規定に違反し、建設工事等の契約の相手方
　として不適当であると認められるとき。
⑶　入札参加資格者が、建設業法２８条の規定により、指示処分を受けたとき。
②県内の一般工事等に関し、指示処分を受けたとき。
　当該認定をした日から２カ月</v>
          </cell>
          <cell r="Q65" t="str">
            <v>建設業法違反行為</v>
          </cell>
          <cell r="R65" t="str">
            <v>２カ月</v>
          </cell>
          <cell r="S65">
            <v>2</v>
          </cell>
          <cell r="U65" t="str">
            <v>第2.6(3)③</v>
          </cell>
          <cell r="V65" t="str">
            <v>＊　別表第２・６（３）③　（建設業法違反行為）
６　建設業法（昭和２４年法律第１００号）の規定に違反し、建設工事等の契約の相手方
　として不適当であると認められるとき。
⑶　入札参加資格者が、建設業法２８条の規定により、指示処分を受けたとき。
③近畿内の一般工事等に関し、指示処分を受けたとき。
　当該認定をした日から１カ月</v>
          </cell>
          <cell r="W65" t="str">
            <v>建設業法違反行為</v>
          </cell>
          <cell r="X65" t="str">
            <v>１カ月</v>
          </cell>
          <cell r="Y65">
            <v>1</v>
          </cell>
          <cell r="AA65" t="str">
            <v>第2.6(2)ｴ</v>
          </cell>
          <cell r="AB65" t="str">
            <v>【旧指名停止基準】
＊　別表第２・６（２）エ　（建設業法違反行為）
６　建設業法（昭和２４年法律第１００号）の規定に違反し，工事等の契約の相手方として不適当であると認められるとき。
(2) 入札参加資格者等が、建設業法第２８条及び第２９条の規定により，建設業許可の取消し又は営業の停止処分を受けたとき。　エ　近畿外一般工事等　３カ月</v>
          </cell>
          <cell r="AC65" t="str">
            <v>建設業法違反</v>
          </cell>
          <cell r="AD65" t="str">
            <v>３カ月間</v>
          </cell>
          <cell r="AE65">
            <v>3</v>
          </cell>
        </row>
        <row r="66">
          <cell r="O66" t="str">
            <v>第2.6(3)③</v>
          </cell>
          <cell r="P66" t="str">
            <v>＊　別表第２・６（３）③　（建設業法違反行為）
６　建設業法（昭和２４年法律第１００号）の規定に違反し、建設工事等の契約の相手方
　として不適当であると認められるとき。
⑶　入札参加資格者が、建設業法２８条の規定により、指示処分を受けたとき。
③近畿内の一般工事等に関し、指示処分を受けたとき。
　当該認定をした日から１カ月</v>
          </cell>
          <cell r="Q66" t="str">
            <v>建設業法違反行為</v>
          </cell>
          <cell r="R66" t="str">
            <v>１カ月</v>
          </cell>
          <cell r="S66">
            <v>1</v>
          </cell>
          <cell r="U66" t="str">
            <v>第2.6(3)④</v>
          </cell>
          <cell r="V66" t="str">
            <v>＊　別表第２・６（３）④　（建設業法違反行為）
６　建設業法（昭和２４年法律第１００号）の規定に違反し、建設工事等の契約の相手方
　として不適当であると認められるとき。
⑶　入札参加資格者が、建設業法２８条の規定により、指示処分を受けたとき。
④近畿外の一般工事等に関し、指示処分を受けたとき。
　当該認定をした日から１カ月</v>
          </cell>
          <cell r="W66" t="str">
            <v>建設業法違反行為</v>
          </cell>
          <cell r="X66" t="str">
            <v>１カ月</v>
          </cell>
          <cell r="Y66">
            <v>1</v>
          </cell>
          <cell r="AA66" t="str">
            <v>第2.6(3)ｱ</v>
          </cell>
          <cell r="AB66" t="str">
            <v>【旧指名停止基準】
＊　別表第２・６（３）ア　（建設業法違反行為）
６　建設業法（昭和２４年法律第１００号）の規定に違反し，工事等の契約の相手方として不適当であると認められるとき。
(3) 入札参加資格者等が、建設業法第２８条の規定により，指示処分を受けたとき。
ア　市発注工事等　３カ月</v>
          </cell>
          <cell r="AC66" t="str">
            <v>建設業法違反</v>
          </cell>
          <cell r="AD66" t="str">
            <v>３カ月間</v>
          </cell>
          <cell r="AE66">
            <v>3</v>
          </cell>
        </row>
        <row r="67">
          <cell r="O67" t="str">
            <v>第2.6(3)④</v>
          </cell>
          <cell r="P67" t="str">
            <v>＊　別表第２・６（３）④　（建設業法違反行為）
６　建設業法（昭和２４年法律第１００号）の規定に違反し、建設工事等の契約の相手方
　として不適当であると認められるとき。
⑶　入札参加資格者が、建設業法２８条の規定により、指示処分を受けたとき。
④近畿外の一般工事等に関し、指示処分を受けたとき。
　当該認定をした日から１カ月</v>
          </cell>
          <cell r="Q67" t="str">
            <v>建設業法違反行為</v>
          </cell>
          <cell r="R67" t="str">
            <v>１カ月</v>
          </cell>
          <cell r="S67">
            <v>1</v>
          </cell>
          <cell r="U67" t="str">
            <v>第2.7(1)①</v>
          </cell>
          <cell r="V67" t="str">
            <v>＊　別表第２・７（１）①　（不正又は不誠実な行為）
７　別表第１及び前各号に掲げる場合のほか、業務に関し不正又は不誠実な行為をし、契
　約の相手方として不適当であると認められるとき。
⑴　役員等その他相当の責任のある者が暴力行為を行い、逮捕、書類送検又は起訴された
　とき。
①市が発注する工事等に関し、暴力行為を行い、逮捕、書類送検又は起訴されたとき。
　当該認定をした日から９カ月</v>
          </cell>
          <cell r="W67" t="str">
            <v>不正又は不誠実な行為</v>
          </cell>
          <cell r="X67" t="str">
            <v>９カ月</v>
          </cell>
          <cell r="Y67">
            <v>9</v>
          </cell>
          <cell r="AA67" t="str">
            <v>第2.6(3)ｲ</v>
          </cell>
          <cell r="AB67" t="str">
            <v>【旧指名停止基準】
＊　別表第２・６（３）イ　（建設業法違反行為）
６　建設業法（昭和２４年法律第１００号）の規定に違反し，工事等の契約の相手方として不適当であると認められるとき。
(3) 入札参加資格者等が、建設業法第２８条の規定により，指示処分を受けたとき。
イ　県内一般工事等　２カ月</v>
          </cell>
          <cell r="AC67" t="str">
            <v>建設業法違反</v>
          </cell>
          <cell r="AD67" t="str">
            <v>２カ月間</v>
          </cell>
          <cell r="AE67">
            <v>2</v>
          </cell>
        </row>
        <row r="68">
          <cell r="O68" t="str">
            <v>第2.7(1)①</v>
          </cell>
          <cell r="P68" t="str">
            <v>＊　別表第２・７（１）①　（不正又は不誠実な行為）
７　別表第１及び前各号に掲げる場合のほか、業務に関し不正又は不誠実な行為をし、契
　約の相手方として不適当であると認められるとき。
⑴　役員等その他相当の責任のある者が暴力行為を行い、逮捕、書類送検又は起訴された
　とき。
①市が発注する工事等に関し、暴力行為を行い、逮捕、書類送検又は起訴されたとき。
　当該認定をした日から９カ月</v>
          </cell>
          <cell r="Q68" t="str">
            <v>不正又は不誠実な行為</v>
          </cell>
          <cell r="R68" t="str">
            <v>９カ月</v>
          </cell>
          <cell r="S68">
            <v>9</v>
          </cell>
          <cell r="U68" t="str">
            <v>第2.7(1)②</v>
          </cell>
          <cell r="V68" t="str">
            <v>＊　別表第２・７（１）②　（不正又は不誠実な行為）
７　別表第１及び前各号に掲げる場合のほか、業務に関し不正又は不誠実な行為をし、契
　約の相手方として不適当であると認められるとき。
⑴　役員等その他相当の責任のある者が暴力行為を行い、逮捕、書類送検又は起訴された
　とき。
②県内の一般工事等に関し、暴力行為を行い、逮捕、書類送検又は起訴されたとき。
　当該認定をした日から８カ月</v>
          </cell>
          <cell r="W68" t="str">
            <v>不正又は不誠実な行為</v>
          </cell>
          <cell r="X68" t="str">
            <v>８カ月</v>
          </cell>
          <cell r="Y68">
            <v>8</v>
          </cell>
          <cell r="AA68" t="str">
            <v>第2.6(3)ｳ</v>
          </cell>
          <cell r="AB68" t="str">
            <v>【旧指名停止基準】
＊　別表第２・６（３）ウ　（建設業法違反行為）
６　建設業法（昭和２４年法律第１００号）の規定に違反し，工事等の契約の相手方として不適当であると認められるとき。
(3) 入札参加資格者等が、建設業法第２８条の規定により，指示処分を受けたとき。
ウ　近畿内一般工事等　１カ月</v>
          </cell>
          <cell r="AC68" t="str">
            <v>建設業法違反</v>
          </cell>
          <cell r="AD68" t="str">
            <v>１カ月間</v>
          </cell>
          <cell r="AE68">
            <v>1</v>
          </cell>
        </row>
        <row r="69">
          <cell r="O69" t="str">
            <v>第2.7(1)②</v>
          </cell>
          <cell r="P69" t="str">
            <v>＊　別表第２・７（１）②　（不正又は不誠実な行為）
７　別表第１及び前各号に掲げる場合のほか、業務に関し不正又は不誠実な行為をし、契
　約の相手方として不適当であると認められるとき。
⑴　役員等その他相当の責任のある者が暴力行為を行い、逮捕、書類送検又は起訴された
　とき。
②県内の一般工事等に関し、暴力行為を行い、逮捕、書類送検又は起訴されたとき。
　当該認定をした日から８カ月</v>
          </cell>
          <cell r="Q69" t="str">
            <v>不正又は不誠実な行為</v>
          </cell>
          <cell r="R69" t="str">
            <v>８カ月</v>
          </cell>
          <cell r="S69">
            <v>8</v>
          </cell>
          <cell r="U69" t="str">
            <v>第2.7(1)③</v>
          </cell>
          <cell r="V69" t="str">
            <v>＊　別表第２・７（１）③　（不正又は不誠実な行為）
７　別表第１及び前各号に掲げる場合のほか、業務に関し不正又は不誠実な行為をし、契
　約の相手方として不適当であると認められるとき。
⑴　役員等その他相当の責任のある者が暴力行為を行い、逮捕、書類送検又は起訴された
　とき。
③近畿内の一般工事等に関し、暴力行為を行い、逮捕、書類送検又は起訴されたとき。
　当該認定をした日から６カ月</v>
          </cell>
          <cell r="W69" t="str">
            <v>不正又は不誠実な行為</v>
          </cell>
          <cell r="X69" t="str">
            <v>６カ月</v>
          </cell>
          <cell r="Y69">
            <v>6</v>
          </cell>
          <cell r="AA69" t="str">
            <v>第2.6(3)ｴ</v>
          </cell>
          <cell r="AB69" t="str">
            <v>【旧指名停止基準】
＊　別表第２・６（３）エ　（建設業法違反行為）
６　建設業法（昭和２４年法律第１００号）の規定に違反し，工事等の契約の相手方として不適当であると認められるとき。
(3) 入札参加資格者等が、建設業法第２８条の規定により，指示処分を受けたとき。
エ　近畿外一般工事等　１カ月</v>
          </cell>
          <cell r="AC69" t="str">
            <v>建設業法違反</v>
          </cell>
          <cell r="AD69" t="str">
            <v>１カ月間</v>
          </cell>
          <cell r="AE69">
            <v>1</v>
          </cell>
        </row>
        <row r="70">
          <cell r="O70" t="str">
            <v>第2.7(1)③</v>
          </cell>
          <cell r="P70" t="str">
            <v>＊　別表第２・７（１）③　（不正又は不誠実な行為）
７　別表第１及び前各号に掲げる場合のほか、業務に関し不正又は不誠実な行為をし、契
　約の相手方として不適当であると認められるとき。
⑴　役員等その他相当の責任のある者が暴力行為を行い、逮捕、書類送検又は起訴された
　とき。
③近畿内の一般工事等に関し、暴力行為を行い、逮捕、書類送検又は起訴されたとき。
　当該認定をした日から６カ月</v>
          </cell>
          <cell r="Q70" t="str">
            <v>不正又は不誠実な行為</v>
          </cell>
          <cell r="R70" t="str">
            <v>６カ月</v>
          </cell>
          <cell r="S70">
            <v>6</v>
          </cell>
          <cell r="U70" t="str">
            <v>第2.7(1)④</v>
          </cell>
          <cell r="V70" t="str">
            <v>＊　別表第２・７（１）④　（不正又は不誠実な行為）
７　別表第１及び前各号に掲げる場合のほか、業務に関し不正又は不誠実な行為をし、契
　約の相手方として不適当であると認められるとき。
⑴　役員等その他相当の責任のある者が暴力行為を行い、逮捕、書類送検又は起訴された
　とき。
④近畿外の工事等に関し、暴力行為を行い、逮捕、書類送検又は起訴されたとき。
　当該認定をした日から３カ月</v>
          </cell>
          <cell r="W70" t="str">
            <v>不正又は不誠実な行為</v>
          </cell>
          <cell r="X70" t="str">
            <v>３カ月</v>
          </cell>
          <cell r="Y70">
            <v>3</v>
          </cell>
          <cell r="AA70" t="str">
            <v>第2.7(1)ｱ(ｱ)</v>
          </cell>
          <cell r="AB70" t="str">
            <v>【旧指名停止基準】
＊　別表第２・７（１）ア（ア）　（不正又は不誠実な行為）
７　別表第１および前各号に掲げる場合のほか，業務に関し不正又は不誠実な行為をし，工事等の契約の相手方として不適当であると認められるとき。
(1) 暴力行為を行い，逮捕，書類送検又は起訴されたとき。
ア　役員等及びその他相当の責任の地位にあるものが該当するとき。　(ｱ) 市発注工事等　９カ月</v>
          </cell>
          <cell r="AC70" t="str">
            <v>不正不誠実行為</v>
          </cell>
          <cell r="AD70" t="str">
            <v>９カ月間</v>
          </cell>
          <cell r="AE70">
            <v>9</v>
          </cell>
        </row>
        <row r="71">
          <cell r="O71" t="str">
            <v>第2.7(1)④</v>
          </cell>
          <cell r="P71" t="str">
            <v>＊　別表第２・７（１）④　（不正又は不誠実な行為）
７　別表第１及び前各号に掲げる場合のほか、業務に関し不正又は不誠実な行為をし、契
　約の相手方として不適当であると認められるとき。
⑴　役員等その他相当の責任のある者が暴力行為を行い、逮捕、書類送検又は起訴された
　とき。
④近畿外の工事等に関し、暴力行為を行い、逮捕、書類送検又は起訴されたとき。
　当該認定をした日から３カ月</v>
          </cell>
          <cell r="Q71" t="str">
            <v>不正又は不誠実な行為</v>
          </cell>
          <cell r="R71" t="str">
            <v>３カ月</v>
          </cell>
          <cell r="S71">
            <v>3</v>
          </cell>
          <cell r="U71" t="str">
            <v>第2.7(2)①</v>
          </cell>
          <cell r="V71" t="str">
            <v>＊　別表第２・７（２）①　（不正又は不誠実な行為）
７　別表第１及び前各号に掲げる場合のほか、業務に関し不正又は不誠実な行為をし、契
　約の相手方として不適当であると認められるとき。
⑵　入札参加資格者の使用人（前⑴に掲げる者を除く。）が、暴力行為を行い、逮捕、書
　類送検又は起訴されたとき。
①市が発注する工事等に関し、暴力行為を行い、逮捕、書類送検又は起訴されたとき。
　当該認定をした日から６カ月</v>
          </cell>
          <cell r="W71" t="str">
            <v>不正又は不誠実な行為</v>
          </cell>
          <cell r="X71" t="str">
            <v>６カ月</v>
          </cell>
          <cell r="Y71">
            <v>6</v>
          </cell>
          <cell r="AA71" t="str">
            <v>第2.7(1)ｱ(ｲ)</v>
          </cell>
          <cell r="AB71" t="str">
            <v>【旧指名停止基準】
＊　別表第２・７（１）ア（イ）　（不正又は不誠実な行為）
７　別表第１および前各号に掲げる場合のほか，業務に関し不正又は不誠実な行為をし，工事等の契約の相手方として不適当であると認められるとき。
(1) 暴力行為を行い，逮捕，書類送検又は起訴されたとき。
ア　役員等及びその他相当の責任の地位にあるものが該当するとき。　(ｲ) 県内一般工事等　８カ月</v>
          </cell>
          <cell r="AC71" t="str">
            <v>不正不誠実行為</v>
          </cell>
          <cell r="AD71" t="str">
            <v>８カ月間</v>
          </cell>
          <cell r="AE71">
            <v>8</v>
          </cell>
        </row>
        <row r="72">
          <cell r="O72" t="str">
            <v>第2.7(2)①</v>
          </cell>
          <cell r="P72" t="str">
            <v>＊　別表第２・７（２）①　（不正又は不誠実な行為）
７　別表第１及び前各号に掲げる場合のほか、業務に関し不正又は不誠実な行為をし、契
　約の相手方として不適当であると認められるとき。
⑵　入札参加資格者の使用人（前⑴に掲げる者を除く。）が、暴力行為を行い、逮捕、書
　類送検又は起訴されたとき。
①市が発注する工事等に関し、暴力行為を行い、逮捕、書類送検又は起訴されたとき。
　当該認定をした日から６カ月</v>
          </cell>
          <cell r="Q72" t="str">
            <v>不正又は不誠実な行為</v>
          </cell>
          <cell r="R72" t="str">
            <v>６カ月</v>
          </cell>
          <cell r="S72">
            <v>6</v>
          </cell>
          <cell r="U72" t="str">
            <v>第2.7(2)②</v>
          </cell>
          <cell r="V72" t="str">
            <v>＊　別表第２・７（２）②　（不正又は不誠実な行為）
７　別表第１及び前各号に掲げる場合のほか、業務に関し不正又は不誠実な行為をし、契
　約の相手方として不適当であると認められるとき。
⑵　入札参加資格者の使用人（前⑴に掲げる者を除く。）が、暴力行為を行い、逮捕、書
　類送検又は起訴されたとき。
②県内の一般工事等に関し、暴力行為を行い、逮捕、書類送検又は起訴されたとき。
　当該認定をした日から５カ月</v>
          </cell>
          <cell r="W72" t="str">
            <v>不正又は不誠実な行為</v>
          </cell>
          <cell r="X72" t="str">
            <v>５カ月</v>
          </cell>
          <cell r="Y72">
            <v>5</v>
          </cell>
          <cell r="AA72" t="str">
            <v>第2.7(1)ｱ(ｳ)</v>
          </cell>
          <cell r="AB72" t="str">
            <v>【旧指名停止基準】
＊　別表第２・７（１）ア（ウ）　（不正又は不誠実な行為）
７　別表第１および前各号に掲げる場合のほか，業務に関し不正又は不誠実な行為をし，工事等の契約の相手方として不適当であると認められるとき。
(1) 暴力行為を行い，逮捕，書類送検又は起訴されたとき。
ア　役員等及びその他相当の責任の地位にあるものが該当するとき。　(ｳ) 近畿内一般工事等　６カ月</v>
          </cell>
          <cell r="AC72" t="str">
            <v>不正不誠実行為</v>
          </cell>
          <cell r="AD72" t="str">
            <v>６カ月間</v>
          </cell>
          <cell r="AE72">
            <v>6</v>
          </cell>
        </row>
        <row r="73">
          <cell r="O73" t="str">
            <v>第2.7(2)②</v>
          </cell>
          <cell r="P73" t="str">
            <v>＊　別表第２・７（２）②　（不正又は不誠実な行為）
７　別表第１及び前各号に掲げる場合のほか、業務に関し不正又は不誠実な行為をし、契
　約の相手方として不適当であると認められるとき。
⑵　入札参加資格者の使用人（前⑴に掲げる者を除く。）が、暴力行為を行い、逮捕、書
　類送検又は起訴されたとき。
②県内の一般工事等に関し、暴力行為を行い、逮捕、書類送検又は起訴されたとき。
　当該認定をした日から５カ月</v>
          </cell>
          <cell r="Q73" t="str">
            <v>不正又は不誠実な行為</v>
          </cell>
          <cell r="R73" t="str">
            <v>５カ月</v>
          </cell>
          <cell r="S73">
            <v>5</v>
          </cell>
          <cell r="U73" t="str">
            <v>第2.7(2)③</v>
          </cell>
          <cell r="V73" t="str">
            <v>＊　別表第２・７（２）③　（不正又は不誠実な行為）
７　別表第１及び前各号に掲げる場合のほか、業務に関し不正又は不誠実な行為をし、契
　約の相手方として不適当であると認められるとき。
⑵　入札参加資格者の使用人（前⑴に掲げる者を除く。）が、暴力行為を行い、逮捕、書
　類送検又は起訴されたとき。
③近畿内の一般工事等に関し、暴力行為を行い、逮捕、書類送検又は起訴されたとき。
　当該認定をした日から３カ月</v>
          </cell>
          <cell r="W73" t="str">
            <v>不正又は不誠実な行為</v>
          </cell>
          <cell r="X73" t="str">
            <v>３カ月</v>
          </cell>
          <cell r="Y73">
            <v>3</v>
          </cell>
          <cell r="AA73" t="str">
            <v>第2.7(1)ｱ(ｴ)</v>
          </cell>
          <cell r="AB73" t="str">
            <v>【旧指名停止基準】
＊　別表第２・７（１）ア（エ）　（不正又は不誠実な行為）
７　別表第１および前各号に掲げる場合のほか，業務に関し不正又は不誠実な行為をし，工事等の契約の相手方として不適当であると認められるとき。
(1) 暴力行為を行い，逮捕，書類送検又は起訴されたとき。
ア　役員等及びその他相当の責任の地位にあるものが該当するとき。　(ｴ) 近畿外一般工事等　３カ月</v>
          </cell>
          <cell r="AC73" t="str">
            <v>不正不誠実行為</v>
          </cell>
          <cell r="AD73" t="str">
            <v>３カ月間</v>
          </cell>
          <cell r="AE73">
            <v>3</v>
          </cell>
        </row>
        <row r="74">
          <cell r="O74" t="str">
            <v>第2.7(2)③</v>
          </cell>
          <cell r="P74" t="str">
            <v>＊　別表第２・７（２）③　（不正又は不誠実な行為）
７　別表第１及び前各号に掲げる場合のほか、業務に関し不正又は不誠実な行為をし、契
　約の相手方として不適当であると認められるとき。
⑵　入札参加資格者の使用人（前⑴に掲げる者を除く。）が、暴力行為を行い、逮捕、書
　類送検又は起訴されたとき。
③近畿内の一般工事等に関し、暴力行為を行い、逮捕、書類送検又は起訴されたとき。
　当該認定をした日から３カ月</v>
          </cell>
          <cell r="Q74" t="str">
            <v>不正又は不誠実な行為</v>
          </cell>
          <cell r="R74" t="str">
            <v>３カ月</v>
          </cell>
          <cell r="S74">
            <v>3</v>
          </cell>
          <cell r="U74" t="str">
            <v>第2.7(3)</v>
          </cell>
          <cell r="V74" t="str">
            <v>＊　別表第２・７（３）　（不正又は不誠実な行為）
７　別表第１及び前各号に掲げる場合のほか、業務に関し不正又は不誠実な行為をし、契
　約の相手方として不適当であると認められるとき。
⑶　入札参加資格者等が､業務に関し脱税行為により､逮捕､書類送検又は起訴されたとき｡
　３カ月</v>
          </cell>
          <cell r="W74" t="str">
            <v>不正又は不誠実な行為</v>
          </cell>
          <cell r="X74" t="str">
            <v>３カ月</v>
          </cell>
          <cell r="Y74">
            <v>3</v>
          </cell>
          <cell r="AA74" t="str">
            <v>第2.7(1)ｲ(ｱ)</v>
          </cell>
          <cell r="AB74" t="str">
            <v>【旧指名停止基準】
＊　別表第２・７（１）イ（ア）　（不正又は不誠実な行為）
７　別表第１および前各号に掲げる場合のほか，業務に関し不正又は不誠実な行為をし，工事等の契約の相手方として不適当であると認められるとき。
(1) 暴力行為を行い，逮捕，書類送検又は起訴されたとき。
イ　その他の職員が該当するとき。　(ｱ) 市発注工事等　６カ月</v>
          </cell>
          <cell r="AC74" t="str">
            <v>不正不誠実行為</v>
          </cell>
          <cell r="AD74" t="str">
            <v>６カ月間</v>
          </cell>
          <cell r="AE74">
            <v>6</v>
          </cell>
        </row>
        <row r="75">
          <cell r="O75" t="str">
            <v>第2.7(3)</v>
          </cell>
          <cell r="P75" t="str">
            <v>＊　別表第２・７（３）　（不正又は不誠実な行為）
７　別表第１及び前各号に掲げる場合のほか、業務に関し不正又は不誠実な行為をし、契
　約の相手方として不適当であると認められるとき。
⑶　入札参加資格者等が､業務に関し脱税行為により､逮捕､書類送検又は起訴されたとき｡
　３カ月</v>
          </cell>
          <cell r="Q75" t="str">
            <v>不正又は不誠実な行為</v>
          </cell>
          <cell r="R75" t="str">
            <v>３カ月</v>
          </cell>
          <cell r="S75">
            <v>3</v>
          </cell>
          <cell r="U75" t="str">
            <v>第2.7(4)①</v>
          </cell>
          <cell r="V75" t="str">
            <v>＊　別表第２・７（４）　（不正又は不誠実な行為）
７　別表第１及び前各号に掲げる場合のほか、業務に関し不正又は不誠実な行為をし、契
　約の相手方として不適当であると認められるとき。
⑷　入札参加資格者等が､業務関連法令（注１２）に重大な違反をしたとき｡
①市が発注する工事等において、業務関連法令に重大な違反をしたとき。
　３カ月</v>
          </cell>
          <cell r="W75" t="str">
            <v>不正又は不誠実な行為</v>
          </cell>
          <cell r="X75" t="str">
            <v>３カ月</v>
          </cell>
          <cell r="Y75">
            <v>3</v>
          </cell>
          <cell r="AA75" t="str">
            <v>第2.7(1)ｲ(ｲ)</v>
          </cell>
          <cell r="AB75" t="str">
            <v>【旧指名停止基準】
＊　別表第２・７（１）イ（イ）　（不正又は不誠実な行為）
７　別表第１および前各号に掲げる場合のほか，業務に関し不正又は不誠実な行為をし，工事等の契約の相手方として不適当であると認められるとき。
(1) 暴力行為を行い，逮捕，書類送検又は起訴されたとき。
イ　その他の職員が該当するとき。　(ｲ) 県内一般工事等　５カ月</v>
          </cell>
          <cell r="AC75" t="str">
            <v>不正不誠実行為</v>
          </cell>
          <cell r="AD75" t="str">
            <v>５カ月間</v>
          </cell>
          <cell r="AE75">
            <v>5</v>
          </cell>
        </row>
        <row r="76">
          <cell r="U76" t="str">
            <v>第2.7(4)②</v>
          </cell>
          <cell r="V76" t="str">
            <v>＊　別表第２・７（４）　（不正又は不誠実な行為）
７　別表第１及び前各号に掲げる場合のほか、業務に関し不正又は不誠実な行為をし、契
　約の相手方として不適当であると認められるとき。
⑷　入札参加資格者等が､業務関連法令に重大な違反をしたとき｡
②県内の一般工事等において、業務関連法令に重大な違反をしたとき。
　２カ月</v>
          </cell>
          <cell r="W76" t="str">
            <v>不正又は不誠実な行為</v>
          </cell>
          <cell r="X76" t="str">
            <v>２カ月</v>
          </cell>
          <cell r="Y76">
            <v>2</v>
          </cell>
        </row>
        <row r="77">
          <cell r="U77" t="str">
            <v>第2.7(4)③</v>
          </cell>
          <cell r="V77" t="str">
            <v>＊　別表第２・７（４）　（不正又は不誠実な行為）
７　別表第１及び前各号に掲げる場合のほか、業務に関し不正又は不誠実な行為をし、契
　約の相手方として不適当であると認められるとき。
⑷　入札参加資格者等が､業務関連法令（注１２）に重大な違反をしたとき｡
③近畿内の一般工事等において、業務関連法令に重大な違反をしたとき。
　１カ月</v>
          </cell>
          <cell r="W77" t="str">
            <v>不正又は不誠実な行為</v>
          </cell>
          <cell r="X77" t="str">
            <v>１カ月</v>
          </cell>
          <cell r="Y77">
            <v>1</v>
          </cell>
        </row>
        <row r="78">
          <cell r="U78" t="str">
            <v>第2.7(4)④</v>
          </cell>
          <cell r="V78" t="str">
            <v>＊　別表第２・７（４）　（不正又は不誠実な行為）
７　別表第１及び前各号に掲げる場合のほか、業務に関し不正又は不誠実な行為をし、契
　約の相手方として不適当であると認められるとき。
⑷　入札参加資格者等が､業務関連法令（注１２）に重大な違反をしたとき｡
③近畿外の一般工事等において、業務関連法令に重大な違反をしたとき。
　１カ月</v>
          </cell>
          <cell r="W78" t="str">
            <v>不正又は不誠実な行為</v>
          </cell>
          <cell r="X78" t="str">
            <v>１カ月</v>
          </cell>
          <cell r="Y78">
            <v>1</v>
          </cell>
        </row>
        <row r="79">
          <cell r="U79" t="str">
            <v>第2.7(5)①</v>
          </cell>
          <cell r="V79" t="str">
            <v>＊　別表第２・７（４）　（不正又は不誠実な行為）
７　別表第１及び前各号に掲げる場合のほか、業務に関し不正又は不誠実な行為をし、契
　約の相手方として不適当であると認められるとき。
⑸　入札参加資格者等が､自動車の保管場所の確保等に関する法律（昭和37年法律第
　145号。以下「自動車保管法」という。）違反により逮捕、書類送検又は起訴されたとき。
①県内において、自動車保管法違反により逮捕、書類送検又は起訴されたとき。
　２カ月</v>
          </cell>
          <cell r="W79" t="str">
            <v>不正又は不誠実な行為</v>
          </cell>
          <cell r="X79" t="str">
            <v>２カ月</v>
          </cell>
          <cell r="Y79">
            <v>2</v>
          </cell>
        </row>
        <row r="80">
          <cell r="U80" t="str">
            <v>第2.7(5)②</v>
          </cell>
          <cell r="V80" t="str">
            <v>＊　別表第２・７（４）　（不正又は不誠実な行為）
７　別表第１及び前各号に掲げる場合のほか、業務に関し不正又は不誠実な行為をし、契
　約の相手方として不適当であると認められるとき。
⑸　入札参加資格者等が､自動車の保管場所の確保等に関する法律（昭和37年法律第
　145号。以下「自動車保管法」という。）違反により逮捕、書類送検又は起訴されたとき。
②近畿内において、自動車保管法違反により逮捕、書類送検又は起訴されたとき。
　１カ月</v>
          </cell>
          <cell r="W80" t="str">
            <v>不正又は不誠実な行為</v>
          </cell>
          <cell r="X80" t="str">
            <v>１カ月</v>
          </cell>
          <cell r="Y80">
            <v>1</v>
          </cell>
        </row>
        <row r="81">
          <cell r="U81" t="str">
            <v>第2.8(1)</v>
          </cell>
          <cell r="V81" t="str">
            <v>＊　別表第２・８（１）　（その他）
８　役員等に重大な反社会的行為があり、工事等の契約の相手方として不適当であると認
　められるとき等指名停止を必要とする場合。
⑴　役員等が禁こ以上の刑にあたる犯罪の容疑により逮捕、書類送検若しくは起訴され、
　又は禁こ以上の刑若しくは刑法の規定による罰金刑を宣告されたとき。
　３カ月</v>
          </cell>
          <cell r="W81" t="str">
            <v>その他</v>
          </cell>
          <cell r="X81" t="str">
            <v>３カ月</v>
          </cell>
          <cell r="Y81">
            <v>3</v>
          </cell>
        </row>
        <row r="82">
          <cell r="U82" t="str">
            <v>第2.8(2)</v>
          </cell>
          <cell r="V82" t="str">
            <v>＊　別表第２・８（２）　（その他）
８　役員等に重大な反社会的行為があり、工事等の契約の相手方として不適当であると認
　められるとき等指名停止を必要とする場合。
⑵　入札参加資格者が金融機関から取引停止となったとき。
　取引再開まで</v>
          </cell>
          <cell r="W82" t="str">
            <v>その他</v>
          </cell>
          <cell r="X82" t="str">
            <v>取引再開まで</v>
          </cell>
          <cell r="Y82" t="str">
            <v>取引再開まで</v>
          </cell>
        </row>
        <row r="83">
          <cell r="U83" t="str">
            <v>第2.8(3)</v>
          </cell>
          <cell r="V83" t="str">
            <v>＊　別表第２・８（３）　（その他）
８　役員等に重大な反社会的行為があり、工事等の契約の相手方として不適当であると認
　められるとき等指名停止を必要とする場合。
⑶　入札参加資格者等が、競争入札に際し、担当職員の指示に従わなかったとき。
　１カ月</v>
          </cell>
          <cell r="W83" t="str">
            <v>その他</v>
          </cell>
          <cell r="X83" t="str">
            <v>１カ月</v>
          </cell>
          <cell r="Y83">
            <v>1</v>
          </cell>
        </row>
        <row r="84">
          <cell r="U84" t="str">
            <v>第2.8(4)</v>
          </cell>
          <cell r="V84" t="str">
            <v>＊　別表第２・８（４）　（その他）
８　役員等に重大な反社会的行為があり、工事等の契約の相手方として不適当であると認
　められるとき等指名停止を必要とする場合。
⑷　入札参加資格者等が、低入札価格調査に関して不誠実な行為をしたとき。
　３カ月</v>
          </cell>
          <cell r="W84" t="str">
            <v>その他</v>
          </cell>
          <cell r="X84" t="str">
            <v>３カ月</v>
          </cell>
          <cell r="Y84">
            <v>3</v>
          </cell>
        </row>
        <row r="85">
          <cell r="U85" t="str">
            <v>第2.8(5)</v>
          </cell>
          <cell r="V85" t="str">
            <v>＊　別表第２・８（５）　（その他）
８　役員等に重大な反社会的行為があり、工事等の契約の相手方として不適当であると認
　められるとき等指名停止を必要とする場合。
⑸　落札者が正当な理由がなく契約を締結しなかったとき。
　６～１２カ月</v>
          </cell>
          <cell r="W85" t="str">
            <v>その他</v>
          </cell>
          <cell r="X85" t="str">
            <v>６～１２カ月</v>
          </cell>
        </row>
        <row r="89">
          <cell r="U89" t="str">
            <v>第2.8(6)</v>
          </cell>
          <cell r="V89" t="str">
            <v>＊　別表第２・８（６）　（その他）
８　役員等に重大な反社会的行為があり、工事等の契約の相手方として不適当であると認
　められるとき等指名停止を必要とする場合。
⑹　受注者又はその下請業者が暴力団員等から不当な介入を受けたにもかかわらず、発
　注者への報告を怠り又は警察に届けなかったとき。
　３カ月以上</v>
          </cell>
          <cell r="W89" t="str">
            <v>その他</v>
          </cell>
          <cell r="X89" t="str">
            <v>３カ月以上</v>
          </cell>
          <cell r="Y89" t="str">
            <v>3ｶ月以上</v>
          </cell>
        </row>
      </sheetData>
      <sheetData sheetId="57"/>
      <sheetData sheetId="58"/>
      <sheetData sheetId="59">
        <row r="3">
          <cell r="A3">
            <v>1</v>
          </cell>
          <cell r="B3" t="str">
            <v>建築</v>
          </cell>
          <cell r="C3" t="str">
            <v>令和２年度旧伊丹市立こばと保育所解体工事</v>
          </cell>
          <cell r="D3">
            <v>1</v>
          </cell>
          <cell r="E3">
            <v>55330000</v>
          </cell>
          <cell r="F3" t="str">
            <v/>
          </cell>
          <cell r="G3" t="str">
            <v/>
          </cell>
          <cell r="H3" t="str">
            <v/>
          </cell>
          <cell r="I3" t="str">
            <v/>
          </cell>
          <cell r="J3" t="str">
            <v/>
          </cell>
          <cell r="K3" t="str">
            <v/>
          </cell>
          <cell r="L3" t="str">
            <v/>
          </cell>
          <cell r="U3">
            <v>15.000999999999999</v>
          </cell>
          <cell r="V3">
            <v>104</v>
          </cell>
        </row>
        <row r="4">
          <cell r="A4">
            <v>2</v>
          </cell>
          <cell r="B4" t="str">
            <v>建築</v>
          </cell>
          <cell r="C4" t="str">
            <v>令和２年度旧伊丹市立天神川幼稚園解体工事</v>
          </cell>
          <cell r="D4">
            <v>2</v>
          </cell>
          <cell r="E4">
            <v>54230000</v>
          </cell>
          <cell r="F4" t="str">
            <v/>
          </cell>
          <cell r="G4" t="str">
            <v/>
          </cell>
          <cell r="H4" t="str">
            <v/>
          </cell>
          <cell r="I4" t="str">
            <v/>
          </cell>
          <cell r="J4" t="str">
            <v/>
          </cell>
          <cell r="K4" t="str">
            <v/>
          </cell>
          <cell r="L4" t="str">
            <v/>
          </cell>
          <cell r="U4">
            <v>16.001999999999999</v>
          </cell>
          <cell r="V4">
            <v>103</v>
          </cell>
        </row>
        <row r="5">
          <cell r="A5">
            <v>3</v>
          </cell>
          <cell r="B5" t="str">
            <v>造園</v>
          </cell>
          <cell r="C5" t="str">
            <v>令和２年度下河原緑地遊具改修工事</v>
          </cell>
          <cell r="D5">
            <v>3</v>
          </cell>
          <cell r="E5" t="str">
            <v/>
          </cell>
          <cell r="F5" t="str">
            <v/>
          </cell>
          <cell r="G5" t="str">
            <v/>
          </cell>
          <cell r="H5" t="str">
            <v/>
          </cell>
          <cell r="I5" t="str">
            <v/>
          </cell>
          <cell r="J5">
            <v>48227300</v>
          </cell>
          <cell r="K5" t="str">
            <v/>
          </cell>
          <cell r="L5" t="str">
            <v/>
          </cell>
          <cell r="U5">
            <v>501.00299999999999</v>
          </cell>
          <cell r="V5">
            <v>51</v>
          </cell>
        </row>
        <row r="6">
          <cell r="A6">
            <v>4</v>
          </cell>
          <cell r="B6" t="str">
            <v>その</v>
          </cell>
          <cell r="C6" t="str">
            <v>令和２年度河川環境整備除草委託業務（二級河川天神川）</v>
          </cell>
          <cell r="D6">
            <v>25</v>
          </cell>
          <cell r="E6" t="str">
            <v/>
          </cell>
          <cell r="F6" t="str">
            <v/>
          </cell>
          <cell r="G6" t="str">
            <v/>
          </cell>
          <cell r="H6" t="str">
            <v/>
          </cell>
          <cell r="I6" t="str">
            <v/>
          </cell>
          <cell r="J6" t="str">
            <v/>
          </cell>
          <cell r="K6" t="str">
            <v/>
          </cell>
          <cell r="L6">
            <v>8063000</v>
          </cell>
          <cell r="U6">
            <v>716.00400000000002</v>
          </cell>
          <cell r="V6">
            <v>21</v>
          </cell>
        </row>
        <row r="7">
          <cell r="A7">
            <v>5</v>
          </cell>
          <cell r="B7" t="str">
            <v>その</v>
          </cell>
          <cell r="C7" t="str">
            <v>令和２年度河川環境整備除草委託業務（二級河川天王寺川）</v>
          </cell>
          <cell r="D7">
            <v>26</v>
          </cell>
          <cell r="E7" t="str">
            <v/>
          </cell>
          <cell r="F7" t="str">
            <v/>
          </cell>
          <cell r="G7" t="str">
            <v/>
          </cell>
          <cell r="H7" t="str">
            <v/>
          </cell>
          <cell r="I7" t="str">
            <v/>
          </cell>
          <cell r="J7" t="str">
            <v/>
          </cell>
          <cell r="K7" t="str">
            <v/>
          </cell>
          <cell r="L7">
            <v>7782500</v>
          </cell>
          <cell r="U7">
            <v>718.005</v>
          </cell>
          <cell r="V7">
            <v>19</v>
          </cell>
        </row>
        <row r="8">
          <cell r="A8">
            <v>6</v>
          </cell>
          <cell r="B8" t="str">
            <v>その</v>
          </cell>
          <cell r="C8" t="str">
            <v>令和２年度河川環境整備除草委託業務（一級河川駄六川・箕面川・内川）</v>
          </cell>
          <cell r="D8">
            <v>27</v>
          </cell>
          <cell r="E8" t="str">
            <v/>
          </cell>
          <cell r="F8" t="str">
            <v/>
          </cell>
          <cell r="G8" t="str">
            <v/>
          </cell>
          <cell r="H8" t="str">
            <v/>
          </cell>
          <cell r="I8" t="str">
            <v/>
          </cell>
          <cell r="J8" t="str">
            <v/>
          </cell>
          <cell r="K8" t="str">
            <v/>
          </cell>
          <cell r="L8">
            <v>3259300</v>
          </cell>
          <cell r="U8">
            <v>727.00599999999997</v>
          </cell>
          <cell r="V8">
            <v>10</v>
          </cell>
        </row>
        <row r="9">
          <cell r="A9">
            <v>7</v>
          </cell>
          <cell r="B9" t="str">
            <v>その</v>
          </cell>
          <cell r="C9" t="str">
            <v>令和２年度市営住宅荻野団地耐震診断及び耐震補強工事設計委託業務</v>
          </cell>
          <cell r="D9">
            <v>4</v>
          </cell>
          <cell r="E9" t="str">
            <v/>
          </cell>
          <cell r="F9" t="str">
            <v/>
          </cell>
          <cell r="G9" t="str">
            <v/>
          </cell>
          <cell r="H9" t="str">
            <v/>
          </cell>
          <cell r="I9" t="str">
            <v/>
          </cell>
          <cell r="J9" t="str">
            <v/>
          </cell>
          <cell r="K9" t="str">
            <v/>
          </cell>
          <cell r="L9">
            <v>50798000</v>
          </cell>
          <cell r="U9">
            <v>703.00699999999995</v>
          </cell>
          <cell r="V9">
            <v>34</v>
          </cell>
        </row>
        <row r="10">
          <cell r="A10">
            <v>8</v>
          </cell>
          <cell r="B10" t="str">
            <v>その</v>
          </cell>
          <cell r="C10" t="str">
            <v>令和２年度市営住宅天神川団地耐震診断及び耐震補強工事設計委託業務</v>
          </cell>
          <cell r="D10">
            <v>5</v>
          </cell>
          <cell r="E10" t="str">
            <v/>
          </cell>
          <cell r="F10" t="str">
            <v/>
          </cell>
          <cell r="G10" t="str">
            <v/>
          </cell>
          <cell r="H10" t="str">
            <v/>
          </cell>
          <cell r="I10" t="str">
            <v/>
          </cell>
          <cell r="J10" t="str">
            <v/>
          </cell>
          <cell r="K10" t="str">
            <v/>
          </cell>
          <cell r="L10">
            <v>21648000</v>
          </cell>
          <cell r="U10">
            <v>707.00800000000004</v>
          </cell>
          <cell r="V10">
            <v>30</v>
          </cell>
        </row>
        <row r="11">
          <cell r="A11">
            <v>9</v>
          </cell>
          <cell r="B11" t="str">
            <v>その</v>
          </cell>
          <cell r="C11" t="str">
            <v>令和２年度市営住宅山道団地他住宅耐震診断及び耐震補強工事設計委託業務</v>
          </cell>
          <cell r="D11">
            <v>6</v>
          </cell>
          <cell r="E11" t="str">
            <v/>
          </cell>
          <cell r="F11" t="str">
            <v/>
          </cell>
          <cell r="G11" t="str">
            <v/>
          </cell>
          <cell r="H11" t="str">
            <v/>
          </cell>
          <cell r="I11" t="str">
            <v/>
          </cell>
          <cell r="J11" t="str">
            <v/>
          </cell>
          <cell r="K11" t="str">
            <v/>
          </cell>
          <cell r="L11">
            <v>19360880</v>
          </cell>
          <cell r="U11">
            <v>708.00900000000001</v>
          </cell>
          <cell r="V11">
            <v>29</v>
          </cell>
        </row>
        <row r="12">
          <cell r="A12">
            <v>10</v>
          </cell>
          <cell r="B12" t="str">
            <v>その</v>
          </cell>
          <cell r="C12" t="str">
            <v>令和２年度伊丹市営斎場大規模改修工事他設計委託業務</v>
          </cell>
          <cell r="D12">
            <v>7</v>
          </cell>
          <cell r="E12" t="str">
            <v/>
          </cell>
          <cell r="F12" t="str">
            <v/>
          </cell>
          <cell r="G12" t="str">
            <v/>
          </cell>
          <cell r="H12" t="str">
            <v/>
          </cell>
          <cell r="I12" t="str">
            <v/>
          </cell>
          <cell r="J12" t="str">
            <v/>
          </cell>
          <cell r="K12" t="str">
            <v/>
          </cell>
          <cell r="L12">
            <v>11227700</v>
          </cell>
          <cell r="U12">
            <v>713.01</v>
          </cell>
          <cell r="V12">
            <v>24</v>
          </cell>
        </row>
        <row r="13">
          <cell r="A13">
            <v>11</v>
          </cell>
          <cell r="B13" t="str">
            <v>その</v>
          </cell>
          <cell r="C13" t="str">
            <v>令和２年度伊丹市立稲野小学校他１８校無線ＬＡＮ整備工事設計委託業務</v>
          </cell>
          <cell r="D13">
            <v>31</v>
          </cell>
          <cell r="E13" t="str">
            <v/>
          </cell>
          <cell r="F13" t="str">
            <v/>
          </cell>
          <cell r="G13" t="str">
            <v/>
          </cell>
          <cell r="H13" t="str">
            <v/>
          </cell>
          <cell r="I13" t="str">
            <v/>
          </cell>
          <cell r="J13" t="str">
            <v/>
          </cell>
          <cell r="K13" t="str">
            <v/>
          </cell>
          <cell r="L13">
            <v>9204250</v>
          </cell>
          <cell r="U13">
            <v>714.01099999999997</v>
          </cell>
          <cell r="V13">
            <v>23</v>
          </cell>
        </row>
        <row r="14">
          <cell r="A14">
            <v>12</v>
          </cell>
          <cell r="B14" t="str">
            <v>その</v>
          </cell>
          <cell r="C14" t="str">
            <v>令和２年度伊丹市橋梁等補修及び耐震設計委託業務</v>
          </cell>
          <cell r="D14">
            <v>32</v>
          </cell>
          <cell r="E14" t="str">
            <v/>
          </cell>
          <cell r="F14" t="str">
            <v/>
          </cell>
          <cell r="G14" t="str">
            <v/>
          </cell>
          <cell r="H14" t="str">
            <v/>
          </cell>
          <cell r="I14" t="str">
            <v/>
          </cell>
          <cell r="J14" t="str">
            <v/>
          </cell>
          <cell r="K14" t="str">
            <v/>
          </cell>
          <cell r="L14">
            <v>53021100</v>
          </cell>
          <cell r="U14">
            <v>702.01199999999994</v>
          </cell>
          <cell r="V14">
            <v>35</v>
          </cell>
        </row>
        <row r="15">
          <cell r="A15">
            <v>13</v>
          </cell>
          <cell r="B15" t="str">
            <v>建築</v>
          </cell>
          <cell r="C15" t="str">
            <v>令和２年度伊丹市立生涯学習センター大規模改修工事</v>
          </cell>
          <cell r="D15">
            <v>11</v>
          </cell>
          <cell r="E15">
            <v>854700000</v>
          </cell>
          <cell r="F15" t="str">
            <v/>
          </cell>
          <cell r="G15" t="str">
            <v/>
          </cell>
          <cell r="H15" t="str">
            <v/>
          </cell>
          <cell r="I15" t="str">
            <v/>
          </cell>
          <cell r="J15" t="str">
            <v/>
          </cell>
          <cell r="K15" t="str">
            <v/>
          </cell>
          <cell r="L15" t="str">
            <v/>
          </cell>
          <cell r="U15">
            <v>3.0129999999999999</v>
          </cell>
          <cell r="V15">
            <v>116</v>
          </cell>
        </row>
        <row r="16">
          <cell r="A16">
            <v>14</v>
          </cell>
          <cell r="B16" t="str">
            <v>建築</v>
          </cell>
          <cell r="C16" t="str">
            <v>令和２年度伊丹市立東中学校大規模改造工事</v>
          </cell>
          <cell r="D16">
            <v>33</v>
          </cell>
          <cell r="E16">
            <v>590700000</v>
          </cell>
          <cell r="F16" t="str">
            <v/>
          </cell>
          <cell r="G16" t="str">
            <v/>
          </cell>
          <cell r="H16" t="str">
            <v/>
          </cell>
          <cell r="I16" t="str">
            <v/>
          </cell>
          <cell r="J16" t="str">
            <v/>
          </cell>
          <cell r="K16" t="str">
            <v/>
          </cell>
          <cell r="L16" t="str">
            <v/>
          </cell>
          <cell r="U16">
            <v>6.0140000000000002</v>
          </cell>
          <cell r="V16">
            <v>113</v>
          </cell>
        </row>
        <row r="17">
          <cell r="A17">
            <v>15</v>
          </cell>
          <cell r="B17" t="str">
            <v>建築</v>
          </cell>
          <cell r="C17" t="str">
            <v>令和２年度伊丹市立花里小学校大規模改造工事</v>
          </cell>
          <cell r="D17">
            <v>34</v>
          </cell>
          <cell r="E17">
            <v>559900000</v>
          </cell>
          <cell r="F17" t="str">
            <v/>
          </cell>
          <cell r="G17" t="str">
            <v/>
          </cell>
          <cell r="H17" t="str">
            <v/>
          </cell>
          <cell r="I17" t="str">
            <v/>
          </cell>
          <cell r="J17" t="str">
            <v/>
          </cell>
          <cell r="K17" t="str">
            <v/>
          </cell>
          <cell r="L17" t="str">
            <v/>
          </cell>
          <cell r="U17">
            <v>7.0149999999999997</v>
          </cell>
          <cell r="V17">
            <v>112</v>
          </cell>
        </row>
        <row r="18">
          <cell r="A18">
            <v>16</v>
          </cell>
          <cell r="B18" t="str">
            <v>建築</v>
          </cell>
          <cell r="C18" t="str">
            <v>令和２年度伊丹市立ＪＲ伊丹駅前駐車場大規模改修工事</v>
          </cell>
          <cell r="D18">
            <v>35</v>
          </cell>
          <cell r="E18">
            <v>168300000</v>
          </cell>
          <cell r="F18" t="str">
            <v/>
          </cell>
          <cell r="G18" t="str">
            <v/>
          </cell>
          <cell r="H18" t="str">
            <v/>
          </cell>
          <cell r="I18" t="str">
            <v/>
          </cell>
          <cell r="J18" t="str">
            <v/>
          </cell>
          <cell r="K18" t="str">
            <v/>
          </cell>
          <cell r="L18" t="str">
            <v/>
          </cell>
          <cell r="U18">
            <v>8.016</v>
          </cell>
          <cell r="V18">
            <v>111</v>
          </cell>
        </row>
        <row r="19">
          <cell r="A19">
            <v>17</v>
          </cell>
          <cell r="B19" t="str">
            <v>建築</v>
          </cell>
          <cell r="C19" t="str">
            <v>令和２年度伊丹市立稲野児童くらぶ移設他工事</v>
          </cell>
          <cell r="D19">
            <v>37</v>
          </cell>
          <cell r="E19">
            <v>54120000</v>
          </cell>
          <cell r="F19" t="str">
            <v/>
          </cell>
          <cell r="G19" t="str">
            <v/>
          </cell>
          <cell r="H19" t="str">
            <v/>
          </cell>
          <cell r="I19" t="str">
            <v/>
          </cell>
          <cell r="J19" t="str">
            <v/>
          </cell>
          <cell r="K19" t="str">
            <v/>
          </cell>
          <cell r="L19" t="str">
            <v/>
          </cell>
          <cell r="U19">
            <v>17.016999999999999</v>
          </cell>
          <cell r="V19">
            <v>102</v>
          </cell>
        </row>
        <row r="20">
          <cell r="A20">
            <v>18</v>
          </cell>
          <cell r="B20" t="str">
            <v>造園</v>
          </cell>
          <cell r="C20" t="str">
            <v>令和２年度有岡城跡南側堀跡舗装改修工事</v>
          </cell>
          <cell r="D20">
            <v>38</v>
          </cell>
          <cell r="E20" t="str">
            <v/>
          </cell>
          <cell r="F20" t="str">
            <v/>
          </cell>
          <cell r="G20" t="str">
            <v/>
          </cell>
          <cell r="H20" t="str">
            <v/>
          </cell>
          <cell r="I20" t="str">
            <v/>
          </cell>
          <cell r="J20">
            <v>19470000</v>
          </cell>
          <cell r="K20" t="str">
            <v/>
          </cell>
          <cell r="L20" t="str">
            <v/>
          </cell>
          <cell r="U20">
            <v>503.01799999999997</v>
          </cell>
          <cell r="V20">
            <v>49</v>
          </cell>
        </row>
        <row r="21">
          <cell r="A21">
            <v>19</v>
          </cell>
          <cell r="B21" t="str">
            <v>その</v>
          </cell>
          <cell r="C21" t="str">
            <v>令和２年度（都）山田伊丹線（昆陽泉町工区）物件調査委託業務</v>
          </cell>
          <cell r="D21">
            <v>40</v>
          </cell>
          <cell r="E21" t="str">
            <v/>
          </cell>
          <cell r="F21" t="str">
            <v/>
          </cell>
          <cell r="G21" t="str">
            <v/>
          </cell>
          <cell r="H21" t="str">
            <v/>
          </cell>
          <cell r="I21" t="str">
            <v/>
          </cell>
          <cell r="J21" t="str">
            <v/>
          </cell>
          <cell r="K21" t="str">
            <v/>
          </cell>
          <cell r="L21">
            <v>2797300</v>
          </cell>
          <cell r="U21">
            <v>730.01900000000001</v>
          </cell>
          <cell r="V21">
            <v>7</v>
          </cell>
        </row>
        <row r="22">
          <cell r="A22">
            <v>20</v>
          </cell>
          <cell r="B22" t="str">
            <v>土木</v>
          </cell>
          <cell r="C22" t="str">
            <v>令和２年度市道昆陽車塚線自転車レーン整備工事（第３工区）</v>
          </cell>
          <cell r="D22">
            <v>41</v>
          </cell>
          <cell r="E22" t="str">
            <v/>
          </cell>
          <cell r="F22">
            <v>102826900</v>
          </cell>
          <cell r="G22" t="str">
            <v/>
          </cell>
          <cell r="H22" t="str">
            <v/>
          </cell>
          <cell r="I22" t="str">
            <v/>
          </cell>
          <cell r="J22" t="str">
            <v/>
          </cell>
          <cell r="K22" t="str">
            <v/>
          </cell>
          <cell r="L22" t="str">
            <v/>
          </cell>
          <cell r="U22">
            <v>102.02</v>
          </cell>
          <cell r="V22">
            <v>90</v>
          </cell>
        </row>
        <row r="23">
          <cell r="A23">
            <v>21</v>
          </cell>
          <cell r="B23" t="str">
            <v>その</v>
          </cell>
          <cell r="C23" t="str">
            <v>令和２年度伊丹市道路橋定期点検委託業務</v>
          </cell>
          <cell r="D23">
            <v>42</v>
          </cell>
          <cell r="E23" t="str">
            <v/>
          </cell>
          <cell r="F23" t="str">
            <v/>
          </cell>
          <cell r="G23" t="str">
            <v/>
          </cell>
          <cell r="H23" t="str">
            <v/>
          </cell>
          <cell r="I23" t="str">
            <v/>
          </cell>
          <cell r="J23" t="str">
            <v/>
          </cell>
          <cell r="K23" t="str">
            <v/>
          </cell>
          <cell r="L23">
            <v>44438900</v>
          </cell>
          <cell r="U23">
            <v>705.02099999999996</v>
          </cell>
          <cell r="V23">
            <v>32</v>
          </cell>
        </row>
        <row r="24">
          <cell r="A24">
            <v>22</v>
          </cell>
          <cell r="B24" t="str">
            <v>その</v>
          </cell>
          <cell r="C24" t="str">
            <v>令和２年度（都）山田伊丹線（昆陽泉町工区）用地測量等委託業務</v>
          </cell>
          <cell r="D24">
            <v>50</v>
          </cell>
          <cell r="E24" t="str">
            <v/>
          </cell>
          <cell r="F24" t="str">
            <v/>
          </cell>
          <cell r="G24" t="str">
            <v/>
          </cell>
          <cell r="H24" t="str">
            <v/>
          </cell>
          <cell r="I24" t="str">
            <v/>
          </cell>
          <cell r="J24" t="str">
            <v/>
          </cell>
          <cell r="K24" t="str">
            <v/>
          </cell>
          <cell r="L24">
            <v>4847700</v>
          </cell>
          <cell r="U24">
            <v>721.02200000000005</v>
          </cell>
          <cell r="V24">
            <v>16</v>
          </cell>
        </row>
        <row r="25">
          <cell r="A25">
            <v>23</v>
          </cell>
          <cell r="B25" t="str">
            <v>建築</v>
          </cell>
          <cell r="C25" t="str">
            <v>令和２年度市営住宅行基団地解体工事</v>
          </cell>
          <cell r="D25">
            <v>51</v>
          </cell>
          <cell r="E25">
            <v>99990000</v>
          </cell>
          <cell r="F25" t="str">
            <v/>
          </cell>
          <cell r="G25" t="str">
            <v/>
          </cell>
          <cell r="H25" t="str">
            <v/>
          </cell>
          <cell r="I25" t="str">
            <v/>
          </cell>
          <cell r="J25" t="str">
            <v/>
          </cell>
          <cell r="K25" t="str">
            <v/>
          </cell>
          <cell r="L25" t="str">
            <v/>
          </cell>
          <cell r="U25">
            <v>11.023</v>
          </cell>
          <cell r="V25">
            <v>108</v>
          </cell>
        </row>
        <row r="26">
          <cell r="A26">
            <v>24</v>
          </cell>
          <cell r="B26" t="str">
            <v>造園</v>
          </cell>
          <cell r="C26" t="str">
            <v>令和２年度中野行浪公園遊具改修工事</v>
          </cell>
          <cell r="D26">
            <v>52</v>
          </cell>
          <cell r="E26" t="str">
            <v/>
          </cell>
          <cell r="F26" t="str">
            <v/>
          </cell>
          <cell r="G26" t="str">
            <v/>
          </cell>
          <cell r="H26" t="str">
            <v/>
          </cell>
          <cell r="I26" t="str">
            <v/>
          </cell>
          <cell r="J26">
            <v>20241100</v>
          </cell>
          <cell r="K26" t="str">
            <v/>
          </cell>
          <cell r="L26" t="str">
            <v/>
          </cell>
          <cell r="U26">
            <v>502.024</v>
          </cell>
          <cell r="V26">
            <v>50</v>
          </cell>
        </row>
        <row r="27">
          <cell r="A27">
            <v>25</v>
          </cell>
          <cell r="B27" t="str">
            <v>その</v>
          </cell>
          <cell r="C27" t="str">
            <v>令和２年度伊丹市立天王寺川中学校大規模改造及び空調設備改修工事設計委託業務</v>
          </cell>
          <cell r="D27">
            <v>54</v>
          </cell>
          <cell r="E27" t="str">
            <v/>
          </cell>
          <cell r="F27" t="str">
            <v/>
          </cell>
          <cell r="G27" t="str">
            <v/>
          </cell>
          <cell r="H27" t="str">
            <v/>
          </cell>
          <cell r="I27" t="str">
            <v/>
          </cell>
          <cell r="J27" t="str">
            <v/>
          </cell>
          <cell r="K27" t="str">
            <v/>
          </cell>
          <cell r="L27">
            <v>53592000</v>
          </cell>
          <cell r="U27">
            <v>701.02499999999998</v>
          </cell>
          <cell r="V27">
            <v>36</v>
          </cell>
        </row>
        <row r="28">
          <cell r="A28">
            <v>26</v>
          </cell>
          <cell r="B28" t="str">
            <v>その</v>
          </cell>
          <cell r="C28" t="str">
            <v>令和２年度伊丹市立伊丹小学校大規模改造工事設計委託業務</v>
          </cell>
          <cell r="D28">
            <v>55</v>
          </cell>
          <cell r="E28" t="str">
            <v/>
          </cell>
          <cell r="F28" t="str">
            <v/>
          </cell>
          <cell r="G28" t="str">
            <v/>
          </cell>
          <cell r="H28" t="str">
            <v/>
          </cell>
          <cell r="I28" t="str">
            <v/>
          </cell>
          <cell r="J28" t="str">
            <v/>
          </cell>
          <cell r="K28" t="str">
            <v/>
          </cell>
          <cell r="L28">
            <v>49775000</v>
          </cell>
          <cell r="U28">
            <v>704.02599999999995</v>
          </cell>
          <cell r="V28">
            <v>33</v>
          </cell>
        </row>
        <row r="29">
          <cell r="A29">
            <v>27</v>
          </cell>
          <cell r="B29" t="str">
            <v>その</v>
          </cell>
          <cell r="C29" t="str">
            <v>令和２年度伊丹市立サンシティホール大規模改造工事設計委託業務</v>
          </cell>
          <cell r="D29">
            <v>56</v>
          </cell>
          <cell r="E29" t="str">
            <v/>
          </cell>
          <cell r="F29" t="str">
            <v/>
          </cell>
          <cell r="G29" t="str">
            <v/>
          </cell>
          <cell r="H29" t="str">
            <v/>
          </cell>
          <cell r="I29" t="str">
            <v/>
          </cell>
          <cell r="J29" t="str">
            <v/>
          </cell>
          <cell r="K29" t="str">
            <v/>
          </cell>
          <cell r="L29">
            <v>22759000</v>
          </cell>
          <cell r="U29">
            <v>706.02700000000004</v>
          </cell>
          <cell r="V29">
            <v>31</v>
          </cell>
        </row>
        <row r="30">
          <cell r="A30">
            <v>28</v>
          </cell>
          <cell r="B30" t="str">
            <v>その</v>
          </cell>
          <cell r="C30" t="str">
            <v>令和２年度伊丹市立文化会館パッケージエアコン更新工事設計委託業務</v>
          </cell>
          <cell r="D30">
            <v>57</v>
          </cell>
          <cell r="E30" t="str">
            <v/>
          </cell>
          <cell r="F30" t="str">
            <v/>
          </cell>
          <cell r="G30" t="str">
            <v/>
          </cell>
          <cell r="H30" t="str">
            <v/>
          </cell>
          <cell r="I30" t="str">
            <v/>
          </cell>
          <cell r="J30" t="str">
            <v/>
          </cell>
          <cell r="K30" t="str">
            <v/>
          </cell>
          <cell r="L30">
            <v>12848000</v>
          </cell>
          <cell r="U30">
            <v>710.02800000000002</v>
          </cell>
          <cell r="V30">
            <v>27</v>
          </cell>
        </row>
        <row r="31">
          <cell r="A31">
            <v>29</v>
          </cell>
          <cell r="B31" t="str">
            <v>その</v>
          </cell>
          <cell r="C31" t="str">
            <v>令和２年度伊丹市庁舎東館インフラ独立化工事設計委託業務</v>
          </cell>
          <cell r="D31">
            <v>68</v>
          </cell>
          <cell r="E31" t="str">
            <v/>
          </cell>
          <cell r="F31" t="str">
            <v/>
          </cell>
          <cell r="G31" t="str">
            <v/>
          </cell>
          <cell r="H31" t="str">
            <v/>
          </cell>
          <cell r="I31" t="str">
            <v/>
          </cell>
          <cell r="J31" t="str">
            <v/>
          </cell>
          <cell r="K31" t="str">
            <v/>
          </cell>
          <cell r="L31">
            <v>5992360</v>
          </cell>
          <cell r="U31">
            <v>719.029</v>
          </cell>
          <cell r="V31">
            <v>18</v>
          </cell>
        </row>
        <row r="32">
          <cell r="A32">
            <v>30</v>
          </cell>
          <cell r="B32" t="str">
            <v>その</v>
          </cell>
          <cell r="C32" t="str">
            <v>令和２年度伊丹市立池尻小学校空調設備改修工事設計委託業務</v>
          </cell>
          <cell r="D32">
            <v>58</v>
          </cell>
          <cell r="E32" t="str">
            <v/>
          </cell>
          <cell r="F32" t="str">
            <v/>
          </cell>
          <cell r="G32" t="str">
            <v/>
          </cell>
          <cell r="H32" t="str">
            <v/>
          </cell>
          <cell r="I32" t="str">
            <v/>
          </cell>
          <cell r="J32" t="str">
            <v/>
          </cell>
          <cell r="K32" t="str">
            <v/>
          </cell>
          <cell r="L32">
            <v>5896000</v>
          </cell>
          <cell r="U32">
            <v>720.03</v>
          </cell>
          <cell r="V32">
            <v>17</v>
          </cell>
        </row>
        <row r="33">
          <cell r="A33">
            <v>31</v>
          </cell>
          <cell r="B33" t="str">
            <v>その</v>
          </cell>
          <cell r="C33" t="str">
            <v>令和２年度市営玉田団地６・９号館エレベーター設置及び住戸２室化工事基本設計委託業務</v>
          </cell>
          <cell r="D33">
            <v>59</v>
          </cell>
          <cell r="E33" t="str">
            <v/>
          </cell>
          <cell r="F33" t="str">
            <v/>
          </cell>
          <cell r="G33" t="str">
            <v/>
          </cell>
          <cell r="H33" t="str">
            <v/>
          </cell>
          <cell r="I33" t="str">
            <v/>
          </cell>
          <cell r="J33" t="str">
            <v/>
          </cell>
          <cell r="K33" t="str">
            <v/>
          </cell>
          <cell r="L33">
            <v>3902800</v>
          </cell>
          <cell r="U33">
            <v>725.03099999999995</v>
          </cell>
          <cell r="V33">
            <v>12</v>
          </cell>
        </row>
        <row r="34">
          <cell r="A34">
            <v>32</v>
          </cell>
          <cell r="B34" t="str">
            <v>その</v>
          </cell>
          <cell r="C34" t="str">
            <v>令和２年度伊丹市立みずほ幼稚園空調設備改修工事設計委託業務</v>
          </cell>
          <cell r="D34">
            <v>60</v>
          </cell>
          <cell r="E34" t="str">
            <v/>
          </cell>
          <cell r="F34" t="str">
            <v/>
          </cell>
          <cell r="G34" t="str">
            <v/>
          </cell>
          <cell r="H34" t="str">
            <v/>
          </cell>
          <cell r="I34" t="str">
            <v/>
          </cell>
          <cell r="J34" t="str">
            <v/>
          </cell>
          <cell r="K34" t="str">
            <v/>
          </cell>
          <cell r="L34">
            <v>2860000</v>
          </cell>
          <cell r="U34">
            <v>729.03200000000004</v>
          </cell>
          <cell r="V34">
            <v>8</v>
          </cell>
        </row>
        <row r="35">
          <cell r="A35">
            <v>33</v>
          </cell>
          <cell r="B35" t="str">
            <v>その</v>
          </cell>
          <cell r="C35" t="str">
            <v>令和２年度伊丹市一般公共施設（特定建築物・特定建築設備等）定期点検委託業務</v>
          </cell>
          <cell r="D35">
            <v>61</v>
          </cell>
          <cell r="E35" t="str">
            <v/>
          </cell>
          <cell r="F35" t="str">
            <v/>
          </cell>
          <cell r="G35" t="str">
            <v/>
          </cell>
          <cell r="H35" t="str">
            <v/>
          </cell>
          <cell r="I35" t="str">
            <v/>
          </cell>
          <cell r="J35" t="str">
            <v/>
          </cell>
          <cell r="K35" t="str">
            <v/>
          </cell>
          <cell r="L35">
            <v>13827000</v>
          </cell>
          <cell r="U35">
            <v>709.03300000000002</v>
          </cell>
          <cell r="V35">
            <v>28</v>
          </cell>
        </row>
        <row r="36">
          <cell r="A36">
            <v>34</v>
          </cell>
          <cell r="B36" t="str">
            <v>電気</v>
          </cell>
          <cell r="C36" t="str">
            <v>令和２年度伊丹市立瑞穂小学校体育館高天井用照明器具更新工事</v>
          </cell>
          <cell r="D36">
            <v>64</v>
          </cell>
          <cell r="E36" t="str">
            <v/>
          </cell>
          <cell r="F36" t="str">
            <v/>
          </cell>
          <cell r="G36" t="str">
            <v/>
          </cell>
          <cell r="H36" t="str">
            <v/>
          </cell>
          <cell r="I36">
            <v>4125000</v>
          </cell>
          <cell r="J36" t="str">
            <v/>
          </cell>
          <cell r="K36" t="str">
            <v/>
          </cell>
          <cell r="L36" t="str">
            <v/>
          </cell>
          <cell r="U36">
            <v>411.03399999999999</v>
          </cell>
          <cell r="V36">
            <v>56</v>
          </cell>
        </row>
        <row r="37">
          <cell r="A37">
            <v>35</v>
          </cell>
          <cell r="B37" t="str">
            <v>土木</v>
          </cell>
          <cell r="C37" t="str">
            <v>令和２年度市道中央６００３号線道路改良工事</v>
          </cell>
          <cell r="D37">
            <v>65</v>
          </cell>
          <cell r="E37" t="str">
            <v/>
          </cell>
          <cell r="F37">
            <v>88155100</v>
          </cell>
          <cell r="G37" t="str">
            <v/>
          </cell>
          <cell r="H37" t="str">
            <v/>
          </cell>
          <cell r="I37" t="str">
            <v/>
          </cell>
          <cell r="J37" t="str">
            <v/>
          </cell>
          <cell r="K37" t="str">
            <v/>
          </cell>
          <cell r="L37" t="str">
            <v/>
          </cell>
          <cell r="U37">
            <v>105.035</v>
          </cell>
          <cell r="V37">
            <v>87</v>
          </cell>
        </row>
        <row r="38">
          <cell r="A38">
            <v>36</v>
          </cell>
          <cell r="B38" t="str">
            <v>土木</v>
          </cell>
          <cell r="C38" t="str">
            <v>令和２年度市道中央６００４号線道路改良工事</v>
          </cell>
          <cell r="D38">
            <v>66</v>
          </cell>
          <cell r="E38" t="str">
            <v/>
          </cell>
          <cell r="F38">
            <v>67420100</v>
          </cell>
          <cell r="G38" t="str">
            <v/>
          </cell>
          <cell r="H38" t="str">
            <v/>
          </cell>
          <cell r="I38" t="str">
            <v/>
          </cell>
          <cell r="J38" t="str">
            <v/>
          </cell>
          <cell r="K38" t="str">
            <v/>
          </cell>
          <cell r="L38" t="str">
            <v/>
          </cell>
          <cell r="U38">
            <v>106.036</v>
          </cell>
          <cell r="V38">
            <v>86</v>
          </cell>
        </row>
        <row r="39">
          <cell r="A39">
            <v>37</v>
          </cell>
          <cell r="B39" t="str">
            <v>その</v>
          </cell>
          <cell r="C39" t="str">
            <v>令和２年度伊丹市立生涯学習センター大規模改修工事監理委託業務</v>
          </cell>
          <cell r="D39">
            <v>62</v>
          </cell>
          <cell r="E39" t="str">
            <v/>
          </cell>
          <cell r="F39" t="str">
            <v/>
          </cell>
          <cell r="G39" t="str">
            <v/>
          </cell>
          <cell r="H39" t="str">
            <v/>
          </cell>
          <cell r="I39" t="str">
            <v/>
          </cell>
          <cell r="J39" t="str">
            <v/>
          </cell>
          <cell r="K39" t="str">
            <v/>
          </cell>
          <cell r="L39">
            <v>12507000</v>
          </cell>
          <cell r="U39">
            <v>711.03700000000003</v>
          </cell>
          <cell r="V39">
            <v>26</v>
          </cell>
        </row>
        <row r="40">
          <cell r="A40">
            <v>38</v>
          </cell>
          <cell r="B40" t="str">
            <v>舗装</v>
          </cell>
          <cell r="C40" t="str">
            <v>令和２年度市道野間北５３１０号線ほか舗装補修工事</v>
          </cell>
          <cell r="D40">
            <v>75</v>
          </cell>
          <cell r="E40" t="str">
            <v/>
          </cell>
          <cell r="F40" t="str">
            <v/>
          </cell>
          <cell r="G40">
            <v>14798300</v>
          </cell>
          <cell r="H40" t="str">
            <v/>
          </cell>
          <cell r="I40" t="str">
            <v/>
          </cell>
          <cell r="J40" t="str">
            <v/>
          </cell>
          <cell r="K40" t="str">
            <v/>
          </cell>
          <cell r="L40" t="str">
            <v/>
          </cell>
          <cell r="U40">
            <v>201.03800000000001</v>
          </cell>
          <cell r="V40">
            <v>79</v>
          </cell>
        </row>
        <row r="41">
          <cell r="A41">
            <v>39</v>
          </cell>
          <cell r="B41" t="str">
            <v>舗装</v>
          </cell>
          <cell r="C41" t="str">
            <v>令和２年度市道宝塚池田線ほか舗装補修工事</v>
          </cell>
          <cell r="D41">
            <v>76</v>
          </cell>
          <cell r="E41" t="str">
            <v/>
          </cell>
          <cell r="F41" t="str">
            <v/>
          </cell>
          <cell r="G41">
            <v>14641000</v>
          </cell>
          <cell r="H41" t="str">
            <v/>
          </cell>
          <cell r="I41" t="str">
            <v/>
          </cell>
          <cell r="J41" t="str">
            <v/>
          </cell>
          <cell r="K41" t="str">
            <v/>
          </cell>
          <cell r="L41" t="str">
            <v/>
          </cell>
          <cell r="U41">
            <v>202.03899999999999</v>
          </cell>
          <cell r="V41">
            <v>78</v>
          </cell>
        </row>
        <row r="42">
          <cell r="A42">
            <v>40</v>
          </cell>
          <cell r="B42" t="str">
            <v>舗装</v>
          </cell>
          <cell r="C42" t="str">
            <v>令和２年度市道荻野１２７９号線ほか舗装補修工事</v>
          </cell>
          <cell r="D42">
            <v>77</v>
          </cell>
          <cell r="E42" t="str">
            <v/>
          </cell>
          <cell r="F42" t="str">
            <v/>
          </cell>
          <cell r="G42">
            <v>14533200</v>
          </cell>
          <cell r="H42" t="str">
            <v/>
          </cell>
          <cell r="I42" t="str">
            <v/>
          </cell>
          <cell r="J42" t="str">
            <v/>
          </cell>
          <cell r="K42" t="str">
            <v/>
          </cell>
          <cell r="L42" t="str">
            <v/>
          </cell>
          <cell r="U42">
            <v>203.04</v>
          </cell>
          <cell r="V42">
            <v>77</v>
          </cell>
        </row>
        <row r="43">
          <cell r="A43">
            <v>41</v>
          </cell>
          <cell r="B43" t="str">
            <v>塗装</v>
          </cell>
          <cell r="C43" t="str">
            <v>令和２年度伊丹市立北中学校体育館屋根塗装改修工事</v>
          </cell>
          <cell r="D43">
            <v>78</v>
          </cell>
          <cell r="E43" t="str">
            <v/>
          </cell>
          <cell r="F43" t="str">
            <v/>
          </cell>
          <cell r="G43" t="str">
            <v/>
          </cell>
          <cell r="H43" t="str">
            <v/>
          </cell>
          <cell r="I43" t="str">
            <v/>
          </cell>
          <cell r="J43" t="str">
            <v/>
          </cell>
          <cell r="K43">
            <v>6886000</v>
          </cell>
          <cell r="L43" t="str">
            <v/>
          </cell>
          <cell r="U43">
            <v>601.04100000000005</v>
          </cell>
          <cell r="V43">
            <v>38</v>
          </cell>
        </row>
        <row r="44">
          <cell r="A44">
            <v>42</v>
          </cell>
          <cell r="B44" t="str">
            <v>塗装</v>
          </cell>
          <cell r="C44" t="str">
            <v>令和２年度伊丹市立緑丘小学校体育館床塗装改修工事</v>
          </cell>
          <cell r="D44">
            <v>79</v>
          </cell>
          <cell r="E44" t="str">
            <v/>
          </cell>
          <cell r="F44" t="str">
            <v/>
          </cell>
          <cell r="G44" t="str">
            <v/>
          </cell>
          <cell r="H44" t="str">
            <v/>
          </cell>
          <cell r="I44" t="str">
            <v/>
          </cell>
          <cell r="J44" t="str">
            <v/>
          </cell>
          <cell r="K44">
            <v>4114000</v>
          </cell>
          <cell r="L44" t="str">
            <v/>
          </cell>
          <cell r="U44">
            <v>602.04200000000003</v>
          </cell>
          <cell r="V44">
            <v>37</v>
          </cell>
        </row>
        <row r="45">
          <cell r="A45">
            <v>43</v>
          </cell>
          <cell r="B45" t="str">
            <v>建築</v>
          </cell>
          <cell r="C45" t="str">
            <v>令和２年度伊丹市立生涯学習センター大規模改修工事</v>
          </cell>
          <cell r="D45">
            <v>86</v>
          </cell>
          <cell r="E45">
            <v>854700000</v>
          </cell>
          <cell r="F45" t="str">
            <v/>
          </cell>
          <cell r="G45" t="str">
            <v/>
          </cell>
          <cell r="H45" t="str">
            <v/>
          </cell>
          <cell r="I45" t="str">
            <v/>
          </cell>
          <cell r="J45" t="str">
            <v/>
          </cell>
          <cell r="K45" t="str">
            <v/>
          </cell>
          <cell r="L45" t="str">
            <v/>
          </cell>
          <cell r="U45">
            <v>3.0430000000000001</v>
          </cell>
          <cell r="V45">
            <v>115</v>
          </cell>
        </row>
        <row r="46">
          <cell r="A46">
            <v>44</v>
          </cell>
          <cell r="B46" t="str">
            <v>造園</v>
          </cell>
          <cell r="C46" t="str">
            <v>令和２年度下河原公園再整備工事</v>
          </cell>
          <cell r="D46">
            <v>89</v>
          </cell>
          <cell r="E46" t="str">
            <v/>
          </cell>
          <cell r="F46" t="str">
            <v/>
          </cell>
          <cell r="G46" t="str">
            <v/>
          </cell>
          <cell r="H46" t="str">
            <v/>
          </cell>
          <cell r="I46" t="str">
            <v/>
          </cell>
          <cell r="J46">
            <v>13018500</v>
          </cell>
          <cell r="K46" t="str">
            <v/>
          </cell>
          <cell r="L46" t="str">
            <v/>
          </cell>
          <cell r="U46">
            <v>509.04399999999998</v>
          </cell>
          <cell r="V46">
            <v>43</v>
          </cell>
        </row>
        <row r="47">
          <cell r="A47">
            <v>45</v>
          </cell>
          <cell r="B47" t="str">
            <v>造園</v>
          </cell>
          <cell r="C47" t="str">
            <v>令和２年度西野大谷公園遊具改修工事</v>
          </cell>
          <cell r="D47">
            <v>90</v>
          </cell>
          <cell r="E47" t="str">
            <v/>
          </cell>
          <cell r="F47" t="str">
            <v/>
          </cell>
          <cell r="G47" t="str">
            <v/>
          </cell>
          <cell r="H47" t="str">
            <v/>
          </cell>
          <cell r="I47" t="str">
            <v/>
          </cell>
          <cell r="J47">
            <v>10807500</v>
          </cell>
          <cell r="K47" t="str">
            <v/>
          </cell>
          <cell r="L47" t="str">
            <v/>
          </cell>
          <cell r="U47">
            <v>512.04499999999996</v>
          </cell>
          <cell r="V47">
            <v>40</v>
          </cell>
        </row>
        <row r="48">
          <cell r="A48">
            <v>46</v>
          </cell>
          <cell r="B48" t="str">
            <v>その</v>
          </cell>
          <cell r="C48" t="str">
            <v>令和２年度市道平松６２６３号線歩道設計委託業務</v>
          </cell>
          <cell r="D48">
            <v>74</v>
          </cell>
          <cell r="E48" t="str">
            <v/>
          </cell>
          <cell r="F48" t="str">
            <v/>
          </cell>
          <cell r="G48" t="str">
            <v/>
          </cell>
          <cell r="H48" t="str">
            <v/>
          </cell>
          <cell r="I48" t="str">
            <v/>
          </cell>
          <cell r="J48" t="str">
            <v/>
          </cell>
          <cell r="K48" t="str">
            <v/>
          </cell>
          <cell r="L48">
            <v>2294600</v>
          </cell>
          <cell r="U48">
            <v>732.04600000000005</v>
          </cell>
          <cell r="V48">
            <v>5</v>
          </cell>
        </row>
        <row r="49">
          <cell r="A49">
            <v>47</v>
          </cell>
          <cell r="B49" t="str">
            <v>その</v>
          </cell>
          <cell r="C49" t="str">
            <v>令和２年度市道宮ノ前４０８５号線電線共同溝管理台帳作成委託業務</v>
          </cell>
          <cell r="D49">
            <v>84</v>
          </cell>
          <cell r="E49" t="str">
            <v/>
          </cell>
          <cell r="F49" t="str">
            <v/>
          </cell>
          <cell r="G49" t="str">
            <v/>
          </cell>
          <cell r="H49" t="str">
            <v/>
          </cell>
          <cell r="I49" t="str">
            <v/>
          </cell>
          <cell r="J49" t="str">
            <v/>
          </cell>
          <cell r="K49" t="str">
            <v/>
          </cell>
          <cell r="L49">
            <v>3542000</v>
          </cell>
          <cell r="U49">
            <v>726.04700000000003</v>
          </cell>
          <cell r="V49">
            <v>11</v>
          </cell>
        </row>
        <row r="50">
          <cell r="A50">
            <v>48</v>
          </cell>
          <cell r="B50" t="str">
            <v>その</v>
          </cell>
          <cell r="C50" t="str">
            <v>令和２年度（都）山田伊丹線（昆陽泉町工区）物件調査委託業務（その２）</v>
          </cell>
          <cell r="D50">
            <v>92</v>
          </cell>
          <cell r="E50" t="str">
            <v/>
          </cell>
          <cell r="F50" t="str">
            <v/>
          </cell>
          <cell r="G50" t="str">
            <v/>
          </cell>
          <cell r="H50" t="str">
            <v/>
          </cell>
          <cell r="I50" t="str">
            <v/>
          </cell>
          <cell r="J50" t="str">
            <v/>
          </cell>
          <cell r="K50" t="str">
            <v/>
          </cell>
          <cell r="L50">
            <v>4396700</v>
          </cell>
          <cell r="U50">
            <v>724.048</v>
          </cell>
          <cell r="V50">
            <v>13</v>
          </cell>
        </row>
        <row r="51">
          <cell r="A51">
            <v>49</v>
          </cell>
          <cell r="B51" t="str">
            <v>電気</v>
          </cell>
          <cell r="C51" t="str">
            <v>令和２年度伊丹市環境クリーンセンターし尿公共下水道放流施設計装設備更新工事</v>
          </cell>
          <cell r="D51">
            <v>95</v>
          </cell>
          <cell r="E51" t="str">
            <v/>
          </cell>
          <cell r="F51" t="str">
            <v/>
          </cell>
          <cell r="G51" t="str">
            <v/>
          </cell>
          <cell r="H51" t="str">
            <v/>
          </cell>
          <cell r="I51">
            <v>2090000</v>
          </cell>
          <cell r="J51" t="str">
            <v/>
          </cell>
          <cell r="K51" t="str">
            <v/>
          </cell>
          <cell r="L51" t="str">
            <v/>
          </cell>
          <cell r="U51">
            <v>414.04899999999998</v>
          </cell>
          <cell r="V51">
            <v>53</v>
          </cell>
        </row>
        <row r="52">
          <cell r="A52">
            <v>50</v>
          </cell>
          <cell r="B52" t="str">
            <v>その</v>
          </cell>
          <cell r="C52" t="str">
            <v>令和２年度街区調査委託業務</v>
          </cell>
          <cell r="D52">
            <v>91</v>
          </cell>
          <cell r="E52" t="str">
            <v/>
          </cell>
          <cell r="F52" t="str">
            <v/>
          </cell>
          <cell r="G52" t="str">
            <v/>
          </cell>
          <cell r="H52" t="str">
            <v/>
          </cell>
          <cell r="I52" t="str">
            <v/>
          </cell>
          <cell r="J52" t="str">
            <v/>
          </cell>
          <cell r="K52" t="str">
            <v/>
          </cell>
          <cell r="L52">
            <v>4572000</v>
          </cell>
          <cell r="U52">
            <v>723.05</v>
          </cell>
          <cell r="V52">
            <v>14</v>
          </cell>
        </row>
        <row r="53">
          <cell r="A53">
            <v>51</v>
          </cell>
          <cell r="B53" t="str">
            <v/>
          </cell>
          <cell r="C53" t="str">
            <v/>
          </cell>
          <cell r="D53" t="str">
            <v/>
          </cell>
          <cell r="E53" t="str">
            <v/>
          </cell>
          <cell r="F53" t="str">
            <v/>
          </cell>
          <cell r="G53" t="str">
            <v/>
          </cell>
          <cell r="H53" t="str">
            <v/>
          </cell>
          <cell r="I53" t="str">
            <v/>
          </cell>
          <cell r="J53" t="str">
            <v/>
          </cell>
          <cell r="K53" t="str">
            <v/>
          </cell>
          <cell r="L53" t="str">
            <v/>
          </cell>
          <cell r="U53" t="str">
            <v/>
          </cell>
          <cell r="V53" t="str">
            <v/>
          </cell>
        </row>
        <row r="54">
          <cell r="A54">
            <v>52</v>
          </cell>
          <cell r="B54" t="str">
            <v>管</v>
          </cell>
          <cell r="C54" t="str">
            <v>令和２年度市営住宅等埋設ガス管改修工事</v>
          </cell>
          <cell r="D54">
            <v>98</v>
          </cell>
          <cell r="E54" t="str">
            <v/>
          </cell>
          <cell r="F54" t="str">
            <v/>
          </cell>
          <cell r="G54" t="str">
            <v/>
          </cell>
          <cell r="H54">
            <v>17050000</v>
          </cell>
          <cell r="I54" t="str">
            <v/>
          </cell>
          <cell r="J54" t="str">
            <v/>
          </cell>
          <cell r="K54" t="str">
            <v/>
          </cell>
          <cell r="L54" t="str">
            <v/>
          </cell>
          <cell r="U54">
            <v>304.05200000000002</v>
          </cell>
          <cell r="V54">
            <v>71</v>
          </cell>
        </row>
        <row r="55">
          <cell r="A55">
            <v>53</v>
          </cell>
          <cell r="B55" t="str">
            <v>管</v>
          </cell>
          <cell r="C55" t="str">
            <v>令和２年度伊丹市立音楽ホール空調設備更新工事</v>
          </cell>
          <cell r="D55">
            <v>99</v>
          </cell>
          <cell r="E55" t="str">
            <v/>
          </cell>
          <cell r="F55" t="str">
            <v/>
          </cell>
          <cell r="G55" t="str">
            <v/>
          </cell>
          <cell r="H55">
            <v>16280000</v>
          </cell>
          <cell r="I55" t="str">
            <v/>
          </cell>
          <cell r="J55" t="str">
            <v/>
          </cell>
          <cell r="K55" t="str">
            <v/>
          </cell>
          <cell r="L55" t="str">
            <v/>
          </cell>
          <cell r="U55">
            <v>305.053</v>
          </cell>
          <cell r="V55">
            <v>70</v>
          </cell>
        </row>
        <row r="56">
          <cell r="A56">
            <v>54</v>
          </cell>
          <cell r="B56" t="str">
            <v>管</v>
          </cell>
          <cell r="C56" t="str">
            <v>令和２年度伊丹市立いけじり幼稚園空調設備改修工事</v>
          </cell>
          <cell r="D56">
            <v>100</v>
          </cell>
          <cell r="E56" t="str">
            <v/>
          </cell>
          <cell r="F56" t="str">
            <v/>
          </cell>
          <cell r="G56" t="str">
            <v/>
          </cell>
          <cell r="H56">
            <v>13178000</v>
          </cell>
          <cell r="I56" t="str">
            <v/>
          </cell>
          <cell r="J56" t="str">
            <v/>
          </cell>
          <cell r="K56" t="str">
            <v/>
          </cell>
          <cell r="L56" t="str">
            <v/>
          </cell>
          <cell r="U56">
            <v>306.05399999999997</v>
          </cell>
          <cell r="V56">
            <v>69</v>
          </cell>
        </row>
        <row r="57">
          <cell r="A57">
            <v>55</v>
          </cell>
          <cell r="B57" t="str">
            <v>建築</v>
          </cell>
          <cell r="C57" t="str">
            <v>令和２年度みやのまえ文化の郷整備工事</v>
          </cell>
          <cell r="D57">
            <v>104</v>
          </cell>
          <cell r="E57">
            <v>1177000000</v>
          </cell>
          <cell r="F57" t="str">
            <v/>
          </cell>
          <cell r="G57" t="str">
            <v/>
          </cell>
          <cell r="H57" t="str">
            <v/>
          </cell>
          <cell r="I57" t="str">
            <v/>
          </cell>
          <cell r="J57" t="str">
            <v/>
          </cell>
          <cell r="K57" t="str">
            <v/>
          </cell>
          <cell r="L57" t="str">
            <v/>
          </cell>
          <cell r="U57">
            <v>2.0550000000000002</v>
          </cell>
          <cell r="V57">
            <v>117</v>
          </cell>
        </row>
        <row r="58">
          <cell r="A58">
            <v>56</v>
          </cell>
          <cell r="B58" t="str">
            <v>建築</v>
          </cell>
          <cell r="C58" t="str">
            <v>令和２年度市営北野第１住宅外壁及び屋上防水改修工事</v>
          </cell>
          <cell r="D58">
            <v>105</v>
          </cell>
          <cell r="E58">
            <v>140800000</v>
          </cell>
          <cell r="F58" t="str">
            <v/>
          </cell>
          <cell r="G58" t="str">
            <v/>
          </cell>
          <cell r="H58" t="str">
            <v/>
          </cell>
          <cell r="I58" t="str">
            <v/>
          </cell>
          <cell r="J58" t="str">
            <v/>
          </cell>
          <cell r="K58" t="str">
            <v/>
          </cell>
          <cell r="L58" t="str">
            <v/>
          </cell>
          <cell r="U58">
            <v>9.0559999999999992</v>
          </cell>
          <cell r="V58">
            <v>110</v>
          </cell>
        </row>
        <row r="59">
          <cell r="A59">
            <v>57</v>
          </cell>
          <cell r="B59" t="str">
            <v>建築</v>
          </cell>
          <cell r="C59" t="str">
            <v>令和２年度伊丹市平松自転車駐車場内収蔵庫整備工事</v>
          </cell>
          <cell r="D59">
            <v>106</v>
          </cell>
          <cell r="E59">
            <v>78430000</v>
          </cell>
          <cell r="F59" t="str">
            <v/>
          </cell>
          <cell r="G59" t="str">
            <v/>
          </cell>
          <cell r="H59" t="str">
            <v/>
          </cell>
          <cell r="I59" t="str">
            <v/>
          </cell>
          <cell r="J59" t="str">
            <v/>
          </cell>
          <cell r="K59" t="str">
            <v/>
          </cell>
          <cell r="L59" t="str">
            <v/>
          </cell>
          <cell r="U59">
            <v>12.057</v>
          </cell>
          <cell r="V59">
            <v>107</v>
          </cell>
        </row>
        <row r="60">
          <cell r="A60">
            <v>58</v>
          </cell>
          <cell r="B60" t="str">
            <v>建築</v>
          </cell>
          <cell r="C60" t="str">
            <v>令和２年度旧伊丹市立はなさと幼稚園解体工事</v>
          </cell>
          <cell r="D60">
            <v>108</v>
          </cell>
          <cell r="E60">
            <v>60940000</v>
          </cell>
          <cell r="F60" t="str">
            <v/>
          </cell>
          <cell r="G60" t="str">
            <v/>
          </cell>
          <cell r="H60" t="str">
            <v/>
          </cell>
          <cell r="I60" t="str">
            <v/>
          </cell>
          <cell r="J60" t="str">
            <v/>
          </cell>
          <cell r="K60" t="str">
            <v/>
          </cell>
          <cell r="L60" t="str">
            <v/>
          </cell>
          <cell r="U60">
            <v>14.058</v>
          </cell>
          <cell r="V60">
            <v>105</v>
          </cell>
        </row>
        <row r="61">
          <cell r="A61">
            <v>59</v>
          </cell>
          <cell r="B61" t="str">
            <v>建築</v>
          </cell>
          <cell r="C61" t="str">
            <v>令和２年度旧伊丹市立ささはら幼稚園解体工事</v>
          </cell>
          <cell r="D61">
            <v>109</v>
          </cell>
          <cell r="E61">
            <v>39600000</v>
          </cell>
          <cell r="F61" t="str">
            <v/>
          </cell>
          <cell r="G61" t="str">
            <v/>
          </cell>
          <cell r="H61" t="str">
            <v/>
          </cell>
          <cell r="I61" t="str">
            <v/>
          </cell>
          <cell r="J61" t="str">
            <v/>
          </cell>
          <cell r="K61" t="str">
            <v/>
          </cell>
          <cell r="L61" t="str">
            <v/>
          </cell>
          <cell r="U61">
            <v>20.059000000000001</v>
          </cell>
          <cell r="V61">
            <v>99</v>
          </cell>
        </row>
        <row r="62">
          <cell r="A62">
            <v>60</v>
          </cell>
          <cell r="B62" t="str">
            <v>舗装</v>
          </cell>
          <cell r="C62" t="str">
            <v>令和２年度市道宮ノ前４０８５号線舗装復旧工事</v>
          </cell>
          <cell r="D62">
            <v>121</v>
          </cell>
          <cell r="E62" t="str">
            <v/>
          </cell>
          <cell r="F62" t="str">
            <v/>
          </cell>
          <cell r="G62">
            <v>14180100</v>
          </cell>
          <cell r="H62" t="str">
            <v/>
          </cell>
          <cell r="I62" t="str">
            <v/>
          </cell>
          <cell r="J62" t="str">
            <v/>
          </cell>
          <cell r="K62" t="str">
            <v/>
          </cell>
          <cell r="L62" t="str">
            <v/>
          </cell>
          <cell r="U62">
            <v>204.06</v>
          </cell>
          <cell r="V62">
            <v>76</v>
          </cell>
        </row>
        <row r="63">
          <cell r="A63">
            <v>61</v>
          </cell>
          <cell r="B63" t="str">
            <v>土木</v>
          </cell>
          <cell r="C63" t="str">
            <v>令和２年度交差点安全対策工事</v>
          </cell>
          <cell r="D63">
            <v>122</v>
          </cell>
          <cell r="E63" t="str">
            <v/>
          </cell>
          <cell r="F63">
            <v>13611400</v>
          </cell>
          <cell r="G63" t="str">
            <v/>
          </cell>
          <cell r="H63" t="str">
            <v/>
          </cell>
          <cell r="I63" t="str">
            <v/>
          </cell>
          <cell r="J63" t="str">
            <v/>
          </cell>
          <cell r="K63" t="str">
            <v/>
          </cell>
          <cell r="L63" t="str">
            <v/>
          </cell>
          <cell r="U63">
            <v>107.06100000000001</v>
          </cell>
          <cell r="V63">
            <v>85</v>
          </cell>
        </row>
        <row r="64">
          <cell r="A64">
            <v>62</v>
          </cell>
          <cell r="B64" t="str">
            <v>舗装</v>
          </cell>
          <cell r="C64" t="str">
            <v>令和２年度市道南野５１３８号線舗装工事</v>
          </cell>
          <cell r="D64">
            <v>123</v>
          </cell>
          <cell r="E64" t="str">
            <v/>
          </cell>
          <cell r="F64" t="str">
            <v/>
          </cell>
          <cell r="G64">
            <v>2217600</v>
          </cell>
          <cell r="H64" t="str">
            <v/>
          </cell>
          <cell r="I64" t="str">
            <v/>
          </cell>
          <cell r="J64" t="str">
            <v/>
          </cell>
          <cell r="K64" t="str">
            <v/>
          </cell>
          <cell r="L64" t="str">
            <v/>
          </cell>
          <cell r="U64">
            <v>205.06200000000001</v>
          </cell>
          <cell r="V64">
            <v>75</v>
          </cell>
        </row>
        <row r="65">
          <cell r="A65">
            <v>63</v>
          </cell>
          <cell r="B65" t="str">
            <v>造園</v>
          </cell>
          <cell r="C65" t="str">
            <v>令和２年度西野東川原公園再整備工事</v>
          </cell>
          <cell r="D65">
            <v>124</v>
          </cell>
          <cell r="E65" t="str">
            <v/>
          </cell>
          <cell r="F65" t="str">
            <v/>
          </cell>
          <cell r="G65" t="str">
            <v/>
          </cell>
          <cell r="H65" t="str">
            <v/>
          </cell>
          <cell r="I65" t="str">
            <v/>
          </cell>
          <cell r="J65">
            <v>18586700</v>
          </cell>
          <cell r="K65" t="str">
            <v/>
          </cell>
          <cell r="L65" t="str">
            <v/>
          </cell>
          <cell r="U65">
            <v>505.06299999999999</v>
          </cell>
          <cell r="V65">
            <v>47</v>
          </cell>
        </row>
        <row r="66">
          <cell r="A66">
            <v>64</v>
          </cell>
          <cell r="B66" t="str">
            <v>造園</v>
          </cell>
          <cell r="C66" t="str">
            <v>令和２年度庄境公園再整備工事</v>
          </cell>
          <cell r="D66">
            <v>125</v>
          </cell>
          <cell r="E66" t="str">
            <v/>
          </cell>
          <cell r="F66" t="str">
            <v/>
          </cell>
          <cell r="G66" t="str">
            <v/>
          </cell>
          <cell r="H66" t="str">
            <v/>
          </cell>
          <cell r="I66" t="str">
            <v/>
          </cell>
          <cell r="J66">
            <v>16325100</v>
          </cell>
          <cell r="K66" t="str">
            <v/>
          </cell>
          <cell r="L66" t="str">
            <v/>
          </cell>
          <cell r="U66">
            <v>506.06400000000002</v>
          </cell>
          <cell r="V66">
            <v>46</v>
          </cell>
        </row>
        <row r="67">
          <cell r="A67">
            <v>65</v>
          </cell>
          <cell r="B67" t="str">
            <v>造園</v>
          </cell>
          <cell r="C67" t="str">
            <v>令和２年度淵ノ上公園再整備工事</v>
          </cell>
          <cell r="D67">
            <v>126</v>
          </cell>
          <cell r="E67" t="str">
            <v/>
          </cell>
          <cell r="F67" t="str">
            <v/>
          </cell>
          <cell r="G67" t="str">
            <v/>
          </cell>
          <cell r="H67" t="str">
            <v/>
          </cell>
          <cell r="I67" t="str">
            <v/>
          </cell>
          <cell r="J67">
            <v>12707200</v>
          </cell>
          <cell r="K67" t="str">
            <v/>
          </cell>
          <cell r="L67" t="str">
            <v/>
          </cell>
          <cell r="U67">
            <v>510.065</v>
          </cell>
          <cell r="V67">
            <v>42</v>
          </cell>
        </row>
        <row r="68">
          <cell r="A68">
            <v>66</v>
          </cell>
          <cell r="B68" t="str">
            <v>その</v>
          </cell>
          <cell r="C68" t="str">
            <v>４０ｍ級はしご付き消防自動車　平成１６年式（株）モリタ製</v>
          </cell>
          <cell r="D68">
            <v>127</v>
          </cell>
          <cell r="E68" t="str">
            <v/>
          </cell>
          <cell r="F68" t="str">
            <v/>
          </cell>
          <cell r="G68" t="str">
            <v/>
          </cell>
          <cell r="H68" t="str">
            <v/>
          </cell>
          <cell r="I68" t="str">
            <v/>
          </cell>
          <cell r="J68" t="str">
            <v/>
          </cell>
          <cell r="K68" t="str">
            <v/>
          </cell>
          <cell r="L68">
            <v>1000000</v>
          </cell>
          <cell r="U68">
            <v>734.06600000000003</v>
          </cell>
          <cell r="V68">
            <v>3</v>
          </cell>
        </row>
        <row r="69">
          <cell r="A69">
            <v>67</v>
          </cell>
          <cell r="B69" t="str">
            <v>その</v>
          </cell>
          <cell r="C69" t="str">
            <v>消防ポンプ自動車　平成１３年式（日野）</v>
          </cell>
          <cell r="D69">
            <v>128</v>
          </cell>
          <cell r="E69" t="str">
            <v/>
          </cell>
          <cell r="F69" t="str">
            <v/>
          </cell>
          <cell r="G69" t="str">
            <v/>
          </cell>
          <cell r="H69" t="str">
            <v/>
          </cell>
          <cell r="I69" t="str">
            <v/>
          </cell>
          <cell r="J69" t="str">
            <v/>
          </cell>
          <cell r="K69" t="str">
            <v/>
          </cell>
          <cell r="L69">
            <v>2500000</v>
          </cell>
          <cell r="U69">
            <v>731.06700000000001</v>
          </cell>
          <cell r="V69">
            <v>6</v>
          </cell>
        </row>
        <row r="70">
          <cell r="A70">
            <v>68</v>
          </cell>
          <cell r="B70" t="str">
            <v>土木</v>
          </cell>
          <cell r="C70" t="str">
            <v>令和２年度武庫川新橋橋梁補修・補強工事</v>
          </cell>
          <cell r="D70">
            <v>131</v>
          </cell>
          <cell r="E70" t="str">
            <v/>
          </cell>
          <cell r="F70">
            <v>109695300</v>
          </cell>
          <cell r="G70" t="str">
            <v/>
          </cell>
          <cell r="H70" t="str">
            <v/>
          </cell>
          <cell r="I70" t="str">
            <v/>
          </cell>
          <cell r="J70" t="str">
            <v/>
          </cell>
          <cell r="K70" t="str">
            <v/>
          </cell>
          <cell r="L70" t="str">
            <v/>
          </cell>
          <cell r="U70">
            <v>101.068</v>
          </cell>
          <cell r="V70">
            <v>91</v>
          </cell>
        </row>
        <row r="71">
          <cell r="A71">
            <v>69</v>
          </cell>
          <cell r="B71" t="str">
            <v>管</v>
          </cell>
          <cell r="C71" t="str">
            <v>令和２年度伊丹市立荻野小学校管理諸室他空調設備改修工事</v>
          </cell>
          <cell r="D71">
            <v>141</v>
          </cell>
          <cell r="E71" t="str">
            <v/>
          </cell>
          <cell r="F71" t="str">
            <v/>
          </cell>
          <cell r="G71" t="str">
            <v/>
          </cell>
          <cell r="H71">
            <v>54560000</v>
          </cell>
          <cell r="I71" t="str">
            <v/>
          </cell>
          <cell r="J71" t="str">
            <v/>
          </cell>
          <cell r="K71" t="str">
            <v/>
          </cell>
          <cell r="L71" t="str">
            <v/>
          </cell>
          <cell r="U71">
            <v>302.06900000000002</v>
          </cell>
          <cell r="V71">
            <v>73</v>
          </cell>
        </row>
        <row r="72">
          <cell r="A72">
            <v>70</v>
          </cell>
          <cell r="B72" t="str">
            <v>管</v>
          </cell>
          <cell r="C72" t="str">
            <v>令和２年度伊丹市立鴻池小学校管理諸室他空調設備改修工事</v>
          </cell>
          <cell r="D72">
            <v>142</v>
          </cell>
          <cell r="E72" t="str">
            <v/>
          </cell>
          <cell r="F72" t="str">
            <v/>
          </cell>
          <cell r="G72" t="str">
            <v/>
          </cell>
          <cell r="H72">
            <v>34210000</v>
          </cell>
          <cell r="I72" t="str">
            <v/>
          </cell>
          <cell r="J72" t="str">
            <v/>
          </cell>
          <cell r="K72" t="str">
            <v/>
          </cell>
          <cell r="L72" t="str">
            <v/>
          </cell>
          <cell r="U72">
            <v>303.07</v>
          </cell>
          <cell r="V72">
            <v>72</v>
          </cell>
        </row>
        <row r="73">
          <cell r="A73">
            <v>71</v>
          </cell>
          <cell r="B73" t="str">
            <v>建築</v>
          </cell>
          <cell r="C73" t="str">
            <v>令和２年度伊丹市立南中学校防球ネット他設置工事</v>
          </cell>
          <cell r="D73">
            <v>143</v>
          </cell>
          <cell r="E73">
            <v>11187000</v>
          </cell>
          <cell r="F73" t="str">
            <v/>
          </cell>
          <cell r="G73" t="str">
            <v/>
          </cell>
          <cell r="H73" t="str">
            <v/>
          </cell>
          <cell r="I73" t="str">
            <v/>
          </cell>
          <cell r="J73" t="str">
            <v/>
          </cell>
          <cell r="K73" t="str">
            <v/>
          </cell>
          <cell r="L73" t="str">
            <v/>
          </cell>
          <cell r="U73">
            <v>24.071000000000002</v>
          </cell>
          <cell r="V73">
            <v>95</v>
          </cell>
        </row>
        <row r="74">
          <cell r="A74">
            <v>72</v>
          </cell>
          <cell r="B74" t="str">
            <v>その</v>
          </cell>
          <cell r="C74" t="str">
            <v>令和２年度伊丹市教育委員会公共建築物定期点検委託業務</v>
          </cell>
          <cell r="D74">
            <v>147</v>
          </cell>
          <cell r="E74" t="str">
            <v/>
          </cell>
          <cell r="F74" t="str">
            <v/>
          </cell>
          <cell r="G74" t="str">
            <v/>
          </cell>
          <cell r="H74" t="str">
            <v/>
          </cell>
          <cell r="I74" t="str">
            <v/>
          </cell>
          <cell r="J74" t="str">
            <v/>
          </cell>
          <cell r="K74" t="str">
            <v/>
          </cell>
          <cell r="L74">
            <v>11369600</v>
          </cell>
          <cell r="U74">
            <v>712.072</v>
          </cell>
          <cell r="V74">
            <v>25</v>
          </cell>
        </row>
        <row r="75">
          <cell r="A75">
            <v>73</v>
          </cell>
          <cell r="B75" t="str">
            <v>管</v>
          </cell>
          <cell r="C75" t="str">
            <v>令和２年度伊丹市消防局西消防署荒牧出張所他空調設備改修工事</v>
          </cell>
          <cell r="D75">
            <v>148</v>
          </cell>
          <cell r="E75" t="str">
            <v/>
          </cell>
          <cell r="F75" t="str">
            <v/>
          </cell>
          <cell r="G75" t="str">
            <v/>
          </cell>
          <cell r="H75">
            <v>8393000</v>
          </cell>
          <cell r="I75" t="str">
            <v/>
          </cell>
          <cell r="J75" t="str">
            <v/>
          </cell>
          <cell r="K75" t="str">
            <v/>
          </cell>
          <cell r="L75" t="str">
            <v/>
          </cell>
          <cell r="U75">
            <v>307.07299999999998</v>
          </cell>
          <cell r="V75">
            <v>68</v>
          </cell>
        </row>
        <row r="76">
          <cell r="A76">
            <v>74</v>
          </cell>
          <cell r="B76" t="str">
            <v>電気</v>
          </cell>
          <cell r="C76" t="str">
            <v>令和２年度伊丹市立伊丹小学校他７校無線ＬＡＮ整備工事</v>
          </cell>
          <cell r="D76">
            <v>149</v>
          </cell>
          <cell r="E76" t="str">
            <v/>
          </cell>
          <cell r="F76" t="str">
            <v/>
          </cell>
          <cell r="G76" t="str">
            <v/>
          </cell>
          <cell r="H76" t="str">
            <v/>
          </cell>
          <cell r="I76">
            <v>61347000</v>
          </cell>
          <cell r="J76" t="str">
            <v/>
          </cell>
          <cell r="K76" t="str">
            <v/>
          </cell>
          <cell r="L76" t="str">
            <v/>
          </cell>
          <cell r="U76">
            <v>406.07400000000001</v>
          </cell>
          <cell r="V76">
            <v>61</v>
          </cell>
        </row>
        <row r="77">
          <cell r="A77">
            <v>75</v>
          </cell>
          <cell r="B77" t="str">
            <v>電気</v>
          </cell>
          <cell r="C77" t="str">
            <v>令和２年度伊丹市西台自転車駐車場バイコレーター更新工事</v>
          </cell>
          <cell r="D77">
            <v>150</v>
          </cell>
          <cell r="E77" t="str">
            <v/>
          </cell>
          <cell r="F77" t="str">
            <v/>
          </cell>
          <cell r="G77" t="str">
            <v/>
          </cell>
          <cell r="H77" t="str">
            <v/>
          </cell>
          <cell r="I77">
            <v>6974000</v>
          </cell>
          <cell r="J77" t="str">
            <v/>
          </cell>
          <cell r="K77" t="str">
            <v/>
          </cell>
          <cell r="L77" t="str">
            <v/>
          </cell>
          <cell r="U77">
            <v>409.07499999999999</v>
          </cell>
          <cell r="V77">
            <v>58</v>
          </cell>
        </row>
        <row r="78">
          <cell r="A78">
            <v>76</v>
          </cell>
          <cell r="B78" t="str">
            <v>電気</v>
          </cell>
          <cell r="C78" t="str">
            <v>令和２年度伊丹市立天王寺川中学校体育館高天井用照明器具更新工事</v>
          </cell>
          <cell r="D78">
            <v>151</v>
          </cell>
          <cell r="E78" t="str">
            <v/>
          </cell>
          <cell r="F78" t="str">
            <v/>
          </cell>
          <cell r="G78" t="str">
            <v/>
          </cell>
          <cell r="H78" t="str">
            <v/>
          </cell>
          <cell r="I78">
            <v>5181000</v>
          </cell>
          <cell r="J78" t="str">
            <v/>
          </cell>
          <cell r="K78" t="str">
            <v/>
          </cell>
          <cell r="L78" t="str">
            <v/>
          </cell>
          <cell r="U78">
            <v>410.07600000000002</v>
          </cell>
          <cell r="V78">
            <v>57</v>
          </cell>
        </row>
        <row r="79">
          <cell r="A79">
            <v>77</v>
          </cell>
          <cell r="B79" t="str">
            <v>電気</v>
          </cell>
          <cell r="C79" t="str">
            <v>令和２年度伊丹市立緑ケ丘体育館第２体育室照明設備ＬＥＤ化工事</v>
          </cell>
          <cell r="D79">
            <v>152</v>
          </cell>
          <cell r="E79" t="str">
            <v/>
          </cell>
          <cell r="F79" t="str">
            <v/>
          </cell>
          <cell r="G79" t="str">
            <v/>
          </cell>
          <cell r="H79" t="str">
            <v/>
          </cell>
          <cell r="I79">
            <v>3036000</v>
          </cell>
          <cell r="J79" t="str">
            <v/>
          </cell>
          <cell r="K79" t="str">
            <v/>
          </cell>
          <cell r="L79" t="str">
            <v/>
          </cell>
          <cell r="U79">
            <v>412.077</v>
          </cell>
          <cell r="V79">
            <v>55</v>
          </cell>
        </row>
        <row r="80">
          <cell r="A80">
            <v>78</v>
          </cell>
          <cell r="B80" t="str">
            <v>電気</v>
          </cell>
          <cell r="C80" t="str">
            <v>令和２年度伊丹市立南中学校格技室高天井用照明器具更新工事</v>
          </cell>
          <cell r="D80">
            <v>153</v>
          </cell>
          <cell r="E80" t="str">
            <v/>
          </cell>
          <cell r="F80" t="str">
            <v/>
          </cell>
          <cell r="G80" t="str">
            <v/>
          </cell>
          <cell r="H80" t="str">
            <v/>
          </cell>
          <cell r="I80">
            <v>2068000</v>
          </cell>
          <cell r="J80" t="str">
            <v/>
          </cell>
          <cell r="K80" t="str">
            <v/>
          </cell>
          <cell r="L80" t="str">
            <v/>
          </cell>
          <cell r="U80">
            <v>415.07799999999997</v>
          </cell>
          <cell r="V80">
            <v>52</v>
          </cell>
        </row>
        <row r="81">
          <cell r="A81">
            <v>79</v>
          </cell>
          <cell r="B81" t="str">
            <v>建築</v>
          </cell>
          <cell r="C81" t="str">
            <v>令和２年度旧伊丹市共同利用施設西センター及び旧伊丹市立桜台保育所解体工事</v>
          </cell>
          <cell r="D81">
            <v>154</v>
          </cell>
          <cell r="E81">
            <v>73370000</v>
          </cell>
          <cell r="F81" t="str">
            <v/>
          </cell>
          <cell r="G81" t="str">
            <v/>
          </cell>
          <cell r="H81" t="str">
            <v/>
          </cell>
          <cell r="I81" t="str">
            <v/>
          </cell>
          <cell r="J81" t="str">
            <v/>
          </cell>
          <cell r="K81" t="str">
            <v/>
          </cell>
          <cell r="L81" t="str">
            <v/>
          </cell>
          <cell r="U81">
            <v>13.079000000000001</v>
          </cell>
          <cell r="V81">
            <v>106</v>
          </cell>
        </row>
        <row r="82">
          <cell r="A82">
            <v>80</v>
          </cell>
          <cell r="B82" t="str">
            <v>建築</v>
          </cell>
          <cell r="C82" t="str">
            <v>令和２年度旧伊丹市立緑幼稚園解体工事</v>
          </cell>
          <cell r="D82">
            <v>155</v>
          </cell>
          <cell r="E82">
            <v>46530000</v>
          </cell>
          <cell r="F82" t="str">
            <v/>
          </cell>
          <cell r="G82" t="str">
            <v/>
          </cell>
          <cell r="H82" t="str">
            <v/>
          </cell>
          <cell r="I82" t="str">
            <v/>
          </cell>
          <cell r="J82" t="str">
            <v/>
          </cell>
          <cell r="K82" t="str">
            <v/>
          </cell>
          <cell r="L82" t="str">
            <v/>
          </cell>
          <cell r="U82">
            <v>18.079999999999998</v>
          </cell>
          <cell r="V82">
            <v>101</v>
          </cell>
        </row>
        <row r="83">
          <cell r="A83">
            <v>81</v>
          </cell>
          <cell r="B83" t="str">
            <v>造園</v>
          </cell>
          <cell r="C83" t="str">
            <v>令和２年度西野北公園再整備工事</v>
          </cell>
          <cell r="D83">
            <v>171</v>
          </cell>
          <cell r="E83" t="str">
            <v/>
          </cell>
          <cell r="F83" t="str">
            <v/>
          </cell>
          <cell r="G83" t="str">
            <v/>
          </cell>
          <cell r="H83" t="str">
            <v/>
          </cell>
          <cell r="I83" t="str">
            <v/>
          </cell>
          <cell r="J83">
            <v>16089700</v>
          </cell>
          <cell r="K83" t="str">
            <v/>
          </cell>
          <cell r="L83" t="str">
            <v/>
          </cell>
          <cell r="U83">
            <v>507.08100000000002</v>
          </cell>
          <cell r="V83">
            <v>45</v>
          </cell>
        </row>
        <row r="84">
          <cell r="A84">
            <v>82</v>
          </cell>
          <cell r="B84" t="str">
            <v>造園</v>
          </cell>
          <cell r="C84" t="str">
            <v>令和２年度宮ノ上公園再整備工事</v>
          </cell>
          <cell r="D84">
            <v>172</v>
          </cell>
          <cell r="E84" t="str">
            <v/>
          </cell>
          <cell r="F84" t="str">
            <v/>
          </cell>
          <cell r="G84" t="str">
            <v/>
          </cell>
          <cell r="H84" t="str">
            <v/>
          </cell>
          <cell r="I84" t="str">
            <v/>
          </cell>
          <cell r="J84">
            <v>14273600</v>
          </cell>
          <cell r="K84" t="str">
            <v/>
          </cell>
          <cell r="L84" t="str">
            <v/>
          </cell>
          <cell r="U84">
            <v>508.08199999999999</v>
          </cell>
          <cell r="V84">
            <v>44</v>
          </cell>
        </row>
        <row r="85">
          <cell r="A85">
            <v>83</v>
          </cell>
          <cell r="B85" t="str">
            <v>土木</v>
          </cell>
          <cell r="C85" t="str">
            <v>令和２年度市道平松６２６３号線歩道改良工事</v>
          </cell>
          <cell r="D85">
            <v>174</v>
          </cell>
          <cell r="E85" t="str">
            <v/>
          </cell>
          <cell r="F85">
            <v>2788500</v>
          </cell>
          <cell r="G85" t="str">
            <v/>
          </cell>
          <cell r="H85" t="str">
            <v/>
          </cell>
          <cell r="I85" t="str">
            <v/>
          </cell>
          <cell r="J85" t="str">
            <v/>
          </cell>
          <cell r="K85" t="str">
            <v/>
          </cell>
          <cell r="L85" t="str">
            <v/>
          </cell>
          <cell r="U85">
            <v>112.083</v>
          </cell>
          <cell r="V85">
            <v>80</v>
          </cell>
        </row>
        <row r="86">
          <cell r="A86">
            <v>84</v>
          </cell>
          <cell r="B86" t="str">
            <v>電気</v>
          </cell>
          <cell r="C86" t="str">
            <v>令和２年度伊丹市立南小学校他５校無線ＬＡＮ整備工事</v>
          </cell>
          <cell r="D86">
            <v>175</v>
          </cell>
          <cell r="E86" t="str">
            <v/>
          </cell>
          <cell r="F86" t="str">
            <v/>
          </cell>
          <cell r="G86" t="str">
            <v/>
          </cell>
          <cell r="H86" t="str">
            <v/>
          </cell>
          <cell r="I86">
            <v>83237000</v>
          </cell>
          <cell r="J86" t="str">
            <v/>
          </cell>
          <cell r="K86" t="str">
            <v/>
          </cell>
          <cell r="L86" t="str">
            <v/>
          </cell>
          <cell r="U86">
            <v>402.084</v>
          </cell>
          <cell r="V86">
            <v>65</v>
          </cell>
        </row>
        <row r="87">
          <cell r="A87">
            <v>85</v>
          </cell>
          <cell r="B87" t="str">
            <v>電気</v>
          </cell>
          <cell r="C87" t="str">
            <v>令和２年度伊丹市立伊丹小学校他６校無線ＬＡＮ整備工事</v>
          </cell>
          <cell r="D87">
            <v>176</v>
          </cell>
          <cell r="E87" t="str">
            <v/>
          </cell>
          <cell r="F87" t="str">
            <v/>
          </cell>
          <cell r="G87" t="str">
            <v/>
          </cell>
          <cell r="H87" t="str">
            <v/>
          </cell>
          <cell r="I87">
            <v>80938000</v>
          </cell>
          <cell r="J87" t="str">
            <v/>
          </cell>
          <cell r="K87" t="str">
            <v/>
          </cell>
          <cell r="L87" t="str">
            <v/>
          </cell>
          <cell r="U87">
            <v>403.08499999999998</v>
          </cell>
          <cell r="V87">
            <v>64</v>
          </cell>
        </row>
        <row r="88">
          <cell r="A88">
            <v>86</v>
          </cell>
          <cell r="B88" t="str">
            <v>電気</v>
          </cell>
          <cell r="C88" t="str">
            <v>令和２年度伊丹市立稲野小学校他６校無線ＬＡＮ整備工事</v>
          </cell>
          <cell r="D88">
            <v>177</v>
          </cell>
          <cell r="E88" t="str">
            <v/>
          </cell>
          <cell r="F88" t="str">
            <v/>
          </cell>
          <cell r="G88" t="str">
            <v/>
          </cell>
          <cell r="H88" t="str">
            <v/>
          </cell>
          <cell r="I88">
            <v>79915000</v>
          </cell>
          <cell r="J88" t="str">
            <v/>
          </cell>
          <cell r="K88" t="str">
            <v/>
          </cell>
          <cell r="L88" t="str">
            <v/>
          </cell>
          <cell r="U88">
            <v>404.08600000000001</v>
          </cell>
          <cell r="V88">
            <v>63</v>
          </cell>
        </row>
        <row r="89">
          <cell r="A89">
            <v>87</v>
          </cell>
          <cell r="B89" t="str">
            <v>電気</v>
          </cell>
          <cell r="C89" t="str">
            <v>令和２年度伊丹市立桜台小学校他６校無線ＬＡＮ整備工事</v>
          </cell>
          <cell r="D89">
            <v>178</v>
          </cell>
          <cell r="E89" t="str">
            <v/>
          </cell>
          <cell r="F89" t="str">
            <v/>
          </cell>
          <cell r="G89" t="str">
            <v/>
          </cell>
          <cell r="H89" t="str">
            <v/>
          </cell>
          <cell r="I89">
            <v>76571000</v>
          </cell>
          <cell r="J89" t="str">
            <v/>
          </cell>
          <cell r="K89" t="str">
            <v/>
          </cell>
          <cell r="L89" t="str">
            <v/>
          </cell>
          <cell r="U89">
            <v>405.08699999999999</v>
          </cell>
          <cell r="V89">
            <v>62</v>
          </cell>
        </row>
        <row r="90">
          <cell r="A90">
            <v>88</v>
          </cell>
          <cell r="B90" t="str">
            <v>建築</v>
          </cell>
          <cell r="C90" t="str">
            <v>令和２年度伊丹市立新児童館グラウンド整備他工事</v>
          </cell>
          <cell r="D90">
            <v>183</v>
          </cell>
          <cell r="E90">
            <v>128700000</v>
          </cell>
          <cell r="F90" t="str">
            <v/>
          </cell>
          <cell r="G90" t="str">
            <v/>
          </cell>
          <cell r="H90" t="str">
            <v/>
          </cell>
          <cell r="I90" t="str">
            <v/>
          </cell>
          <cell r="J90" t="str">
            <v/>
          </cell>
          <cell r="K90" t="str">
            <v/>
          </cell>
          <cell r="L90" t="str">
            <v/>
          </cell>
          <cell r="U90">
            <v>10.087999999999999</v>
          </cell>
          <cell r="V90">
            <v>109</v>
          </cell>
        </row>
        <row r="91">
          <cell r="A91">
            <v>89</v>
          </cell>
          <cell r="B91" t="str">
            <v>造園</v>
          </cell>
          <cell r="C91" t="str">
            <v>令和２年度北本町公園遊具改修工事</v>
          </cell>
          <cell r="D91">
            <v>184</v>
          </cell>
          <cell r="E91" t="str">
            <v/>
          </cell>
          <cell r="F91" t="str">
            <v/>
          </cell>
          <cell r="G91" t="str">
            <v/>
          </cell>
          <cell r="H91" t="str">
            <v/>
          </cell>
          <cell r="I91" t="str">
            <v/>
          </cell>
          <cell r="J91">
            <v>19461200</v>
          </cell>
          <cell r="K91" t="str">
            <v/>
          </cell>
          <cell r="L91" t="str">
            <v/>
          </cell>
          <cell r="U91">
            <v>504.089</v>
          </cell>
          <cell r="V91">
            <v>48</v>
          </cell>
        </row>
        <row r="92">
          <cell r="A92">
            <v>90</v>
          </cell>
          <cell r="B92" t="str">
            <v>造園</v>
          </cell>
          <cell r="C92" t="str">
            <v>令和２年度公園他維持管理工事（その１）</v>
          </cell>
          <cell r="D92">
            <v>185</v>
          </cell>
          <cell r="E92" t="str">
            <v/>
          </cell>
          <cell r="F92" t="str">
            <v/>
          </cell>
          <cell r="G92" t="str">
            <v/>
          </cell>
          <cell r="H92" t="str">
            <v/>
          </cell>
          <cell r="I92" t="str">
            <v/>
          </cell>
          <cell r="J92">
            <v>9367600</v>
          </cell>
          <cell r="K92" t="str">
            <v/>
          </cell>
          <cell r="L92" t="str">
            <v/>
          </cell>
          <cell r="U92">
            <v>513.09</v>
          </cell>
          <cell r="V92">
            <v>39</v>
          </cell>
        </row>
        <row r="93">
          <cell r="A93">
            <v>91</v>
          </cell>
          <cell r="B93" t="str">
            <v>その</v>
          </cell>
          <cell r="C93" t="str">
            <v>令和２年度（都）山田伊丹線（昆陽泉町工区）物件調査委託業務（その３）</v>
          </cell>
          <cell r="D93">
            <v>187</v>
          </cell>
          <cell r="E93" t="str">
            <v/>
          </cell>
          <cell r="F93" t="str">
            <v/>
          </cell>
          <cell r="G93" t="str">
            <v/>
          </cell>
          <cell r="H93" t="str">
            <v/>
          </cell>
          <cell r="I93" t="str">
            <v/>
          </cell>
          <cell r="J93" t="str">
            <v/>
          </cell>
          <cell r="K93" t="str">
            <v/>
          </cell>
          <cell r="L93">
            <v>2191200</v>
          </cell>
          <cell r="U93">
            <v>733.09100000000001</v>
          </cell>
          <cell r="V93">
            <v>4</v>
          </cell>
        </row>
        <row r="94">
          <cell r="A94">
            <v>92</v>
          </cell>
          <cell r="B94" t="str">
            <v>建築</v>
          </cell>
          <cell r="C94" t="str">
            <v>令和２年度伊丹市立演劇ホール外壁改修工事</v>
          </cell>
          <cell r="D94">
            <v>192</v>
          </cell>
          <cell r="E94">
            <v>33220000</v>
          </cell>
          <cell r="F94" t="str">
            <v/>
          </cell>
          <cell r="G94" t="str">
            <v/>
          </cell>
          <cell r="H94" t="str">
            <v/>
          </cell>
          <cell r="I94" t="str">
            <v/>
          </cell>
          <cell r="J94" t="str">
            <v/>
          </cell>
          <cell r="K94" t="str">
            <v/>
          </cell>
          <cell r="L94" t="str">
            <v/>
          </cell>
          <cell r="U94">
            <v>21.091999999999999</v>
          </cell>
          <cell r="V94">
            <v>98</v>
          </cell>
        </row>
        <row r="95">
          <cell r="A95">
            <v>93</v>
          </cell>
          <cell r="B95" t="str">
            <v>建築</v>
          </cell>
          <cell r="C95" t="str">
            <v>令和２年度伊丹市立北保育所屋上防水他改修工事</v>
          </cell>
          <cell r="D95">
            <v>193</v>
          </cell>
          <cell r="E95">
            <v>14960000</v>
          </cell>
          <cell r="F95" t="str">
            <v/>
          </cell>
          <cell r="G95" t="str">
            <v/>
          </cell>
          <cell r="H95" t="str">
            <v/>
          </cell>
          <cell r="I95" t="str">
            <v/>
          </cell>
          <cell r="J95" t="str">
            <v/>
          </cell>
          <cell r="K95" t="str">
            <v/>
          </cell>
          <cell r="L95" t="str">
            <v/>
          </cell>
          <cell r="U95">
            <v>23.093</v>
          </cell>
          <cell r="V95">
            <v>96</v>
          </cell>
        </row>
        <row r="96">
          <cell r="A96">
            <v>94</v>
          </cell>
          <cell r="B96" t="str">
            <v>建築</v>
          </cell>
          <cell r="C96" t="str">
            <v>令和２年度伊丹市消防局東消防署訓練塔補修工事</v>
          </cell>
          <cell r="D96">
            <v>194</v>
          </cell>
          <cell r="E96">
            <v>4499000</v>
          </cell>
          <cell r="F96" t="str">
            <v/>
          </cell>
          <cell r="G96" t="str">
            <v/>
          </cell>
          <cell r="H96" t="str">
            <v/>
          </cell>
          <cell r="I96" t="str">
            <v/>
          </cell>
          <cell r="J96" t="str">
            <v/>
          </cell>
          <cell r="K96" t="str">
            <v/>
          </cell>
          <cell r="L96" t="str">
            <v/>
          </cell>
          <cell r="U96">
            <v>27.094000000000001</v>
          </cell>
          <cell r="V96">
            <v>92</v>
          </cell>
        </row>
        <row r="97">
          <cell r="A97">
            <v>95</v>
          </cell>
          <cell r="B97" t="str">
            <v>電気</v>
          </cell>
          <cell r="C97" t="str">
            <v>令和２年度伊丹市立荒牧中学校体育館・格技室高天井用照明器具更新工事</v>
          </cell>
          <cell r="D97">
            <v>195</v>
          </cell>
          <cell r="E97" t="str">
            <v/>
          </cell>
          <cell r="F97" t="str">
            <v/>
          </cell>
          <cell r="G97" t="str">
            <v/>
          </cell>
          <cell r="H97" t="str">
            <v/>
          </cell>
          <cell r="I97">
            <v>8525000</v>
          </cell>
          <cell r="J97" t="str">
            <v/>
          </cell>
          <cell r="K97" t="str">
            <v/>
          </cell>
          <cell r="L97" t="str">
            <v/>
          </cell>
          <cell r="U97">
            <v>408.09500000000003</v>
          </cell>
          <cell r="V97">
            <v>59</v>
          </cell>
        </row>
        <row r="98">
          <cell r="A98">
            <v>96</v>
          </cell>
          <cell r="B98" t="str">
            <v>土木</v>
          </cell>
          <cell r="C98" t="str">
            <v>令和２年度伊丹市橋梁補修・補強工事</v>
          </cell>
          <cell r="D98">
            <v>196</v>
          </cell>
          <cell r="E98" t="str">
            <v/>
          </cell>
          <cell r="F98">
            <v>96763700</v>
          </cell>
          <cell r="G98" t="str">
            <v/>
          </cell>
          <cell r="H98" t="str">
            <v/>
          </cell>
          <cell r="I98" t="str">
            <v/>
          </cell>
          <cell r="J98" t="str">
            <v/>
          </cell>
          <cell r="K98" t="str">
            <v/>
          </cell>
          <cell r="L98" t="str">
            <v/>
          </cell>
          <cell r="U98">
            <v>103.096</v>
          </cell>
          <cell r="V98">
            <v>89</v>
          </cell>
        </row>
        <row r="99">
          <cell r="A99">
            <v>97</v>
          </cell>
          <cell r="B99" t="str">
            <v>土木</v>
          </cell>
          <cell r="C99" t="str">
            <v>令和２年度市道北園４００４号線ほか転落防護柵設置工事</v>
          </cell>
          <cell r="D99">
            <v>197</v>
          </cell>
          <cell r="E99" t="str">
            <v/>
          </cell>
          <cell r="F99">
            <v>10645800</v>
          </cell>
          <cell r="G99" t="str">
            <v/>
          </cell>
          <cell r="H99" t="str">
            <v/>
          </cell>
          <cell r="I99" t="str">
            <v/>
          </cell>
          <cell r="J99" t="str">
            <v/>
          </cell>
          <cell r="K99" t="str">
            <v/>
          </cell>
          <cell r="L99" t="str">
            <v/>
          </cell>
          <cell r="U99">
            <v>109.09699999999999</v>
          </cell>
          <cell r="V99">
            <v>83</v>
          </cell>
        </row>
        <row r="100">
          <cell r="A100">
            <v>98</v>
          </cell>
          <cell r="B100" t="str">
            <v>電気</v>
          </cell>
          <cell r="C100" t="str">
            <v>令和２年度伊丹市立緑ケ丘体育館第２体育室照明設備ＬＥＤ化工事</v>
          </cell>
          <cell r="D100">
            <v>199</v>
          </cell>
          <cell r="E100" t="str">
            <v/>
          </cell>
          <cell r="F100" t="str">
            <v/>
          </cell>
          <cell r="G100" t="str">
            <v/>
          </cell>
          <cell r="H100" t="str">
            <v/>
          </cell>
          <cell r="I100">
            <v>3036000</v>
          </cell>
          <cell r="J100" t="str">
            <v/>
          </cell>
          <cell r="K100" t="str">
            <v/>
          </cell>
          <cell r="L100" t="str">
            <v/>
          </cell>
          <cell r="U100">
            <v>412.09800000000001</v>
          </cell>
          <cell r="V100">
            <v>54</v>
          </cell>
        </row>
        <row r="101">
          <cell r="A101">
            <v>99</v>
          </cell>
          <cell r="B101" t="str">
            <v>土木</v>
          </cell>
          <cell r="C101" t="str">
            <v>令和２年度市道寺本３２８７号線床版工事</v>
          </cell>
          <cell r="D101">
            <v>200</v>
          </cell>
          <cell r="E101" t="str">
            <v/>
          </cell>
          <cell r="F101">
            <v>4898300</v>
          </cell>
          <cell r="G101" t="str">
            <v/>
          </cell>
          <cell r="H101" t="str">
            <v/>
          </cell>
          <cell r="I101" t="str">
            <v/>
          </cell>
          <cell r="J101" t="str">
            <v/>
          </cell>
          <cell r="K101" t="str">
            <v/>
          </cell>
          <cell r="L101" t="str">
            <v/>
          </cell>
          <cell r="U101">
            <v>111.099</v>
          </cell>
          <cell r="V101">
            <v>81</v>
          </cell>
        </row>
        <row r="102">
          <cell r="A102">
            <v>100</v>
          </cell>
          <cell r="B102" t="str">
            <v>建築</v>
          </cell>
          <cell r="C102" t="str">
            <v>令和２年度伊丹市共同利用施設寺本東センター屋上防水及び外壁改修工事</v>
          </cell>
          <cell r="D102">
            <v>209</v>
          </cell>
          <cell r="E102">
            <v>10780000</v>
          </cell>
          <cell r="F102" t="str">
            <v/>
          </cell>
          <cell r="G102" t="str">
            <v/>
          </cell>
          <cell r="H102" t="str">
            <v/>
          </cell>
          <cell r="I102" t="str">
            <v/>
          </cell>
          <cell r="J102" t="str">
            <v/>
          </cell>
          <cell r="K102" t="str">
            <v/>
          </cell>
          <cell r="L102" t="str">
            <v/>
          </cell>
          <cell r="U102">
            <v>25.1</v>
          </cell>
          <cell r="V102">
            <v>94</v>
          </cell>
        </row>
        <row r="103">
          <cell r="A103">
            <v>101</v>
          </cell>
          <cell r="B103" t="str">
            <v>その</v>
          </cell>
          <cell r="C103" t="str">
            <v>令和２年度伊丹市自動車騒音常時監視委託業務</v>
          </cell>
          <cell r="D103">
            <v>204</v>
          </cell>
          <cell r="E103" t="str">
            <v/>
          </cell>
          <cell r="F103" t="str">
            <v/>
          </cell>
          <cell r="G103" t="str">
            <v/>
          </cell>
          <cell r="H103" t="str">
            <v/>
          </cell>
          <cell r="I103" t="str">
            <v/>
          </cell>
          <cell r="J103" t="str">
            <v/>
          </cell>
          <cell r="K103" t="str">
            <v/>
          </cell>
          <cell r="L103">
            <v>630000</v>
          </cell>
          <cell r="U103">
            <v>735.101</v>
          </cell>
          <cell r="V103">
            <v>2</v>
          </cell>
        </row>
        <row r="104">
          <cell r="A104">
            <v>102</v>
          </cell>
          <cell r="B104" t="str">
            <v>その</v>
          </cell>
          <cell r="C104" t="str">
            <v>令和２年度河川環境整備除草委託業務（二級河川天神川）</v>
          </cell>
          <cell r="D104">
            <v>210</v>
          </cell>
          <cell r="E104" t="str">
            <v/>
          </cell>
          <cell r="F104" t="str">
            <v/>
          </cell>
          <cell r="G104" t="str">
            <v/>
          </cell>
          <cell r="H104" t="str">
            <v/>
          </cell>
          <cell r="I104" t="str">
            <v/>
          </cell>
          <cell r="J104" t="str">
            <v/>
          </cell>
          <cell r="K104" t="str">
            <v/>
          </cell>
          <cell r="L104">
            <v>8074000</v>
          </cell>
          <cell r="U104">
            <v>715.10199999999998</v>
          </cell>
          <cell r="V104">
            <v>22</v>
          </cell>
        </row>
        <row r="105">
          <cell r="A105">
            <v>103</v>
          </cell>
          <cell r="B105" t="str">
            <v>その</v>
          </cell>
          <cell r="C105" t="str">
            <v>令和２年度河川環境整備除草委託業務（二級河川天王寺川）</v>
          </cell>
          <cell r="D105">
            <v>211</v>
          </cell>
          <cell r="E105" t="str">
            <v/>
          </cell>
          <cell r="F105" t="str">
            <v/>
          </cell>
          <cell r="G105" t="str">
            <v/>
          </cell>
          <cell r="H105" t="str">
            <v/>
          </cell>
          <cell r="I105" t="str">
            <v/>
          </cell>
          <cell r="J105" t="str">
            <v/>
          </cell>
          <cell r="K105" t="str">
            <v/>
          </cell>
          <cell r="L105">
            <v>7836400</v>
          </cell>
          <cell r="U105">
            <v>717.10299999999995</v>
          </cell>
          <cell r="V105">
            <v>20</v>
          </cell>
        </row>
        <row r="106">
          <cell r="A106">
            <v>104</v>
          </cell>
          <cell r="B106" t="str">
            <v>その</v>
          </cell>
          <cell r="C106" t="str">
            <v>令和２年度河川環境整備除草委託業務（一級河川駄六川・箕面川・内川）</v>
          </cell>
          <cell r="D106">
            <v>212</v>
          </cell>
          <cell r="E106" t="str">
            <v/>
          </cell>
          <cell r="F106" t="str">
            <v/>
          </cell>
          <cell r="G106" t="str">
            <v/>
          </cell>
          <cell r="H106" t="str">
            <v/>
          </cell>
          <cell r="I106" t="str">
            <v/>
          </cell>
          <cell r="J106" t="str">
            <v/>
          </cell>
          <cell r="K106" t="str">
            <v/>
          </cell>
          <cell r="L106">
            <v>3234000</v>
          </cell>
          <cell r="U106">
            <v>728.10400000000004</v>
          </cell>
          <cell r="V106">
            <v>9</v>
          </cell>
        </row>
        <row r="107">
          <cell r="A107">
            <v>105</v>
          </cell>
          <cell r="B107" t="str">
            <v>建築</v>
          </cell>
          <cell r="C107" t="str">
            <v>令和２年度市営住宅高齢者向改造工事（山道団地）</v>
          </cell>
          <cell r="D107">
            <v>213</v>
          </cell>
          <cell r="E107">
            <v>8712000</v>
          </cell>
          <cell r="F107" t="str">
            <v/>
          </cell>
          <cell r="G107" t="str">
            <v/>
          </cell>
          <cell r="H107" t="str">
            <v/>
          </cell>
          <cell r="I107" t="str">
            <v/>
          </cell>
          <cell r="J107" t="str">
            <v/>
          </cell>
          <cell r="K107" t="str">
            <v/>
          </cell>
          <cell r="L107" t="str">
            <v/>
          </cell>
          <cell r="U107">
            <v>26.105</v>
          </cell>
          <cell r="V107">
            <v>93</v>
          </cell>
        </row>
        <row r="108">
          <cell r="A108">
            <v>106</v>
          </cell>
          <cell r="B108" t="str">
            <v>建築</v>
          </cell>
          <cell r="C108" t="str">
            <v>令和２年度みやのまえ文化の郷整備工事</v>
          </cell>
          <cell r="D108">
            <v>214</v>
          </cell>
          <cell r="E108">
            <v>1260600000</v>
          </cell>
          <cell r="F108" t="str">
            <v/>
          </cell>
          <cell r="G108" t="str">
            <v/>
          </cell>
          <cell r="H108" t="str">
            <v/>
          </cell>
          <cell r="I108" t="str">
            <v/>
          </cell>
          <cell r="J108" t="str">
            <v/>
          </cell>
          <cell r="K108" t="str">
            <v/>
          </cell>
          <cell r="L108" t="str">
            <v/>
          </cell>
          <cell r="U108">
            <v>1.1060000000000001</v>
          </cell>
          <cell r="V108">
            <v>118</v>
          </cell>
        </row>
        <row r="109">
          <cell r="A109">
            <v>107</v>
          </cell>
          <cell r="B109" t="str">
            <v>建築</v>
          </cell>
          <cell r="C109" t="str">
            <v>令和２年度伊丹市立南西部こども園整備工事（建築工事）</v>
          </cell>
          <cell r="D109">
            <v>215</v>
          </cell>
          <cell r="E109">
            <v>789800000</v>
          </cell>
          <cell r="F109" t="str">
            <v/>
          </cell>
          <cell r="G109" t="str">
            <v/>
          </cell>
          <cell r="H109" t="str">
            <v/>
          </cell>
          <cell r="I109" t="str">
            <v/>
          </cell>
          <cell r="J109" t="str">
            <v/>
          </cell>
          <cell r="K109" t="str">
            <v/>
          </cell>
          <cell r="L109" t="str">
            <v/>
          </cell>
          <cell r="U109">
            <v>5.1070000000000002</v>
          </cell>
          <cell r="V109">
            <v>114</v>
          </cell>
        </row>
        <row r="110">
          <cell r="A110">
            <v>108</v>
          </cell>
          <cell r="B110" t="str">
            <v>管</v>
          </cell>
          <cell r="C110" t="str">
            <v>令和２年度伊丹市立南西部こども園整備工事（機械設備工事）</v>
          </cell>
          <cell r="D110">
            <v>216</v>
          </cell>
          <cell r="E110" t="str">
            <v/>
          </cell>
          <cell r="F110" t="str">
            <v/>
          </cell>
          <cell r="G110" t="str">
            <v/>
          </cell>
          <cell r="H110">
            <v>157300000</v>
          </cell>
          <cell r="I110" t="str">
            <v/>
          </cell>
          <cell r="J110" t="str">
            <v/>
          </cell>
          <cell r="K110" t="str">
            <v/>
          </cell>
          <cell r="L110" t="str">
            <v/>
          </cell>
          <cell r="U110">
            <v>301.108</v>
          </cell>
          <cell r="V110">
            <v>74</v>
          </cell>
        </row>
        <row r="111">
          <cell r="A111">
            <v>109</v>
          </cell>
          <cell r="B111" t="str">
            <v>電気</v>
          </cell>
          <cell r="C111" t="str">
            <v>令和２年度伊丹市立南西部こども園整備工事（電気設備工事）</v>
          </cell>
          <cell r="D111">
            <v>217</v>
          </cell>
          <cell r="E111" t="str">
            <v/>
          </cell>
          <cell r="F111" t="str">
            <v/>
          </cell>
          <cell r="G111" t="str">
            <v/>
          </cell>
          <cell r="H111" t="str">
            <v/>
          </cell>
          <cell r="I111">
            <v>107910000</v>
          </cell>
          <cell r="J111" t="str">
            <v/>
          </cell>
          <cell r="K111" t="str">
            <v/>
          </cell>
          <cell r="L111" t="str">
            <v/>
          </cell>
          <cell r="U111">
            <v>401.10899999999998</v>
          </cell>
          <cell r="V111">
            <v>66</v>
          </cell>
        </row>
        <row r="112">
          <cell r="A112">
            <v>110</v>
          </cell>
          <cell r="B112" t="str">
            <v>電気</v>
          </cell>
          <cell r="C112" t="str">
            <v>令和２年度伊丹市立文化会館舞台運用カメラ設備他更新工事</v>
          </cell>
          <cell r="D112">
            <v>218</v>
          </cell>
          <cell r="E112" t="str">
            <v/>
          </cell>
          <cell r="F112" t="str">
            <v/>
          </cell>
          <cell r="G112" t="str">
            <v/>
          </cell>
          <cell r="H112" t="str">
            <v/>
          </cell>
          <cell r="I112">
            <v>29700000</v>
          </cell>
          <cell r="J112" t="str">
            <v/>
          </cell>
          <cell r="K112" t="str">
            <v/>
          </cell>
          <cell r="L112" t="str">
            <v/>
          </cell>
          <cell r="U112">
            <v>407.11</v>
          </cell>
          <cell r="V112">
            <v>60</v>
          </cell>
        </row>
        <row r="113">
          <cell r="A113">
            <v>111</v>
          </cell>
          <cell r="B113" t="str">
            <v>建築</v>
          </cell>
          <cell r="C113" t="str">
            <v>令和２年度伊丹市神津墓地合葬墓整備工事</v>
          </cell>
          <cell r="D113">
            <v>219</v>
          </cell>
          <cell r="E113">
            <v>28490000</v>
          </cell>
          <cell r="F113" t="str">
            <v/>
          </cell>
          <cell r="G113" t="str">
            <v/>
          </cell>
          <cell r="H113" t="str">
            <v/>
          </cell>
          <cell r="I113" t="str">
            <v/>
          </cell>
          <cell r="J113" t="str">
            <v/>
          </cell>
          <cell r="K113" t="str">
            <v/>
          </cell>
          <cell r="L113" t="str">
            <v/>
          </cell>
          <cell r="U113">
            <v>22.111000000000001</v>
          </cell>
          <cell r="V113">
            <v>97</v>
          </cell>
        </row>
        <row r="114">
          <cell r="A114">
            <v>112</v>
          </cell>
          <cell r="B114" t="str">
            <v>管</v>
          </cell>
          <cell r="C114" t="str">
            <v>令和２年度伊丹市共同利用施設山田西在センター、瑞原センター及び平松会館空調設備改修工事</v>
          </cell>
          <cell r="D114">
            <v>220</v>
          </cell>
          <cell r="E114" t="str">
            <v/>
          </cell>
          <cell r="F114" t="str">
            <v/>
          </cell>
          <cell r="G114" t="str">
            <v/>
          </cell>
          <cell r="H114">
            <v>7865000</v>
          </cell>
          <cell r="I114" t="str">
            <v/>
          </cell>
          <cell r="J114" t="str">
            <v/>
          </cell>
          <cell r="K114" t="str">
            <v/>
          </cell>
          <cell r="L114" t="str">
            <v/>
          </cell>
          <cell r="U114">
            <v>308.11200000000002</v>
          </cell>
          <cell r="V114">
            <v>67</v>
          </cell>
        </row>
        <row r="115">
          <cell r="A115">
            <v>113</v>
          </cell>
          <cell r="B115" t="str">
            <v>土木</v>
          </cell>
          <cell r="C115" t="str">
            <v>令和２年度公設防火水槽第１６号補強外工事</v>
          </cell>
          <cell r="D115">
            <v>224</v>
          </cell>
          <cell r="E115" t="str">
            <v/>
          </cell>
          <cell r="F115">
            <v>12535600</v>
          </cell>
          <cell r="G115" t="str">
            <v/>
          </cell>
          <cell r="H115" t="str">
            <v/>
          </cell>
          <cell r="I115" t="str">
            <v/>
          </cell>
          <cell r="J115" t="str">
            <v/>
          </cell>
          <cell r="K115" t="str">
            <v/>
          </cell>
          <cell r="L115" t="str">
            <v/>
          </cell>
          <cell r="U115">
            <v>108.113</v>
          </cell>
          <cell r="V115">
            <v>84</v>
          </cell>
        </row>
        <row r="116">
          <cell r="A116">
            <v>114</v>
          </cell>
          <cell r="B116" t="str">
            <v>造園</v>
          </cell>
          <cell r="C116" t="str">
            <v>令和２年度南菱公園遊具改修工事</v>
          </cell>
          <cell r="D116">
            <v>225</v>
          </cell>
          <cell r="E116" t="str">
            <v/>
          </cell>
          <cell r="F116" t="str">
            <v/>
          </cell>
          <cell r="G116" t="str">
            <v/>
          </cell>
          <cell r="H116" t="str">
            <v/>
          </cell>
          <cell r="I116" t="str">
            <v/>
          </cell>
          <cell r="J116">
            <v>11871200</v>
          </cell>
          <cell r="K116" t="str">
            <v/>
          </cell>
          <cell r="L116" t="str">
            <v/>
          </cell>
          <cell r="U116">
            <v>511.11399999999998</v>
          </cell>
          <cell r="V116">
            <v>41</v>
          </cell>
        </row>
        <row r="117">
          <cell r="A117">
            <v>115</v>
          </cell>
          <cell r="B117" t="str">
            <v>その</v>
          </cell>
          <cell r="C117" t="str">
            <v>令和２年度（都）山田伊丹線（昆陽泉町工区）物件調査委託業務（その４）</v>
          </cell>
          <cell r="D117">
            <v>226</v>
          </cell>
          <cell r="E117" t="str">
            <v/>
          </cell>
          <cell r="F117" t="str">
            <v/>
          </cell>
          <cell r="G117" t="str">
            <v/>
          </cell>
          <cell r="H117" t="str">
            <v/>
          </cell>
          <cell r="I117" t="str">
            <v/>
          </cell>
          <cell r="J117" t="str">
            <v/>
          </cell>
          <cell r="K117" t="str">
            <v/>
          </cell>
          <cell r="L117">
            <v>4598000</v>
          </cell>
          <cell r="U117">
            <v>722.11500000000001</v>
          </cell>
          <cell r="V117">
            <v>15</v>
          </cell>
        </row>
        <row r="118">
          <cell r="A118">
            <v>116</v>
          </cell>
          <cell r="B118" t="str">
            <v>その</v>
          </cell>
          <cell r="C118" t="str">
            <v>軽四バン（ダイハツ　ＬＥ－Ｓ３２０Ｖ)売却</v>
          </cell>
          <cell r="D118">
            <v>231</v>
          </cell>
          <cell r="E118" t="str">
            <v/>
          </cell>
          <cell r="F118" t="str">
            <v/>
          </cell>
          <cell r="G118" t="str">
            <v/>
          </cell>
          <cell r="H118" t="str">
            <v/>
          </cell>
          <cell r="I118" t="str">
            <v/>
          </cell>
          <cell r="J118" t="str">
            <v/>
          </cell>
          <cell r="K118" t="str">
            <v/>
          </cell>
          <cell r="L118">
            <v>60000</v>
          </cell>
          <cell r="U118">
            <v>736.11599999999999</v>
          </cell>
          <cell r="V118">
            <v>1</v>
          </cell>
        </row>
        <row r="119">
          <cell r="A119">
            <v>117</v>
          </cell>
          <cell r="B119" t="str">
            <v>建築</v>
          </cell>
          <cell r="C119" t="str">
            <v>令和２年度伊丹市立有岡小学校プール改修工事</v>
          </cell>
          <cell r="D119">
            <v>242</v>
          </cell>
          <cell r="E119">
            <v>40656000</v>
          </cell>
          <cell r="F119" t="str">
            <v/>
          </cell>
          <cell r="G119" t="str">
            <v/>
          </cell>
          <cell r="H119" t="str">
            <v/>
          </cell>
          <cell r="I119" t="str">
            <v/>
          </cell>
          <cell r="J119" t="str">
            <v/>
          </cell>
          <cell r="K119" t="str">
            <v/>
          </cell>
          <cell r="L119" t="str">
            <v/>
          </cell>
          <cell r="U119">
            <v>19.117000000000001</v>
          </cell>
          <cell r="V119">
            <v>100</v>
          </cell>
        </row>
        <row r="120">
          <cell r="A120">
            <v>118</v>
          </cell>
          <cell r="B120" t="str">
            <v>防水</v>
          </cell>
          <cell r="C120" t="str">
            <v>令和２年度市営鶴田団地３号館屋上防水改修工事</v>
          </cell>
          <cell r="D120">
            <v>243</v>
          </cell>
          <cell r="E120" t="str">
            <v/>
          </cell>
          <cell r="F120" t="str">
            <v/>
          </cell>
          <cell r="G120" t="str">
            <v/>
          </cell>
          <cell r="H120" t="str">
            <v/>
          </cell>
          <cell r="I120" t="str">
            <v/>
          </cell>
          <cell r="J120" t="str">
            <v/>
          </cell>
          <cell r="K120" t="str">
            <v/>
          </cell>
          <cell r="L120" t="str">
            <v/>
          </cell>
          <cell r="U120" t="str">
            <v/>
          </cell>
          <cell r="V120" t="str">
            <v/>
          </cell>
        </row>
        <row r="121">
          <cell r="A121">
            <v>119</v>
          </cell>
          <cell r="B121" t="str">
            <v>土木</v>
          </cell>
          <cell r="C121" t="str">
            <v>令和２年度（仮称）今池緑地整備工事</v>
          </cell>
          <cell r="D121">
            <v>250</v>
          </cell>
          <cell r="E121" t="str">
            <v/>
          </cell>
          <cell r="F121">
            <v>88918500</v>
          </cell>
          <cell r="G121" t="str">
            <v/>
          </cell>
          <cell r="H121" t="str">
            <v/>
          </cell>
          <cell r="I121" t="str">
            <v/>
          </cell>
          <cell r="J121" t="str">
            <v/>
          </cell>
          <cell r="K121" t="str">
            <v/>
          </cell>
          <cell r="L121" t="str">
            <v/>
          </cell>
          <cell r="U121">
            <v>104.119</v>
          </cell>
          <cell r="V121">
            <v>88</v>
          </cell>
        </row>
        <row r="122">
          <cell r="A122">
            <v>120</v>
          </cell>
          <cell r="B122" t="str">
            <v>土木</v>
          </cell>
          <cell r="C122" t="str">
            <v>令和２年度公設防火水槽撤去工事</v>
          </cell>
          <cell r="D122">
            <v>257</v>
          </cell>
          <cell r="E122" t="str">
            <v/>
          </cell>
          <cell r="F122">
            <v>6902500</v>
          </cell>
          <cell r="G122" t="str">
            <v/>
          </cell>
          <cell r="H122" t="str">
            <v/>
          </cell>
          <cell r="I122" t="str">
            <v/>
          </cell>
          <cell r="J122" t="str">
            <v/>
          </cell>
          <cell r="K122" t="str">
            <v/>
          </cell>
          <cell r="L122" t="str">
            <v/>
          </cell>
          <cell r="U122">
            <v>110.12</v>
          </cell>
          <cell r="V122">
            <v>82</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3"/>
  <dimension ref="A1:O71"/>
  <sheetViews>
    <sheetView tabSelected="1" view="pageBreakPreview" zoomScale="98" zoomScaleNormal="100" zoomScaleSheetLayoutView="98" workbookViewId="0">
      <selection activeCell="A10" sqref="A10:J11"/>
    </sheetView>
  </sheetViews>
  <sheetFormatPr defaultRowHeight="20.100000000000001" customHeight="1"/>
  <cols>
    <col min="1" max="1" width="3.375" style="2" customWidth="1"/>
    <col min="2" max="2" width="12" style="2" customWidth="1"/>
    <col min="3" max="3" width="3.75" style="2" customWidth="1"/>
    <col min="4" max="7" width="9" style="2"/>
    <col min="8" max="8" width="10" style="2" customWidth="1"/>
    <col min="9" max="9" width="14.25" style="2" customWidth="1"/>
    <col min="10" max="10" width="13.75" style="2" customWidth="1"/>
    <col min="11" max="259" width="9" style="2"/>
    <col min="260" max="260" width="14.125" style="2" customWidth="1"/>
    <col min="261" max="515" width="9" style="2"/>
    <col min="516" max="516" width="14.125" style="2" customWidth="1"/>
    <col min="517" max="771" width="9" style="2"/>
    <col min="772" max="772" width="14.125" style="2" customWidth="1"/>
    <col min="773" max="1027" width="9" style="2"/>
    <col min="1028" max="1028" width="14.125" style="2" customWidth="1"/>
    <col min="1029" max="1283" width="9" style="2"/>
    <col min="1284" max="1284" width="14.125" style="2" customWidth="1"/>
    <col min="1285" max="1539" width="9" style="2"/>
    <col min="1540" max="1540" width="14.125" style="2" customWidth="1"/>
    <col min="1541" max="1795" width="9" style="2"/>
    <col min="1796" max="1796" width="14.125" style="2" customWidth="1"/>
    <col min="1797" max="2051" width="9" style="2"/>
    <col min="2052" max="2052" width="14.125" style="2" customWidth="1"/>
    <col min="2053" max="2307" width="9" style="2"/>
    <col min="2308" max="2308" width="14.125" style="2" customWidth="1"/>
    <col min="2309" max="2563" width="9" style="2"/>
    <col min="2564" max="2564" width="14.125" style="2" customWidth="1"/>
    <col min="2565" max="2819" width="9" style="2"/>
    <col min="2820" max="2820" width="14.125" style="2" customWidth="1"/>
    <col min="2821" max="3075" width="9" style="2"/>
    <col min="3076" max="3076" width="14.125" style="2" customWidth="1"/>
    <col min="3077" max="3331" width="9" style="2"/>
    <col min="3332" max="3332" width="14.125" style="2" customWidth="1"/>
    <col min="3333" max="3587" width="9" style="2"/>
    <col min="3588" max="3588" width="14.125" style="2" customWidth="1"/>
    <col min="3589" max="3843" width="9" style="2"/>
    <col min="3844" max="3844" width="14.125" style="2" customWidth="1"/>
    <col min="3845" max="4099" width="9" style="2"/>
    <col min="4100" max="4100" width="14.125" style="2" customWidth="1"/>
    <col min="4101" max="4355" width="9" style="2"/>
    <col min="4356" max="4356" width="14.125" style="2" customWidth="1"/>
    <col min="4357" max="4611" width="9" style="2"/>
    <col min="4612" max="4612" width="14.125" style="2" customWidth="1"/>
    <col min="4613" max="4867" width="9" style="2"/>
    <col min="4868" max="4868" width="14.125" style="2" customWidth="1"/>
    <col min="4869" max="5123" width="9" style="2"/>
    <col min="5124" max="5124" width="14.125" style="2" customWidth="1"/>
    <col min="5125" max="5379" width="9" style="2"/>
    <col min="5380" max="5380" width="14.125" style="2" customWidth="1"/>
    <col min="5381" max="5635" width="9" style="2"/>
    <col min="5636" max="5636" width="14.125" style="2" customWidth="1"/>
    <col min="5637" max="5891" width="9" style="2"/>
    <col min="5892" max="5892" width="14.125" style="2" customWidth="1"/>
    <col min="5893" max="6147" width="9" style="2"/>
    <col min="6148" max="6148" width="14.125" style="2" customWidth="1"/>
    <col min="6149" max="6403" width="9" style="2"/>
    <col min="6404" max="6404" width="14.125" style="2" customWidth="1"/>
    <col min="6405" max="6659" width="9" style="2"/>
    <col min="6660" max="6660" width="14.125" style="2" customWidth="1"/>
    <col min="6661" max="6915" width="9" style="2"/>
    <col min="6916" max="6916" width="14.125" style="2" customWidth="1"/>
    <col min="6917" max="7171" width="9" style="2"/>
    <col min="7172" max="7172" width="14.125" style="2" customWidth="1"/>
    <col min="7173" max="7427" width="9" style="2"/>
    <col min="7428" max="7428" width="14.125" style="2" customWidth="1"/>
    <col min="7429" max="7683" width="9" style="2"/>
    <col min="7684" max="7684" width="14.125" style="2" customWidth="1"/>
    <col min="7685" max="7939" width="9" style="2"/>
    <col min="7940" max="7940" width="14.125" style="2" customWidth="1"/>
    <col min="7941" max="8195" width="9" style="2"/>
    <col min="8196" max="8196" width="14.125" style="2" customWidth="1"/>
    <col min="8197" max="8451" width="9" style="2"/>
    <col min="8452" max="8452" width="14.125" style="2" customWidth="1"/>
    <col min="8453" max="8707" width="9" style="2"/>
    <col min="8708" max="8708" width="14.125" style="2" customWidth="1"/>
    <col min="8709" max="8963" width="9" style="2"/>
    <col min="8964" max="8964" width="14.125" style="2" customWidth="1"/>
    <col min="8965" max="9219" width="9" style="2"/>
    <col min="9220" max="9220" width="14.125" style="2" customWidth="1"/>
    <col min="9221" max="9475" width="9" style="2"/>
    <col min="9476" max="9476" width="14.125" style="2" customWidth="1"/>
    <col min="9477" max="9731" width="9" style="2"/>
    <col min="9732" max="9732" width="14.125" style="2" customWidth="1"/>
    <col min="9733" max="9987" width="9" style="2"/>
    <col min="9988" max="9988" width="14.125" style="2" customWidth="1"/>
    <col min="9989" max="10243" width="9" style="2"/>
    <col min="10244" max="10244" width="14.125" style="2" customWidth="1"/>
    <col min="10245" max="10499" width="9" style="2"/>
    <col min="10500" max="10500" width="14.125" style="2" customWidth="1"/>
    <col min="10501" max="10755" width="9" style="2"/>
    <col min="10756" max="10756" width="14.125" style="2" customWidth="1"/>
    <col min="10757" max="11011" width="9" style="2"/>
    <col min="11012" max="11012" width="14.125" style="2" customWidth="1"/>
    <col min="11013" max="11267" width="9" style="2"/>
    <col min="11268" max="11268" width="14.125" style="2" customWidth="1"/>
    <col min="11269" max="11523" width="9" style="2"/>
    <col min="11524" max="11524" width="14.125" style="2" customWidth="1"/>
    <col min="11525" max="11779" width="9" style="2"/>
    <col min="11780" max="11780" width="14.125" style="2" customWidth="1"/>
    <col min="11781" max="12035" width="9" style="2"/>
    <col min="12036" max="12036" width="14.125" style="2" customWidth="1"/>
    <col min="12037" max="12291" width="9" style="2"/>
    <col min="12292" max="12292" width="14.125" style="2" customWidth="1"/>
    <col min="12293" max="12547" width="9" style="2"/>
    <col min="12548" max="12548" width="14.125" style="2" customWidth="1"/>
    <col min="12549" max="12803" width="9" style="2"/>
    <col min="12804" max="12804" width="14.125" style="2" customWidth="1"/>
    <col min="12805" max="13059" width="9" style="2"/>
    <col min="13060" max="13060" width="14.125" style="2" customWidth="1"/>
    <col min="13061" max="13315" width="9" style="2"/>
    <col min="13316" max="13316" width="14.125" style="2" customWidth="1"/>
    <col min="13317" max="13571" width="9" style="2"/>
    <col min="13572" max="13572" width="14.125" style="2" customWidth="1"/>
    <col min="13573" max="13827" width="9" style="2"/>
    <col min="13828" max="13828" width="14.125" style="2" customWidth="1"/>
    <col min="13829" max="14083" width="9" style="2"/>
    <col min="14084" max="14084" width="14.125" style="2" customWidth="1"/>
    <col min="14085" max="14339" width="9" style="2"/>
    <col min="14340" max="14340" width="14.125" style="2" customWidth="1"/>
    <col min="14341" max="14595" width="9" style="2"/>
    <col min="14596" max="14596" width="14.125" style="2" customWidth="1"/>
    <col min="14597" max="14851" width="9" style="2"/>
    <col min="14852" max="14852" width="14.125" style="2" customWidth="1"/>
    <col min="14853" max="15107" width="9" style="2"/>
    <col min="15108" max="15108" width="14.125" style="2" customWidth="1"/>
    <col min="15109" max="15363" width="9" style="2"/>
    <col min="15364" max="15364" width="14.125" style="2" customWidth="1"/>
    <col min="15365" max="15619" width="9" style="2"/>
    <col min="15620" max="15620" width="14.125" style="2" customWidth="1"/>
    <col min="15621" max="15875" width="9" style="2"/>
    <col min="15876" max="15876" width="14.125" style="2" customWidth="1"/>
    <col min="15877" max="16131" width="9" style="2"/>
    <col min="16132" max="16132" width="14.125" style="2" customWidth="1"/>
    <col min="16133" max="16384" width="9" style="2"/>
  </cols>
  <sheetData>
    <row r="1" spans="1:15" ht="20.100000000000001" customHeight="1">
      <c r="A1" s="62" t="s">
        <v>0</v>
      </c>
      <c r="B1" s="63"/>
      <c r="C1" s="63"/>
      <c r="D1" s="63"/>
      <c r="E1" s="63"/>
      <c r="F1" s="63"/>
      <c r="G1" s="63"/>
      <c r="H1" s="63"/>
      <c r="I1" s="63"/>
      <c r="J1" s="63"/>
      <c r="K1" s="1"/>
      <c r="L1" s="1"/>
    </row>
    <row r="2" spans="1:15" ht="14.25" customHeight="1">
      <c r="K2" s="3"/>
      <c r="L2" s="4"/>
      <c r="M2" s="4"/>
      <c r="N2" s="4"/>
      <c r="O2" s="4"/>
    </row>
    <row r="3" spans="1:15" ht="20.100000000000001" customHeight="1">
      <c r="A3" s="5"/>
      <c r="B3" s="5"/>
      <c r="C3" s="5"/>
      <c r="D3" s="5"/>
      <c r="E3" s="5"/>
      <c r="F3" s="5"/>
      <c r="G3" s="64" t="s">
        <v>54</v>
      </c>
      <c r="H3" s="65"/>
      <c r="I3" s="65"/>
      <c r="J3" s="65"/>
      <c r="K3" s="4"/>
      <c r="L3" s="4"/>
      <c r="M3" s="4"/>
      <c r="N3" s="4"/>
      <c r="O3" s="4"/>
    </row>
    <row r="4" spans="1:15" ht="14.25" customHeight="1">
      <c r="K4" s="6"/>
      <c r="L4" s="6"/>
      <c r="M4" s="6"/>
      <c r="N4" s="4"/>
      <c r="O4" s="4"/>
    </row>
    <row r="5" spans="1:15" ht="20.100000000000001" customHeight="1">
      <c r="B5" s="7" t="s">
        <v>1</v>
      </c>
      <c r="K5" s="8"/>
      <c r="L5" s="8"/>
      <c r="M5" s="8"/>
    </row>
    <row r="6" spans="1:15" ht="14.25" customHeight="1">
      <c r="K6" s="9"/>
      <c r="L6" s="9"/>
      <c r="M6" s="9"/>
    </row>
    <row r="7" spans="1:15" ht="24" customHeight="1">
      <c r="F7" s="10" t="s">
        <v>2</v>
      </c>
      <c r="G7" s="11"/>
      <c r="H7" s="11"/>
      <c r="I7" s="11"/>
      <c r="J7" s="11"/>
      <c r="K7" s="9"/>
      <c r="L7" s="9"/>
      <c r="M7" s="9"/>
    </row>
    <row r="8" spans="1:15" ht="24" customHeight="1">
      <c r="F8" s="12" t="s">
        <v>3</v>
      </c>
      <c r="G8" s="11"/>
      <c r="H8" s="11"/>
      <c r="I8" s="11"/>
      <c r="J8" s="13" t="s">
        <v>56</v>
      </c>
      <c r="K8" s="9"/>
      <c r="L8" s="9"/>
      <c r="M8" s="9"/>
    </row>
    <row r="9" spans="1:15" ht="24" customHeight="1">
      <c r="F9" s="10" t="s">
        <v>4</v>
      </c>
      <c r="G9" s="11"/>
      <c r="H9" s="11"/>
      <c r="I9" s="11"/>
      <c r="J9" s="13" t="s">
        <v>56</v>
      </c>
      <c r="K9" s="14"/>
      <c r="L9" s="14"/>
    </row>
    <row r="10" spans="1:15" ht="45" customHeight="1">
      <c r="A10" s="66" t="s">
        <v>55</v>
      </c>
      <c r="B10" s="66"/>
      <c r="C10" s="66"/>
      <c r="D10" s="66"/>
      <c r="E10" s="66"/>
      <c r="F10" s="66"/>
      <c r="G10" s="66"/>
      <c r="H10" s="66"/>
      <c r="I10" s="66"/>
      <c r="J10" s="66"/>
      <c r="K10" s="14"/>
      <c r="L10" s="14"/>
    </row>
    <row r="11" spans="1:15" ht="6.75" customHeight="1">
      <c r="A11" s="66"/>
      <c r="B11" s="66"/>
      <c r="C11" s="66"/>
      <c r="D11" s="66"/>
      <c r="E11" s="66"/>
      <c r="F11" s="66"/>
      <c r="G11" s="66"/>
      <c r="H11" s="66"/>
      <c r="I11" s="66"/>
      <c r="J11" s="66"/>
      <c r="K11" s="14"/>
      <c r="L11" s="14"/>
    </row>
    <row r="12" spans="1:15" ht="17.100000000000001" customHeight="1">
      <c r="K12" s="15"/>
    </row>
    <row r="13" spans="1:15" ht="20.100000000000001" customHeight="1">
      <c r="A13" s="2" t="s">
        <v>5</v>
      </c>
      <c r="B13" s="11"/>
      <c r="C13" s="67"/>
      <c r="D13" s="67"/>
      <c r="E13" s="67"/>
      <c r="F13" s="67"/>
      <c r="G13" s="67"/>
      <c r="H13" s="67"/>
      <c r="I13" s="67"/>
      <c r="J13" s="67"/>
      <c r="K13" s="15"/>
    </row>
    <row r="14" spans="1:15" ht="17.100000000000001" customHeight="1"/>
    <row r="15" spans="1:15" ht="20.100000000000001" customHeight="1">
      <c r="A15" s="2" t="s">
        <v>6</v>
      </c>
      <c r="C15" s="15"/>
      <c r="D15" s="11" t="s">
        <v>7</v>
      </c>
      <c r="E15" s="11"/>
      <c r="F15" s="11"/>
      <c r="G15" s="11"/>
      <c r="H15" s="15"/>
    </row>
    <row r="16" spans="1:15" ht="20.100000000000001" customHeight="1">
      <c r="B16" s="11" t="s">
        <v>8</v>
      </c>
      <c r="C16" s="11"/>
      <c r="D16" s="16"/>
      <c r="E16" s="16"/>
      <c r="F16" s="16"/>
      <c r="G16" s="17"/>
      <c r="H16" s="11"/>
      <c r="I16" s="11"/>
      <c r="J16" s="11"/>
      <c r="K16" s="15"/>
    </row>
    <row r="17" spans="1:11" ht="20.100000000000001" customHeight="1">
      <c r="B17" s="15" t="s">
        <v>9</v>
      </c>
      <c r="C17" s="18"/>
      <c r="D17" s="18"/>
      <c r="E17" s="18"/>
      <c r="F17" s="18"/>
      <c r="G17" s="19"/>
      <c r="H17" s="15"/>
      <c r="I17" s="15"/>
      <c r="J17" s="15"/>
      <c r="K17" s="15"/>
    </row>
    <row r="18" spans="1:11" ht="20.100000000000001" customHeight="1">
      <c r="B18" s="20" t="s">
        <v>10</v>
      </c>
      <c r="C18" s="21"/>
      <c r="D18" s="22"/>
      <c r="E18" s="20"/>
      <c r="F18" s="21"/>
      <c r="G18" s="23"/>
      <c r="H18" s="21"/>
      <c r="I18" s="21"/>
      <c r="J18" s="22"/>
      <c r="K18" s="15"/>
    </row>
    <row r="19" spans="1:11" ht="20.100000000000001" customHeight="1">
      <c r="B19" s="24" t="s">
        <v>11</v>
      </c>
      <c r="C19" s="25"/>
      <c r="D19" s="26"/>
      <c r="E19" s="27"/>
      <c r="F19" s="28"/>
      <c r="G19" s="29"/>
      <c r="H19" s="28"/>
      <c r="I19" s="28"/>
      <c r="J19" s="30"/>
      <c r="K19" s="15"/>
    </row>
    <row r="20" spans="1:11" ht="29.25" customHeight="1">
      <c r="B20" s="31" t="s">
        <v>12</v>
      </c>
      <c r="C20" s="32"/>
      <c r="D20" s="33"/>
      <c r="E20" s="31" t="s">
        <v>13</v>
      </c>
      <c r="F20" s="32"/>
      <c r="G20" s="34"/>
      <c r="H20" s="32"/>
      <c r="I20" s="32"/>
      <c r="J20" s="33"/>
      <c r="K20" s="15"/>
    </row>
    <row r="21" spans="1:11" ht="29.25" customHeight="1">
      <c r="B21" s="31" t="s">
        <v>14</v>
      </c>
      <c r="C21" s="32"/>
      <c r="D21" s="33"/>
      <c r="E21" s="68" t="s">
        <v>15</v>
      </c>
      <c r="F21" s="69"/>
      <c r="G21" s="69"/>
      <c r="H21" s="69"/>
      <c r="I21" s="69"/>
      <c r="J21" s="70"/>
      <c r="K21" s="15"/>
    </row>
    <row r="22" spans="1:11" ht="32.25" customHeight="1">
      <c r="B22" s="59" t="s">
        <v>16</v>
      </c>
      <c r="C22" s="60"/>
      <c r="D22" s="61"/>
      <c r="E22" s="31"/>
      <c r="F22" s="32"/>
      <c r="G22" s="34"/>
      <c r="H22" s="32"/>
      <c r="I22" s="32"/>
      <c r="J22" s="35" t="s">
        <v>17</v>
      </c>
      <c r="K22" s="15"/>
    </row>
    <row r="23" spans="1:11" ht="29.25" customHeight="1">
      <c r="B23" s="31" t="s">
        <v>18</v>
      </c>
      <c r="C23" s="32"/>
      <c r="D23" s="33"/>
      <c r="E23" s="31"/>
      <c r="F23" s="32"/>
      <c r="G23" s="32"/>
      <c r="H23" s="32"/>
      <c r="I23" s="32"/>
      <c r="J23" s="33"/>
      <c r="K23" s="15"/>
    </row>
    <row r="24" spans="1:11" ht="17.100000000000001" customHeight="1">
      <c r="B24" s="15"/>
      <c r="C24" s="15"/>
      <c r="D24" s="15"/>
      <c r="E24" s="15"/>
      <c r="F24" s="15"/>
      <c r="G24" s="15"/>
      <c r="H24" s="15"/>
      <c r="I24" s="15"/>
      <c r="J24" s="15"/>
      <c r="K24" s="15"/>
    </row>
    <row r="25" spans="1:11" ht="20.100000000000001" customHeight="1">
      <c r="A25" s="2" t="s">
        <v>19</v>
      </c>
      <c r="E25" s="11" t="s">
        <v>7</v>
      </c>
      <c r="F25" s="11"/>
      <c r="G25" s="11"/>
      <c r="H25" s="11"/>
      <c r="K25" s="15"/>
    </row>
    <row r="26" spans="1:11" ht="6" customHeight="1">
      <c r="B26" s="15"/>
      <c r="C26" s="15"/>
      <c r="D26" s="15"/>
      <c r="E26" s="15"/>
      <c r="F26" s="15"/>
      <c r="G26" s="15"/>
      <c r="H26" s="15"/>
      <c r="I26" s="15"/>
      <c r="J26" s="14"/>
      <c r="K26" s="15"/>
    </row>
    <row r="27" spans="1:11" ht="30" customHeight="1">
      <c r="B27" s="71" t="s">
        <v>20</v>
      </c>
      <c r="C27" s="72"/>
      <c r="D27" s="73"/>
      <c r="E27" s="77" t="s">
        <v>21</v>
      </c>
      <c r="F27" s="78"/>
      <c r="G27" s="78"/>
      <c r="H27" s="78"/>
      <c r="I27" s="78"/>
      <c r="J27" s="79"/>
      <c r="K27" s="15"/>
    </row>
    <row r="28" spans="1:11" ht="21" customHeight="1">
      <c r="B28" s="74"/>
      <c r="C28" s="75"/>
      <c r="D28" s="76"/>
      <c r="E28" s="80"/>
      <c r="F28" s="81"/>
      <c r="G28" s="81"/>
      <c r="H28" s="81"/>
      <c r="I28" s="81"/>
      <c r="J28" s="82"/>
      <c r="K28" s="15"/>
    </row>
    <row r="29" spans="1:11" ht="18.95" customHeight="1">
      <c r="B29" s="83" t="s">
        <v>22</v>
      </c>
      <c r="C29" s="84"/>
      <c r="D29" s="85" t="s">
        <v>23</v>
      </c>
      <c r="E29" s="86"/>
      <c r="F29" s="86"/>
      <c r="G29" s="86"/>
      <c r="H29" s="86"/>
      <c r="I29" s="86"/>
      <c r="J29" s="87"/>
      <c r="K29" s="15"/>
    </row>
    <row r="30" spans="1:11" ht="18.95" customHeight="1">
      <c r="B30" s="88"/>
      <c r="C30" s="89"/>
      <c r="D30" s="90" t="s">
        <v>24</v>
      </c>
      <c r="E30" s="91"/>
      <c r="F30" s="91"/>
      <c r="G30" s="91"/>
      <c r="H30" s="91"/>
      <c r="I30" s="91"/>
      <c r="J30" s="92"/>
      <c r="K30" s="15"/>
    </row>
    <row r="31" spans="1:11" ht="18.95" customHeight="1">
      <c r="B31" s="100" t="s">
        <v>25</v>
      </c>
      <c r="C31" s="101"/>
      <c r="D31" s="83" t="s">
        <v>26</v>
      </c>
      <c r="E31" s="84"/>
      <c r="F31" s="102" t="s">
        <v>27</v>
      </c>
      <c r="G31" s="103"/>
      <c r="H31" s="15"/>
      <c r="I31" s="15"/>
      <c r="J31" s="36"/>
      <c r="K31" s="15"/>
    </row>
    <row r="32" spans="1:11" ht="18.95" customHeight="1">
      <c r="B32" s="37"/>
      <c r="C32" s="15"/>
      <c r="D32" s="88"/>
      <c r="E32" s="89"/>
      <c r="F32" s="104"/>
      <c r="G32" s="105"/>
      <c r="H32" s="11" t="s">
        <v>28</v>
      </c>
      <c r="I32" s="11"/>
      <c r="J32" s="38"/>
      <c r="K32" s="15"/>
    </row>
    <row r="33" spans="1:11" ht="18.95" customHeight="1">
      <c r="B33" s="39" t="s">
        <v>29</v>
      </c>
      <c r="C33" s="15"/>
      <c r="D33" s="83" t="s">
        <v>30</v>
      </c>
      <c r="E33" s="84"/>
      <c r="F33" s="106" t="s">
        <v>31</v>
      </c>
      <c r="G33" s="107"/>
      <c r="H33" s="15"/>
      <c r="I33" s="15"/>
      <c r="J33" s="36"/>
      <c r="K33" s="15"/>
    </row>
    <row r="34" spans="1:11" ht="18.95" customHeight="1">
      <c r="B34" s="39" t="s">
        <v>32</v>
      </c>
      <c r="C34" s="15"/>
      <c r="D34" s="88"/>
      <c r="E34" s="89"/>
      <c r="F34" s="108"/>
      <c r="G34" s="109"/>
      <c r="H34" s="11"/>
      <c r="I34" s="11"/>
      <c r="J34" s="38"/>
      <c r="K34" s="15"/>
    </row>
    <row r="35" spans="1:11" ht="18.95" customHeight="1">
      <c r="B35" s="39" t="s">
        <v>33</v>
      </c>
      <c r="C35" s="15"/>
      <c r="D35" s="40" t="s">
        <v>34</v>
      </c>
      <c r="E35" s="18"/>
      <c r="F35" s="23"/>
      <c r="G35" s="23"/>
      <c r="H35" s="18"/>
      <c r="I35" s="18"/>
      <c r="J35" s="41"/>
      <c r="K35" s="15"/>
    </row>
    <row r="36" spans="1:11" ht="18.95" customHeight="1">
      <c r="B36" s="39" t="s">
        <v>35</v>
      </c>
      <c r="C36" s="15"/>
      <c r="D36" s="37"/>
      <c r="E36" s="42" t="s">
        <v>36</v>
      </c>
      <c r="F36" s="43"/>
      <c r="G36" s="43"/>
      <c r="H36" s="44"/>
      <c r="I36" s="44"/>
      <c r="J36" s="45"/>
      <c r="K36" s="15"/>
    </row>
    <row r="37" spans="1:11" ht="18.95" customHeight="1">
      <c r="B37" s="39" t="s">
        <v>37</v>
      </c>
      <c r="C37" s="15"/>
      <c r="D37" s="37"/>
      <c r="E37" s="42" t="s">
        <v>38</v>
      </c>
      <c r="F37" s="43"/>
      <c r="G37" s="43"/>
      <c r="H37" s="46"/>
      <c r="I37" s="46"/>
      <c r="J37" s="47"/>
      <c r="K37" s="15"/>
    </row>
    <row r="38" spans="1:11" ht="18.95" customHeight="1">
      <c r="B38" s="39" t="s">
        <v>39</v>
      </c>
      <c r="C38" s="15"/>
      <c r="D38" s="37"/>
      <c r="E38" s="42" t="s">
        <v>40</v>
      </c>
      <c r="F38" s="43"/>
      <c r="G38" s="43"/>
      <c r="H38" s="15"/>
      <c r="I38" s="15"/>
      <c r="J38" s="36"/>
      <c r="K38" s="15"/>
    </row>
    <row r="39" spans="1:11" ht="18.95" customHeight="1">
      <c r="B39" s="39" t="s">
        <v>41</v>
      </c>
      <c r="C39" s="15"/>
      <c r="D39" s="37"/>
      <c r="E39" s="48" t="s">
        <v>42</v>
      </c>
      <c r="F39" s="49"/>
      <c r="G39" s="49"/>
      <c r="H39" s="48" t="s">
        <v>43</v>
      </c>
      <c r="I39" s="44"/>
      <c r="J39" s="45"/>
      <c r="K39" s="15"/>
    </row>
    <row r="40" spans="1:11" ht="18.95" customHeight="1">
      <c r="B40" s="39" t="s">
        <v>44</v>
      </c>
      <c r="C40" s="15"/>
      <c r="D40" s="37"/>
      <c r="E40" s="48" t="s">
        <v>45</v>
      </c>
      <c r="F40" s="49"/>
      <c r="G40" s="49"/>
      <c r="H40" s="44"/>
      <c r="I40" s="50" t="s">
        <v>46</v>
      </c>
      <c r="J40" s="45"/>
      <c r="K40" s="15"/>
    </row>
    <row r="41" spans="1:11" ht="7.5" customHeight="1">
      <c r="B41" s="51"/>
      <c r="C41" s="11"/>
      <c r="D41" s="52"/>
      <c r="E41" s="11"/>
      <c r="F41" s="11"/>
      <c r="G41" s="11"/>
      <c r="H41" s="11"/>
      <c r="I41" s="11"/>
      <c r="J41" s="38"/>
      <c r="K41" s="15"/>
    </row>
    <row r="42" spans="1:11" ht="18.95" customHeight="1">
      <c r="B42" s="53" t="s">
        <v>47</v>
      </c>
      <c r="C42" s="15"/>
      <c r="D42" s="15"/>
      <c r="E42" s="15"/>
      <c r="F42" s="15"/>
      <c r="G42" s="15"/>
      <c r="H42" s="15"/>
      <c r="I42" s="15"/>
      <c r="J42" s="36"/>
      <c r="K42" s="15"/>
    </row>
    <row r="43" spans="1:11" ht="18.95" customHeight="1">
      <c r="B43" s="37" t="s">
        <v>48</v>
      </c>
      <c r="C43" s="15"/>
      <c r="D43" s="15"/>
      <c r="E43" s="15"/>
      <c r="F43" s="15"/>
      <c r="G43" s="54"/>
      <c r="H43" s="15"/>
      <c r="I43" s="15"/>
      <c r="J43" s="55"/>
      <c r="K43" s="15"/>
    </row>
    <row r="44" spans="1:11" ht="18.95" customHeight="1">
      <c r="B44" s="51" t="s">
        <v>49</v>
      </c>
      <c r="C44" s="11"/>
      <c r="D44" s="11"/>
      <c r="E44" s="11"/>
      <c r="F44" s="11"/>
      <c r="G44" s="11"/>
      <c r="H44" s="11"/>
      <c r="I44" s="11"/>
      <c r="J44" s="56"/>
      <c r="K44" s="15"/>
    </row>
    <row r="45" spans="1:11" ht="16.5" customHeight="1">
      <c r="B45" s="15"/>
      <c r="C45" s="15"/>
      <c r="D45" s="15"/>
      <c r="E45" s="15"/>
      <c r="F45" s="15"/>
      <c r="G45" s="15"/>
      <c r="H45" s="15"/>
      <c r="I45" s="15"/>
      <c r="J45" s="15" t="s">
        <v>50</v>
      </c>
      <c r="K45" s="15"/>
    </row>
    <row r="46" spans="1:11" ht="20.100000000000001" customHeight="1">
      <c r="A46" s="2" t="s">
        <v>51</v>
      </c>
      <c r="K46" s="15"/>
    </row>
    <row r="47" spans="1:11" ht="20.100000000000001" customHeight="1">
      <c r="B47" s="15"/>
      <c r="C47" s="11" t="s">
        <v>7</v>
      </c>
      <c r="D47" s="11"/>
      <c r="E47" s="11"/>
      <c r="F47" s="11"/>
      <c r="G47" s="15"/>
      <c r="H47" s="15"/>
      <c r="I47" s="15"/>
      <c r="J47" s="14"/>
      <c r="K47" s="15"/>
    </row>
    <row r="48" spans="1:11" ht="6" customHeight="1">
      <c r="B48" s="15"/>
      <c r="C48" s="18"/>
      <c r="D48" s="18"/>
      <c r="E48" s="18"/>
      <c r="F48" s="18"/>
      <c r="G48" s="15"/>
      <c r="H48" s="15"/>
      <c r="I48" s="15"/>
      <c r="J48" s="15"/>
      <c r="K48" s="15"/>
    </row>
    <row r="49" spans="1:11" ht="28.5" customHeight="1">
      <c r="B49" s="57" t="s">
        <v>52</v>
      </c>
      <c r="C49" s="93" t="s">
        <v>53</v>
      </c>
      <c r="D49" s="94"/>
      <c r="E49" s="94"/>
      <c r="F49" s="94"/>
      <c r="G49" s="94"/>
      <c r="H49" s="94"/>
      <c r="I49" s="94"/>
      <c r="J49" s="95"/>
      <c r="K49" s="15"/>
    </row>
    <row r="50" spans="1:11" ht="10.5" customHeight="1">
      <c r="B50" s="15"/>
      <c r="C50" s="15"/>
      <c r="D50" s="15"/>
      <c r="E50" s="15"/>
      <c r="F50" s="15"/>
      <c r="G50" s="15"/>
      <c r="H50" s="15"/>
      <c r="I50" s="15"/>
      <c r="J50" s="15"/>
      <c r="K50" s="15"/>
    </row>
    <row r="51" spans="1:11" ht="10.5" customHeight="1">
      <c r="B51" s="15"/>
      <c r="C51" s="15"/>
      <c r="D51" s="15"/>
      <c r="E51" s="15"/>
      <c r="F51" s="15"/>
      <c r="G51" s="15"/>
      <c r="H51" s="15"/>
      <c r="I51" s="15"/>
      <c r="J51" s="15"/>
      <c r="K51" s="15"/>
    </row>
    <row r="52" spans="1:11" ht="17.100000000000001" customHeight="1">
      <c r="A52" s="96"/>
      <c r="B52" s="97"/>
      <c r="C52" s="97"/>
      <c r="D52" s="97"/>
      <c r="E52" s="97"/>
      <c r="F52" s="97"/>
      <c r="G52" s="97"/>
      <c r="H52" s="97"/>
      <c r="I52" s="97"/>
      <c r="J52" s="97"/>
      <c r="K52" s="15"/>
    </row>
    <row r="53" spans="1:11" ht="17.100000000000001" customHeight="1">
      <c r="A53" s="97"/>
      <c r="B53" s="97"/>
      <c r="C53" s="97"/>
      <c r="D53" s="97"/>
      <c r="E53" s="97"/>
      <c r="F53" s="97"/>
      <c r="G53" s="97"/>
      <c r="H53" s="97"/>
      <c r="I53" s="97"/>
      <c r="J53" s="97"/>
    </row>
    <row r="54" spans="1:11" ht="17.100000000000001" customHeight="1">
      <c r="A54" s="97"/>
      <c r="B54" s="97"/>
      <c r="C54" s="97"/>
      <c r="D54" s="97"/>
      <c r="E54" s="97"/>
      <c r="F54" s="97"/>
      <c r="G54" s="97"/>
      <c r="H54" s="97"/>
      <c r="I54" s="97"/>
      <c r="J54" s="97"/>
    </row>
    <row r="55" spans="1:11" ht="17.100000000000001" customHeight="1">
      <c r="A55" s="97"/>
      <c r="B55" s="97"/>
      <c r="C55" s="97"/>
      <c r="D55" s="97"/>
      <c r="E55" s="97"/>
      <c r="F55" s="97"/>
      <c r="G55" s="97"/>
      <c r="H55" s="97"/>
      <c r="I55" s="97"/>
      <c r="J55" s="97"/>
    </row>
    <row r="56" spans="1:11" ht="17.100000000000001" customHeight="1">
      <c r="A56" s="97"/>
      <c r="B56" s="97"/>
      <c r="C56" s="97"/>
      <c r="D56" s="97"/>
      <c r="E56" s="97"/>
      <c r="F56" s="97"/>
      <c r="G56" s="97"/>
      <c r="H56" s="97"/>
      <c r="I56" s="97"/>
      <c r="J56" s="97"/>
    </row>
    <row r="57" spans="1:11" ht="33.75" customHeight="1">
      <c r="A57" s="97"/>
      <c r="B57" s="97"/>
      <c r="C57" s="97"/>
      <c r="D57" s="97"/>
      <c r="E57" s="97"/>
      <c r="F57" s="97"/>
      <c r="G57" s="97"/>
      <c r="H57" s="97"/>
      <c r="I57" s="97"/>
      <c r="J57" s="97"/>
    </row>
    <row r="58" spans="1:11" ht="33" customHeight="1">
      <c r="A58" s="97"/>
      <c r="B58" s="97"/>
      <c r="C58" s="97"/>
      <c r="D58" s="97"/>
      <c r="E58" s="97"/>
      <c r="F58" s="97"/>
      <c r="G58" s="97"/>
      <c r="H58" s="97"/>
      <c r="I58" s="97"/>
      <c r="J58" s="97"/>
    </row>
    <row r="59" spans="1:11" ht="20.100000000000001" customHeight="1">
      <c r="A59" s="58"/>
    </row>
    <row r="60" spans="1:11" ht="20.100000000000001" customHeight="1">
      <c r="B60" s="98"/>
      <c r="C60" s="99"/>
      <c r="D60" s="99"/>
      <c r="E60" s="99"/>
      <c r="F60" s="99"/>
      <c r="G60" s="99"/>
      <c r="H60" s="99"/>
      <c r="I60" s="99"/>
      <c r="J60" s="99"/>
    </row>
    <row r="61" spans="1:11" ht="20.100000000000001" customHeight="1">
      <c r="B61" s="99"/>
      <c r="C61" s="99"/>
      <c r="D61" s="99"/>
      <c r="E61" s="99"/>
      <c r="F61" s="99"/>
      <c r="G61" s="99"/>
      <c r="H61" s="99"/>
      <c r="I61" s="99"/>
      <c r="J61" s="99"/>
    </row>
    <row r="62" spans="1:11" ht="20.100000000000001" customHeight="1">
      <c r="B62" s="99"/>
      <c r="C62" s="99"/>
      <c r="D62" s="99"/>
      <c r="E62" s="99"/>
      <c r="F62" s="99"/>
      <c r="G62" s="99"/>
      <c r="H62" s="99"/>
      <c r="I62" s="99"/>
      <c r="J62" s="99"/>
    </row>
    <row r="63" spans="1:11" ht="20.100000000000001" customHeight="1">
      <c r="B63" s="99"/>
      <c r="C63" s="99"/>
      <c r="D63" s="99"/>
      <c r="E63" s="99"/>
      <c r="F63" s="99"/>
      <c r="G63" s="99"/>
      <c r="H63" s="99"/>
      <c r="I63" s="99"/>
      <c r="J63" s="99"/>
    </row>
    <row r="64" spans="1:11" ht="20.100000000000001" customHeight="1">
      <c r="B64" s="99"/>
      <c r="C64" s="99"/>
      <c r="D64" s="99"/>
      <c r="E64" s="99"/>
      <c r="F64" s="99"/>
      <c r="G64" s="99"/>
      <c r="H64" s="99"/>
      <c r="I64" s="99"/>
      <c r="J64" s="99"/>
    </row>
    <row r="65" spans="2:10" ht="20.100000000000001" customHeight="1">
      <c r="B65" s="99"/>
      <c r="C65" s="99"/>
      <c r="D65" s="99"/>
      <c r="E65" s="99"/>
      <c r="F65" s="99"/>
      <c r="G65" s="99"/>
      <c r="H65" s="99"/>
      <c r="I65" s="99"/>
      <c r="J65" s="99"/>
    </row>
    <row r="66" spans="2:10" ht="20.100000000000001" customHeight="1">
      <c r="B66" s="99"/>
      <c r="C66" s="99"/>
      <c r="D66" s="99"/>
      <c r="E66" s="99"/>
      <c r="F66" s="99"/>
      <c r="G66" s="99"/>
      <c r="H66" s="99"/>
      <c r="I66" s="99"/>
      <c r="J66" s="99"/>
    </row>
    <row r="67" spans="2:10" ht="20.100000000000001" customHeight="1">
      <c r="B67" s="99"/>
      <c r="C67" s="99"/>
      <c r="D67" s="99"/>
      <c r="E67" s="99"/>
      <c r="F67" s="99"/>
      <c r="G67" s="99"/>
      <c r="H67" s="99"/>
      <c r="I67" s="99"/>
      <c r="J67" s="99"/>
    </row>
    <row r="68" spans="2:10" ht="20.100000000000001" customHeight="1">
      <c r="B68" s="99"/>
      <c r="C68" s="99"/>
      <c r="D68" s="99"/>
      <c r="E68" s="99"/>
      <c r="F68" s="99"/>
      <c r="G68" s="99"/>
      <c r="H68" s="99"/>
      <c r="I68" s="99"/>
      <c r="J68" s="99"/>
    </row>
    <row r="69" spans="2:10" ht="20.100000000000001" customHeight="1">
      <c r="B69" s="99"/>
      <c r="C69" s="99"/>
      <c r="D69" s="99"/>
      <c r="E69" s="99"/>
      <c r="F69" s="99"/>
      <c r="G69" s="99"/>
      <c r="H69" s="99"/>
      <c r="I69" s="99"/>
      <c r="J69" s="99"/>
    </row>
    <row r="70" spans="2:10" ht="20.100000000000001" customHeight="1">
      <c r="B70" s="99"/>
      <c r="C70" s="99"/>
      <c r="D70" s="99"/>
      <c r="E70" s="99"/>
      <c r="F70" s="99"/>
      <c r="G70" s="99"/>
      <c r="H70" s="99"/>
      <c r="I70" s="99"/>
      <c r="J70" s="99"/>
    </row>
    <row r="71" spans="2:10" ht="20.100000000000001" customHeight="1">
      <c r="B71" s="99"/>
      <c r="C71" s="99"/>
      <c r="D71" s="99"/>
      <c r="E71" s="99"/>
      <c r="F71" s="99"/>
      <c r="G71" s="99"/>
      <c r="H71" s="99"/>
      <c r="I71" s="99"/>
      <c r="J71" s="99"/>
    </row>
  </sheetData>
  <mergeCells count="22">
    <mergeCell ref="C49:J49"/>
    <mergeCell ref="A52:J58"/>
    <mergeCell ref="B60:J71"/>
    <mergeCell ref="B31:C31"/>
    <mergeCell ref="D31:E31"/>
    <mergeCell ref="F31:G32"/>
    <mergeCell ref="D32:E32"/>
    <mergeCell ref="D33:E33"/>
    <mergeCell ref="F33:G34"/>
    <mergeCell ref="D34:E34"/>
    <mergeCell ref="B27:D28"/>
    <mergeCell ref="E27:J28"/>
    <mergeCell ref="B29:C29"/>
    <mergeCell ref="D29:J29"/>
    <mergeCell ref="B30:C30"/>
    <mergeCell ref="D30:J30"/>
    <mergeCell ref="B22:D22"/>
    <mergeCell ref="A1:J1"/>
    <mergeCell ref="G3:J3"/>
    <mergeCell ref="A10:J11"/>
    <mergeCell ref="C13:J13"/>
    <mergeCell ref="E21:J21"/>
  </mergeCells>
  <phoneticPr fontId="3"/>
  <pageMargins left="0.43307086614173229" right="0.23622047244094491" top="0.55118110236220474" bottom="0.35433070866141736" header="0.31496062992125984" footer="0.31496062992125984"/>
  <pageSetup paperSize="9" scale="92" fitToHeight="0" orientation="portrait" r:id="rId1"/>
  <headerFooter alignWithMargins="0"/>
  <rowBreaks count="1" manualBreakCount="1">
    <brk id="45"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工技 (R3.4.1以降)</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c:creator>
  <cp:lastModifiedBy>A</cp:lastModifiedBy>
  <dcterms:created xsi:type="dcterms:W3CDTF">2021-03-25T03:02:31Z</dcterms:created>
  <dcterms:modified xsi:type="dcterms:W3CDTF">2021-04-09T09:39:13Z</dcterms:modified>
</cp:coreProperties>
</file>